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129"/>
  <workbookPr/>
  <mc:AlternateContent xmlns:mc="http://schemas.openxmlformats.org/markup-compatibility/2006">
    <mc:Choice Requires="x15">
      <x15ac:absPath xmlns:x15ac="http://schemas.microsoft.com/office/spreadsheetml/2010/11/ac" url="C:\Users\Ak\Desktop\Data Atom\Excel Module\Portfolio Project\"/>
    </mc:Choice>
  </mc:AlternateContent>
  <xr:revisionPtr revIDLastSave="0" documentId="13_ncr:1_{59C51DED-AB93-46A5-A80A-54C0B2DC6607}" xr6:coauthVersionLast="47" xr6:coauthVersionMax="47" xr10:uidLastSave="{00000000-0000-0000-0000-000000000000}"/>
  <bookViews>
    <workbookView xWindow="-108" yWindow="-108" windowWidth="23256" windowHeight="12456" xr2:uid="{00000000-000D-0000-FFFF-FFFF00000000}"/>
  </bookViews>
  <sheets>
    <sheet name="Dataset_schools - school" sheetId="1" r:id="rId1"/>
  </sheets>
  <definedNames>
    <definedName name="_xlnm._FilterDatabase" localSheetId="0" hidden="1">'Dataset_schools - school'!$A$1:$BD$48192</definedName>
  </definedNames>
  <calcPr calcId="0"/>
</workbook>
</file>

<file path=xl/sharedStrings.xml><?xml version="1.0" encoding="utf-8"?>
<sst xmlns="http://schemas.openxmlformats.org/spreadsheetml/2006/main" count="1249262" uniqueCount="196313">
  <si>
    <t>school_id</t>
  </si>
  <si>
    <t>emiscode</t>
  </si>
  <si>
    <t>school_name</t>
  </si>
  <si>
    <t>district</t>
  </si>
  <si>
    <t>tehsil</t>
  </si>
  <si>
    <t>markaz</t>
  </si>
  <si>
    <t>moza</t>
  </si>
  <si>
    <t>permanent_address</t>
  </si>
  <si>
    <t>street_name</t>
  </si>
  <si>
    <t>uc_name</t>
  </si>
  <si>
    <t>uc_no</t>
  </si>
  <si>
    <t>na_no</t>
  </si>
  <si>
    <t>pp_no</t>
  </si>
  <si>
    <t>head_name</t>
  </si>
  <si>
    <t>head_type</t>
  </si>
  <si>
    <t>head_grade</t>
  </si>
  <si>
    <t>school_status</t>
  </si>
  <si>
    <t>medium</t>
  </si>
  <si>
    <t>school_shift</t>
  </si>
  <si>
    <t>school_location</t>
  </si>
  <si>
    <t>school_gender</t>
  </si>
  <si>
    <t>gender_studying</t>
  </si>
  <si>
    <t>school_level</t>
  </si>
  <si>
    <t>school_type</t>
  </si>
  <si>
    <t>est_year</t>
  </si>
  <si>
    <t>upgrade_primary_year</t>
  </si>
  <si>
    <t>upgrade_middle_year</t>
  </si>
  <si>
    <t>upgrade_high_year</t>
  </si>
  <si>
    <t>upgrade_high_sec_year</t>
  </si>
  <si>
    <t>bldg_status</t>
  </si>
  <si>
    <t>school_ownership</t>
  </si>
  <si>
    <t>place_status</t>
  </si>
  <si>
    <t>construct_type</t>
  </si>
  <si>
    <t>bldg_condition</t>
  </si>
  <si>
    <t>total_area_kanal</t>
  </si>
  <si>
    <t>total_area_marla</t>
  </si>
  <si>
    <t>covered_area</t>
  </si>
  <si>
    <t>uncovered_area_kanal</t>
  </si>
  <si>
    <t>uncovered_area_marla</t>
  </si>
  <si>
    <t>functional_classrooms</t>
  </si>
  <si>
    <t>classes</t>
  </si>
  <si>
    <t>drink_water</t>
  </si>
  <si>
    <t>drink_water_type</t>
  </si>
  <si>
    <t>drink_water_type_other</t>
  </si>
  <si>
    <t>electricity</t>
  </si>
  <si>
    <t>electricity_source</t>
  </si>
  <si>
    <t>toilets</t>
  </si>
  <si>
    <t>total_toilets</t>
  </si>
  <si>
    <t>teachers_toilets</t>
  </si>
  <si>
    <t>boundary_wall</t>
  </si>
  <si>
    <t>boundary_wall_state</t>
  </si>
  <si>
    <t>security</t>
  </si>
  <si>
    <t>care_giver</t>
  </si>
  <si>
    <t>enrollment</t>
  </si>
  <si>
    <t>Teachers</t>
  </si>
  <si>
    <t>NonTeachers</t>
  </si>
  <si>
    <t>GES AHMED ABAD</t>
  </si>
  <si>
    <t>JHELUM</t>
  </si>
  <si>
    <t>PIND DADAN KHAN</t>
  </si>
  <si>
    <t>LILLA - MALE</t>
  </si>
  <si>
    <t>Ahmadabad</t>
  </si>
  <si>
    <t>village post office ahmadabad tehsil pind dadan Khan distric jhelum</t>
  </si>
  <si>
    <t>muhammad ramzan</t>
  </si>
  <si>
    <t>Permanent</t>
  </si>
  <si>
    <t>Functional</t>
  </si>
  <si>
    <t>Both</t>
  </si>
  <si>
    <t>Morning</t>
  </si>
  <si>
    <t>Rural</t>
  </si>
  <si>
    <t>Male</t>
  </si>
  <si>
    <t>Middle</t>
  </si>
  <si>
    <t>Model School</t>
  </si>
  <si>
    <t>Education Department</t>
  </si>
  <si>
    <t>Partial Solid / Partial Rough</t>
  </si>
  <si>
    <t>Complete Building Needs Repairing</t>
  </si>
  <si>
    <t>Govt. Water</t>
  </si>
  <si>
    <t>Wapda connection</t>
  </si>
  <si>
    <t>Completed</t>
  </si>
  <si>
    <t>Satisfying</t>
  </si>
  <si>
    <t>ATTOCK</t>
  </si>
  <si>
    <t>PINDI GHEB</t>
  </si>
  <si>
    <t>MALHOWALI - MALE</t>
  </si>
  <si>
    <t>Ahmad Abad</t>
  </si>
  <si>
    <t>Dhoke Ahmed Abad Post Office Malhowali Tehsil Pindi Gheb District Attock</t>
  </si>
  <si>
    <t>Malhowali</t>
  </si>
  <si>
    <t>Khalid Mehmood</t>
  </si>
  <si>
    <t>Urdu</t>
  </si>
  <si>
    <t>Govt. School</t>
  </si>
  <si>
    <t>Completely Solid</t>
  </si>
  <si>
    <t>Other</t>
  </si>
  <si>
    <t>Arrange Water</t>
  </si>
  <si>
    <t>RAHIMYAR KHAN</t>
  </si>
  <si>
    <t>DARI AZIM KHAN - MALE</t>
  </si>
  <si>
    <t>Bukhshan Araeen</t>
  </si>
  <si>
    <t>Basti Ahmad Abad moza bukhshan araeen P/O kot samaba</t>
  </si>
  <si>
    <t>Tibi Gul Muhammad</t>
  </si>
  <si>
    <t>Muhammad Ameer</t>
  </si>
  <si>
    <t>Needed Minor Repairing</t>
  </si>
  <si>
    <t>Hand Pump</t>
  </si>
  <si>
    <t>Not Available</t>
  </si>
  <si>
    <t>VEHARI</t>
  </si>
  <si>
    <t>SATLUJ - MALE</t>
  </si>
  <si>
    <t>moza Ahma Abad</t>
  </si>
  <si>
    <t>Budh Ghulam</t>
  </si>
  <si>
    <t>Muhammad Mazhar Jameel</t>
  </si>
  <si>
    <t>Water Pump</t>
  </si>
  <si>
    <t>GES ALI PUR</t>
  </si>
  <si>
    <t>NANKANA SAHIB</t>
  </si>
  <si>
    <t>WARBURTON - MALE</t>
  </si>
  <si>
    <t>Alipur</t>
  </si>
  <si>
    <t>alipur khokhran</t>
  </si>
  <si>
    <t>Alipur Khokhran</t>
  </si>
  <si>
    <t>Miranpur</t>
  </si>
  <si>
    <t>Muhammad Ashraf</t>
  </si>
  <si>
    <t>Additional Charge</t>
  </si>
  <si>
    <t>MUZAFFARGARH</t>
  </si>
  <si>
    <t>ALIPUR</t>
  </si>
  <si>
    <t>ALI PUR-III- MALE</t>
  </si>
  <si>
    <t>MC</t>
  </si>
  <si>
    <t>Near usamnia gate, tehsil ali pur</t>
  </si>
  <si>
    <t>Shafique Ahmad</t>
  </si>
  <si>
    <t>English</t>
  </si>
  <si>
    <t>Urban</t>
  </si>
  <si>
    <t>Partial Building is Dangerous</t>
  </si>
  <si>
    <t>GES AZIZ ABAD</t>
  </si>
  <si>
    <t>BHAKKAR</t>
  </si>
  <si>
    <t>MANKERA</t>
  </si>
  <si>
    <t>DAGGAR KOTLI - MALE</t>
  </si>
  <si>
    <t>Aziz Abad</t>
  </si>
  <si>
    <t>Chak aziz abad uc dagger kotli thesel mankera</t>
  </si>
  <si>
    <t>Daggar Kotli</t>
  </si>
  <si>
    <t>Ghulam Sadiq</t>
  </si>
  <si>
    <t>Not Satisfying</t>
  </si>
  <si>
    <t>DANEWAL - MALE</t>
  </si>
  <si>
    <t>Moza Mustufa Abad Mustufaabad</t>
  </si>
  <si>
    <t>Azizabad</t>
  </si>
  <si>
    <t>Kareem Wah</t>
  </si>
  <si>
    <t>Shahid Iqbal</t>
  </si>
  <si>
    <t>GES BANGIAL</t>
  </si>
  <si>
    <t>GUJRAT</t>
  </si>
  <si>
    <t>KHARIAN</t>
  </si>
  <si>
    <t>KHARIAN-III-MALE</t>
  </si>
  <si>
    <t>bangial</t>
  </si>
  <si>
    <t>GES BANGIAL VP/O BANGIAL</t>
  </si>
  <si>
    <t>LANGRIAL</t>
  </si>
  <si>
    <t>Shafqat All Asif</t>
  </si>
  <si>
    <t>Need Repairing</t>
  </si>
  <si>
    <t>SOHAWA</t>
  </si>
  <si>
    <t>GATTAR - MALE</t>
  </si>
  <si>
    <t>Bangial</t>
  </si>
  <si>
    <t>VPO Bangial Tehsil Sohawa District Jhelum</t>
  </si>
  <si>
    <t>Adrana</t>
  </si>
  <si>
    <t>Ejaz Ahmed</t>
  </si>
  <si>
    <t>GES BASTI LASHARI</t>
  </si>
  <si>
    <t>RAJANPUR</t>
  </si>
  <si>
    <t>JAMPUR</t>
  </si>
  <si>
    <t>BASTI LASHARI - MALE</t>
  </si>
  <si>
    <t>muhammad pur no.2</t>
  </si>
  <si>
    <t>basti lashari tehsil jampur district rajanpur</t>
  </si>
  <si>
    <t>basti lashari</t>
  </si>
  <si>
    <t>Abdul Qayyum</t>
  </si>
  <si>
    <t>LAYYAH</t>
  </si>
  <si>
    <t>KAROR LALISAN</t>
  </si>
  <si>
    <t>THAL JANDI MALE</t>
  </si>
  <si>
    <t>Karor Thal Jandi</t>
  </si>
  <si>
    <t>karor nasheeb basti lashari</t>
  </si>
  <si>
    <t>Basti Lashari</t>
  </si>
  <si>
    <t>Ghulam Sarwar</t>
  </si>
  <si>
    <t>GES BOHAR</t>
  </si>
  <si>
    <t>MAILSI</t>
  </si>
  <si>
    <t>FATEH PUR-MALE</t>
  </si>
  <si>
    <t>Thul Bohar</t>
  </si>
  <si>
    <t>Govt ES Bohar mailsi vehari</t>
  </si>
  <si>
    <t>Bohar</t>
  </si>
  <si>
    <t>Varsi Wahin</t>
  </si>
  <si>
    <t>M Rafiq</t>
  </si>
  <si>
    <t>KASUR</t>
  </si>
  <si>
    <t>KOT RADHA KISHAN</t>
  </si>
  <si>
    <t>KRK CITY - MALE</t>
  </si>
  <si>
    <t>BOHAR</t>
  </si>
  <si>
    <t>NATHOKI</t>
  </si>
  <si>
    <t>Muhammad Aslam Babar</t>
  </si>
  <si>
    <t>Double</t>
  </si>
  <si>
    <t>GES CHAK DALAIL</t>
  </si>
  <si>
    <t>D.G. KHAN</t>
  </si>
  <si>
    <t>D.G.KHAN</t>
  </si>
  <si>
    <t>DRAHMAH - MALE</t>
  </si>
  <si>
    <t>Chak Dalail</t>
  </si>
  <si>
    <t>GEA CHAK DALAIL MARKAZ DARAHMA</t>
  </si>
  <si>
    <t>Haji Ghazi</t>
  </si>
  <si>
    <t>Muhammad Aslam</t>
  </si>
  <si>
    <t>Community School</t>
  </si>
  <si>
    <t>JAHAN PUR - MALE</t>
  </si>
  <si>
    <t>CHAK DALAIL</t>
  </si>
  <si>
    <t>CHAK DALAIL, RAJAN PUR</t>
  </si>
  <si>
    <t>CHAK SHIKARI</t>
  </si>
  <si>
    <t>Saeed Ahmed</t>
  </si>
  <si>
    <t>GES CHAKRALA</t>
  </si>
  <si>
    <t>SARGODHA</t>
  </si>
  <si>
    <t>SHAHPUR</t>
  </si>
  <si>
    <t>WADHI - MALE</t>
  </si>
  <si>
    <t>Chakrala</t>
  </si>
  <si>
    <t>post office chakrala tehsil shahpur district sargodha</t>
  </si>
  <si>
    <t>UMER FAROOQ</t>
  </si>
  <si>
    <t>SIALKOT</t>
  </si>
  <si>
    <t>CHAKRALA - MALE</t>
  </si>
  <si>
    <t>chakrala, sialkot</t>
  </si>
  <si>
    <t>Machrala</t>
  </si>
  <si>
    <t>Mian Ata Ul Munim</t>
  </si>
  <si>
    <t>GES DANDI</t>
  </si>
  <si>
    <t>MIANWALI</t>
  </si>
  <si>
    <t>SAWANCE-MALE</t>
  </si>
  <si>
    <t>DANDI</t>
  </si>
  <si>
    <t>VPO  DANDI</t>
  </si>
  <si>
    <t>QURESHIAN</t>
  </si>
  <si>
    <t>Zia Ud Din Shah</t>
  </si>
  <si>
    <t>TOOT - MALE</t>
  </si>
  <si>
    <t>Dandi</t>
  </si>
  <si>
    <t>government boys elemantry school dandi</t>
  </si>
  <si>
    <t>MUHAMMAD ZIA</t>
  </si>
  <si>
    <t>GES DEWAL</t>
  </si>
  <si>
    <t>FATEH JANG</t>
  </si>
  <si>
    <t>KOT FATEH KHAN - MALE</t>
  </si>
  <si>
    <t>Dewal</t>
  </si>
  <si>
    <t>Village Dewal Tehsil Fateh Jang District Attock</t>
  </si>
  <si>
    <t>Dhurnal</t>
  </si>
  <si>
    <t>Abdul Razaq</t>
  </si>
  <si>
    <t>Well</t>
  </si>
  <si>
    <t>RAWALPINDI</t>
  </si>
  <si>
    <t>MURREE</t>
  </si>
  <si>
    <t>DEWAL- MALE</t>
  </si>
  <si>
    <t>village Dewal,  Teh Murrree,  District Rawalpindi</t>
  </si>
  <si>
    <t>DEWAL</t>
  </si>
  <si>
    <t>Mohsin Tasawar</t>
  </si>
  <si>
    <t>GES EID GAH</t>
  </si>
  <si>
    <t>SUMRA NASHAIB MALE</t>
  </si>
  <si>
    <t>Eid Gah</t>
  </si>
  <si>
    <t>govt middle school eid gah layyh</t>
  </si>
  <si>
    <t>Layyah City</t>
  </si>
  <si>
    <t>Ayyaz ul nabi</t>
  </si>
  <si>
    <t>BAHAWALNAGAR</t>
  </si>
  <si>
    <t>MALE-18</t>
  </si>
  <si>
    <t>Bahawalnagar</t>
  </si>
  <si>
    <t>Eid Gha Road Bahawal nagar</t>
  </si>
  <si>
    <t>nil</t>
  </si>
  <si>
    <t>Eid Gah Road MC Bwn</t>
  </si>
  <si>
    <t>Nisar Ahmad Nadeem</t>
  </si>
  <si>
    <t>GES FAIZ ABAD</t>
  </si>
  <si>
    <t>LODHRAN</t>
  </si>
  <si>
    <t>LODHRAN - MALE</t>
  </si>
  <si>
    <t>sandhi wala</t>
  </si>
  <si>
    <t>ward No 22 Municipal Committee Lodhran</t>
  </si>
  <si>
    <t>Municipal Committee</t>
  </si>
  <si>
    <t>railway station</t>
  </si>
  <si>
    <t>Shaukat Farid</t>
  </si>
  <si>
    <t>OKARA</t>
  </si>
  <si>
    <t>DEPALPUR</t>
  </si>
  <si>
    <t>FAIZ ABAD - MALE</t>
  </si>
  <si>
    <t>Faizabad</t>
  </si>
  <si>
    <t>chak Faizabad p/o basirpur teh.depalpur dist.okara</t>
  </si>
  <si>
    <t>FaizAbad</t>
  </si>
  <si>
    <t>Maroof</t>
  </si>
  <si>
    <t>Shahzad Ali</t>
  </si>
  <si>
    <t>Not Completed</t>
  </si>
  <si>
    <t>GES ISLAM PUR</t>
  </si>
  <si>
    <t>ISLAM PUR - MALE</t>
  </si>
  <si>
    <t>Islampur</t>
  </si>
  <si>
    <t>islampur</t>
  </si>
  <si>
    <t>Bukhara Sharif</t>
  </si>
  <si>
    <t>Riaz ahmed</t>
  </si>
  <si>
    <t>RENALA KHURD</t>
  </si>
  <si>
    <t>BAMA BALA-MALE</t>
  </si>
  <si>
    <t>ges islampur</t>
  </si>
  <si>
    <t>rai sarfraz khan</t>
  </si>
  <si>
    <t>GES JAWA</t>
  </si>
  <si>
    <t>KOTLI SATTIAN</t>
  </si>
  <si>
    <t>SANTH SAROOLA -MALE</t>
  </si>
  <si>
    <t>Jawa</t>
  </si>
  <si>
    <t>Village jawa mallot sattian tehsil kotli sattian Rwp</t>
  </si>
  <si>
    <t>Mallot Sattian</t>
  </si>
  <si>
    <t>TAUSEEF ANWAR</t>
  </si>
  <si>
    <t>JHATTA HATHIAL-MALE</t>
  </si>
  <si>
    <t>village and p.o jawa Teh &amp; Distt.Rwp</t>
  </si>
  <si>
    <t>Takht Pari</t>
  </si>
  <si>
    <t>Sabir Hussain</t>
  </si>
  <si>
    <t>E</t>
  </si>
  <si>
    <t>GES KALAS</t>
  </si>
  <si>
    <t>CHAKWAL</t>
  </si>
  <si>
    <t>MULHAL MUGHLAN-MALE</t>
  </si>
  <si>
    <t>Kalas</t>
  </si>
  <si>
    <t>po.chakora tehsil and distt.chakwal</t>
  </si>
  <si>
    <t>Chak Chakora</t>
  </si>
  <si>
    <t>Mogla</t>
  </si>
  <si>
    <t>Kamran Aziz</t>
  </si>
  <si>
    <t>2 missile motors</t>
  </si>
  <si>
    <t>KARIANWALA  I - MALE</t>
  </si>
  <si>
    <t>kalas p/o karianwala</t>
  </si>
  <si>
    <t>Ajnala</t>
  </si>
  <si>
    <t>Muhammad Saleem</t>
  </si>
  <si>
    <t>GES KAMAL PUR</t>
  </si>
  <si>
    <t>DEEN PUR- MALE</t>
  </si>
  <si>
    <t>Kamalpur</t>
  </si>
  <si>
    <t>kamalpur moza kamal pur</t>
  </si>
  <si>
    <t>kamalpur</t>
  </si>
  <si>
    <t>sadey wahin</t>
  </si>
  <si>
    <t>Ghulam Abbas Khan</t>
  </si>
  <si>
    <t>SHAHKOT</t>
  </si>
  <si>
    <t>SHAHKOT SADDAR - MALE</t>
  </si>
  <si>
    <t>Kamal Pur</t>
  </si>
  <si>
    <t>GES kamal pur chak no 183.</t>
  </si>
  <si>
    <t>Nathu Wala</t>
  </si>
  <si>
    <t>MUHAMMAD SHAFIQUE</t>
  </si>
  <si>
    <t>GES KARRI</t>
  </si>
  <si>
    <t>DINA</t>
  </si>
  <si>
    <t>MADU KALAS - MALE</t>
  </si>
  <si>
    <t>Karri</t>
  </si>
  <si>
    <t>Govt.Elementary school karri.</t>
  </si>
  <si>
    <t>Janjil</t>
  </si>
  <si>
    <t>ZahidFarooq</t>
  </si>
  <si>
    <t>MANKERA HQ - MALE</t>
  </si>
  <si>
    <t>Chak No 11 Rakh Mankera</t>
  </si>
  <si>
    <t>Chak no 11 rakh mankera thesil mankera distt bhakkar</t>
  </si>
  <si>
    <t>Rural Mankera</t>
  </si>
  <si>
    <t>Azhar  Hussain Shahid</t>
  </si>
  <si>
    <t>GES KARYAL</t>
  </si>
  <si>
    <t>LAHORE</t>
  </si>
  <si>
    <t>RAIWIND</t>
  </si>
  <si>
    <t>PAJI - MALE</t>
  </si>
  <si>
    <t>Karyal</t>
  </si>
  <si>
    <t>Araiyan</t>
  </si>
  <si>
    <t>Ahmad Raza</t>
  </si>
  <si>
    <t>SAHIWAL</t>
  </si>
  <si>
    <t>NOOR SHAH-A-MALE</t>
  </si>
  <si>
    <t>Ges karyal</t>
  </si>
  <si>
    <t>Muhammad Sattar</t>
  </si>
  <si>
    <t>GES KHAI</t>
  </si>
  <si>
    <t>MANDI BAHA UD DIN</t>
  </si>
  <si>
    <t>MALIKWAL</t>
  </si>
  <si>
    <t>GOJRA - MALE</t>
  </si>
  <si>
    <t>KHAI</t>
  </si>
  <si>
    <t>KHAI TEHSIL MALAKWAL DISTRICT M.B.DIN</t>
  </si>
  <si>
    <t>Muhammad Khurram Shabbir</t>
  </si>
  <si>
    <t>KALLAR KAHAR</t>
  </si>
  <si>
    <t>BHOUN-MALE</t>
  </si>
  <si>
    <t>Khai</t>
  </si>
  <si>
    <t>village &amp;post office Khai Tehsil Kallar Kahar District Chawal</t>
  </si>
  <si>
    <t>Sajid Jamil</t>
  </si>
  <si>
    <t>GES KHAN WALA</t>
  </si>
  <si>
    <t>BARA SADAT- MALE</t>
  </si>
  <si>
    <t>Chak Ali Daha</t>
  </si>
  <si>
    <t>bara chandia p/o basira tehsil and district muzaffargarh</t>
  </si>
  <si>
    <t>Bara Chandia</t>
  </si>
  <si>
    <t>Ali Daha</t>
  </si>
  <si>
    <t>JAM MUNIR AHMAD</t>
  </si>
  <si>
    <t>HAIDERABAD - MALE</t>
  </si>
  <si>
    <t>Haider Abad</t>
  </si>
  <si>
    <t>Khan Wala p/O Haider Abad  Tehsil Mankera District Bhakkar</t>
  </si>
  <si>
    <t>Khan Wala</t>
  </si>
  <si>
    <t>Ulfat Hussain</t>
  </si>
  <si>
    <t>NA</t>
  </si>
  <si>
    <t>WASVA SHUMALI MALE</t>
  </si>
  <si>
    <t>bait wasava khan wala p/o kot sultan layyah</t>
  </si>
  <si>
    <t>Wasava Shumali</t>
  </si>
  <si>
    <t>Rooh Ul Ameen</t>
  </si>
  <si>
    <t>GES KUND</t>
  </si>
  <si>
    <t>KUND-MALE</t>
  </si>
  <si>
    <t>Kund</t>
  </si>
  <si>
    <t>village Kund Post Office Dhok Zaman Tehsil and District Mianwali</t>
  </si>
  <si>
    <t>Ban HAFIZ JEE</t>
  </si>
  <si>
    <t>Ghulam SHABBIR</t>
  </si>
  <si>
    <t>Lookafter Charge</t>
  </si>
  <si>
    <t>Building Provided By Local Residents</t>
  </si>
  <si>
    <t>KHUSHAB</t>
  </si>
  <si>
    <t>JAUHARABAD NORTH (MALE)</t>
  </si>
  <si>
    <t>Kund North</t>
  </si>
  <si>
    <t>Muhammad ASLAM Khan</t>
  </si>
  <si>
    <t>GES LAKHA</t>
  </si>
  <si>
    <t>TUMAN KHOSA-M</t>
  </si>
  <si>
    <t>Nelagh Halti</t>
  </si>
  <si>
    <t>mouza bagga p/o dalan p/s lakha</t>
  </si>
  <si>
    <t>Lakha</t>
  </si>
  <si>
    <t>Tuman Khosa</t>
  </si>
  <si>
    <t>ali jan</t>
  </si>
  <si>
    <t>stream water</t>
  </si>
  <si>
    <t>Solar power</t>
  </si>
  <si>
    <t>PHALIA</t>
  </si>
  <si>
    <t>BHEROWAL - MALE</t>
  </si>
  <si>
    <t>village lakha tehsil phalia district MB din</t>
  </si>
  <si>
    <t>Kot Hassat Khan</t>
  </si>
  <si>
    <t>Naseer Ahmad</t>
  </si>
  <si>
    <t>GES MAIRA</t>
  </si>
  <si>
    <t>KALLAR KAHAR-MALE</t>
  </si>
  <si>
    <t>MAIRA</t>
  </si>
  <si>
    <t>VILL MAIRA TEHSIL AND POST OFFICE KALLAR KAHAR DISTT CHAKWAL</t>
  </si>
  <si>
    <t>BHARPUR</t>
  </si>
  <si>
    <t>javed Iqbal</t>
  </si>
  <si>
    <t>KAHUTA</t>
  </si>
  <si>
    <t>NARA - MALE</t>
  </si>
  <si>
    <t>Maira</t>
  </si>
  <si>
    <t>GES Maira Tehsil Kahuta District Rwp</t>
  </si>
  <si>
    <t>Matore</t>
  </si>
  <si>
    <t>Azeem Altaf Hashmi</t>
  </si>
  <si>
    <t>GES MAJRA</t>
  </si>
  <si>
    <t>DAULAT NAGER - MALE</t>
  </si>
  <si>
    <t>Majra</t>
  </si>
  <si>
    <t>Sabour</t>
  </si>
  <si>
    <t>Dhuma Malka</t>
  </si>
  <si>
    <t>Muhammad Farooq</t>
  </si>
  <si>
    <t>KUNJAH II - MALE</t>
  </si>
  <si>
    <t>village Majra po kunjah</t>
  </si>
  <si>
    <t>Saroki</t>
  </si>
  <si>
    <t>Adnan Faiz</t>
  </si>
  <si>
    <t>GES MEHMOOD WALA</t>
  </si>
  <si>
    <t>TALAGANG</t>
  </si>
  <si>
    <t>JHATLA-MALE</t>
  </si>
  <si>
    <t>Mehmoodwala</t>
  </si>
  <si>
    <t>Village Mehmoodwala, Tehsil Talagang, District Chakwal</t>
  </si>
  <si>
    <t>Jhatla</t>
  </si>
  <si>
    <t>Nisar Ahmed</t>
  </si>
  <si>
    <t>TIBBI GUL MUHAMMAD-MALE</t>
  </si>
  <si>
    <t>bakhshan arain</t>
  </si>
  <si>
    <t>basti gagran</t>
  </si>
  <si>
    <t>tibi gull muhammad</t>
  </si>
  <si>
    <t>jameel hussain</t>
  </si>
  <si>
    <t>GES MUBARAK PUR</t>
  </si>
  <si>
    <t>CHISHTIAN</t>
  </si>
  <si>
    <t>CTN-III-MALE</t>
  </si>
  <si>
    <t>Mubarakpur</t>
  </si>
  <si>
    <t>Basti mubarakpur</t>
  </si>
  <si>
    <t>Sodha</t>
  </si>
  <si>
    <t>Hafiz Muhammad Shareef</t>
  </si>
  <si>
    <t>MULTAN</t>
  </si>
  <si>
    <t>MULTAN SADAR</t>
  </si>
  <si>
    <t>BASTI MALOOK-MALE</t>
  </si>
  <si>
    <t>mubarakpur</t>
  </si>
  <si>
    <t>GES MUSTAFABAD</t>
  </si>
  <si>
    <t>JAN PURA-MALE</t>
  </si>
  <si>
    <t>Mustafa Abad</t>
  </si>
  <si>
    <t>Mustafa Abad P/O Sher Ghar Okara</t>
  </si>
  <si>
    <t>Muhammad Hanif</t>
  </si>
  <si>
    <t>Completely Rough</t>
  </si>
  <si>
    <t>NAUSHERA</t>
  </si>
  <si>
    <t>SODHI JAY WALI (MALE)</t>
  </si>
  <si>
    <t>Mustafabad</t>
  </si>
  <si>
    <t>GES Mustafabad near Sodhi-Mor</t>
  </si>
  <si>
    <t>Khura</t>
  </si>
  <si>
    <t>Sikandar Hayat</t>
  </si>
  <si>
    <t>GES NOOR PUR</t>
  </si>
  <si>
    <t>GUJRANWALA</t>
  </si>
  <si>
    <t>NOSHERA VIRKAN</t>
  </si>
  <si>
    <t>NOKHAR - MALE</t>
  </si>
  <si>
    <t>Noor Pur</t>
  </si>
  <si>
    <t>noor pur</t>
  </si>
  <si>
    <t>Philloki</t>
  </si>
  <si>
    <t>Humayun Jehangir</t>
  </si>
  <si>
    <t>tank</t>
  </si>
  <si>
    <t>CANTT</t>
  </si>
  <si>
    <t>BEDIAN-MALE</t>
  </si>
  <si>
    <t>Village Noor Pur</t>
  </si>
  <si>
    <t>Ghowind</t>
  </si>
  <si>
    <t>Manzoor Ahmad</t>
  </si>
  <si>
    <t>GES NOOR SHAH</t>
  </si>
  <si>
    <t>NOOR SHAH</t>
  </si>
  <si>
    <t>NOOR SHAH DIST SAHIWAL</t>
  </si>
  <si>
    <t>SAFDAR SHARIF</t>
  </si>
  <si>
    <t>Noorshah  wala</t>
  </si>
  <si>
    <t>NOORSHAH</t>
  </si>
  <si>
    <t>Rural MANKERA</t>
  </si>
  <si>
    <t>Safdar Hayat</t>
  </si>
  <si>
    <t>KOT ADU</t>
  </si>
  <si>
    <t>NOOR SHAH-I- MALE</t>
  </si>
  <si>
    <t>Chak no 525Tda</t>
  </si>
  <si>
    <t>chak no 525 tda  qasba Noorshah tehsil kot addu</t>
  </si>
  <si>
    <t>Chak no 525</t>
  </si>
  <si>
    <t>Noor Shah</t>
  </si>
  <si>
    <t>Muhammad Tariq malik</t>
  </si>
  <si>
    <t>GES PHULARWAN</t>
  </si>
  <si>
    <t>SHEIKHUPURA</t>
  </si>
  <si>
    <t>SAFDARABAD</t>
  </si>
  <si>
    <t>SAFDARABAD-III - MALE</t>
  </si>
  <si>
    <t>PHULLARWAN</t>
  </si>
  <si>
    <t>BAHALIKE</t>
  </si>
  <si>
    <t>MUHAMMAD ARSHAD</t>
  </si>
  <si>
    <t>BHALWAL</t>
  </si>
  <si>
    <t>PHULARWAN - MALE</t>
  </si>
  <si>
    <t>Phularwan</t>
  </si>
  <si>
    <t>govt E S Phularwan</t>
  </si>
  <si>
    <t>Rao Tasawwar Khan</t>
  </si>
  <si>
    <t>ranted water</t>
  </si>
  <si>
    <t>GES PIR KOT</t>
  </si>
  <si>
    <t>WAZIRABAD</t>
  </si>
  <si>
    <t>GHAKHAR 2 - MALE</t>
  </si>
  <si>
    <t>Pir  Kot</t>
  </si>
  <si>
    <t>peer kot</t>
  </si>
  <si>
    <t>Peer Kor</t>
  </si>
  <si>
    <t>Banka Cheema</t>
  </si>
  <si>
    <t>Hafiz Munawar Hussain</t>
  </si>
  <si>
    <t>AHMAD NAGAR - MALE</t>
  </si>
  <si>
    <t>Pir Kot</t>
  </si>
  <si>
    <t>pir kot</t>
  </si>
  <si>
    <t>Ahmad Nagar</t>
  </si>
  <si>
    <t>Muhammad Kamal cheema</t>
  </si>
  <si>
    <t>GES QADIR PUR</t>
  </si>
  <si>
    <t>JATOI</t>
  </si>
  <si>
    <t>DAMMAR WALA- MALE</t>
  </si>
  <si>
    <t>QADIRPUR</t>
  </si>
  <si>
    <t>BASTI &amp; MOAZA QADIRPUR</t>
  </si>
  <si>
    <t>KALLAR WALI</t>
  </si>
  <si>
    <t>GHULAM MOIN U DIN</t>
  </si>
  <si>
    <t>KHANPUR</t>
  </si>
  <si>
    <t>FATEH PUR KAMAL-MALE</t>
  </si>
  <si>
    <t>Qadir pur</t>
  </si>
  <si>
    <t>Mauza Qadir pur tehsil khanpur district Rahimyar khan</t>
  </si>
  <si>
    <t>SHAFIQ AHMAD</t>
  </si>
  <si>
    <t>GES RIAZ ABAD</t>
  </si>
  <si>
    <t>SHEIKHALI-MALE</t>
  </si>
  <si>
    <t>Wanbhachranl Shumali</t>
  </si>
  <si>
    <t>GES Riazabad</t>
  </si>
  <si>
    <t>Riazabad</t>
  </si>
  <si>
    <t>Muzafar Pur Shumali</t>
  </si>
  <si>
    <t>Muhammad Akram  Khan</t>
  </si>
  <si>
    <t>SADIQABAD</t>
  </si>
  <si>
    <t>SYED PUR-MALE</t>
  </si>
  <si>
    <t>Syed Pur</t>
  </si>
  <si>
    <t>Basti Riaz Abad, Mouza Said Pur, Sadiq Abad, District Rahim Yar Khan</t>
  </si>
  <si>
    <t>Riaz Abad</t>
  </si>
  <si>
    <t>Iqbal Nagar</t>
  </si>
  <si>
    <t>GES SANDA</t>
  </si>
  <si>
    <t>TIBBA WEST - MALE</t>
  </si>
  <si>
    <t>Sanda</t>
  </si>
  <si>
    <t>sanda</t>
  </si>
  <si>
    <t>Muhammad Abbas</t>
  </si>
  <si>
    <t>ISA KHEL</t>
  </si>
  <si>
    <t>TOLA BANGI KHEL-MALE</t>
  </si>
  <si>
    <t>Poss Bangi Khel Gharbi</t>
  </si>
  <si>
    <t>sanda po tola bangi khel teh isa khel disst mianwali</t>
  </si>
  <si>
    <t>Tola Bangi Khel</t>
  </si>
  <si>
    <t>Sami Ullah</t>
  </si>
  <si>
    <t>GES SHAH WALA JADEED</t>
  </si>
  <si>
    <t>TAUNSA BARRAGE-I- MALE</t>
  </si>
  <si>
    <t>Janu Ghair Mustaqil Mustaqi</t>
  </si>
  <si>
    <t>muza janu ghair mustaqil</t>
  </si>
  <si>
    <t>Darkhast Wala</t>
  </si>
  <si>
    <t>Bait Qaim Wala</t>
  </si>
  <si>
    <t>Shamshad Ali</t>
  </si>
  <si>
    <t>WANDER- MALE</t>
  </si>
  <si>
    <t>Wandar Gharbi</t>
  </si>
  <si>
    <t>basti hussain shah  tehseel kot addu district muzaffar garh</t>
  </si>
  <si>
    <t>Basti Hussain Shah</t>
  </si>
  <si>
    <t>Wandar</t>
  </si>
  <si>
    <t>javaid ul hassan</t>
  </si>
  <si>
    <t>GES TANWEEN</t>
  </si>
  <si>
    <t>MIANWALA - MALE</t>
  </si>
  <si>
    <t>Tanween</t>
  </si>
  <si>
    <t>v.p.o tanween teh pindigheb distt attock</t>
  </si>
  <si>
    <t>Mianwala</t>
  </si>
  <si>
    <t>Shafiq Ur Rehman</t>
  </si>
  <si>
    <t>GUJAR KHAN</t>
  </si>
  <si>
    <t>JATLI MALE -MALE</t>
  </si>
  <si>
    <t>vpo Tanween tehsil gujar Khan distt rawalpindi</t>
  </si>
  <si>
    <t>Punjgran Kalan</t>
  </si>
  <si>
    <t>Karamat Hussain</t>
  </si>
  <si>
    <t>GES ZAFAR ABAD</t>
  </si>
  <si>
    <t>GURMANI- MALE</t>
  </si>
  <si>
    <t>Alurid</t>
  </si>
  <si>
    <t>Post office Mehmood kot City tehsil kot addu District M.Garh.</t>
  </si>
  <si>
    <t>Zafar abad</t>
  </si>
  <si>
    <t>Rai manzoor hussain</t>
  </si>
  <si>
    <t>BAHAWALPUR</t>
  </si>
  <si>
    <t>BAHAWALPUR SADAR</t>
  </si>
  <si>
    <t>MUSAFAR KHANA - MALE</t>
  </si>
  <si>
    <t>Mouza Habib Missan</t>
  </si>
  <si>
    <t>basti zafar abad mouza habib missan</t>
  </si>
  <si>
    <t>Zaafar Abad</t>
  </si>
  <si>
    <t>Jamrani Khona</t>
  </si>
  <si>
    <t>SYED MUHAMMAD NAEEM GILANI</t>
  </si>
  <si>
    <t>JHANG</t>
  </si>
  <si>
    <t>AHMAD PUR SIAL</t>
  </si>
  <si>
    <t>AHMAD PUR SIAL - MALE</t>
  </si>
  <si>
    <t>Sadhana</t>
  </si>
  <si>
    <t>GES ZAFAR ABAD mouza sadhana samandoana</t>
  </si>
  <si>
    <t>Samandoana</t>
  </si>
  <si>
    <t>Muzaffar Abbas Tariq</t>
  </si>
  <si>
    <t>GGCMS MOHAR WALI</t>
  </si>
  <si>
    <t>MANDI SHAH JEWENA - FEMALE</t>
  </si>
  <si>
    <t>Mohar Wali</t>
  </si>
  <si>
    <t>mohar wali</t>
  </si>
  <si>
    <t>Moharwali</t>
  </si>
  <si>
    <t>Sajida Parveen</t>
  </si>
  <si>
    <t>Female</t>
  </si>
  <si>
    <t>Primary</t>
  </si>
  <si>
    <t>NULL</t>
  </si>
  <si>
    <t>BWN.8-FEMALE</t>
  </si>
  <si>
    <t>Maharwali</t>
  </si>
  <si>
    <t>government girls community model school Maharwali</t>
  </si>
  <si>
    <t>Nasreen Akhter Ajiz</t>
  </si>
  <si>
    <t>GGCMS NAWAZ ABAD</t>
  </si>
  <si>
    <t>LATKI - FEMALE</t>
  </si>
  <si>
    <t>Dunya Pur</t>
  </si>
  <si>
    <t>nawaz abad markaz latki</t>
  </si>
  <si>
    <t>Nawaz Abad</t>
  </si>
  <si>
    <t>Latki</t>
  </si>
  <si>
    <t>Sajida Perveen</t>
  </si>
  <si>
    <t>JHANG SADAR - FEMALE</t>
  </si>
  <si>
    <t>Maghyana</t>
  </si>
  <si>
    <t>Chak Noon</t>
  </si>
  <si>
    <t>Hasnana</t>
  </si>
  <si>
    <t>Khalida Parveen</t>
  </si>
  <si>
    <t>GGES AHDI</t>
  </si>
  <si>
    <t>MANDI BAHUDDIN</t>
  </si>
  <si>
    <t>DHOKE KASIB -I-FEMALE</t>
  </si>
  <si>
    <t>Ahdi</t>
  </si>
  <si>
    <t>ahdi</t>
  </si>
  <si>
    <t>Chourand</t>
  </si>
  <si>
    <t>Asima Jabeen</t>
  </si>
  <si>
    <t>Comprehensive</t>
  </si>
  <si>
    <t>DEVI -FEMALE</t>
  </si>
  <si>
    <t>Misbah Naseem</t>
  </si>
  <si>
    <t>GGES AHMAD ABAD</t>
  </si>
  <si>
    <t>CHINIOT</t>
  </si>
  <si>
    <t>AEO (W) CHINIOT NO.17</t>
  </si>
  <si>
    <t>Ahmedabad</t>
  </si>
  <si>
    <t>ggesahmedabad</t>
  </si>
  <si>
    <t>Zahida Bibi</t>
  </si>
  <si>
    <t>SANGLA HILL</t>
  </si>
  <si>
    <t>MARAH BALOCHAN-FEMALE</t>
  </si>
  <si>
    <t>ahmad Abad</t>
  </si>
  <si>
    <t>Ahmad Abad, Street no. 9 Sangla Hill, Dist. Nankana Sahib</t>
  </si>
  <si>
    <t>mC Sangla Hill</t>
  </si>
  <si>
    <t>Shagufa Asmat</t>
  </si>
  <si>
    <t>GGES ASADULLAH PUR</t>
  </si>
  <si>
    <t>HAFIZABAD</t>
  </si>
  <si>
    <t>MUZAFFAR NOU - FEMALE</t>
  </si>
  <si>
    <t>Asadullah Pur</t>
  </si>
  <si>
    <t>Asadullah pur, Vanike Tarar, Hafizabad</t>
  </si>
  <si>
    <t>Alloudin Kay Chatta</t>
  </si>
  <si>
    <t>MUHAMMAD PUR-B-FEMALE</t>
  </si>
  <si>
    <t>Assadullah pur</t>
  </si>
  <si>
    <t>GGES ASSADULLAH PUR</t>
  </si>
  <si>
    <t>Muhammad Pur</t>
  </si>
  <si>
    <t>ROBINA SHAHNAZ</t>
  </si>
  <si>
    <t>GGES BASTI LUQMAN</t>
  </si>
  <si>
    <t>MINCHINABAD</t>
  </si>
  <si>
    <t>MCD 13-FEMALE</t>
  </si>
  <si>
    <t>Idlana Dhudi</t>
  </si>
  <si>
    <t>basti luqman</t>
  </si>
  <si>
    <t>Basti Luqman</t>
  </si>
  <si>
    <t>Lalaka</t>
  </si>
  <si>
    <t>Afifa Anjum</t>
  </si>
  <si>
    <t>NOORPUR NAURANGA - FEMALE</t>
  </si>
  <si>
    <t>Ghlamu Arain</t>
  </si>
  <si>
    <t>Moaza ghulamon Arain Uc goth mehrab basti luqman noorpur</t>
  </si>
  <si>
    <t>Allah Dad Arain</t>
  </si>
  <si>
    <t>Goth Mehrab</t>
  </si>
  <si>
    <t>Tasneem Fatima</t>
  </si>
  <si>
    <t>GGES BEHARI COLONY</t>
  </si>
  <si>
    <t>MULTAN CITY</t>
  </si>
  <si>
    <t>NEW MULTAN - FEMALE</t>
  </si>
  <si>
    <t>Bihari Colony</t>
  </si>
  <si>
    <t>gg elementary school behari x block</t>
  </si>
  <si>
    <t>Naseem Rana</t>
  </si>
  <si>
    <t>IQBAL NAGAR-FEMALE</t>
  </si>
  <si>
    <t>Behari COLONY</t>
  </si>
  <si>
    <t>GGES Behari Colony</t>
  </si>
  <si>
    <t>Behari Colony</t>
  </si>
  <si>
    <t>Gulshan Iqbal</t>
  </si>
  <si>
    <t>Khalida Qasim</t>
  </si>
  <si>
    <t>GGES CHAKRALA</t>
  </si>
  <si>
    <t>HEAD MARALA - FEMALE</t>
  </si>
  <si>
    <t>CHAKRALA</t>
  </si>
  <si>
    <t>MACHRALA</t>
  </si>
  <si>
    <t>Hamna Saddique</t>
  </si>
  <si>
    <t>WADHI - FEMALE</t>
  </si>
  <si>
    <t>chakrala tehsil shahpur district sargodha</t>
  </si>
  <si>
    <t>Bushra Rani</t>
  </si>
  <si>
    <t>GGES DHODA</t>
  </si>
  <si>
    <t>JAND-FEMALE</t>
  </si>
  <si>
    <t>Dhoda</t>
  </si>
  <si>
    <t>Village and Post office Dhoda District and Tehsile Chakwal</t>
  </si>
  <si>
    <t>Jand</t>
  </si>
  <si>
    <t>Tasneem-ul-Firdous</t>
  </si>
  <si>
    <t>MAILSI EAST - FEMALE</t>
  </si>
  <si>
    <t>GGES Dhoda</t>
  </si>
  <si>
    <t>Alampur</t>
  </si>
  <si>
    <t>KOUSAR PERVEEN</t>
  </si>
  <si>
    <t>GGES DOABA</t>
  </si>
  <si>
    <t>PIPLAN</t>
  </si>
  <si>
    <t>DOABA -FEMALE</t>
  </si>
  <si>
    <t>Doaba</t>
  </si>
  <si>
    <t>govt. girls elementary school doaba</t>
  </si>
  <si>
    <t>Anum Gul</t>
  </si>
  <si>
    <t>TALIRI- FEMALE</t>
  </si>
  <si>
    <t>doaba</t>
  </si>
  <si>
    <t>basti doaba</t>
  </si>
  <si>
    <t>taliri</t>
  </si>
  <si>
    <t>Farhat Shaheen</t>
  </si>
  <si>
    <t>GGES DOGRAN WALA</t>
  </si>
  <si>
    <t>GUJRANWALA SADAR</t>
  </si>
  <si>
    <t>GUJRANWALA SADAR 5 - FEMALE</t>
  </si>
  <si>
    <t>Dogranwala</t>
  </si>
  <si>
    <t>GGES Dogranwala</t>
  </si>
  <si>
    <t>Kot Amer Singh</t>
  </si>
  <si>
    <t>Arifa Parveen</t>
  </si>
  <si>
    <t>AULAKH BHAIKE - FEMALE</t>
  </si>
  <si>
    <t>Gujranwala</t>
  </si>
  <si>
    <t>Chak Chudry</t>
  </si>
  <si>
    <t>Naila Tayyab</t>
  </si>
  <si>
    <t>GGES FAROOQ ABAD</t>
  </si>
  <si>
    <t>FAISALABAD</t>
  </si>
  <si>
    <t>FAISALABAD CITY</t>
  </si>
  <si>
    <t>CITY 1 - FEMALE</t>
  </si>
  <si>
    <t>Nill</t>
  </si>
  <si>
    <t>Govt Girls Elementary school Farooq abad</t>
  </si>
  <si>
    <t>Farooq Abad</t>
  </si>
  <si>
    <t>kousar parveen</t>
  </si>
  <si>
    <t>GUJRAT- FEMALE</t>
  </si>
  <si>
    <t>Hajishah</t>
  </si>
  <si>
    <t>GGES Farooqabad markaz qasbagujrat</t>
  </si>
  <si>
    <t>Farooqabad</t>
  </si>
  <si>
    <t>Dona</t>
  </si>
  <si>
    <t>Tahira Yasmin</t>
  </si>
  <si>
    <t>BUREWALA</t>
  </si>
  <si>
    <t>FATEH SHAH - FEMALE</t>
  </si>
  <si>
    <t>Saldera</t>
  </si>
  <si>
    <t>GGES,FAROOQ ABAD</t>
  </si>
  <si>
    <t>FAROOQ ABAD</t>
  </si>
  <si>
    <t>Shughfutah Jabeen</t>
  </si>
  <si>
    <t>GGES FATEH PUR</t>
  </si>
  <si>
    <t>KHUDIAN CITY - FEMALE</t>
  </si>
  <si>
    <t>Post office dost pura village fateh pur kasur</t>
  </si>
  <si>
    <t>Fateh Pur Kasur</t>
  </si>
  <si>
    <t>Fateh Pur</t>
  </si>
  <si>
    <t>Maqsoom Akhtar</t>
  </si>
  <si>
    <t>JAHAN PUR - FEMALE</t>
  </si>
  <si>
    <t>FATEHPUR</t>
  </si>
  <si>
    <t>GGES FATEHPUR</t>
  </si>
  <si>
    <t>Zahida SuItana</t>
  </si>
  <si>
    <t>GGES GHAZI ABAD</t>
  </si>
  <si>
    <t>OKARA SADAR - FEMALE</t>
  </si>
  <si>
    <t>ghazi abad</t>
  </si>
  <si>
    <t>g girls E school ghazi abad</t>
  </si>
  <si>
    <t>urban</t>
  </si>
  <si>
    <t>glass factory</t>
  </si>
  <si>
    <t>Rukhsana Azhar</t>
  </si>
  <si>
    <t>CIVIL LINE-FEMALE</t>
  </si>
  <si>
    <t>MC Area</t>
  </si>
  <si>
    <t>GGES Ghazi Abad</t>
  </si>
  <si>
    <t>Ghazi Abad</t>
  </si>
  <si>
    <t>Jhang Sadar</t>
  </si>
  <si>
    <t>Rehana Akhter</t>
  </si>
  <si>
    <t>GGES INAYAT PUR</t>
  </si>
  <si>
    <t>LALIAN</t>
  </si>
  <si>
    <t>AEO (W) LALIAN NO.09</t>
  </si>
  <si>
    <t>Anayatpur</t>
  </si>
  <si>
    <t>Anayatpur Tehsil Lalian District Chiniot</t>
  </si>
  <si>
    <t>Kot Ameer</t>
  </si>
  <si>
    <t>Rukhsana Abbas</t>
  </si>
  <si>
    <t>JALALPUR PIRWALA</t>
  </si>
  <si>
    <t>ALI PUR SADAT - FEMALE</t>
  </si>
  <si>
    <t>Inayat Pur</t>
  </si>
  <si>
    <t>basti inayat pur union council no 179</t>
  </si>
  <si>
    <t>Sameera Saeed</t>
  </si>
  <si>
    <t>GGES JINNAH COLONY</t>
  </si>
  <si>
    <t>GADDAI-FEMALE</t>
  </si>
  <si>
    <t>Gadai Sharqi</t>
  </si>
  <si>
    <t>GGES Jindal Colony DGKha</t>
  </si>
  <si>
    <t>Jinnah Colony</t>
  </si>
  <si>
    <t>Khakhi</t>
  </si>
  <si>
    <t>mrs shazia anjum</t>
  </si>
  <si>
    <t>NEW SATELLITE TOWN - FEMALE</t>
  </si>
  <si>
    <t>jinnah colony sargodha</t>
  </si>
  <si>
    <t>Sargodha</t>
  </si>
  <si>
    <t>Tallat Naseem</t>
  </si>
  <si>
    <t>GGES KANI PUR</t>
  </si>
  <si>
    <t>CHURASTA MIAN KHAN - FEMALE</t>
  </si>
  <si>
    <t>Kanipur</t>
  </si>
  <si>
    <t>G.G.E.S Kanipur</t>
  </si>
  <si>
    <t>FARKHANDA JABEEN</t>
  </si>
  <si>
    <t>PAKPATTAN</t>
  </si>
  <si>
    <t>PAKPATTAN 3 - FEMALE</t>
  </si>
  <si>
    <t>kanipur</t>
  </si>
  <si>
    <t>Kumhari Wala</t>
  </si>
  <si>
    <t>Rafia Sultana</t>
  </si>
  <si>
    <t>GGES KARYALA</t>
  </si>
  <si>
    <t>JURRIAN - FEMALE</t>
  </si>
  <si>
    <t>Karyala</t>
  </si>
  <si>
    <t>karyala</t>
  </si>
  <si>
    <t>Misbah Zaka</t>
  </si>
  <si>
    <t>Some Other Govt. School</t>
  </si>
  <si>
    <t>SARAI ALAM GIR</t>
  </si>
  <si>
    <t>S.A.GIR-IV-FEMALE</t>
  </si>
  <si>
    <t>post office Karyala tehsil sarai alamgir</t>
  </si>
  <si>
    <t>Sobia Sarwar</t>
  </si>
  <si>
    <t>GGES KHAI</t>
  </si>
  <si>
    <t>BHOUN-FEMALE</t>
  </si>
  <si>
    <t>GGES Khai</t>
  </si>
  <si>
    <t>Tanveer Akhter</t>
  </si>
  <si>
    <t>GOJRA-II - FEMALE</t>
  </si>
  <si>
    <t>Gojra</t>
  </si>
  <si>
    <t>gges.pokhas khai</t>
  </si>
  <si>
    <t>Maryam asif</t>
  </si>
  <si>
    <t>GGES KOHAR</t>
  </si>
  <si>
    <t>TAUNSA</t>
  </si>
  <si>
    <t>VEHOVA SOUTH-FEMALE</t>
  </si>
  <si>
    <t>Kohar</t>
  </si>
  <si>
    <t>basti kohar P/ o vahowa</t>
  </si>
  <si>
    <t>Vohwa</t>
  </si>
  <si>
    <t>Dilshad Begum</t>
  </si>
  <si>
    <t>BEROTE-FEMALE</t>
  </si>
  <si>
    <t>koharjanubi tehsil taunsa sharif</t>
  </si>
  <si>
    <t>Koharjanubi</t>
  </si>
  <si>
    <t>Berote</t>
  </si>
  <si>
    <t>khalida samreen</t>
  </si>
  <si>
    <t>GGES KOTLI BHUTTA</t>
  </si>
  <si>
    <t>UGGOKI - FEMALE</t>
  </si>
  <si>
    <t>Kotli bhutta</t>
  </si>
  <si>
    <t>Kotli bhutta uggoki sialkot</t>
  </si>
  <si>
    <t>Bhagwal Awan</t>
  </si>
  <si>
    <t>Shamim Akhtar</t>
  </si>
  <si>
    <t>HARNAH - FEMALE</t>
  </si>
  <si>
    <t>GGES Kotli Bhutta</t>
  </si>
  <si>
    <t>village koitli bhutta p\o box kotli loharan west tehsil and district sialkoit</t>
  </si>
  <si>
    <t>Kotli Bhutta</t>
  </si>
  <si>
    <t>Sheni</t>
  </si>
  <si>
    <t>Rabia Mushtaq</t>
  </si>
  <si>
    <t>GGES MALIK PUR</t>
  </si>
  <si>
    <t>NAROWAL</t>
  </si>
  <si>
    <t>SHAKARGARH</t>
  </si>
  <si>
    <t>MALIK PUR-FEMALE</t>
  </si>
  <si>
    <t>Malik Pur</t>
  </si>
  <si>
    <t>malik pur post office kot naian shahkargarh narowal</t>
  </si>
  <si>
    <t>Irshad Begum</t>
  </si>
  <si>
    <t>BANGLA SHEREEN-FEMALE</t>
  </si>
  <si>
    <t>Kot kammu Shah</t>
  </si>
  <si>
    <t>basti Malikpur Rahim yar khan</t>
  </si>
  <si>
    <t>Malikpur</t>
  </si>
  <si>
    <t>Akram Abad</t>
  </si>
  <si>
    <t>Shama Parveen</t>
  </si>
  <si>
    <t>GGES MANDIAN WALA</t>
  </si>
  <si>
    <t>SHARAQPUR</t>
  </si>
  <si>
    <t>SHARAQPUR-I - FEMALE</t>
  </si>
  <si>
    <t>Mandiawala</t>
  </si>
  <si>
    <t>mandiawala</t>
  </si>
  <si>
    <t>Tridewaywali</t>
  </si>
  <si>
    <t>Samina Malik</t>
  </si>
  <si>
    <t>moter</t>
  </si>
  <si>
    <t>BHANGALI - FEMALE</t>
  </si>
  <si>
    <t>Mandianwala</t>
  </si>
  <si>
    <t>GGES mandianwala</t>
  </si>
  <si>
    <t>TERAH</t>
  </si>
  <si>
    <t>Zarqa Gillani</t>
  </si>
  <si>
    <t>GGES MIRZA PUR</t>
  </si>
  <si>
    <t>DHARYALA JALIP-FEMALE</t>
  </si>
  <si>
    <t>Mirza Pur</t>
  </si>
  <si>
    <t>Govt girls elementary school mirza pur</t>
  </si>
  <si>
    <t>Dharyala Jalip</t>
  </si>
  <si>
    <t>Shaheen Akhtar</t>
  </si>
  <si>
    <t>MANDI FAIZABAD- FEMALE</t>
  </si>
  <si>
    <t>GGES MIRZA PUR Teh &amp;Distt NNS</t>
  </si>
  <si>
    <t>Jawaher Pur</t>
  </si>
  <si>
    <t>Hafsa Noureen</t>
  </si>
  <si>
    <t>GGES MUHAMMAD KHAN</t>
  </si>
  <si>
    <t>ZAHIR PIR - FEMALE</t>
  </si>
  <si>
    <t>Mohammad Khan</t>
  </si>
  <si>
    <t>basti m nawaz khan moza Mohd khan zahir pit tehsil Kanpur</t>
  </si>
  <si>
    <t>Basti Mohammad Nawaz  Khan</t>
  </si>
  <si>
    <t>Zahir Pir</t>
  </si>
  <si>
    <t>Saima Naz</t>
  </si>
  <si>
    <t>LAWA</t>
  </si>
  <si>
    <t>LAWA-FEMALE</t>
  </si>
  <si>
    <t>Dk Muhammad Khan</t>
  </si>
  <si>
    <t>VPO Kotqazi teh. lawa district chakwal</t>
  </si>
  <si>
    <t>Kotqazi</t>
  </si>
  <si>
    <t>Robina Kousar</t>
  </si>
  <si>
    <t>GGES NOOR PUR</t>
  </si>
  <si>
    <t>UDHO WALI - FEMALE</t>
  </si>
  <si>
    <t>GGES noor pur tehsil N/V Gujranwala</t>
  </si>
  <si>
    <t>Philoki</t>
  </si>
  <si>
    <t>Rukhsana Batool</t>
  </si>
  <si>
    <t>SHEIKHUPURA-V - FEMALE</t>
  </si>
  <si>
    <t>Noorpur</t>
  </si>
  <si>
    <t>gges noorpur virkan</t>
  </si>
  <si>
    <t>Noor Pur Virkan</t>
  </si>
  <si>
    <t>Mud Wala Kalan</t>
  </si>
  <si>
    <t>Shafqat Bano</t>
  </si>
  <si>
    <t>M.C Local</t>
  </si>
  <si>
    <t>TAMMAN-FEMALE</t>
  </si>
  <si>
    <t>village&amp;post office noor pur</t>
  </si>
  <si>
    <t>Tamnan</t>
  </si>
  <si>
    <t>Nighat Jabeen</t>
  </si>
  <si>
    <t>GGES RATRI</t>
  </si>
  <si>
    <t>KALYAM AWAN -FEMALE</t>
  </si>
  <si>
    <t>Ratri</t>
  </si>
  <si>
    <t>village ratri p\o bandot gujar khan rwp</t>
  </si>
  <si>
    <t>Jhungal</t>
  </si>
  <si>
    <t>Sehrash Sultan</t>
  </si>
  <si>
    <t>KALLUR KOT</t>
  </si>
  <si>
    <t>RURAL JANDAN WALA - FEMALE</t>
  </si>
  <si>
    <t>Raitri</t>
  </si>
  <si>
    <t>p/o raitri tehsil kallur kot dist bhakkar</t>
  </si>
  <si>
    <t>40ml</t>
  </si>
  <si>
    <t>Mumtaz Gul</t>
  </si>
  <si>
    <t>GGES REHMAN PURA</t>
  </si>
  <si>
    <t>MURIDKE</t>
  </si>
  <si>
    <t>MURIDKE-V - FEMALE</t>
  </si>
  <si>
    <t>Muridke-V-</t>
  </si>
  <si>
    <t>ggges daouke rehmanpura muridkey</t>
  </si>
  <si>
    <t>Daouke</t>
  </si>
  <si>
    <t>Daokey</t>
  </si>
  <si>
    <t>Azmat Parveen</t>
  </si>
  <si>
    <t>Junior Model</t>
  </si>
  <si>
    <t>GGES RIAZ ABAD</t>
  </si>
  <si>
    <t>KHAIRPUR TAMEWALI</t>
  </si>
  <si>
    <t>BHELI - FEMALE</t>
  </si>
  <si>
    <t>noor siyal</t>
  </si>
  <si>
    <t>gges riazabad bhindi</t>
  </si>
  <si>
    <t>basti bhindi</t>
  </si>
  <si>
    <t>BEHLI</t>
  </si>
  <si>
    <t>Tehseen Faiz</t>
  </si>
  <si>
    <t>JAIWAIN-FEMALE</t>
  </si>
  <si>
    <t>Jaaivain</t>
  </si>
  <si>
    <t>Government Girls Elementary school, Riaz Abad, moza jaaivain</t>
  </si>
  <si>
    <t>Rubina Yasmin</t>
  </si>
  <si>
    <t>GGES SAID PUR</t>
  </si>
  <si>
    <t>DHUMMAN-I-FEMALE</t>
  </si>
  <si>
    <t>Saidpur</t>
  </si>
  <si>
    <t>vpo saidpur tehsil and district chakwal</t>
  </si>
  <si>
    <t>Choa Ganj Ali Shah</t>
  </si>
  <si>
    <t>Uzma Shaheen</t>
  </si>
  <si>
    <t>PIAL KALAN - FEMALE</t>
  </si>
  <si>
    <t>Said Pur</t>
  </si>
  <si>
    <t>Said pur</t>
  </si>
  <si>
    <t>Khai Hithar</t>
  </si>
  <si>
    <t>Sajida Munir</t>
  </si>
  <si>
    <t>GGES SHAH PUR</t>
  </si>
  <si>
    <t>JAITH PUR - FEMALE</t>
  </si>
  <si>
    <t>Shah Pur</t>
  </si>
  <si>
    <t>government girls elementary school ShahPur markaz jaith pur</t>
  </si>
  <si>
    <t>Qila Sondha Singh</t>
  </si>
  <si>
    <t>Kaneez Shaban</t>
  </si>
  <si>
    <t>HAZRO</t>
  </si>
  <si>
    <t>AWAN ABAD - FEMALE</t>
  </si>
  <si>
    <t>Shahpur</t>
  </si>
  <si>
    <t>village shahpur shamsabad</t>
  </si>
  <si>
    <t>Shamsabad</t>
  </si>
  <si>
    <t>Humera Almas</t>
  </si>
  <si>
    <t>JAMAL DIN WALI - FEMALE</t>
  </si>
  <si>
    <t>shah pur</t>
  </si>
  <si>
    <t>Basti Shah pur</t>
  </si>
  <si>
    <t>jamal Din wali</t>
  </si>
  <si>
    <t>Aisha Arshad</t>
  </si>
  <si>
    <t>GGES SHAMS ABAD</t>
  </si>
  <si>
    <t>CHAKBEDI 3 - FEMALE</t>
  </si>
  <si>
    <t>Shamsabad P/O Chak Bedi Pakpattan</t>
  </si>
  <si>
    <t>Bunga Hayat</t>
  </si>
  <si>
    <t>Syeda Mehreen Naz</t>
  </si>
  <si>
    <t>CHUNIAN</t>
  </si>
  <si>
    <t>GOHAR CHAK 8 - FEMALE</t>
  </si>
  <si>
    <t>Shamas Abad</t>
  </si>
  <si>
    <t>GG ES shamas abad</t>
  </si>
  <si>
    <t>Kandu Khara</t>
  </si>
  <si>
    <t>Tazeem Sarwar</t>
  </si>
  <si>
    <t>GGES SHERGARH</t>
  </si>
  <si>
    <t>DINGA-IV-FEMALE</t>
  </si>
  <si>
    <t>Shergarh</t>
  </si>
  <si>
    <t>village shergarh p/o ghakra kalan teh kharian distt gujrat</t>
  </si>
  <si>
    <t>Tipyala</t>
  </si>
  <si>
    <t>Saira Bashir</t>
  </si>
  <si>
    <t>KOT QISRANI-FEMALE</t>
  </si>
  <si>
    <t>Sher Garh</t>
  </si>
  <si>
    <t>p/okot qasrani sher garh</t>
  </si>
  <si>
    <t>Kot Qasrani</t>
  </si>
  <si>
    <t>Salma Bibi</t>
  </si>
  <si>
    <t>GGES TANWEEN</t>
  </si>
  <si>
    <t>PUNJGRAN -FEMALE</t>
  </si>
  <si>
    <t>vpo tanween teh gujar khan distt Rwp</t>
  </si>
  <si>
    <t>Hina Mehboob</t>
  </si>
  <si>
    <t>MIANWALA - FEMALE</t>
  </si>
  <si>
    <t>village tanween,p.o.mianwala</t>
  </si>
  <si>
    <t>naseem akhter</t>
  </si>
  <si>
    <t>GGES THABAL</t>
  </si>
  <si>
    <t>SHEIKHUPURA-II - FEMALE</t>
  </si>
  <si>
    <t>Thabal</t>
  </si>
  <si>
    <t>gge/sThabal</t>
  </si>
  <si>
    <t>Mirzan Wirkan</t>
  </si>
  <si>
    <t>Kausar Ilyas</t>
  </si>
  <si>
    <t>NOKHAR - FEMALE</t>
  </si>
  <si>
    <t>thabal ducha</t>
  </si>
  <si>
    <t>Nokhar</t>
  </si>
  <si>
    <t>Rubina Kousar</t>
  </si>
  <si>
    <t>GGES WAHGA</t>
  </si>
  <si>
    <t>SHALIMAR</t>
  </si>
  <si>
    <t>SHALIMAR-FEMALE</t>
  </si>
  <si>
    <t>Wahga</t>
  </si>
  <si>
    <t>Zartashia Riaz</t>
  </si>
  <si>
    <t>PASRUR</t>
  </si>
  <si>
    <t>DHODHA - FEMALE</t>
  </si>
  <si>
    <t>village wahga,tehsile pasrur</t>
  </si>
  <si>
    <t>Takhatpur</t>
  </si>
  <si>
    <t>Hafiza Sehrish Rana</t>
  </si>
  <si>
    <t>GGES WALANA</t>
  </si>
  <si>
    <t>KALLAR KAHAR-FEMALE</t>
  </si>
  <si>
    <t>Walana</t>
  </si>
  <si>
    <t>vill walana p/o bhatti gujar teh kallar kahar District chakwal</t>
  </si>
  <si>
    <t>Bharpur</t>
  </si>
  <si>
    <t>Rukhsana Yasmin</t>
  </si>
  <si>
    <t>SANJAR PUR - FEMALE</t>
  </si>
  <si>
    <t>basti walana sadiqabad</t>
  </si>
  <si>
    <t>Mishal Khan</t>
  </si>
  <si>
    <t>GGHS 158/7-R</t>
  </si>
  <si>
    <t>HAROONABAD</t>
  </si>
  <si>
    <t>SECONDARY-WING</t>
  </si>
  <si>
    <t>158/7R</t>
  </si>
  <si>
    <t>chak 158/7r</t>
  </si>
  <si>
    <t>164/7R</t>
  </si>
  <si>
    <t>misbah majeed</t>
  </si>
  <si>
    <t>Secondary</t>
  </si>
  <si>
    <t>LIAQATPUR</t>
  </si>
  <si>
    <t>Chak 158/7R</t>
  </si>
  <si>
    <t>chak 158/7R near 37000 pull</t>
  </si>
  <si>
    <t>178/7R</t>
  </si>
  <si>
    <t>Fatima Javed</t>
  </si>
  <si>
    <t>Building Is Dangerous</t>
  </si>
  <si>
    <t>GGHS ABDULLAH PUR</t>
  </si>
  <si>
    <t>Sumra</t>
  </si>
  <si>
    <t>Gghs Abdullah pur moza sumra tehsil and district lodhran</t>
  </si>
  <si>
    <t>Abdullah Pur</t>
  </si>
  <si>
    <t>Tahira Aziz</t>
  </si>
  <si>
    <t>Abdullahpur</t>
  </si>
  <si>
    <t>Bulaki Wali</t>
  </si>
  <si>
    <t>Shafiq Akhtar</t>
  </si>
  <si>
    <t>Pilot Secondary</t>
  </si>
  <si>
    <t>GGHS ALLAH ABAD</t>
  </si>
  <si>
    <t>Allah Abad</t>
  </si>
  <si>
    <t>p/o khas Allah abad gharbi</t>
  </si>
  <si>
    <t>Najma Sultana</t>
  </si>
  <si>
    <t>Allahabad</t>
  </si>
  <si>
    <t>committe chowk Allahabad</t>
  </si>
  <si>
    <t>Ameena Khanum</t>
  </si>
  <si>
    <t>GGHS BIJNIAL</t>
  </si>
  <si>
    <t>Bajnial</t>
  </si>
  <si>
    <t>gghs bajnial sadder beroni teh and  distt Rawalpindi</t>
  </si>
  <si>
    <t>Fouzia Shouq</t>
  </si>
  <si>
    <t>boring</t>
  </si>
  <si>
    <t>Bijnial</t>
  </si>
  <si>
    <t>GGHS BIJNIAL via Mandra Tehsil Gujarkhan, Distt. RWP</t>
  </si>
  <si>
    <t>MANDRA</t>
  </si>
  <si>
    <t>Farah Naz</t>
  </si>
  <si>
    <t>GGHS DAIWAL</t>
  </si>
  <si>
    <t>Daiwal</t>
  </si>
  <si>
    <t>post office daiwal</t>
  </si>
  <si>
    <t>Tayyaba Masood</t>
  </si>
  <si>
    <t>village &amp; p.o Daiwal,Teh.Sohawa,Distt.Jhelum</t>
  </si>
  <si>
    <t>Phulray Syedan</t>
  </si>
  <si>
    <t>Nagina Begum</t>
  </si>
  <si>
    <t>GGHS DHURNAL</t>
  </si>
  <si>
    <t>vpo dhurnal</t>
  </si>
  <si>
    <t>Laila Naz</t>
  </si>
  <si>
    <t>DHURNAL</t>
  </si>
  <si>
    <t>VPO DHURNAL TEHSIL LAWA DISTRICT CHAKWAL</t>
  </si>
  <si>
    <t>Naeem Kousar</t>
  </si>
  <si>
    <t>GGHS DOGA</t>
  </si>
  <si>
    <t>Doga</t>
  </si>
  <si>
    <t>v.p.o Dogs,The.Kharian,Distt.Gujrat</t>
  </si>
  <si>
    <t>Nasreen</t>
  </si>
  <si>
    <t>Village Doga Teh/Dist. Gujrat p/o daulat nagar</t>
  </si>
  <si>
    <t>Khujsta Neelam</t>
  </si>
  <si>
    <t>GGHS FATEH PUR</t>
  </si>
  <si>
    <t>Fatehpur</t>
  </si>
  <si>
    <t>govt. girls high school fatehpur tehsil and district gujrat</t>
  </si>
  <si>
    <t>fatehpur</t>
  </si>
  <si>
    <t>uzma shahid</t>
  </si>
  <si>
    <t>GGHSFateh pur</t>
  </si>
  <si>
    <t>FATEH PUR</t>
  </si>
  <si>
    <t>Munaza Batool</t>
  </si>
  <si>
    <t>Govt girls high school fatehpur tehsil mailsi, district vehari</t>
  </si>
  <si>
    <t>Noshin Hina</t>
  </si>
  <si>
    <t>GGHS Fateh Pur</t>
  </si>
  <si>
    <t>Puran</t>
  </si>
  <si>
    <t>Nasim Akhtar</t>
  </si>
  <si>
    <t>GGHS GHAREEB ABAD</t>
  </si>
  <si>
    <t>HASILPUR</t>
  </si>
  <si>
    <t>Hasilpur</t>
  </si>
  <si>
    <t>Govt.Girls High School Ghareebabad Hasilpur</t>
  </si>
  <si>
    <t>Nil</t>
  </si>
  <si>
    <t>MC Hasilpur</t>
  </si>
  <si>
    <t>Sehrish Abbas</t>
  </si>
  <si>
    <t>Rehmatabad</t>
  </si>
  <si>
    <t>WARD NO.1 BLOCK A GHARIBABAD CHAKLALA RWP CANTT</t>
  </si>
  <si>
    <t>Rashda Parveen</t>
  </si>
  <si>
    <t>Bouring</t>
  </si>
  <si>
    <t>GGHS GOJRA</t>
  </si>
  <si>
    <t>GOJRA</t>
  </si>
  <si>
    <t>GOJRA TEHSIL:MALAKWAL DISTRICT:MANDI BAHAUDDIN</t>
  </si>
  <si>
    <t>NUSRAT PARVEEN</t>
  </si>
  <si>
    <t>DASKA</t>
  </si>
  <si>
    <t>VILLAGE GOJRA.  TEH.DASKA  DIST. SIALKOT</t>
  </si>
  <si>
    <t>Fehmida Akhtar</t>
  </si>
  <si>
    <t>GGHS GONDAL</t>
  </si>
  <si>
    <t>Gondal</t>
  </si>
  <si>
    <t>gGHS Gondal</t>
  </si>
  <si>
    <t>gondal</t>
  </si>
  <si>
    <t>Shazia Noureen</t>
  </si>
  <si>
    <t>Jevan Gondal</t>
  </si>
  <si>
    <t>gghs gondal teh shahpur dist sgs</t>
  </si>
  <si>
    <t>Tahira Khanum</t>
  </si>
  <si>
    <t>GGHS HAFIZ WALA</t>
  </si>
  <si>
    <t>HAFIZWALA</t>
  </si>
  <si>
    <t>GGHS HAFIZWALA TEHSEEL PIPLAN DISTRICT MIANWALI</t>
  </si>
  <si>
    <t>Hafizwala</t>
  </si>
  <si>
    <t>IRUM  SAEED</t>
  </si>
  <si>
    <t>Hafiz Wala</t>
  </si>
  <si>
    <t>Village Hafizwala GPO Bahawalnagar</t>
  </si>
  <si>
    <t>Islam Pura</t>
  </si>
  <si>
    <t>Shamshad Parveen Parveen</t>
  </si>
  <si>
    <t>GGHS JAND</t>
  </si>
  <si>
    <t>JAND</t>
  </si>
  <si>
    <t>MOH. HUSSAIN ABAD JAND, ATTOCK</t>
  </si>
  <si>
    <t>HUSSAIN ABAD JAND</t>
  </si>
  <si>
    <t>FIRDOUS BEGUM</t>
  </si>
  <si>
    <t>jand awan</t>
  </si>
  <si>
    <t>RIZWANA KHADIM</t>
  </si>
  <si>
    <t>GGHS JHAMRA</t>
  </si>
  <si>
    <t>TANDLIAN WALA</t>
  </si>
  <si>
    <t>Jhamra</t>
  </si>
  <si>
    <t>moza jhamra p/o saim  Tehsil Tandlianwala District Faisalabad</t>
  </si>
  <si>
    <t>AYESHA ZIA</t>
  </si>
  <si>
    <t>vpo jhamra</t>
  </si>
  <si>
    <t>Miani</t>
  </si>
  <si>
    <t>Asma Akbar</t>
  </si>
  <si>
    <t>GGHS KHARA</t>
  </si>
  <si>
    <t>Khara</t>
  </si>
  <si>
    <t>khara</t>
  </si>
  <si>
    <t>Begal</t>
  </si>
  <si>
    <t>RAEESA AZIZ</t>
  </si>
  <si>
    <t>KHARA</t>
  </si>
  <si>
    <t>GGHS KHARA KASUR</t>
  </si>
  <si>
    <t>SHAHINA NUSRAT</t>
  </si>
  <si>
    <t>GGHS KHEWA</t>
  </si>
  <si>
    <t>Khewa</t>
  </si>
  <si>
    <t>khewa</t>
  </si>
  <si>
    <t>Seerat Zaidi</t>
  </si>
  <si>
    <t>Govt.Girls High School Khewa</t>
  </si>
  <si>
    <t>AHLA</t>
  </si>
  <si>
    <t>Suryya Bokhari</t>
  </si>
  <si>
    <t>GGHS LANGAY</t>
  </si>
  <si>
    <t>langay</t>
  </si>
  <si>
    <t>govt girls high school langay</t>
  </si>
  <si>
    <t>malipur</t>
  </si>
  <si>
    <t>Abida Bano</t>
  </si>
  <si>
    <t>Kunjah</t>
  </si>
  <si>
    <t>vill and post office langay teh and distt gujrat</t>
  </si>
  <si>
    <t>LANGAY</t>
  </si>
  <si>
    <t>Langay</t>
  </si>
  <si>
    <t>kishwar sultana</t>
  </si>
  <si>
    <t>GGHS MACHIWAL</t>
  </si>
  <si>
    <t>18-HAZARI</t>
  </si>
  <si>
    <t>MACHHIWAL</t>
  </si>
  <si>
    <t>DOSA</t>
  </si>
  <si>
    <t>Salima  Shaheen</t>
  </si>
  <si>
    <t>Machiwal</t>
  </si>
  <si>
    <t>Village and Post Office Machiwal, Tehsil and District Gujrat</t>
  </si>
  <si>
    <t>Firdousi Sharif</t>
  </si>
  <si>
    <t>GGHS MARI</t>
  </si>
  <si>
    <t>Mari</t>
  </si>
  <si>
    <t>mari, teh. &amp; distt. sargodha.</t>
  </si>
  <si>
    <t>Saima Arshi</t>
  </si>
  <si>
    <t>village and post office Mari , tehsil Jand district Attock.</t>
  </si>
  <si>
    <t>Jalwal</t>
  </si>
  <si>
    <t>Farzana Kokab</t>
  </si>
  <si>
    <t>GGHS MEHMOOD ABAD</t>
  </si>
  <si>
    <t>Mehmoodabad</t>
  </si>
  <si>
    <t>jain wala mauza mehmoodabad ryk</t>
  </si>
  <si>
    <t>Taj Garh</t>
  </si>
  <si>
    <t>Rehana Shaheen</t>
  </si>
  <si>
    <t>Mehmood Abad</t>
  </si>
  <si>
    <t>GGHS Mehmood Gujrat</t>
  </si>
  <si>
    <t>Thatha Musa</t>
  </si>
  <si>
    <t>SHARIFAN BIBI</t>
  </si>
  <si>
    <t>GGHS MIAL</t>
  </si>
  <si>
    <t>SAGHAR-FEMALE</t>
  </si>
  <si>
    <t>MIAL</t>
  </si>
  <si>
    <t>GOVT GIRLS HIGH SCHOOL MIAL</t>
  </si>
  <si>
    <t>BIDHAR</t>
  </si>
  <si>
    <t>NIGHAT PERVEEN</t>
  </si>
  <si>
    <t>Mial</t>
  </si>
  <si>
    <t>GGHS MIAL, RAWALPINDI</t>
  </si>
  <si>
    <t>mial</t>
  </si>
  <si>
    <t>parial</t>
  </si>
  <si>
    <t>Naima Tahir</t>
  </si>
  <si>
    <t>Water supply</t>
  </si>
  <si>
    <t>GGHS MIAN WALA</t>
  </si>
  <si>
    <t>V.P.O Mianwala</t>
  </si>
  <si>
    <t>farah Deeba</t>
  </si>
  <si>
    <t>local arrangement</t>
  </si>
  <si>
    <t>P/O Wasanday Wali</t>
  </si>
  <si>
    <t>Wasanday Wali</t>
  </si>
  <si>
    <t>Ghazanfargarh</t>
  </si>
  <si>
    <t>Shahnaz Mulazim</t>
  </si>
  <si>
    <t>GGHS MIANI</t>
  </si>
  <si>
    <t>BHERA</t>
  </si>
  <si>
    <t>MIANI</t>
  </si>
  <si>
    <t>GOVT.GIRLS HIGH SCHOOL MIANI</t>
  </si>
  <si>
    <t>NAMAK MIANI</t>
  </si>
  <si>
    <t>NASIM AKHTAR</t>
  </si>
  <si>
    <t>village and p.o miani</t>
  </si>
  <si>
    <t>Shahida Munir</t>
  </si>
  <si>
    <t>GGHS MOORAT</t>
  </si>
  <si>
    <t>Moorat</t>
  </si>
  <si>
    <t>gghs moorat tehsil talagang district chakwal</t>
  </si>
  <si>
    <t>Murat</t>
  </si>
  <si>
    <t>Naka Kahoot</t>
  </si>
  <si>
    <t>Tanzeela Rubab</t>
  </si>
  <si>
    <t>VPO MOORAT</t>
  </si>
  <si>
    <t>JANGLE</t>
  </si>
  <si>
    <t>waheeda tanveer</t>
  </si>
  <si>
    <t>GGHS MUHAMMAD PUR</t>
  </si>
  <si>
    <t>muhammad pur</t>
  </si>
  <si>
    <t>Muhammad Pur2</t>
  </si>
  <si>
    <t>ASMA AKRAM</t>
  </si>
  <si>
    <t>Muhammad pur</t>
  </si>
  <si>
    <t>govt. girls high school Muhammad pur sahiwal</t>
  </si>
  <si>
    <t>SHAHEEN AKHTAR</t>
  </si>
  <si>
    <t>GGHS MUHAMMAD PURA</t>
  </si>
  <si>
    <t>shoukat town</t>
  </si>
  <si>
    <t>Shoukat Town</t>
  </si>
  <si>
    <t>Walton Cantonment</t>
  </si>
  <si>
    <t>Aroosa Ashan</t>
  </si>
  <si>
    <t>Muhammad Pura</t>
  </si>
  <si>
    <t>Govt girls high school Muhammad Pura Chak no 174</t>
  </si>
  <si>
    <t>Wali Pur Bura</t>
  </si>
  <si>
    <t>GHULAM FEEZA</t>
  </si>
  <si>
    <t>GGHS NARA</t>
  </si>
  <si>
    <t>NARA</t>
  </si>
  <si>
    <t>vill &amp; p/o nara tehsil kahuta</t>
  </si>
  <si>
    <t>kanzay khan</t>
  </si>
  <si>
    <t>nara</t>
  </si>
  <si>
    <t>BIBI KUBRA</t>
  </si>
  <si>
    <t>GGHS RAJAR</t>
  </si>
  <si>
    <t>Rajar</t>
  </si>
  <si>
    <t>vill &amp; PO Rajar teh &amp; distt. Rawalpindi</t>
  </si>
  <si>
    <t>Chahan</t>
  </si>
  <si>
    <t>Aqsa Bibi</t>
  </si>
  <si>
    <t>Rajar Tehsil District Khushab</t>
  </si>
  <si>
    <t>Talokar</t>
  </si>
  <si>
    <t>FARZANA SHAHEEN</t>
  </si>
  <si>
    <t>GGHS RASOOL PUR</t>
  </si>
  <si>
    <t>Rasool Pur Chak No 5</t>
  </si>
  <si>
    <t>RASOOL PUR CHAK NO 5</t>
  </si>
  <si>
    <t>JAGOO VALA</t>
  </si>
  <si>
    <t>arshad parveen</t>
  </si>
  <si>
    <t>govt girls high  school  Rasool pur tehsil jampur  district  rajanpur</t>
  </si>
  <si>
    <t>Rasoolpur</t>
  </si>
  <si>
    <t>Tayyaba Naz</t>
  </si>
  <si>
    <t>Rasool Pur</t>
  </si>
  <si>
    <t>Rukan Pura</t>
  </si>
  <si>
    <t>Shazia Afzaal</t>
  </si>
  <si>
    <t>GGHS RATWAL</t>
  </si>
  <si>
    <t>RATWAL</t>
  </si>
  <si>
    <t>village &amp; post office ratwal tehsil fateh jang distt attock</t>
  </si>
  <si>
    <t>GALI JAGEER</t>
  </si>
  <si>
    <t>Ambreen Saleem</t>
  </si>
  <si>
    <t>Ratwal</t>
  </si>
  <si>
    <t>Village and Post Office Ratwal, Tehsil  Pind Dadan Khan, District Jhelum.</t>
  </si>
  <si>
    <t>Pindi Said Pur</t>
  </si>
  <si>
    <t>Irfana Iram</t>
  </si>
  <si>
    <t>GGHS SABOWAL</t>
  </si>
  <si>
    <t>Sabowal</t>
  </si>
  <si>
    <t>VPO Sabowal Tehsil and Distt Gujrat</t>
  </si>
  <si>
    <t>sabowal</t>
  </si>
  <si>
    <t>Abida Sapra</t>
  </si>
  <si>
    <t>Saima  Zafar</t>
  </si>
  <si>
    <t>GGHS SAROBA</t>
  </si>
  <si>
    <t>Saroba</t>
  </si>
  <si>
    <t>V.P.O SAROBA TEHSIL AND DISTT. RWP</t>
  </si>
  <si>
    <t>Gagan</t>
  </si>
  <si>
    <t>SAFURA KAMAL</t>
  </si>
  <si>
    <t>saroba</t>
  </si>
  <si>
    <t>gghs saroba. tehsil p.d.khan.disst jhelum</t>
  </si>
  <si>
    <t>tobha</t>
  </si>
  <si>
    <t>Sadia Malik</t>
  </si>
  <si>
    <t>GGPS 450/GB</t>
  </si>
  <si>
    <t>TANDLIANWALA 2 - FEMALE</t>
  </si>
  <si>
    <t>450Malay Ki Jhok Jhok</t>
  </si>
  <si>
    <t>chak # 450/2 malay Ki jhok</t>
  </si>
  <si>
    <t>450/2</t>
  </si>
  <si>
    <t>396/3</t>
  </si>
  <si>
    <t>Tahira Iqbal</t>
  </si>
  <si>
    <t>ggps 450 gb</t>
  </si>
  <si>
    <t>Nadir Ki Jhok</t>
  </si>
  <si>
    <t>396/3 Gb</t>
  </si>
  <si>
    <t>Sidra Abdul Sattar</t>
  </si>
  <si>
    <t>GGPS ABBAS NAGAR</t>
  </si>
  <si>
    <t>DERA BAKHA (EAST) - FEMALE</t>
  </si>
  <si>
    <t>Abbas Nagar</t>
  </si>
  <si>
    <t>abbas nagar</t>
  </si>
  <si>
    <t>Sinjer</t>
  </si>
  <si>
    <t>Sorriya Perveen</t>
  </si>
  <si>
    <t>KAMOKE</t>
  </si>
  <si>
    <t>MORR EMINABAD - FEMALE</t>
  </si>
  <si>
    <t>mohallah abbas nagar near more eminabad</t>
  </si>
  <si>
    <t>Attawa</t>
  </si>
  <si>
    <t>Najma Khokhar</t>
  </si>
  <si>
    <t>SHORKOT</t>
  </si>
  <si>
    <t>KOTLA MUHAMMAD ZARIF KHAN-FEMALE</t>
  </si>
  <si>
    <t>RAKh Kotla</t>
  </si>
  <si>
    <t>ggps Abbas nagar</t>
  </si>
  <si>
    <t>Kotla Zarif Khan</t>
  </si>
  <si>
    <t>ghulam hafeez</t>
  </si>
  <si>
    <t>MCD 05-FEMALE</t>
  </si>
  <si>
    <t>Khola Mirzeka</t>
  </si>
  <si>
    <t>Abbas nagar</t>
  </si>
  <si>
    <t>Mirzeki</t>
  </si>
  <si>
    <t>Amina Bibi</t>
  </si>
  <si>
    <t>GGPS ABBAS PUR</t>
  </si>
  <si>
    <t>MONDKA- FEMALE</t>
  </si>
  <si>
    <t>Palikalro</t>
  </si>
  <si>
    <t>665 Bukhariwala mzg</t>
  </si>
  <si>
    <t>Abbaspur</t>
  </si>
  <si>
    <t>Mehrpur</t>
  </si>
  <si>
    <t>Mamoona Sheikh</t>
  </si>
  <si>
    <t>AHMADPUR EAST</t>
  </si>
  <si>
    <t>JANOO WALA - FEMALE</t>
  </si>
  <si>
    <t>Januwala</t>
  </si>
  <si>
    <t>basti Ghallu moza januwala</t>
  </si>
  <si>
    <t>Basti Ghallu</t>
  </si>
  <si>
    <t>Umm E Aiman</t>
  </si>
  <si>
    <t>GGPS ABBAS WALA</t>
  </si>
  <si>
    <t>SONHARA WASAWA FEMALE</t>
  </si>
  <si>
    <t>Sohia Thal</t>
  </si>
  <si>
    <t>ggps new abbas wala sohya thal kot sultan Layyah</t>
  </si>
  <si>
    <t>Ladhi Wala</t>
  </si>
  <si>
    <t>Sonhara Wasava</t>
  </si>
  <si>
    <t>Sabahat Gull</t>
  </si>
  <si>
    <t>KOT SULTAN-I - FEMALE</t>
  </si>
  <si>
    <t>Ali Dasti</t>
  </si>
  <si>
    <t>near govt primary school hayyat wala</t>
  </si>
  <si>
    <t>Chachu Wala</t>
  </si>
  <si>
    <t>Kot Sultan Urban</t>
  </si>
  <si>
    <t>Shabana Manzoor</t>
  </si>
  <si>
    <t>GGPS AFZAL ABAD</t>
  </si>
  <si>
    <t>GILLAN WALA - FEMALE</t>
  </si>
  <si>
    <t>Rossa Tibba</t>
  </si>
  <si>
    <t>Govt girls primary school Afzal abad thsil chunian district kasur</t>
  </si>
  <si>
    <t>Afzal Abad</t>
  </si>
  <si>
    <t>Jaguwala</t>
  </si>
  <si>
    <t>Shaheen Akber</t>
  </si>
  <si>
    <t>HANJRAI- FEMALE</t>
  </si>
  <si>
    <t>Toot Wala</t>
  </si>
  <si>
    <t>GGPS AFZAL ABAD caha toot Wala DDP</t>
  </si>
  <si>
    <t>Tibba  Mustakil Sharki</t>
  </si>
  <si>
    <t>Tibba Mustakil Sharki</t>
  </si>
  <si>
    <t>Saeeda Khanam</t>
  </si>
  <si>
    <t>GGPS AHEERAN WALA</t>
  </si>
  <si>
    <t>HAITU - FEMALE</t>
  </si>
  <si>
    <t>Haitu</t>
  </si>
  <si>
    <t>GGPS ahiran wala</t>
  </si>
  <si>
    <t>Ahiran Wala</t>
  </si>
  <si>
    <t>Sardaran Bibi</t>
  </si>
  <si>
    <t>Dhigana</t>
  </si>
  <si>
    <t>Dyraa aaheeran wala</t>
  </si>
  <si>
    <t>Aaheeran Wala</t>
  </si>
  <si>
    <t>nosheen nawaz</t>
  </si>
  <si>
    <t>GGPS AHMAD ABAD</t>
  </si>
  <si>
    <t>C. NO.II MBDIN - FEMALE</t>
  </si>
  <si>
    <t>Sufi Pura</t>
  </si>
  <si>
    <t>ggps Ahmadabad , sufi pura, mandi bahauddin</t>
  </si>
  <si>
    <t>PINDI BAHAUDDIN</t>
  </si>
  <si>
    <t>Syira Begum</t>
  </si>
  <si>
    <t>KUTHIALA SHEIKHAN -I- FEMALE</t>
  </si>
  <si>
    <t>Mianwal Ranjha</t>
  </si>
  <si>
    <t>NAZIRAN BIBI</t>
  </si>
  <si>
    <t>TRAG SHARIF-FEMALE</t>
  </si>
  <si>
    <t>Trag Sharki</t>
  </si>
  <si>
    <t>GGPS AHMADABD POST OFFICE TRAG TEHSIL ESA KHEL DISTT MIANWALI</t>
  </si>
  <si>
    <t>Trag</t>
  </si>
  <si>
    <t>kalsoom bibi</t>
  </si>
  <si>
    <t>RODU SULTAN - FEMALE</t>
  </si>
  <si>
    <t>Rairh</t>
  </si>
  <si>
    <t>Rodu Sultan</t>
  </si>
  <si>
    <t>Talat Nasreen</t>
  </si>
  <si>
    <t>MADDUKI - FEMALE</t>
  </si>
  <si>
    <t>Laak Badhar</t>
  </si>
  <si>
    <t>moza laak badhar</t>
  </si>
  <si>
    <t>Taly Wala</t>
  </si>
  <si>
    <t>Zareena Kousar</t>
  </si>
  <si>
    <t>SEETAL MARI - FEMALE</t>
  </si>
  <si>
    <t>AhmadAbad</t>
  </si>
  <si>
    <t>Govt Girls Primary School Ahmad Abad Multan</t>
  </si>
  <si>
    <t>Ahmad Abad Multan</t>
  </si>
  <si>
    <t>Taraf Mubarak Doem</t>
  </si>
  <si>
    <t>Shagufta Shafi</t>
  </si>
  <si>
    <t>GGPS AHMAD NAGAR</t>
  </si>
  <si>
    <t>PATTOKI</t>
  </si>
  <si>
    <t>PATTOKI CITY - FEMALE</t>
  </si>
  <si>
    <t>Pattoki</t>
  </si>
  <si>
    <t>Ahmad nagar</t>
  </si>
  <si>
    <t>City Pottoki</t>
  </si>
  <si>
    <t>Nasreen Rafiq</t>
  </si>
  <si>
    <t>KHAN BELA - FEMALE</t>
  </si>
  <si>
    <t>rom</t>
  </si>
  <si>
    <t>government girls primary school Ahmad nagar.</t>
  </si>
  <si>
    <t>Ahmad Nagr</t>
  </si>
  <si>
    <t>khan bela</t>
  </si>
  <si>
    <t>Tahira Parveen</t>
  </si>
  <si>
    <t>GGPS AHMAD WALA</t>
  </si>
  <si>
    <t>D.D. PANAH-I - FEMALE</t>
  </si>
  <si>
    <t>Tiba Mustaqi Darmiyanil Darmiyani</t>
  </si>
  <si>
    <t>Tiba mustaqil darmiyani chah Maso wala</t>
  </si>
  <si>
    <t>Maso Wala</t>
  </si>
  <si>
    <t>Tibha Mustaqil Darmiyani</t>
  </si>
  <si>
    <t>Rakshanda Aslam</t>
  </si>
  <si>
    <t>CHAK GODAR- FEMALE</t>
  </si>
  <si>
    <t>sheilh mosa khalifa</t>
  </si>
  <si>
    <t>p o basira basti sheikh wala</t>
  </si>
  <si>
    <t>sheikhwala</t>
  </si>
  <si>
    <t>wan pitafi</t>
  </si>
  <si>
    <t>SAMREEN ELAHI BAKHSH</t>
  </si>
  <si>
    <t>LALIAN MARKAZ NO.06 - FEMALE</t>
  </si>
  <si>
    <t>Kalri</t>
  </si>
  <si>
    <t>Ahmad wala</t>
  </si>
  <si>
    <t>Ahmad Wala</t>
  </si>
  <si>
    <t>Hafiza Humara Shauqat</t>
  </si>
  <si>
    <t>SHADI KHAN MUNDA- FEMALE</t>
  </si>
  <si>
    <t>Shadi Khan Munda</t>
  </si>
  <si>
    <t>w.no 14f madni town kotadu</t>
  </si>
  <si>
    <t>Hamida Bibi</t>
  </si>
  <si>
    <t>GGPS AHMED ABAD</t>
  </si>
  <si>
    <t>TIBBI GUL MUHAMMAD-FEMALE</t>
  </si>
  <si>
    <t>Tibbi Gull Muhammad MUHAMMAD Muhammad</t>
  </si>
  <si>
    <t>Basti Ahmad Abad</t>
  </si>
  <si>
    <t>Tibbi Gull Muhammad</t>
  </si>
  <si>
    <t>Rukhsana Rasheed</t>
  </si>
  <si>
    <t>MALHOWALI - FEMALE</t>
  </si>
  <si>
    <t>Ahmedabad Malhowali</t>
  </si>
  <si>
    <t>Hamida Begum</t>
  </si>
  <si>
    <t>GGPS AJMAL ABAD</t>
  </si>
  <si>
    <t>MAO MUBARAK-FEMALE</t>
  </si>
  <si>
    <t>Akbar Abad</t>
  </si>
  <si>
    <t>Ggps ajmal abad,basti ajmal abad,U/C kot mehdi shah,Rahim yar khan</t>
  </si>
  <si>
    <t>Basti Ajmal Abad</t>
  </si>
  <si>
    <t>Kot Mehdi Shah</t>
  </si>
  <si>
    <t>Nasreen Akhtar</t>
  </si>
  <si>
    <t>EHSAN PUR- FEMALE</t>
  </si>
  <si>
    <t>Ehsan Pur</t>
  </si>
  <si>
    <t>GGPS Ahsan Pur</t>
  </si>
  <si>
    <t>Anila Basher</t>
  </si>
  <si>
    <t>GGPS AKBAR ABAD</t>
  </si>
  <si>
    <t>KHUNDA - FEMALE</t>
  </si>
  <si>
    <t>Ratti Kassi</t>
  </si>
  <si>
    <t>village akbarabad, p o kahal,teh jand,distt attock</t>
  </si>
  <si>
    <t>Basal</t>
  </si>
  <si>
    <t>Nabila Saba Ahmed</t>
  </si>
  <si>
    <t>GGPS AKBAR SHAH</t>
  </si>
  <si>
    <t>DOULAT ABAD-FEMALE</t>
  </si>
  <si>
    <t>Akbar Shah</t>
  </si>
  <si>
    <t>Akbar Shah, ludden</t>
  </si>
  <si>
    <t>Gulam Shah</t>
  </si>
  <si>
    <t>GGPS AKHTAR ABAD</t>
  </si>
  <si>
    <t>SHADU KHAN - FEMALE</t>
  </si>
  <si>
    <t>Noshahra Nashaib</t>
  </si>
  <si>
    <t>G.G.P/S Akhtar Abad layyah</t>
  </si>
  <si>
    <t>Noshahra Nashaib Shah Pur Duratta Layyah</t>
  </si>
  <si>
    <t>Shadu Kham</t>
  </si>
  <si>
    <t>FAMIA SHAHEEN</t>
  </si>
  <si>
    <t>hand pump+electric motor</t>
  </si>
  <si>
    <t>SAFDARABAD-I - FEMALE</t>
  </si>
  <si>
    <t>Akhtarabad</t>
  </si>
  <si>
    <t>Rehmanaabad</t>
  </si>
  <si>
    <t>Madiha Gohar</t>
  </si>
  <si>
    <t>KOT TAHIR - FEMALE</t>
  </si>
  <si>
    <t>KOT JANU</t>
  </si>
  <si>
    <t>GGP/S AKHTAR ABAD</t>
  </si>
  <si>
    <t>Kot Janu</t>
  </si>
  <si>
    <t>Sidra Iftikhar</t>
  </si>
  <si>
    <t>BAHAWALPUR CITY</t>
  </si>
  <si>
    <t>KHANOO WALI (A) - FEMALE</t>
  </si>
  <si>
    <t>Qadir Bakhsh Channar</t>
  </si>
  <si>
    <t>Jhangi Wala road near civil hospital ,Bahawalpur</t>
  </si>
  <si>
    <t>Akhtar Abad</t>
  </si>
  <si>
    <t>Jhangi Wala</t>
  </si>
  <si>
    <t>Sidra Zammurd</t>
  </si>
  <si>
    <t>GGPS AKHTER ABAD</t>
  </si>
  <si>
    <t>MARI WALA- FEMALE</t>
  </si>
  <si>
    <t>Halla</t>
  </si>
  <si>
    <t>G  G P S Akhtar abad moza halls  Tehasil kot addu</t>
  </si>
  <si>
    <t>Qazi Walla</t>
  </si>
  <si>
    <t>Dreegh</t>
  </si>
  <si>
    <t>Zareena Parveen</t>
  </si>
  <si>
    <t>govt.girls primary school akhtar abad Teena wali khui multan</t>
  </si>
  <si>
    <t>Bagh Langy Khan</t>
  </si>
  <si>
    <t>Samina Qasim</t>
  </si>
  <si>
    <t>GGPS ALI ABAD</t>
  </si>
  <si>
    <t>JASSAR-FEMALE</t>
  </si>
  <si>
    <t>Aliabad</t>
  </si>
  <si>
    <t>Aliabad post office jassar</t>
  </si>
  <si>
    <t>Jassar</t>
  </si>
  <si>
    <t>Fardous Kousar</t>
  </si>
  <si>
    <t>Ali abad Jhang</t>
  </si>
  <si>
    <t>Ali Abad</t>
  </si>
  <si>
    <t>Rubina Naz</t>
  </si>
  <si>
    <t>GGPS ALI GARH</t>
  </si>
  <si>
    <t>CHUNG - FEMALE</t>
  </si>
  <si>
    <t>Kachi Kothi</t>
  </si>
  <si>
    <t>Ggps Aligarh kachi kothi raiwind road Lahore</t>
  </si>
  <si>
    <t>Ali Raza Abad</t>
  </si>
  <si>
    <t>Khalida Zafar</t>
  </si>
  <si>
    <t>electric water cooler</t>
  </si>
  <si>
    <t>AHMAD PUR SIAL - FEMALE</t>
  </si>
  <si>
    <t>Sang roraa</t>
  </si>
  <si>
    <t>sang roraa ahmad pur sial</t>
  </si>
  <si>
    <t>Sang Rora</t>
  </si>
  <si>
    <t>Ahmad Pur Sial</t>
  </si>
  <si>
    <t>Shafaq Usman</t>
  </si>
  <si>
    <t>GGPS ALI MUHAMMAD WALA</t>
  </si>
  <si>
    <t>BAKAINI- FEMALE</t>
  </si>
  <si>
    <t>Wariyan Wala</t>
  </si>
  <si>
    <t>basti tehrani p /o mir hazar khan tehsil jatoi, district muzaffar garh</t>
  </si>
  <si>
    <t>Mir Hazar Khan</t>
  </si>
  <si>
    <t>Ayesha Rasheed</t>
  </si>
  <si>
    <t>KHURRAM PUR - FEMALE</t>
  </si>
  <si>
    <t>Ali Muhammad Wala</t>
  </si>
  <si>
    <t>ggps  Ali Muhammad Wala</t>
  </si>
  <si>
    <t>Ali Muhammad  Wala</t>
  </si>
  <si>
    <t>Khuda Bakhsh Mahar</t>
  </si>
  <si>
    <t>Klsoom Akhtar</t>
  </si>
  <si>
    <t>GGPS ALI PUR</t>
  </si>
  <si>
    <t>JAMAL PUR - FEMALE</t>
  </si>
  <si>
    <t>Qoutab Pur</t>
  </si>
  <si>
    <t>basti Alipur jadeed</t>
  </si>
  <si>
    <t>Alipur Jadeed</t>
  </si>
  <si>
    <t>Jamalpur</t>
  </si>
  <si>
    <t>Farzana Amin</t>
  </si>
  <si>
    <t>GUJRAT-VI-FEMALE</t>
  </si>
  <si>
    <t>Ali pur sharqi Gujarat</t>
  </si>
  <si>
    <t>Ali pur</t>
  </si>
  <si>
    <t>Gulshan Tahira</t>
  </si>
  <si>
    <t>AEO (W) CHINIOT NO.20</t>
  </si>
  <si>
    <t>Kakkay Tibbay</t>
  </si>
  <si>
    <t>kakkay tibbay</t>
  </si>
  <si>
    <t>Rajoa Sadat</t>
  </si>
  <si>
    <t>Nadia Zulfiqar</t>
  </si>
  <si>
    <t>MCD 06-FEMALE</t>
  </si>
  <si>
    <t>Shahbaz Pur</t>
  </si>
  <si>
    <t>fidhy shah road basti ali pur</t>
  </si>
  <si>
    <t>Ali Pur</t>
  </si>
  <si>
    <t>Shahbaz</t>
  </si>
  <si>
    <t>Azra Perveen</t>
  </si>
  <si>
    <t>KOHALI -FEMALE</t>
  </si>
  <si>
    <t>via domeli p o Ali pur teh  sohawa jhelum</t>
  </si>
  <si>
    <t>Kohali</t>
  </si>
  <si>
    <t>Musarrat Shaheen</t>
  </si>
  <si>
    <t>alipur</t>
  </si>
  <si>
    <t>GGPS Ali Pur Lahore</t>
  </si>
  <si>
    <t>ali pur</t>
  </si>
  <si>
    <t>ali raza abad</t>
  </si>
  <si>
    <t>Shagufta Yasmeen</t>
  </si>
  <si>
    <t>water cooler</t>
  </si>
  <si>
    <t>MURIDKE-VI - FEMALE</t>
  </si>
  <si>
    <t>GGPS ALI PUR  TEH. MURIDKE DISTRICT. SHEIKHUPURA</t>
  </si>
  <si>
    <t>Bhian Wala Kalan</t>
  </si>
  <si>
    <t>Madiha Batool</t>
  </si>
  <si>
    <t>MASROOR - FEMALE</t>
  </si>
  <si>
    <t>GGPS ALI PUR MASROOR SKG</t>
  </si>
  <si>
    <t>Chahla</t>
  </si>
  <si>
    <t>Shazia Saleem</t>
  </si>
  <si>
    <t>GGPS ALLAH ABAD</t>
  </si>
  <si>
    <t>NOOR PUR - FEMALE</t>
  </si>
  <si>
    <t>Muhammad Ali Colony</t>
  </si>
  <si>
    <t>M ali colony Rajan Pur</t>
  </si>
  <si>
    <t>Mc Rajanpur</t>
  </si>
  <si>
    <t>Shahida  Perveen</t>
  </si>
  <si>
    <t>RATTA TIBBA - FEMALE</t>
  </si>
  <si>
    <t>mouza allahabad</t>
  </si>
  <si>
    <t>Iffat Shahnaz</t>
  </si>
  <si>
    <t>WEGOWAL - FEMALE</t>
  </si>
  <si>
    <t>GGPS ALLAHABAD p/o jahanabad tehsil shahpur district sargodha</t>
  </si>
  <si>
    <t>Mangowal Khurd</t>
  </si>
  <si>
    <t>akmal parveen</t>
  </si>
  <si>
    <t>GGPS AMEER SHAH</t>
  </si>
  <si>
    <t>MANKA BHUTTA- FEMALE</t>
  </si>
  <si>
    <t>Meera Pur</t>
  </si>
  <si>
    <t>kotla ameer shah</t>
  </si>
  <si>
    <t>Kotla Ameer Shah</t>
  </si>
  <si>
    <t>Usman Koria</t>
  </si>
  <si>
    <t>Saima Rani</t>
  </si>
  <si>
    <t>RUSTAM SARGANA - FEMALE</t>
  </si>
  <si>
    <t>Peer wala</t>
  </si>
  <si>
    <t>GGPS AMEER SHAH MOZA PEER WALA</t>
  </si>
  <si>
    <t>Ameer shah</t>
  </si>
  <si>
    <t>Rustam Sargana</t>
  </si>
  <si>
    <t>REHANA JABEEN</t>
  </si>
  <si>
    <t>GGPS AMIN KOT</t>
  </si>
  <si>
    <t>BHOMAN SHAH - FEMALE</t>
  </si>
  <si>
    <t>Aminkot</t>
  </si>
  <si>
    <t>ggps amin kot</t>
  </si>
  <si>
    <t>Amin Kot</t>
  </si>
  <si>
    <t>42/sp Sumandry</t>
  </si>
  <si>
    <t>Nosheen Fatima</t>
  </si>
  <si>
    <t>GGPS AMIN SHAH</t>
  </si>
  <si>
    <t>SHEHZADA - FEMALE</t>
  </si>
  <si>
    <t>Amin Shah</t>
  </si>
  <si>
    <t>vill. amin shah , post office, kamalpur chishtiya</t>
  </si>
  <si>
    <t>Balaagun</t>
  </si>
  <si>
    <t>Afshan Nosheen</t>
  </si>
  <si>
    <t>GGPS AMIR ABAD</t>
  </si>
  <si>
    <t>HASSU BALAIL -FEMALE</t>
  </si>
  <si>
    <t>Meer Muhammad</t>
  </si>
  <si>
    <t>basti amir abad meer muhammad ahmad pur sial jhang</t>
  </si>
  <si>
    <t>Amir Abad</t>
  </si>
  <si>
    <t>Rubeena Afzal</t>
  </si>
  <si>
    <t>DOUNA-FEMALE</t>
  </si>
  <si>
    <t>Nari Shumali</t>
  </si>
  <si>
    <t>basti chandia malana</t>
  </si>
  <si>
    <t>Chandia Malana</t>
  </si>
  <si>
    <t>Nari</t>
  </si>
  <si>
    <t>Jazbah ZafarUllah</t>
  </si>
  <si>
    <t>GGPS ANWAR ABAD</t>
  </si>
  <si>
    <t>AQILPUR - FEMALE</t>
  </si>
  <si>
    <t>Aqilpur</t>
  </si>
  <si>
    <t>basti nizam shah GGPS anwar abad</t>
  </si>
  <si>
    <t>Basti Nizam Shah</t>
  </si>
  <si>
    <t>Shikarpur</t>
  </si>
  <si>
    <t>Naghma Naz</t>
  </si>
  <si>
    <t>MASSAN - FEMALE</t>
  </si>
  <si>
    <t>Chela</t>
  </si>
  <si>
    <t>P/o Chela Tehsil-o-District jhang cha peeran di salih</t>
  </si>
  <si>
    <t>Khurshid Akhter</t>
  </si>
  <si>
    <t>GGPS ARA</t>
  </si>
  <si>
    <t>KAHUTA - FEMALE</t>
  </si>
  <si>
    <t>Kahuta</t>
  </si>
  <si>
    <t>bloha ara kahuta</t>
  </si>
  <si>
    <t>Bloha</t>
  </si>
  <si>
    <t>Urban North</t>
  </si>
  <si>
    <t>Tasleem Akhtar</t>
  </si>
  <si>
    <t>GGPS ARBI WALA</t>
  </si>
  <si>
    <t>SHAH JAMAL- FEMALE</t>
  </si>
  <si>
    <t>Fatha Mohamad A</t>
  </si>
  <si>
    <t>basti arbi wala,shahjaml</t>
  </si>
  <si>
    <t>Arbi Wala</t>
  </si>
  <si>
    <t>Danaen</t>
  </si>
  <si>
    <t>Misbah Nusrat</t>
  </si>
  <si>
    <t>KHANGARH-I- FEMALE</t>
  </si>
  <si>
    <t>Chak Mohsin</t>
  </si>
  <si>
    <t>chak mohsin basti  arbi wala</t>
  </si>
  <si>
    <t>Thatta Quershi</t>
  </si>
  <si>
    <t>Naeema Noureen</t>
  </si>
  <si>
    <t>GGPS ARRAR</t>
  </si>
  <si>
    <t>THATTI JALAL - FEMALE</t>
  </si>
  <si>
    <t>Arrar</t>
  </si>
  <si>
    <t>Sajoka</t>
  </si>
  <si>
    <t>Madiha Manzoor</t>
  </si>
  <si>
    <t>CHOA SAIDAN SHAH</t>
  </si>
  <si>
    <t>CHOA SAIDAN SHAH-FEMALE</t>
  </si>
  <si>
    <t>ARRAR</t>
  </si>
  <si>
    <t>vpo Arrar tehsil choa saidan shah district chakwal</t>
  </si>
  <si>
    <t>DULMIAL</t>
  </si>
  <si>
    <t>Aneela Ghaffar</t>
  </si>
  <si>
    <t>GGPS ARSHAD ABAD</t>
  </si>
  <si>
    <t>C. NO.I MALIKWAL - FEMALE</t>
  </si>
  <si>
    <t>Arshadabad</t>
  </si>
  <si>
    <t>Moh sheranwala Ggps Arshadabad Near phatak</t>
  </si>
  <si>
    <t>Sheranwala</t>
  </si>
  <si>
    <t>Municipal Commite</t>
  </si>
  <si>
    <t>Sabah Shaheen</t>
  </si>
  <si>
    <t>PIRHAR GHARBI- FEMALE</t>
  </si>
  <si>
    <t>daya choka gharbi</t>
  </si>
  <si>
    <t>Basti Sarang wala, mouza daya chokha gharbi. Tehsil Kot Adu</t>
  </si>
  <si>
    <t>sarang wala</t>
  </si>
  <si>
    <t>Dogar Clasra</t>
  </si>
  <si>
    <t>Hameeda Begum</t>
  </si>
  <si>
    <t>GGPS ASGHAR ABAD</t>
  </si>
  <si>
    <t>KOT CHUTTA</t>
  </si>
  <si>
    <t>NAWAN-FEMALE</t>
  </si>
  <si>
    <t>Nawan Janoobi</t>
  </si>
  <si>
    <t>basti Hazrat wala, GGPS Asghar Abad</t>
  </si>
  <si>
    <t>Hazrat Wala</t>
  </si>
  <si>
    <t>Nawan Janubi</t>
  </si>
  <si>
    <t>Itrat Rubab</t>
  </si>
  <si>
    <t>KOTLA</t>
  </si>
  <si>
    <t>ggps asghar abad shorkot city</t>
  </si>
  <si>
    <t>asghar abad</t>
  </si>
  <si>
    <t>KOTLA ZARIF KHAN</t>
  </si>
  <si>
    <t>Riffat Begum</t>
  </si>
  <si>
    <t>GGPS ASHIQ ABAD</t>
  </si>
  <si>
    <t>CHANNI GOTH - FEMALE</t>
  </si>
  <si>
    <t>Chak 157 Np</t>
  </si>
  <si>
    <t>Basti Ashiq Abad uc rajar hoo</t>
  </si>
  <si>
    <t>Basti Ashiq Abad</t>
  </si>
  <si>
    <t>Rajar Hoo</t>
  </si>
  <si>
    <t>HAMEEDA IBRAHEEM</t>
  </si>
  <si>
    <t>GGPS ASHIQ WALA</t>
  </si>
  <si>
    <t>Douba</t>
  </si>
  <si>
    <t>Basti Nirali wala near Douba M.Garh</t>
  </si>
  <si>
    <t>Nirali Wala</t>
  </si>
  <si>
    <t>Taliri</t>
  </si>
  <si>
    <t>SHABINA ASHRIF</t>
  </si>
  <si>
    <t>KULLAR SHARIF-FEMALE</t>
  </si>
  <si>
    <t>Chinapora</t>
  </si>
  <si>
    <t>village utrawan wala</t>
  </si>
  <si>
    <t>Utranwan Wala</t>
  </si>
  <si>
    <t>Kallur</t>
  </si>
  <si>
    <t>Shazia Bibi</t>
  </si>
  <si>
    <t>GGPS ASHRAF ABAD</t>
  </si>
  <si>
    <t>CITY 2 - FEMALE</t>
  </si>
  <si>
    <t>AshrafAbad</t>
  </si>
  <si>
    <t>Govt. girls. primary school  Ashrafabad</t>
  </si>
  <si>
    <t>Ashrafabad</t>
  </si>
  <si>
    <t>Matupura</t>
  </si>
  <si>
    <t>RAZIA BEGUM</t>
  </si>
  <si>
    <t>Lashari</t>
  </si>
  <si>
    <t>ggps ashraf abad chah gul wala moza Lashari Tehsil 18Hazari District Jhang</t>
  </si>
  <si>
    <t>Gulwala</t>
  </si>
  <si>
    <t>Parveen Zahra</t>
  </si>
  <si>
    <t>GGPS ASIF ABAD</t>
  </si>
  <si>
    <t>SHIKAR PUR - FEMALE</t>
  </si>
  <si>
    <t>RAKH MARI</t>
  </si>
  <si>
    <t>LAIL PUR MOZA  RAKH MARI</t>
  </si>
  <si>
    <t>LAIL PUR</t>
  </si>
  <si>
    <t>SHIKAR PUR</t>
  </si>
  <si>
    <t>Sehrish Jabeen</t>
  </si>
  <si>
    <t>DARYA KHAN</t>
  </si>
  <si>
    <t>KATH - FEMALE</t>
  </si>
  <si>
    <t>Mahoota</t>
  </si>
  <si>
    <t>Asif abad dulywala darya khan road</t>
  </si>
  <si>
    <t>Asif Abad</t>
  </si>
  <si>
    <t>Gaddai</t>
  </si>
  <si>
    <t>Shamshad Zahra</t>
  </si>
  <si>
    <t>GGPS AWAN ABAD</t>
  </si>
  <si>
    <t>PEER JAGGI - FEMALE</t>
  </si>
  <si>
    <t>sadeeq rid</t>
  </si>
  <si>
    <t>GGPS AWAN ABAD shareef araein moza sadeeq rid kotsultan</t>
  </si>
  <si>
    <t>shareef araein awan abad</t>
  </si>
  <si>
    <t>peer Jaggi</t>
  </si>
  <si>
    <t>Syeda Afia Batool</t>
  </si>
  <si>
    <t>49-NB - FEMALE</t>
  </si>
  <si>
    <t>Awanabad</t>
  </si>
  <si>
    <t>Ggps awanabad sargodha</t>
  </si>
  <si>
    <t>104sb</t>
  </si>
  <si>
    <t>Saima Saleem</t>
  </si>
  <si>
    <t>medical college facility</t>
  </si>
  <si>
    <t>GGPS AWAN WALA</t>
  </si>
  <si>
    <t>GHAZI GHAT- FEMALE</t>
  </si>
  <si>
    <t>Chan Wala</t>
  </si>
  <si>
    <t>basti awan wala qasba gujrat</t>
  </si>
  <si>
    <t>Awan walal</t>
  </si>
  <si>
    <t>Ghazi Ghat</t>
  </si>
  <si>
    <t>Nadia Kanwal</t>
  </si>
  <si>
    <t>JAKHARR FEMALE</t>
  </si>
  <si>
    <t>kunel nashaib</t>
  </si>
  <si>
    <t>gGPS AWAN WALA</t>
  </si>
  <si>
    <t>awan wala</t>
  </si>
  <si>
    <t>jakhar</t>
  </si>
  <si>
    <t>Parveen Bibi</t>
  </si>
  <si>
    <t>KOT CHANDANA-FEMALE</t>
  </si>
  <si>
    <t>Tola Mangali</t>
  </si>
  <si>
    <t>Awan Wala</t>
  </si>
  <si>
    <t>Kot Chandana</t>
  </si>
  <si>
    <t>through neighbour</t>
  </si>
  <si>
    <t>GGPS AWANA</t>
  </si>
  <si>
    <t>KHARIAN IV - FEMALE</t>
  </si>
  <si>
    <t>Awana</t>
  </si>
  <si>
    <t>GGPS Awana, Kharian (Gujrat)</t>
  </si>
  <si>
    <t>Dhunni</t>
  </si>
  <si>
    <t>Fariah Mazher</t>
  </si>
  <si>
    <t>DAULAT NAGER-I-FEMALE</t>
  </si>
  <si>
    <t>awana</t>
  </si>
  <si>
    <t>Chechian</t>
  </si>
  <si>
    <t>Sumera Kunwal</t>
  </si>
  <si>
    <t>GGPS AZAM ABAD</t>
  </si>
  <si>
    <t>RINDAN-FEMALE</t>
  </si>
  <si>
    <t>Choudry</t>
  </si>
  <si>
    <t>basti rais muhammad bakhsh liaquat pur</t>
  </si>
  <si>
    <t>Basti Rais Muhammad Bakhsh</t>
  </si>
  <si>
    <t>Muhammad Daha</t>
  </si>
  <si>
    <t>Naheed Akhter</t>
  </si>
  <si>
    <t>KRK CITY - FEMALE</t>
  </si>
  <si>
    <t>Azam Abad</t>
  </si>
  <si>
    <t>Govt girls p/s Azam abad</t>
  </si>
  <si>
    <t>Pemar Ottar</t>
  </si>
  <si>
    <t>Rukhsana Liaqat</t>
  </si>
  <si>
    <t>GGPS AZIZ ABAD</t>
  </si>
  <si>
    <t>Qutub Abrind</t>
  </si>
  <si>
    <t>GGPS Azizabad shahjmal</t>
  </si>
  <si>
    <t>Shahjmal</t>
  </si>
  <si>
    <t>Rukhsana Bibi</t>
  </si>
  <si>
    <t>NOOR WALA - FEMALE</t>
  </si>
  <si>
    <t>Sangla</t>
  </si>
  <si>
    <t>basti aziza bad</t>
  </si>
  <si>
    <t>Tranda M Panha</t>
  </si>
  <si>
    <t>Firdos Rustam</t>
  </si>
  <si>
    <t>HAJI PUR-FEMALE</t>
  </si>
  <si>
    <t>Hamid Pur</t>
  </si>
  <si>
    <t>aziz abad</t>
  </si>
  <si>
    <t>Hamid Pu</t>
  </si>
  <si>
    <t>Haji Pur</t>
  </si>
  <si>
    <t>Afia Yaseen</t>
  </si>
  <si>
    <t>DAGGER KOTLI-FEMALE</t>
  </si>
  <si>
    <t>Degger Kotli</t>
  </si>
  <si>
    <t>chack azizabad degger kotli Mankera</t>
  </si>
  <si>
    <t>Degger kotli</t>
  </si>
  <si>
    <t>Balqees Sattar</t>
  </si>
  <si>
    <t>KANDH SHARIF- FEMALE</t>
  </si>
  <si>
    <t>Bait Sulman</t>
  </si>
  <si>
    <t>besti Aziz Abad teh. Jatoi dist.  m .garh</t>
  </si>
  <si>
    <t>M C City Jatoi</t>
  </si>
  <si>
    <t>Uzma Naseem</t>
  </si>
  <si>
    <t>GGPS AZIZ PUR</t>
  </si>
  <si>
    <t>MANGWANI - FEMALE</t>
  </si>
  <si>
    <t>Mari Qasim Shah</t>
  </si>
  <si>
    <t>govt.girls primary school basti aziz pur moza Mari qasim shah</t>
  </si>
  <si>
    <t>Aziz Pur</t>
  </si>
  <si>
    <t>Sughra Bibi</t>
  </si>
  <si>
    <t>ZAFARWAL</t>
  </si>
  <si>
    <t>PINDI PORBIAIN - FEMALE</t>
  </si>
  <si>
    <t>village Aziz Pur p\0 pindipurbyan teh zafarwal dist narowl</t>
  </si>
  <si>
    <t>Dara Pur</t>
  </si>
  <si>
    <t>Shakeela Rani</t>
  </si>
  <si>
    <t>GGPS BADIAN</t>
  </si>
  <si>
    <t>Badian</t>
  </si>
  <si>
    <t>GGPS Badian</t>
  </si>
  <si>
    <t>Amina  Muneer</t>
  </si>
  <si>
    <t>GOHAD PUR - FEMALE</t>
  </si>
  <si>
    <t>badian Sialkot</t>
  </si>
  <si>
    <t>Kapoor Wali</t>
  </si>
  <si>
    <t>Shahida Perveen</t>
  </si>
  <si>
    <t>GGPS BAGHANWALA</t>
  </si>
  <si>
    <t>KHARIAN-VI-FEMALE</t>
  </si>
  <si>
    <t>Baghanwala</t>
  </si>
  <si>
    <t>vpo baghanwala tehsil kharian distt gujrat</t>
  </si>
  <si>
    <t>Baharwal</t>
  </si>
  <si>
    <t>Hajra Nawaz</t>
  </si>
  <si>
    <t>MAKEN - FEMALE</t>
  </si>
  <si>
    <t>village Baghanwala post office hellan tehsil phalia district Mandi bahauddin</t>
  </si>
  <si>
    <t>Raiky</t>
  </si>
  <si>
    <t>Nargis Perveen</t>
  </si>
  <si>
    <t>GGPS BAGHOON WALA</t>
  </si>
  <si>
    <t>Baghoon wala</t>
  </si>
  <si>
    <t>Baghoon Wala</t>
  </si>
  <si>
    <t>Noor Pur Machi wala</t>
  </si>
  <si>
    <t>Shabana Irshad</t>
  </si>
  <si>
    <t>ROJHAN</t>
  </si>
  <si>
    <t>ROJHAN NO. 1 - FEMALE</t>
  </si>
  <si>
    <t>Chak Hathyar</t>
  </si>
  <si>
    <t>rojhan</t>
  </si>
  <si>
    <t>Basti Taj Muhammad</t>
  </si>
  <si>
    <t>Shahwali</t>
  </si>
  <si>
    <t>Shaista Ejaz</t>
  </si>
  <si>
    <t>GGPS BAHARAY WALA</t>
  </si>
  <si>
    <t>DRIGH- FEMALE</t>
  </si>
  <si>
    <t>Beli Junobi</t>
  </si>
  <si>
    <t>ggps baharen wala moza beli junobi</t>
  </si>
  <si>
    <t>Samaney Wala</t>
  </si>
  <si>
    <t>Ththa Qureshi</t>
  </si>
  <si>
    <t>Zahida Perveen</t>
  </si>
  <si>
    <t>HARNOLI-FEMALE</t>
  </si>
  <si>
    <t>Baharay wala</t>
  </si>
  <si>
    <t>Baharay Wala</t>
  </si>
  <si>
    <t>Harnoli</t>
  </si>
  <si>
    <t>Naheed Akhtar</t>
  </si>
  <si>
    <t>BANDAY SHAH - FEMALE</t>
  </si>
  <si>
    <t>ALI WALI</t>
  </si>
  <si>
    <t>GGPS BAHARY WALI</t>
  </si>
  <si>
    <t>NAWAN MANKI</t>
  </si>
  <si>
    <t>Farah Naheed</t>
  </si>
  <si>
    <t>GGPS BAILAY WALA</t>
  </si>
  <si>
    <t>MIAN PUR BELAY WALA - FEMALE</t>
  </si>
  <si>
    <t>Mian Pur Bailay Wala</t>
  </si>
  <si>
    <t>GGPS Bailay wala</t>
  </si>
  <si>
    <t>Bailay Wala</t>
  </si>
  <si>
    <t>Kubra Rehman Malik</t>
  </si>
  <si>
    <t>KHANEWAL</t>
  </si>
  <si>
    <t>KABIRWALA</t>
  </si>
  <si>
    <t>CHOPAR HATTA - FEMALE</t>
  </si>
  <si>
    <t>Freed Pur</t>
  </si>
  <si>
    <t>mozza freed pur merkz choprhtta GGPS Bailay Wala kbirwala</t>
  </si>
  <si>
    <t>HASHMAT MIRALLI</t>
  </si>
  <si>
    <t>NAJMA YASMEEN</t>
  </si>
  <si>
    <t>GGPS BAIR WALA</t>
  </si>
  <si>
    <t>GUJRANWALA SADAR 6  - FEMALE</t>
  </si>
  <si>
    <t>Bairwala</t>
  </si>
  <si>
    <t>bairwala botala jhanda singh gujranwala</t>
  </si>
  <si>
    <t>Botala Jhanda Singh 52</t>
  </si>
  <si>
    <t>Azmat Begum</t>
  </si>
  <si>
    <t>NOOR KUBRA- FEMALE</t>
  </si>
  <si>
    <t>Qlandar Wala</t>
  </si>
  <si>
    <t>bair wala moza qaladar wala tehsil m.grh</t>
  </si>
  <si>
    <t>Bair Wala</t>
  </si>
  <si>
    <t>Basira</t>
  </si>
  <si>
    <t>Ayesha Meraj</t>
  </si>
  <si>
    <t>BABBAR  - FEMALE</t>
  </si>
  <si>
    <t>Bair wala</t>
  </si>
  <si>
    <t>Phamma Sara</t>
  </si>
  <si>
    <t>Amrozia Ashraf</t>
  </si>
  <si>
    <t>SHAHKOT CITY 2-FEMALE</t>
  </si>
  <si>
    <t>Bair Wala Chak No 34</t>
  </si>
  <si>
    <t>Bair wala chak no 34 R.B</t>
  </si>
  <si>
    <t>Karkan</t>
  </si>
  <si>
    <t>Rashida Parveen</t>
  </si>
  <si>
    <t>KOT SAI SINGH - FEMALE</t>
  </si>
  <si>
    <t>Chahh Dabban Wala</t>
  </si>
  <si>
    <t>Chan dabban wala</t>
  </si>
  <si>
    <t>Chah  Dabban Wala</t>
  </si>
  <si>
    <t>Kot Sai  Singh</t>
  </si>
  <si>
    <t>Tahira Kanwal</t>
  </si>
  <si>
    <t>GGPS BAQA PUR</t>
  </si>
  <si>
    <t>BWP GALWAN  - FEMALE</t>
  </si>
  <si>
    <t>Baqa Pur</t>
  </si>
  <si>
    <t>basti o moza baqa pur post office hathiji</t>
  </si>
  <si>
    <t>Bwp Ghlwan</t>
  </si>
  <si>
    <t>Sarah Naeem</t>
  </si>
  <si>
    <t>GEHLAN HITHAR - FEMALE</t>
  </si>
  <si>
    <t>Gehlan Hathar</t>
  </si>
  <si>
    <t>baqa pur chunian kasur</t>
  </si>
  <si>
    <t>Sanam Nazli</t>
  </si>
  <si>
    <t>GGPS BAQIR PUR</t>
  </si>
  <si>
    <t>Baqa pur hatiji</t>
  </si>
  <si>
    <t>Basti Anwar Hassan Chughtai</t>
  </si>
  <si>
    <t>Bahawal Pur Ghalwana</t>
  </si>
  <si>
    <t>Afshan Parveen</t>
  </si>
  <si>
    <t>Baqir Pur</t>
  </si>
  <si>
    <t>gg p/s baqir pur, Baqir pur Bahawalpur</t>
  </si>
  <si>
    <t>BWP City III</t>
  </si>
  <si>
    <t>Nuzhat Alam</t>
  </si>
  <si>
    <t>KABIR PUR - FEMALE</t>
  </si>
  <si>
    <t>Baqirpur</t>
  </si>
  <si>
    <t>basti baqirpur</t>
  </si>
  <si>
    <t>Kabirpur</t>
  </si>
  <si>
    <t>Rehana Rasheed</t>
  </si>
  <si>
    <t>GGPS BARA SADAT</t>
  </si>
  <si>
    <t>GURMANI- FEMALE</t>
  </si>
  <si>
    <t>Buddh</t>
  </si>
  <si>
    <t>basti barin near basti budh teh kotadu disst muzaffar garh</t>
  </si>
  <si>
    <t>Barain</t>
  </si>
  <si>
    <t>Budh</t>
  </si>
  <si>
    <t>Madiha Zafar</t>
  </si>
  <si>
    <t>gudaray wala</t>
  </si>
  <si>
    <t>bsti bara sadat mouza gudaray wala dakkhana aali dah teh and district m uzaffargarh</t>
  </si>
  <si>
    <t>bara sadat</t>
  </si>
  <si>
    <t>aali daha</t>
  </si>
  <si>
    <t>sadia bibi</t>
  </si>
  <si>
    <t>GGPS BARHAMAN WALA</t>
  </si>
  <si>
    <t>MEHMOOD KOT- FEMALE</t>
  </si>
  <si>
    <t>khokhar</t>
  </si>
  <si>
    <t>basti sarhun wala mouza khokhar uc alu rid p.o bhryog</t>
  </si>
  <si>
    <t>sarhun wala</t>
  </si>
  <si>
    <t>alu rid</t>
  </si>
  <si>
    <t>Waseem Sajida</t>
  </si>
  <si>
    <t>GGPS Basti Allah Bakhsh</t>
  </si>
  <si>
    <t>MENJHWAIL-FEMALE</t>
  </si>
  <si>
    <t>Kharar Buzdar</t>
  </si>
  <si>
    <t>p/o kharar buzdar basti Allah bux</t>
  </si>
  <si>
    <t>Basti Allah Bakhash</t>
  </si>
  <si>
    <t>Mubarki</t>
  </si>
  <si>
    <t>Safia Nawaz</t>
  </si>
  <si>
    <t>GGPS BASTI ALLAH BAKHSH</t>
  </si>
  <si>
    <t>belay wala</t>
  </si>
  <si>
    <t>Basti Allah Bux</t>
  </si>
  <si>
    <t>Basti Allah bakhsh</t>
  </si>
  <si>
    <t>BELAY WALA</t>
  </si>
  <si>
    <t>Amna Urf Tanveer Kaussar</t>
  </si>
  <si>
    <t>GGPS BASTI ALLAH YAR</t>
  </si>
  <si>
    <t>Kassra Mojal</t>
  </si>
  <si>
    <t>Basti Allah yar</t>
  </si>
  <si>
    <t>Basti Allah Yar</t>
  </si>
  <si>
    <t>Mari Kasim Shah</t>
  </si>
  <si>
    <t>Samreen Kanwal</t>
  </si>
  <si>
    <t>MOEEN ABAD - FEMALE</t>
  </si>
  <si>
    <t>Kamil Lar</t>
  </si>
  <si>
    <t>basti Allah yar</t>
  </si>
  <si>
    <t>Ameer Pur</t>
  </si>
  <si>
    <t>RAJAN SHAH FEMALE</t>
  </si>
  <si>
    <t>sanjh esra</t>
  </si>
  <si>
    <t>p/o basti qazi maza sanjh esra</t>
  </si>
  <si>
    <t>basti allah yar</t>
  </si>
  <si>
    <t>sahu walla</t>
  </si>
  <si>
    <t>nasreen akhtar</t>
  </si>
  <si>
    <t>GGPS BASTI ARAIN</t>
  </si>
  <si>
    <t>DAMMAR WALA JANUBI - FEMALE</t>
  </si>
  <si>
    <t>Ghalwan-2</t>
  </si>
  <si>
    <t>Basti Tibba UC Ghalwan-2 Tehsil Alipur District M.Garh</t>
  </si>
  <si>
    <t>Basti Tibba</t>
  </si>
  <si>
    <t>Fariha Hussain</t>
  </si>
  <si>
    <t>UCH SHAREEF - FEMALE</t>
  </si>
  <si>
    <t>Uch Gillani</t>
  </si>
  <si>
    <t>uch sharif</t>
  </si>
  <si>
    <t>Basti Arain</t>
  </si>
  <si>
    <t>Nasreen Haq Nawaz</t>
  </si>
  <si>
    <t>HAMZAY WALI- FEMALE</t>
  </si>
  <si>
    <t>Pakka Sha Sayed  Ali</t>
  </si>
  <si>
    <t>pakka sha syed ali sher sultan teh,jatoi distt m.garh</t>
  </si>
  <si>
    <t>Basti Arrain</t>
  </si>
  <si>
    <t>Shehr Sultan</t>
  </si>
  <si>
    <t>Naseem Bibi</t>
  </si>
  <si>
    <t>NONARI - FEMALE</t>
  </si>
  <si>
    <t>wadhnor</t>
  </si>
  <si>
    <t>moza WadhnorBastiArain</t>
  </si>
  <si>
    <t>BastiArian</t>
  </si>
  <si>
    <t>khairpurdaha</t>
  </si>
  <si>
    <t>Shabana Bano</t>
  </si>
  <si>
    <t>KOT KHALIFA - FEMALE</t>
  </si>
  <si>
    <t>Ladan Wali</t>
  </si>
  <si>
    <t>Basti Arain moza ladan wali dakhana gamani</t>
  </si>
  <si>
    <t>Kot Khalifa</t>
  </si>
  <si>
    <t>Aneesa Bibi</t>
  </si>
  <si>
    <t>FEROZA - FEMALE</t>
  </si>
  <si>
    <t>Rashidabad</t>
  </si>
  <si>
    <t>GG PS basti a rain markaz feroza</t>
  </si>
  <si>
    <t>Kath Gahr</t>
  </si>
  <si>
    <t>Talbani</t>
  </si>
  <si>
    <t>Asifa Munir</t>
  </si>
  <si>
    <t>GGPS BASTI AWAN</t>
  </si>
  <si>
    <t>Ali Wali</t>
  </si>
  <si>
    <t>Basti awan</t>
  </si>
  <si>
    <t>Basti Awan</t>
  </si>
  <si>
    <t>Aneela Saeed</t>
  </si>
  <si>
    <t>KOTKHALIFA</t>
  </si>
  <si>
    <t>Basti Awan Moza and UC Kotkhalifa</t>
  </si>
  <si>
    <t>BASTI AWAN</t>
  </si>
  <si>
    <t>Zainab Batool</t>
  </si>
  <si>
    <t>MULTANI WALA - FEMALE</t>
  </si>
  <si>
    <t>Dograna</t>
  </si>
  <si>
    <t>Basti Awan  Mouza Dograna Budhla Sant Multan</t>
  </si>
  <si>
    <t>Budhla Sant</t>
  </si>
  <si>
    <t>Khadija Bibi</t>
  </si>
  <si>
    <t>GGPS BASTI BABRAN</t>
  </si>
  <si>
    <t>Shehbaz Pur</t>
  </si>
  <si>
    <t>basti babran shehbaz pur tehsil jatoi distrct muzafar garh</t>
  </si>
  <si>
    <t>M/c Jatoi  Wade No  20</t>
  </si>
  <si>
    <t>Mumtaz Iqbal</t>
  </si>
  <si>
    <t>AMIN ABAD - FEMALE</t>
  </si>
  <si>
    <t>Amin Abad</t>
  </si>
  <si>
    <t>ggps basti babran amin abad</t>
  </si>
  <si>
    <t>Babran</t>
  </si>
  <si>
    <t>Samina Kousar</t>
  </si>
  <si>
    <t>GGPS BASTI BAHADUR</t>
  </si>
  <si>
    <t>BULHAY WAL   -FEMALE</t>
  </si>
  <si>
    <t>Basti Bhudur</t>
  </si>
  <si>
    <t>basti Bhudur</t>
  </si>
  <si>
    <t>Jamal Kot</t>
  </si>
  <si>
    <t>Razia Yousaf</t>
  </si>
  <si>
    <t>MUHAMMAD PUR - FEMALE</t>
  </si>
  <si>
    <t>Pero Wala</t>
  </si>
  <si>
    <t>Basti bahadur uc pero wala p/o muhammad pur tehsil jampur district rajan pur</t>
  </si>
  <si>
    <t>Basti Bahadur</t>
  </si>
  <si>
    <t>Parveen Akhtar</t>
  </si>
  <si>
    <t>GGPS BASTI BALOCHAN</t>
  </si>
  <si>
    <t>SINAWAN- FEMALE</t>
  </si>
  <si>
    <t>Dogarklsra</t>
  </si>
  <si>
    <t>jhokwala p/o sanawan</t>
  </si>
  <si>
    <t>Jhokwala</t>
  </si>
  <si>
    <t>Dogarclassra</t>
  </si>
  <si>
    <t>Aisha Siddiqah</t>
  </si>
  <si>
    <t>Mangloti</t>
  </si>
  <si>
    <t>mouza mangloti basti lang</t>
  </si>
  <si>
    <t>Basti Lang</t>
  </si>
  <si>
    <t>Mubarak pur</t>
  </si>
  <si>
    <t>Bushra Latif</t>
  </si>
  <si>
    <t>QURESHI WALA - FEMALE</t>
  </si>
  <si>
    <t>Saad Ullah Pur</t>
  </si>
  <si>
    <t>bastibaloch wala lodhran</t>
  </si>
  <si>
    <t>Baloch Wala</t>
  </si>
  <si>
    <t>Yasmeen Akhtar</t>
  </si>
  <si>
    <t>GGPS BASTI BARKAT ALI</t>
  </si>
  <si>
    <t>Wah Machka</t>
  </si>
  <si>
    <t>rojhan city tehsil rojhan</t>
  </si>
  <si>
    <t>Rojhan</t>
  </si>
  <si>
    <t>Rojhan City</t>
  </si>
  <si>
    <t>Nusrat Bhutto</t>
  </si>
  <si>
    <t>KOT SAMABA-FEMALE</t>
  </si>
  <si>
    <t>Kanday Wali</t>
  </si>
  <si>
    <t>basti barkat ali</t>
  </si>
  <si>
    <t>Basti Barkat Ali</t>
  </si>
  <si>
    <t>Dari Azeem Khan</t>
  </si>
  <si>
    <t>Shaista Parveen</t>
  </si>
  <si>
    <t>GGPS BASTI CHANRAN</t>
  </si>
  <si>
    <t>Chani Goth</t>
  </si>
  <si>
    <t>basti chanran</t>
  </si>
  <si>
    <t>Basti Chanran</t>
  </si>
  <si>
    <t>Zubaida Malik</t>
  </si>
  <si>
    <t>GGPS BASTI CHOHAN</t>
  </si>
  <si>
    <t>RORAN WALI - FEMALE</t>
  </si>
  <si>
    <t>Asaba</t>
  </si>
  <si>
    <t>basti chohan moaza asaba</t>
  </si>
  <si>
    <t>Basti Chohan</t>
  </si>
  <si>
    <t>SUMIA NISAR</t>
  </si>
  <si>
    <t>KARAM PUR - FEMALE</t>
  </si>
  <si>
    <t>Malik Wahain</t>
  </si>
  <si>
    <t>bastichohan Karam Pur mailsi</t>
  </si>
  <si>
    <t>Bastichohan</t>
  </si>
  <si>
    <t>Borana Khas</t>
  </si>
  <si>
    <t>GGPS BASTI DHUDIAN</t>
  </si>
  <si>
    <t>BWN-1-FEMALE</t>
  </si>
  <si>
    <t>Jhullan Aarian</t>
  </si>
  <si>
    <t>basti dhudian</t>
  </si>
  <si>
    <t>Bastidhudian</t>
  </si>
  <si>
    <t>Jhullan Arain</t>
  </si>
  <si>
    <t>Rashida  Siddique</t>
  </si>
  <si>
    <t>RASOOL PUR-FEMALE</t>
  </si>
  <si>
    <t>GGPS.Basti Dhudian</t>
  </si>
  <si>
    <t>Basti Dhudian</t>
  </si>
  <si>
    <t>Aziz fatima</t>
  </si>
  <si>
    <t>GGPS BASTI GASHKORI</t>
  </si>
  <si>
    <t>ROSHAN SHAH FEMALE</t>
  </si>
  <si>
    <t>mehran wali</t>
  </si>
  <si>
    <t>BASTI GISHKORI TEHSIL KAROR DISTRICT LAYYAH</t>
  </si>
  <si>
    <t>basti gishkori</t>
  </si>
  <si>
    <t>Roshon Shah</t>
  </si>
  <si>
    <t>Hina Almas</t>
  </si>
  <si>
    <t>HAJI GHAZI-FEMALE</t>
  </si>
  <si>
    <t>Haji ghazi</t>
  </si>
  <si>
    <t>Basti moosa</t>
  </si>
  <si>
    <t>Shamshad Bibi</t>
  </si>
  <si>
    <t>GGPS BASTI GHULAM RASOOL</t>
  </si>
  <si>
    <t>MUBARKI-FEMALE</t>
  </si>
  <si>
    <t>Ghulam Rasool</t>
  </si>
  <si>
    <t>basti ghulam Rasool uc mubarki</t>
  </si>
  <si>
    <t>Saima Sabir</t>
  </si>
  <si>
    <t>GGPS BASTI GHULAM SARWAR</t>
  </si>
  <si>
    <t>Chatani</t>
  </si>
  <si>
    <t>adda .mai wala syphon road Mailsi</t>
  </si>
  <si>
    <t>Basti Ghulam Sarvar</t>
  </si>
  <si>
    <t>Munaza Noreen</t>
  </si>
  <si>
    <t>NEEL GARH-FEMALE</t>
  </si>
  <si>
    <t>Wahi Hazrat</t>
  </si>
  <si>
    <t>Moza wahi Hazrat basti ghulam sarwar kpr ryk</t>
  </si>
  <si>
    <t>Basti Ghulam Sarwar</t>
  </si>
  <si>
    <t>Navid  Anjum</t>
  </si>
  <si>
    <t>GGPS BASTI GOPANG</t>
  </si>
  <si>
    <t>Gopang</t>
  </si>
  <si>
    <t>basti gopang</t>
  </si>
  <si>
    <t>Baste Gopng</t>
  </si>
  <si>
    <t>Sadey Whin</t>
  </si>
  <si>
    <t>MURAD PUR SIAL-FEMALE</t>
  </si>
  <si>
    <t>Goth Ameen</t>
  </si>
  <si>
    <t>ggps basti gopang</t>
  </si>
  <si>
    <t>Basti Gopang</t>
  </si>
  <si>
    <t>Saba Khan</t>
  </si>
  <si>
    <t>GHULwan -1</t>
  </si>
  <si>
    <t>gov.girls p/s basti gopang</t>
  </si>
  <si>
    <t>Basti Tolay Wala</t>
  </si>
  <si>
    <t>Ghulwan 1</t>
  </si>
  <si>
    <t>Sidra Irum</t>
  </si>
  <si>
    <t>GGPS BASTI GUJJAR</t>
  </si>
  <si>
    <t>Khokhar Wala</t>
  </si>
  <si>
    <t>Ggps basti gujjar basti haidru khokhar wala</t>
  </si>
  <si>
    <t>Basti Haidru</t>
  </si>
  <si>
    <t>Jakkhar</t>
  </si>
  <si>
    <t>Irum Zahra</t>
  </si>
  <si>
    <t>GGPS BASTI ILAM DIN</t>
  </si>
  <si>
    <t>ILLAM DIN -FEMALE</t>
  </si>
  <si>
    <t>Sinawar</t>
  </si>
  <si>
    <t>basti ilm din</t>
  </si>
  <si>
    <t>Basti Ilm Din</t>
  </si>
  <si>
    <t>Goth Jangooo</t>
  </si>
  <si>
    <t>Kishwar Sultana</t>
  </si>
  <si>
    <t>students home</t>
  </si>
  <si>
    <t>SADAR RYK - FEMALE</t>
  </si>
  <si>
    <t>Bindaor</t>
  </si>
  <si>
    <t>Niazi Colony street no 4</t>
  </si>
  <si>
    <t>Niazi Colony</t>
  </si>
  <si>
    <t>DEH</t>
  </si>
  <si>
    <t>Rehana Perveen</t>
  </si>
  <si>
    <t>GGPS BASTI JANGLA</t>
  </si>
  <si>
    <t>BUDH- FEMALE</t>
  </si>
  <si>
    <t>Allu Rid</t>
  </si>
  <si>
    <t>basti jangla p/o mehmood kot</t>
  </si>
  <si>
    <t>Basti Jangla</t>
  </si>
  <si>
    <t>Suraya Begum</t>
  </si>
  <si>
    <t>KHAIR PUR-II- FEMALE</t>
  </si>
  <si>
    <t>Murad Pur Janobi</t>
  </si>
  <si>
    <t>basti janglah mouza Murad pur janobi tehsil Ali pur district muzaffar garh</t>
  </si>
  <si>
    <t>Jangla</t>
  </si>
  <si>
    <t>Rashida Bashir</t>
  </si>
  <si>
    <t>GGPS BASTI JARH</t>
  </si>
  <si>
    <t>MURAD ABAD- FEMALE</t>
  </si>
  <si>
    <t>Jarh</t>
  </si>
  <si>
    <t>Govt. Girls Primary School Basti Jarh .</t>
  </si>
  <si>
    <t>Abida Malik</t>
  </si>
  <si>
    <t>Basti Jarh</t>
  </si>
  <si>
    <t>basti jarh</t>
  </si>
  <si>
    <t>Mehar Pur</t>
  </si>
  <si>
    <t>Tabassum Fatima</t>
  </si>
  <si>
    <t>GGPS BASTI JATTAN R.Y.KHAN</t>
  </si>
  <si>
    <t>AMAAN GARH - FEMALE</t>
  </si>
  <si>
    <t>SAR Bohri</t>
  </si>
  <si>
    <t>GGPS basti jattan</t>
  </si>
  <si>
    <t>Basti Jattan</t>
  </si>
  <si>
    <t>Aman Garh</t>
  </si>
  <si>
    <t>shazia shameem</t>
  </si>
  <si>
    <t>Burrah</t>
  </si>
  <si>
    <t>111\p  RYK</t>
  </si>
  <si>
    <t>Basti  Jattan</t>
  </si>
  <si>
    <t>Aman  Garh</t>
  </si>
  <si>
    <t>GGPS BASTI KHERA</t>
  </si>
  <si>
    <t>JHUGGI WALA- FEMALE</t>
  </si>
  <si>
    <t>Jhuggiwala</t>
  </si>
  <si>
    <t>GGPSBASTIKHERA</t>
  </si>
  <si>
    <t>Shehla Mulazim</t>
  </si>
  <si>
    <t>PIRHAR SHARQI- FEMALE</t>
  </si>
  <si>
    <t>Khera</t>
  </si>
  <si>
    <t>Chah  koray  wala sinawan kot  addu</t>
  </si>
  <si>
    <t>Koray  wala</t>
  </si>
  <si>
    <t>Daya  chokha</t>
  </si>
  <si>
    <t>Najma Jan Muhammad</t>
  </si>
  <si>
    <t>GGPS BASTI KHOKHAR</t>
  </si>
  <si>
    <t>KAROR - FEMALE</t>
  </si>
  <si>
    <t>Karor City</t>
  </si>
  <si>
    <t>ward.no.3 basti khokhar</t>
  </si>
  <si>
    <t>City</t>
  </si>
  <si>
    <t>Karor</t>
  </si>
  <si>
    <t>rashida parveen</t>
  </si>
  <si>
    <t>KACHI SHAHANI - FEMALE</t>
  </si>
  <si>
    <t>Utra</t>
  </si>
  <si>
    <t>Basti khokhar maoza utra union council daolat wala</t>
  </si>
  <si>
    <t>Basti Khokhar</t>
  </si>
  <si>
    <t>Daolat wala</t>
  </si>
  <si>
    <t>Shagufta Yasmin</t>
  </si>
  <si>
    <t>GGPS BASTI KHOKHRAN</t>
  </si>
  <si>
    <t>SUKHAIL - FEMALE</t>
  </si>
  <si>
    <t>Thehri Zabti</t>
  </si>
  <si>
    <t>Basti Khokhran moza thehri zabti DNS</t>
  </si>
  <si>
    <t>Basti Khokhran</t>
  </si>
  <si>
    <t>Sukhail</t>
  </si>
  <si>
    <t>Shahida Khanam</t>
  </si>
  <si>
    <t>MAHAND SHARIF - FEMALE</t>
  </si>
  <si>
    <t>Basti khokharan</t>
  </si>
  <si>
    <t>GGPS Basti khokharan chani goth chakar</t>
  </si>
  <si>
    <t>Shagufta Qamar</t>
  </si>
  <si>
    <t>GGPS BASTI LAGHARI</t>
  </si>
  <si>
    <t>yaki wali</t>
  </si>
  <si>
    <t>kakwani wala multan rood alipur</t>
  </si>
  <si>
    <t>basti leghari</t>
  </si>
  <si>
    <t>sajida parveen</t>
  </si>
  <si>
    <t>GGPS BASTI LAKHA</t>
  </si>
  <si>
    <t>GHOUS PUR-FEMALE</t>
  </si>
  <si>
    <t>Kotli Murad</t>
  </si>
  <si>
    <t>basti lakha moza kotli murad teh khanpur distric rahim yar khan</t>
  </si>
  <si>
    <t>Fateh Pur Kamal</t>
  </si>
  <si>
    <t>Durdana Shahnaz</t>
  </si>
  <si>
    <t>JAHAN PUR</t>
  </si>
  <si>
    <t>BASTI LAKHA</t>
  </si>
  <si>
    <t>Sajida Yasmeen</t>
  </si>
  <si>
    <t>GGPS Basti Lal Khan</t>
  </si>
  <si>
    <t>Kharar</t>
  </si>
  <si>
    <t>basti lal muhammad kharar buzdar</t>
  </si>
  <si>
    <t>Basti Lal</t>
  </si>
  <si>
    <t>Mubarkhi</t>
  </si>
  <si>
    <t>Farkhanda Nazir Lalwani</t>
  </si>
  <si>
    <t>GGPS BASTI LAL KHAN</t>
  </si>
  <si>
    <t>FAZIL PUR - FEMALE</t>
  </si>
  <si>
    <t>SAHAN WALA</t>
  </si>
  <si>
    <t>G G P S BASTI LAL KHAN</t>
  </si>
  <si>
    <t>Fareeda Khanum</t>
  </si>
  <si>
    <t>GGPS BASTI LASHARI</t>
  </si>
  <si>
    <t>Muhammad Pur 2</t>
  </si>
  <si>
    <t>GGPS INDUS HIGHWAY BASTI LASHARI</t>
  </si>
  <si>
    <t>Shagufta Parveen</t>
  </si>
  <si>
    <t>WARA SEHRAN FEMALE</t>
  </si>
  <si>
    <t>Karor nashaib</t>
  </si>
  <si>
    <t>Basti Lashari karor nashaib</t>
  </si>
  <si>
    <t>KarorThalJandi</t>
  </si>
  <si>
    <t>Musarat Parveen</t>
  </si>
  <si>
    <t>GGPS BASTI MALAH</t>
  </si>
  <si>
    <t>FARIDIA - FEMALE</t>
  </si>
  <si>
    <t>Kotla Hussain</t>
  </si>
  <si>
    <t>GGPS Basti malah</t>
  </si>
  <si>
    <t>Kot Mithan</t>
  </si>
  <si>
    <t>CHENAB TOWN-FEMALE</t>
  </si>
  <si>
    <t>Chak Shumali</t>
  </si>
  <si>
    <t>chah samander wala near railway pathak jhang city</t>
  </si>
  <si>
    <t>Chah Samander  Wala</t>
  </si>
  <si>
    <t>Civil Line</t>
  </si>
  <si>
    <t>Asia Naheed</t>
  </si>
  <si>
    <t>GGPS BASTI MALKAN</t>
  </si>
  <si>
    <t>DARI AZEEM KHAN-FEMALE</t>
  </si>
  <si>
    <t>Basti Malkan Rahim Yar Khan</t>
  </si>
  <si>
    <t>Basti Malkan</t>
  </si>
  <si>
    <t>Misbah Shafiq</t>
  </si>
  <si>
    <t>GGPS BASTI MALOOK</t>
  </si>
  <si>
    <t>KOT ADU CITY- FEMALE</t>
  </si>
  <si>
    <t>Pirhar Sharqee</t>
  </si>
  <si>
    <t>Ward # -4 A Basti Sindhi zkot Addu</t>
  </si>
  <si>
    <t>Ward 14 A Basti Sindhee</t>
  </si>
  <si>
    <t>MC KOT ADDU</t>
  </si>
  <si>
    <t>Azra Sultana</t>
  </si>
  <si>
    <t>Basti Naseer khan Rojhan</t>
  </si>
  <si>
    <t>Naila Ejaz</t>
  </si>
  <si>
    <t>GGPS BASTI MIRANI</t>
  </si>
  <si>
    <t>Jhuggi wala</t>
  </si>
  <si>
    <t>basti mirani</t>
  </si>
  <si>
    <t>Basti Mirani</t>
  </si>
  <si>
    <t>Arfana Naz</t>
  </si>
  <si>
    <t>MAMOORI-FEMALE</t>
  </si>
  <si>
    <t>mamoori</t>
  </si>
  <si>
    <t>Basti meerani p/omamoori D G Khan</t>
  </si>
  <si>
    <t>Basti meraani</t>
  </si>
  <si>
    <t>Mamoori</t>
  </si>
  <si>
    <t>Nadia Hassan</t>
  </si>
  <si>
    <t>Nawan Dera</t>
  </si>
  <si>
    <t>Basti Mirani GGPS Mirani</t>
  </si>
  <si>
    <t>Mirani</t>
  </si>
  <si>
    <t>Maimona Jilani</t>
  </si>
  <si>
    <t>GGPS BASTI MOHANA</t>
  </si>
  <si>
    <t>BHUTAJI - FEMALE</t>
  </si>
  <si>
    <t>Bhutaji</t>
  </si>
  <si>
    <t>basti mohana</t>
  </si>
  <si>
    <t>Bastimohana</t>
  </si>
  <si>
    <t>TAYYABA IQBAL</t>
  </si>
  <si>
    <t>Bakhshan Arian</t>
  </si>
  <si>
    <t>basti mohana p/s kot samaba rahem yar khan</t>
  </si>
  <si>
    <t>Basti Mohana</t>
  </si>
  <si>
    <t>Tibbi Gul Muhammed</t>
  </si>
  <si>
    <t>Surryia Sultana</t>
  </si>
  <si>
    <t>GGPS BASTI MOULVIAN</t>
  </si>
  <si>
    <t>TAJ GARH-FEMALE</t>
  </si>
  <si>
    <t>Abdul Rehman</t>
  </si>
  <si>
    <t>basti molvian</t>
  </si>
  <si>
    <t>Basti molvian</t>
  </si>
  <si>
    <t>Anees Begum</t>
  </si>
  <si>
    <t>GGPS BASTI PAHALWANKA</t>
  </si>
  <si>
    <t>MCD 02-FEMALE</t>
  </si>
  <si>
    <t>Marie Wala</t>
  </si>
  <si>
    <t>good pehalwanka</t>
  </si>
  <si>
    <t>Pehalwanka</t>
  </si>
  <si>
    <t>Pit Thar Chishti</t>
  </si>
  <si>
    <t>Ghzala  Firdos</t>
  </si>
  <si>
    <t>MCD 14-FEMALE</t>
  </si>
  <si>
    <t>Murad Wala</t>
  </si>
  <si>
    <t>Basti Pahalwanka mouza murad wala Minchinabad Bahawalnagar</t>
  </si>
  <si>
    <t>Basti Pahalwanka</t>
  </si>
  <si>
    <t>Doulat Pur</t>
  </si>
  <si>
    <t>Aziz Fatima</t>
  </si>
  <si>
    <t>GGPS BASTI PATHAN</t>
  </si>
  <si>
    <t>Basti Pathan</t>
  </si>
  <si>
    <t>basti pathan</t>
  </si>
  <si>
    <t>Salaray</t>
  </si>
  <si>
    <t>Mussart Naseer</t>
  </si>
  <si>
    <t>Massan</t>
  </si>
  <si>
    <t>Kouser  Perveen</t>
  </si>
  <si>
    <t>GGPS BASTI PITAFI</t>
  </si>
  <si>
    <t>shah wala</t>
  </si>
  <si>
    <t>Basti pitafi moza chak shah wala uc chak peeru wala</t>
  </si>
  <si>
    <t>pitafi wala</t>
  </si>
  <si>
    <t>Peeru wala</t>
  </si>
  <si>
    <t>Abida Bibi</t>
  </si>
  <si>
    <t>Sarishta Nashaib</t>
  </si>
  <si>
    <t>basti pitafi moza sarishta nashaib</t>
  </si>
  <si>
    <t>Pitafi</t>
  </si>
  <si>
    <t>Jakhar</t>
  </si>
  <si>
    <t>Nadia Ismaeel</t>
  </si>
  <si>
    <t>GGPS BASTI PUNJAB</t>
  </si>
  <si>
    <t>Rakh Kot Mithan</t>
  </si>
  <si>
    <t>Gaps basti punjab markz faridia</t>
  </si>
  <si>
    <t>Tahir Colony</t>
  </si>
  <si>
    <t>Mc Mithan Kot</t>
  </si>
  <si>
    <t>Rashda sultan</t>
  </si>
  <si>
    <t>GGPS BASTI PUNJABI</t>
  </si>
  <si>
    <t>Mari Wala</t>
  </si>
  <si>
    <t>basti punjabi dakh khana muhammadpur dewan</t>
  </si>
  <si>
    <t>Muhammadpur No 2</t>
  </si>
  <si>
    <t>Moazma Malik</t>
  </si>
  <si>
    <t>Fazil pur</t>
  </si>
  <si>
    <t>Model Town Fazil pur</t>
  </si>
  <si>
    <t>FAZIL PUR</t>
  </si>
  <si>
    <t>Rukhshanda Begum</t>
  </si>
  <si>
    <t>GGPS BASTI RAHEEM BUKHSH</t>
  </si>
  <si>
    <t>MARI ALLAH BACHAYA - FEMALE</t>
  </si>
  <si>
    <t>Mud Ilyas</t>
  </si>
  <si>
    <t>Basti Gul Hassan Mari Allah Bachaya Mud Ilyas</t>
  </si>
  <si>
    <t>Basti Gul Hassan</t>
  </si>
  <si>
    <t>Mari Allah Bachaya</t>
  </si>
  <si>
    <t>Aqeela Matloob</t>
  </si>
  <si>
    <t>GUL MUHAMMAD LANGAH - FEMALE</t>
  </si>
  <si>
    <t>Tarukari</t>
  </si>
  <si>
    <t>Basti Rahim Bux Mouza Tarukari, Tehsil Liaquat Pur, District Rahim Yar Khan</t>
  </si>
  <si>
    <t>Rahim Bux</t>
  </si>
  <si>
    <t>Asma Mureed</t>
  </si>
  <si>
    <t>GGPS BASTI RAMZAN KHAN</t>
  </si>
  <si>
    <t>SHAHER SULTAN- FEMALE</t>
  </si>
  <si>
    <t>Shaher Sultan</t>
  </si>
  <si>
    <t>basti Ramzan khan shaher sultan</t>
  </si>
  <si>
    <t>Basti Ramzan Khan</t>
  </si>
  <si>
    <t>Azra Parveen</t>
  </si>
  <si>
    <t>Jhong Bilawal</t>
  </si>
  <si>
    <t>Basti jhong bilawal amin abad</t>
  </si>
  <si>
    <t>Nilla Mossani</t>
  </si>
  <si>
    <t>Nadia Naheed</t>
  </si>
  <si>
    <t>GGPS BASTI RINDAN</t>
  </si>
  <si>
    <t>HAMEED WALA - FEMALE</t>
  </si>
  <si>
    <t>basti rindaan</t>
  </si>
  <si>
    <t>basti rindaan chah dhool wala</t>
  </si>
  <si>
    <t>BASTI RINDAN</t>
  </si>
  <si>
    <t>Nasreen bi bi</t>
  </si>
  <si>
    <t>GGPS BASTI SADAT</t>
  </si>
  <si>
    <t>CHANAB RASOOL PUR (A) - FEMALE</t>
  </si>
  <si>
    <t>Uchmoghlla</t>
  </si>
  <si>
    <t>Govt,girls,primary school Basti sadat uch sharif</t>
  </si>
  <si>
    <t>Basti Sadat</t>
  </si>
  <si>
    <t>Uch Egfemd HwtsnGillani</t>
  </si>
  <si>
    <t>Asia Shafqat</t>
  </si>
  <si>
    <t>GGPS BASTI SANDILA</t>
  </si>
  <si>
    <t>Douaba</t>
  </si>
  <si>
    <t>Govt Girls P/s Basti sandila near Railway line M.garh west</t>
  </si>
  <si>
    <t>Basti Sandila</t>
  </si>
  <si>
    <t>Rabia Basri Head</t>
  </si>
  <si>
    <t>NOTAK-FEMALE</t>
  </si>
  <si>
    <t>Gaming Sandila</t>
  </si>
  <si>
    <t>p/o basti sandila sharif</t>
  </si>
  <si>
    <t>Basti sandila</t>
  </si>
  <si>
    <t>Notak Mehmeed</t>
  </si>
  <si>
    <t>Humaira Safder</t>
  </si>
  <si>
    <t>GGPS BASTI SHAH DIN</t>
  </si>
  <si>
    <t>Aslam Abad</t>
  </si>
  <si>
    <t>basti shah din kot samaba</t>
  </si>
  <si>
    <t>Basti Shah Din</t>
  </si>
  <si>
    <t>Kot Samaba</t>
  </si>
  <si>
    <t>Yasmin Akhter</t>
  </si>
  <si>
    <t>NAWAN KOT - FEMALE</t>
  </si>
  <si>
    <t>Chak 108 NP</t>
  </si>
  <si>
    <t>basti Mian Abdul Wahid chak number 108 np</t>
  </si>
  <si>
    <t>Basti Mian Abdul Wahid</t>
  </si>
  <si>
    <t>Nawan Araen</t>
  </si>
  <si>
    <t>Farah Aslam</t>
  </si>
  <si>
    <t>GGPS BASTI SHER MUHAMMAD</t>
  </si>
  <si>
    <t>kharar buzdar tehsil taunsa</t>
  </si>
  <si>
    <t>Kharar buzar</t>
  </si>
  <si>
    <t>Dear Dildar</t>
  </si>
  <si>
    <t>Ggps basti sher Muhammad Rojhan</t>
  </si>
  <si>
    <t>Basti Asad Ullah</t>
  </si>
  <si>
    <t>Miran Pur</t>
  </si>
  <si>
    <t>Shabnam Khan</t>
  </si>
  <si>
    <t>GGPS BASTI SIALAN</t>
  </si>
  <si>
    <t>BWN.2-FEMALE</t>
  </si>
  <si>
    <t>Anokh Singh</t>
  </si>
  <si>
    <t>Mohla vala gala basti sialan BWN</t>
  </si>
  <si>
    <t>Basti Sialan</t>
  </si>
  <si>
    <t>M Pur saeeda</t>
  </si>
  <si>
    <t>Bushra parveen</t>
  </si>
  <si>
    <t>METLA - FEMALE</t>
  </si>
  <si>
    <t>basti sialan moza talbani</t>
  </si>
  <si>
    <t>Sadia Riaz</t>
  </si>
  <si>
    <t>GGPS BASTI SULTAN</t>
  </si>
  <si>
    <t>DIN PUR SHARIF - FEMALE</t>
  </si>
  <si>
    <t>Gulan Glkala</t>
  </si>
  <si>
    <t>basti sultan</t>
  </si>
  <si>
    <t>Basti Sultan</t>
  </si>
  <si>
    <t>Deen Pur</t>
  </si>
  <si>
    <t>Farkhanda Yasmeen</t>
  </si>
  <si>
    <t>MIRAN PUR - FEMALE</t>
  </si>
  <si>
    <t>Basti Sultan Kehror Pakka road Mailsi</t>
  </si>
  <si>
    <t>Buland Pur</t>
  </si>
  <si>
    <t>Parveen Mehar Din</t>
  </si>
  <si>
    <t>GGPS BEHARI PUR</t>
  </si>
  <si>
    <t>BHEEM KAY - FEMALE</t>
  </si>
  <si>
    <t>Behari Pur</t>
  </si>
  <si>
    <t>Ggps Behari Pur Tehsil Chunian District Kasur</t>
  </si>
  <si>
    <t>Mola Pur</t>
  </si>
  <si>
    <t>Samia Sarfraz</t>
  </si>
  <si>
    <t>BEHARI PUR - FEMALE</t>
  </si>
  <si>
    <t>beharipur</t>
  </si>
  <si>
    <t>beharipur daska</t>
  </si>
  <si>
    <t>Peerochak</t>
  </si>
  <si>
    <t>Samina Kouser</t>
  </si>
  <si>
    <t>GGPS BEHLOL PUR</t>
  </si>
  <si>
    <t>AHMADABAD-FEMALE</t>
  </si>
  <si>
    <t>BEHLOLPUR</t>
  </si>
  <si>
    <t>VILLAGE BEHLOLPUR PO BOX AHMADABAD (NWL)</t>
  </si>
  <si>
    <t>AHMADABAD</t>
  </si>
  <si>
    <t>Maria Nisar</t>
  </si>
  <si>
    <t>GGPS BHAGIAN</t>
  </si>
  <si>
    <t>MURIDKE-II - FEMALE</t>
  </si>
  <si>
    <t>Bhagian</t>
  </si>
  <si>
    <t>G G P S Bhagian</t>
  </si>
  <si>
    <t>Gharial Kalan</t>
  </si>
  <si>
    <t>Asmat Bibi</t>
  </si>
  <si>
    <t>GGPS BHANGALA</t>
  </si>
  <si>
    <t>BADDOMALHI-FEMALE</t>
  </si>
  <si>
    <t>Bhangala</t>
  </si>
  <si>
    <t>village Bhangala P\ O Baddomalhi Tehsil &amp; District Narowak</t>
  </si>
  <si>
    <t>Giddian</t>
  </si>
  <si>
    <t>Razia Sultana</t>
  </si>
  <si>
    <t>GGPS BHATTA</t>
  </si>
  <si>
    <t>Bhatta</t>
  </si>
  <si>
    <t>GGPS bhatta Lahore Shalimar town Cantt</t>
  </si>
  <si>
    <t>Dograekalan</t>
  </si>
  <si>
    <t>Sana Arif</t>
  </si>
  <si>
    <t>CHHEB - FEMALE</t>
  </si>
  <si>
    <t>vill. P/O Bhatta Teh. Jand District Attock</t>
  </si>
  <si>
    <t>Makhad</t>
  </si>
  <si>
    <t>Fehmida Naz</t>
  </si>
  <si>
    <t>GGPS BHATTI WALA</t>
  </si>
  <si>
    <t>CHAUBARA</t>
  </si>
  <si>
    <t>OLAKH THAL KALAN - FEMALE</t>
  </si>
  <si>
    <t>Bhattiwala</t>
  </si>
  <si>
    <t>GGPS bhattiwala</t>
  </si>
  <si>
    <t>Bhatti Wala</t>
  </si>
  <si>
    <t>Olkh Thal Kalan</t>
  </si>
  <si>
    <t>Firdous Kousar</t>
  </si>
  <si>
    <t>TAUNSA BARRAGE- FEMALE</t>
  </si>
  <si>
    <t>Perhar Sharqi</t>
  </si>
  <si>
    <t>ward  No  9 kot Adu</t>
  </si>
  <si>
    <t>Ward No 9 Kot Adu</t>
  </si>
  <si>
    <t>MC Kot Adu</t>
  </si>
  <si>
    <t>SALMA HUMA KHANUM</t>
  </si>
  <si>
    <t>GGPS BHATTIAN</t>
  </si>
  <si>
    <t>KHARIAN II - FEMALE</t>
  </si>
  <si>
    <t>Bhattian</t>
  </si>
  <si>
    <t>village Bhattian PO Raryala Tehsil Kharian District Gujrat</t>
  </si>
  <si>
    <t>Bhagwal</t>
  </si>
  <si>
    <t>Hamza</t>
  </si>
  <si>
    <t>GGPS BHIKHI KHURD</t>
  </si>
  <si>
    <t>KOT MOMIN</t>
  </si>
  <si>
    <t>LAKSEEN - FEMALE</t>
  </si>
  <si>
    <t>bhikhi khurd</t>
  </si>
  <si>
    <t>village bhikhi khurd tehsil kotmomin dist sargodha</t>
  </si>
  <si>
    <t>jallah makhdom</t>
  </si>
  <si>
    <t>Sana Saleem</t>
  </si>
  <si>
    <t>CHAK 4-SB - FEMALE</t>
  </si>
  <si>
    <t>Bhikhi Khurd</t>
  </si>
  <si>
    <t>Bhikhi khurd</t>
  </si>
  <si>
    <t>Abdal</t>
  </si>
  <si>
    <t>Ferhat  Naseem</t>
  </si>
  <si>
    <t>GGPS BHOJ PUR</t>
  </si>
  <si>
    <t>BHOJ PUR-FEMALE</t>
  </si>
  <si>
    <t>Bhojpur</t>
  </si>
  <si>
    <t>Norangabad</t>
  </si>
  <si>
    <t>Fahkra Sajid</t>
  </si>
  <si>
    <t>GGPS BHOOTAN PURA</t>
  </si>
  <si>
    <t>MURIDKE-III - FEMALE</t>
  </si>
  <si>
    <t>Narang</t>
  </si>
  <si>
    <t>ggps bhootan pura</t>
  </si>
  <si>
    <t>Narang Urban</t>
  </si>
  <si>
    <t>ABIDA SADDIQUE</t>
  </si>
  <si>
    <t>Bhootan Pura</t>
  </si>
  <si>
    <t>Bhootan pura. kot radha kishen. district kasur</t>
  </si>
  <si>
    <t>Pemar Uttar</t>
  </si>
  <si>
    <t>Samina Khursheed</t>
  </si>
  <si>
    <t>GGPS BILAL WALA</t>
  </si>
  <si>
    <t>CHOUBARA - FEMALE</t>
  </si>
  <si>
    <t>Khery Wala</t>
  </si>
  <si>
    <t>GGP/S Bilal wala tehsil choubara layyah</t>
  </si>
  <si>
    <t>Basti Malana</t>
  </si>
  <si>
    <t>Choubara</t>
  </si>
  <si>
    <t>MUNIRA GHAFOOR</t>
  </si>
  <si>
    <t>Hassan Wala</t>
  </si>
  <si>
    <t>hassan wala po McLeod gunj tehsil minchinabad</t>
  </si>
  <si>
    <t>hassan wala</t>
  </si>
  <si>
    <t>Faiz Elahi</t>
  </si>
  <si>
    <t>GGPS BOHAR</t>
  </si>
  <si>
    <t>JALLAH JEEM - FEMALE</t>
  </si>
  <si>
    <t>mouza bohar</t>
  </si>
  <si>
    <t>Waisi Wahin</t>
  </si>
  <si>
    <t>Sehrish Noreen</t>
  </si>
  <si>
    <t>bsati bohar jppw district multan</t>
  </si>
  <si>
    <t>Moza Bohar</t>
  </si>
  <si>
    <t>Juggu Wals</t>
  </si>
  <si>
    <t>Farzana kausar</t>
  </si>
  <si>
    <t>GGPS BOHAR WALA</t>
  </si>
  <si>
    <t>BASTI MALANA-FEMALE</t>
  </si>
  <si>
    <t>Jalbani</t>
  </si>
  <si>
    <t>basti Dera jalab khan</t>
  </si>
  <si>
    <t>Basti Dera Jalab Khan</t>
  </si>
  <si>
    <t>Basti Jalbani</t>
  </si>
  <si>
    <t>NAWAN SHEHR - FEMALE</t>
  </si>
  <si>
    <t>Okanwala</t>
  </si>
  <si>
    <t>govt model primary school BOHAR WALA</t>
  </si>
  <si>
    <t>BOHAR WALA</t>
  </si>
  <si>
    <t>UZMA NAWAZ</t>
  </si>
  <si>
    <t>DARIN- FEMALE</t>
  </si>
  <si>
    <t>Khokhar</t>
  </si>
  <si>
    <t>GGPS bohar wala ,markaz darein,Moza shahjmal, tehsil &amp; M. garh</t>
  </si>
  <si>
    <t>Kikar Wala</t>
  </si>
  <si>
    <t>Hira Batool</t>
  </si>
  <si>
    <t>GGPS BOHRAN</t>
  </si>
  <si>
    <t>Behli</t>
  </si>
  <si>
    <t>g.g.m.p/s bohran</t>
  </si>
  <si>
    <t>Bohran</t>
  </si>
  <si>
    <t>Tehsil Municipal Committee</t>
  </si>
  <si>
    <t>sadaf koser</t>
  </si>
  <si>
    <t>Municipal Building</t>
  </si>
  <si>
    <t>FATEH PUR KAMAL-FEMALE</t>
  </si>
  <si>
    <t>fatehpurkamal</t>
  </si>
  <si>
    <t>Basti Bohran</t>
  </si>
  <si>
    <t>Fatehpur Kamal</t>
  </si>
  <si>
    <t>Uzma Batool</t>
  </si>
  <si>
    <t>GGPS BONGA BALOCHAN</t>
  </si>
  <si>
    <t>PHOOL NAGAR SADAR - FEMALE</t>
  </si>
  <si>
    <t>Bonga Balochan</t>
  </si>
  <si>
    <t>GGPS BONGA BALOCHAN PHOOL NAGAR SADAR</t>
  </si>
  <si>
    <t>101 Olakh Bonga</t>
  </si>
  <si>
    <t>Almas  Fatima</t>
  </si>
  <si>
    <t>GONDAL - FEMALE</t>
  </si>
  <si>
    <t>bonga balochan P/o chakrala teh.shahpur distt. sargodha</t>
  </si>
  <si>
    <t>Nida Fatima</t>
  </si>
  <si>
    <t>GGPS BORAY WALI</t>
  </si>
  <si>
    <t>DARIANWALA-FEMALE</t>
  </si>
  <si>
    <t>Booray Wali</t>
  </si>
  <si>
    <t>village booray wali distt. and tehsil narowal</t>
  </si>
  <si>
    <t>Manak</t>
  </si>
  <si>
    <t>Qamer Adrees</t>
  </si>
  <si>
    <t>WAZIRABAD CITY 1 - FEMALE</t>
  </si>
  <si>
    <t>Burewali</t>
  </si>
  <si>
    <t>village burewali p/o dhonkal</t>
  </si>
  <si>
    <t>Dhonkal</t>
  </si>
  <si>
    <t>Shehnaz</t>
  </si>
  <si>
    <t>GGPS BROOTA</t>
  </si>
  <si>
    <t>DOBERAN KHURD - FEMALE</t>
  </si>
  <si>
    <t>Broota</t>
  </si>
  <si>
    <t>village broota p/o hanesar tehsil Kahuta district Rawalpindi</t>
  </si>
  <si>
    <t>Doberan Khurd</t>
  </si>
  <si>
    <t>Rehana bibi</t>
  </si>
  <si>
    <t>KALLAR SYEDAN</t>
  </si>
  <si>
    <t>SAMOTE -FEMALE</t>
  </si>
  <si>
    <t>Baroota</t>
  </si>
  <si>
    <t>moza baroota p.o samote tehsil kallar syedan distt rwp</t>
  </si>
  <si>
    <t>Samote</t>
  </si>
  <si>
    <t>Sobia bibi</t>
  </si>
  <si>
    <t>GGPS BUGGA</t>
  </si>
  <si>
    <t>LILLA-FEMALE</t>
  </si>
  <si>
    <t>Bugga</t>
  </si>
  <si>
    <t>village Bugga Tehsil PD Khan Dist Jhelum</t>
  </si>
  <si>
    <t>Asia Batool</t>
  </si>
  <si>
    <t>GGPS BUGGA P/O Chbba Sindhwan Teh Nosheravirkan Dist Gujranwala</t>
  </si>
  <si>
    <t>Phamma Saraiye</t>
  </si>
  <si>
    <t>Tasneem Akhtar</t>
  </si>
  <si>
    <t>GGPS BUTTER</t>
  </si>
  <si>
    <t>GHAZANABAD -FEMALE</t>
  </si>
  <si>
    <t>Bishandot</t>
  </si>
  <si>
    <t>village butter po sagri teh kallar syedan dist rwp</t>
  </si>
  <si>
    <t>Ggpsbutter</t>
  </si>
  <si>
    <t>Maria Ahmed</t>
  </si>
  <si>
    <t>KAKRALI III -FEMALE</t>
  </si>
  <si>
    <t>Butter</t>
  </si>
  <si>
    <t>VPO butter ,tehsil kharian ,district Gujarat</t>
  </si>
  <si>
    <t>Aach</t>
  </si>
  <si>
    <t>Yasmin Tahira</t>
  </si>
  <si>
    <t>GGPS CANAL COLONY</t>
  </si>
  <si>
    <t>KOT ADU-I - FEMALE</t>
  </si>
  <si>
    <t>Pirhar Sharqi</t>
  </si>
  <si>
    <t>ward no 14/f near office markete commette kot addu</t>
  </si>
  <si>
    <t>Kot Addu</t>
  </si>
  <si>
    <t>KISHWAR NAHEED</t>
  </si>
  <si>
    <t>GGPS CHACHIAN</t>
  </si>
  <si>
    <t>GUJRAT III - FEMALE</t>
  </si>
  <si>
    <t>Chachian</t>
  </si>
  <si>
    <t>GGPS Chachian</t>
  </si>
  <si>
    <t>Chak Pindi</t>
  </si>
  <si>
    <t>Sobia Fiyaz</t>
  </si>
  <si>
    <t>TANDA-III-FEMALE</t>
  </si>
  <si>
    <t>village chachian P.O baru teh. &amp; Distt.Gujrat</t>
  </si>
  <si>
    <t>Dhamthal</t>
  </si>
  <si>
    <t>Sadia Nawaz</t>
  </si>
  <si>
    <t>GGPS CHAH AMB WALA</t>
  </si>
  <si>
    <t>QUTAB PUR - FEMALE</t>
  </si>
  <si>
    <t>Timber Market</t>
  </si>
  <si>
    <t>GGPS chah amb wala</t>
  </si>
  <si>
    <t>Chah Amb Wala</t>
  </si>
  <si>
    <t>Willsyat Abad No 2</t>
  </si>
  <si>
    <t>Nusrat Farzana</t>
  </si>
  <si>
    <t>GALAYWAL - FEMALE</t>
  </si>
  <si>
    <t>Lahori</t>
  </si>
  <si>
    <t>chah amb wala p/o gellay wala Tehsil n district Lodhran</t>
  </si>
  <si>
    <t>Amb Wala</t>
  </si>
  <si>
    <t>Kousar Parveen</t>
  </si>
  <si>
    <t>GGPS CHAK 565 GB LUNDIANWALA</t>
  </si>
  <si>
    <t>JARANWALA</t>
  </si>
  <si>
    <t>BUCHIANA - FEMALE</t>
  </si>
  <si>
    <t>Chak No 565 Gb West</t>
  </si>
  <si>
    <t>Chak No 565 Gb West jaranwala faisalabad</t>
  </si>
  <si>
    <t>Chak No 566 Namdar</t>
  </si>
  <si>
    <t>Farah Rao</t>
  </si>
  <si>
    <t>LUNDIANWALA - FEMALE</t>
  </si>
  <si>
    <t>N/A</t>
  </si>
  <si>
    <t>chak#565GB (E)</t>
  </si>
  <si>
    <t>565 GB EAST</t>
  </si>
  <si>
    <t>566namdaar</t>
  </si>
  <si>
    <t>Sajida Ajmal</t>
  </si>
  <si>
    <t>GGPS CHAK AHMED YAR</t>
  </si>
  <si>
    <t>BASIR PUR - FEMALE</t>
  </si>
  <si>
    <t>ChakAhmad Yar</t>
  </si>
  <si>
    <t>ChakAhmad Yar post office Basir pur thesil depalpur district,okara</t>
  </si>
  <si>
    <t>Klasson Hameed</t>
  </si>
  <si>
    <t>Farah Ishaq</t>
  </si>
  <si>
    <t>MCD 03-FEMALE</t>
  </si>
  <si>
    <t>Chak Ahmed Yar</t>
  </si>
  <si>
    <t>Dakhana mandi sadak gunj chak ahmed yar</t>
  </si>
  <si>
    <t>Mirzka</t>
  </si>
  <si>
    <t>Sidra Tul Muntaha</t>
  </si>
  <si>
    <t>GGPS CHAK BAIG</t>
  </si>
  <si>
    <t>JAMKE CHEEMA - FEMALE</t>
  </si>
  <si>
    <t>Chak Baig</t>
  </si>
  <si>
    <t>GGPS Chak Baig , post office Jamke Cheema ,Tehsil  : Daska District Sialkot.</t>
  </si>
  <si>
    <t>Jamke Cheema</t>
  </si>
  <si>
    <t>Navida Yasmin</t>
  </si>
  <si>
    <t>AHMAD NAGER 4 - FEMALE</t>
  </si>
  <si>
    <t>Chack Baig</t>
  </si>
  <si>
    <t>chack baig  p/o botala  jhanda singh teh -disst gujranwala</t>
  </si>
  <si>
    <t>Kot Bawani Das</t>
  </si>
  <si>
    <t>Alia Sajjad</t>
  </si>
  <si>
    <t>GGPS CHAK BANDI</t>
  </si>
  <si>
    <t>AEO (W) CHINIOT NO.18</t>
  </si>
  <si>
    <t>Chakbandi</t>
  </si>
  <si>
    <t>chakbandi</t>
  </si>
  <si>
    <t>125 Jb Japa</t>
  </si>
  <si>
    <t>Nazia Arshad</t>
  </si>
  <si>
    <t>SONAK-FEMALE</t>
  </si>
  <si>
    <t>Chak Bandi</t>
  </si>
  <si>
    <t>basti chak bandi daak khana kotsamaba district Rahim yar khan</t>
  </si>
  <si>
    <t>Basti</t>
  </si>
  <si>
    <t>Sonak</t>
  </si>
  <si>
    <t>gul wish</t>
  </si>
  <si>
    <t>GGPS CHAK BEEKA</t>
  </si>
  <si>
    <t>SHAKARGARH (NORTH)-FEMALE</t>
  </si>
  <si>
    <t>Chak Beeka</t>
  </si>
  <si>
    <t>GGPS Chak beeka, p/o &amp; tehsil shakargarh, district narowal.</t>
  </si>
  <si>
    <t>Phalwari</t>
  </si>
  <si>
    <t>Robina Koser</t>
  </si>
  <si>
    <t>GGPS CHAK MIANA</t>
  </si>
  <si>
    <t>GUJJARKEY - FEMALE</t>
  </si>
  <si>
    <t>Chak Miana</t>
  </si>
  <si>
    <t>Chak Miana post office mundyki teh daska dis sialkot</t>
  </si>
  <si>
    <t>Bhudha Goraya</t>
  </si>
  <si>
    <t>Asia Nisar</t>
  </si>
  <si>
    <t>MIDH RANJHA-II - FEMALE</t>
  </si>
  <si>
    <t>Chakmiana</t>
  </si>
  <si>
    <t>chakmiana</t>
  </si>
  <si>
    <t>Garhi Kala</t>
  </si>
  <si>
    <t>Tabasum Zhara</t>
  </si>
  <si>
    <t>GGPS CHAK MUGHAL</t>
  </si>
  <si>
    <t>DOKOTA - FEMALE</t>
  </si>
  <si>
    <t>Chak Mughal</t>
  </si>
  <si>
    <t>chak mugjal dokota</t>
  </si>
  <si>
    <t>Kharala</t>
  </si>
  <si>
    <t>CHAK BAWA - FEMALE</t>
  </si>
  <si>
    <t>CHAK Mughal</t>
  </si>
  <si>
    <t>GGPS chak mughal</t>
  </si>
  <si>
    <t>Chak mughal</t>
  </si>
  <si>
    <t>Mohib Ali Ottar</t>
  </si>
  <si>
    <t>GGPS CHAK NO.387/TDA</t>
  </si>
  <si>
    <t>DHORI ADDA - FEMALE</t>
  </si>
  <si>
    <t>387chk</t>
  </si>
  <si>
    <t>387tda</t>
  </si>
  <si>
    <t>LADHANA</t>
  </si>
  <si>
    <t>Narjis Batool</t>
  </si>
  <si>
    <t>GGPS387/TDA</t>
  </si>
  <si>
    <t>387A/TDA</t>
  </si>
  <si>
    <t>Chowk Azam</t>
  </si>
  <si>
    <t>Tasneem Kousar</t>
  </si>
  <si>
    <t>GGPS CHAK PURANA</t>
  </si>
  <si>
    <t>MANDIALA TEGA - FEMALE</t>
  </si>
  <si>
    <t>CHAK PURANA</t>
  </si>
  <si>
    <t>MANDIALA TEGA</t>
  </si>
  <si>
    <t>Nabila Saddique</t>
  </si>
  <si>
    <t>JHANG KALAN - FEMALE</t>
  </si>
  <si>
    <t>Chak Purana</t>
  </si>
  <si>
    <t>village chak purana post office looni</t>
  </si>
  <si>
    <t>Chak  Purana</t>
  </si>
  <si>
    <t>Kachi  Mand</t>
  </si>
  <si>
    <t>Neelam Salman</t>
  </si>
  <si>
    <t>GGPS CHAK QAZI</t>
  </si>
  <si>
    <t>MADU KALAS - FEMALE</t>
  </si>
  <si>
    <t>Chak  Qazi</t>
  </si>
  <si>
    <t>village @p/o chak qazi</t>
  </si>
  <si>
    <t>Chak Qazi</t>
  </si>
  <si>
    <t>Dhanyala</t>
  </si>
  <si>
    <t>Attia Bibi</t>
  </si>
  <si>
    <t>KUNJAH III - FEMALE</t>
  </si>
  <si>
    <t>chak qazi</t>
  </si>
  <si>
    <t>Sheikh Sukha</t>
  </si>
  <si>
    <t>GGPS CHAK TREDA</t>
  </si>
  <si>
    <t>KARUNTA -FEMALE</t>
  </si>
  <si>
    <t>Chak Treda</t>
  </si>
  <si>
    <t>p o kot dhamiyak village chak treda tehsil sohawa district jhelum</t>
  </si>
  <si>
    <t>Pail Bnay Khan</t>
  </si>
  <si>
    <t>Isbah Naeem</t>
  </si>
  <si>
    <t>GGPS CHAKRA</t>
  </si>
  <si>
    <t>SADAR BERONI-FEMALE</t>
  </si>
  <si>
    <t>chakra</t>
  </si>
  <si>
    <t>GIRJA</t>
  </si>
  <si>
    <t>Mrs Riffat Perveen</t>
  </si>
  <si>
    <t>GGPS CHAKRI</t>
  </si>
  <si>
    <t>BINNA - FEMALE</t>
  </si>
  <si>
    <t>Chakri</t>
  </si>
  <si>
    <t>Ggpschakri</t>
  </si>
  <si>
    <t>Wadala Sundhwan</t>
  </si>
  <si>
    <t>Farzana Kosar</t>
  </si>
  <si>
    <t>JANDIALA-FEMALE</t>
  </si>
  <si>
    <t>Chikri</t>
  </si>
  <si>
    <t>Rupochak</t>
  </si>
  <si>
    <t>Uzma Razzaq</t>
  </si>
  <si>
    <t>DARA PUR-FEMALE</t>
  </si>
  <si>
    <t>Chakri Rajgan</t>
  </si>
  <si>
    <t>VPO chakri Rajgan</t>
  </si>
  <si>
    <t>Nakkah</t>
  </si>
  <si>
    <t>Naeema Zafar</t>
  </si>
  <si>
    <t>GGPS CHAN WALA</t>
  </si>
  <si>
    <t>BAHADUR PUR - FEMALE</t>
  </si>
  <si>
    <t>Molvi Wala</t>
  </si>
  <si>
    <t>Govt Girls Primary School Chan Wala</t>
  </si>
  <si>
    <t>Bahadar Pur</t>
  </si>
  <si>
    <t>Tehmina Kanwal</t>
  </si>
  <si>
    <t>basti chan mouza chanwala p/o box  qasba gujarat</t>
  </si>
  <si>
    <t>Maimona Ambreen</t>
  </si>
  <si>
    <t>GGPS CHANALA</t>
  </si>
  <si>
    <t>GEHL - FEMALE</t>
  </si>
  <si>
    <t>Ghel</t>
  </si>
  <si>
    <t>village and po ghel teh murree</t>
  </si>
  <si>
    <t>Nazia Qamar</t>
  </si>
  <si>
    <t>MANKA-FEMALE</t>
  </si>
  <si>
    <t>chanla</t>
  </si>
  <si>
    <t>chanala p/o fazla kach tribal area dg khan</t>
  </si>
  <si>
    <t>chanala</t>
  </si>
  <si>
    <t>Fazla</t>
  </si>
  <si>
    <t>Zubaida Mai</t>
  </si>
  <si>
    <t>GGPS CHANDAR</t>
  </si>
  <si>
    <t>J.P.JATTAN-IV-FEMALE</t>
  </si>
  <si>
    <t>chandar</t>
  </si>
  <si>
    <t>village chandar po chak manju district gujrat</t>
  </si>
  <si>
    <t>chak manju</t>
  </si>
  <si>
    <t>Kanwal Afzal</t>
  </si>
  <si>
    <t>GGPS CHAR</t>
  </si>
  <si>
    <t>S.A.GIR III - FEMALE</t>
  </si>
  <si>
    <t>Char</t>
  </si>
  <si>
    <t>char</t>
  </si>
  <si>
    <t>Pir Khana</t>
  </si>
  <si>
    <t>Kinza Muneer</t>
  </si>
  <si>
    <t>GUJRAT-VII-FEMALE</t>
  </si>
  <si>
    <t>Charr</t>
  </si>
  <si>
    <t>P.O.Box Dullanwala</t>
  </si>
  <si>
    <t>Machaina</t>
  </si>
  <si>
    <t>Safia Begum</t>
  </si>
  <si>
    <t>GGPS CHATRI</t>
  </si>
  <si>
    <t>TIBBI QISRANI-FEMALE</t>
  </si>
  <si>
    <t>Lohaara</t>
  </si>
  <si>
    <t>basti chatri</t>
  </si>
  <si>
    <t>Chatri</t>
  </si>
  <si>
    <t>Litra</t>
  </si>
  <si>
    <t>Fozia Manzoor</t>
  </si>
  <si>
    <t>PHAGWARI - FEMALE</t>
  </si>
  <si>
    <t>village chatri shakargarh</t>
  </si>
  <si>
    <t>Fateh Pur Afghana</t>
  </si>
  <si>
    <t>AZRA SULTANA</t>
  </si>
  <si>
    <t>GGPS CHEENA WALA</t>
  </si>
  <si>
    <t>CHAK NO.65/DB-FEMALE</t>
  </si>
  <si>
    <t>bitti</t>
  </si>
  <si>
    <t>GGPSCheenawala</t>
  </si>
  <si>
    <t>cheenawala</t>
  </si>
  <si>
    <t>Tehrin Javed</t>
  </si>
  <si>
    <t>GGPS DAD WALA</t>
  </si>
  <si>
    <t>JAHAN KHAN- FEMALE</t>
  </si>
  <si>
    <t>Dogar Klasra</t>
  </si>
  <si>
    <t>chah milawy Wala dogar Klasra</t>
  </si>
  <si>
    <t>Milawy Wala</t>
  </si>
  <si>
    <t>Nazia Shahbaz</t>
  </si>
  <si>
    <t>GHULAMAN-FEMALE</t>
  </si>
  <si>
    <t>Ghulaman</t>
  </si>
  <si>
    <t>Dad Wala Tehsil Kallurkot Kot District Bhakkar Postoffice Dadu Wala</t>
  </si>
  <si>
    <t>Dad Wala</t>
  </si>
  <si>
    <t>Safia Bibi</t>
  </si>
  <si>
    <t>GGPS DADU WALA</t>
  </si>
  <si>
    <t>vpo dadu wala teh kallour kot  distt bhskkar</t>
  </si>
  <si>
    <t>Dadu Wala</t>
  </si>
  <si>
    <t>Ghulaman 1</t>
  </si>
  <si>
    <t>Shamim Khatoon</t>
  </si>
  <si>
    <t>Daduwala</t>
  </si>
  <si>
    <t>government primary school daduwala</t>
  </si>
  <si>
    <t>Naseerpur Kalan</t>
  </si>
  <si>
    <t>Iram Aslam</t>
  </si>
  <si>
    <t>GGPS DADU WALI</t>
  </si>
  <si>
    <t>SAMBRIAL</t>
  </si>
  <si>
    <t>KAKEWALI - FEMALE</t>
  </si>
  <si>
    <t>Daduwali</t>
  </si>
  <si>
    <t>village daduwali tehsil sambrial distt sialkot</t>
  </si>
  <si>
    <t>Sarankey</t>
  </si>
  <si>
    <t>Hafiza Zainab Arshad</t>
  </si>
  <si>
    <t>KLASWALA - FEMALE</t>
  </si>
  <si>
    <t>daduwali p o box kalaswala tehsil pasrur dis sialkot</t>
  </si>
  <si>
    <t>Kalaswala</t>
  </si>
  <si>
    <t>Farzana Ashraf</t>
  </si>
  <si>
    <t>GGPS DANDI</t>
  </si>
  <si>
    <t>MOCHH NO.2-FEMALE</t>
  </si>
  <si>
    <t>ggps dandi</t>
  </si>
  <si>
    <t>Quraeshiaan</t>
  </si>
  <si>
    <t>Fakhara Batool</t>
  </si>
  <si>
    <t>PINDI GHEB - FEMALE</t>
  </si>
  <si>
    <t>v.p.o dandi</t>
  </si>
  <si>
    <t>Ghazala Nawaz</t>
  </si>
  <si>
    <t>GGPS DARKHAN WALA</t>
  </si>
  <si>
    <t>MURGHAI - FEMALE</t>
  </si>
  <si>
    <t>Bhaag</t>
  </si>
  <si>
    <t>moza bhaag</t>
  </si>
  <si>
    <t>Darkhanwala</t>
  </si>
  <si>
    <t>Dhinghan</t>
  </si>
  <si>
    <t>Kanwal Ali</t>
  </si>
  <si>
    <t>URBAN JANDAN WALA - FEMALE</t>
  </si>
  <si>
    <t>Jandawala</t>
  </si>
  <si>
    <t>govt.girl ps dirkhana wala jandawala</t>
  </si>
  <si>
    <t>Bhakkar</t>
  </si>
  <si>
    <t>Mc Jandawala</t>
  </si>
  <si>
    <t>Kalsoom Niazi</t>
  </si>
  <si>
    <t>GGPS DARYA</t>
  </si>
  <si>
    <t>ANWAR ABAD - FEMALE</t>
  </si>
  <si>
    <t>Laluwali</t>
  </si>
  <si>
    <t>Darya, Bhagtanwala</t>
  </si>
  <si>
    <t>Darya</t>
  </si>
  <si>
    <t>Dakhli Laluwali</t>
  </si>
  <si>
    <t>Faiza Iqbal Khokhar</t>
  </si>
  <si>
    <t>HAZRO 2 - FEMALE</t>
  </si>
  <si>
    <t>ggps darya po darya dis attock</t>
  </si>
  <si>
    <t>Mosa</t>
  </si>
  <si>
    <t>Azra Shaheen</t>
  </si>
  <si>
    <t>School Council provided building</t>
  </si>
  <si>
    <t>GGPS DAWOOD WALA</t>
  </si>
  <si>
    <t>Ggps dawood wala mohallah korae jhuggiwala</t>
  </si>
  <si>
    <t>Samia  Bibi</t>
  </si>
  <si>
    <t>GGPS DERA FAZAL DIN</t>
  </si>
  <si>
    <t>SHEIKHUPURA-XII - FEMALE</t>
  </si>
  <si>
    <t>Dera Fazal Din</t>
  </si>
  <si>
    <t>ggps dera fazal din farooq abad</t>
  </si>
  <si>
    <t>Dera Fazal Din Farooq Abad</t>
  </si>
  <si>
    <t>Kot Sondha</t>
  </si>
  <si>
    <t>Saima Shahzadi</t>
  </si>
  <si>
    <t>GGPS DERA GUJRAN</t>
  </si>
  <si>
    <t>KOTHA CHISTIAN - FEMALE</t>
  </si>
  <si>
    <t>Dera Gujran</t>
  </si>
  <si>
    <t>GGPS Dera Gujran P.O. Majra kalan Sambrial sialkot</t>
  </si>
  <si>
    <t>Jaithekay</t>
  </si>
  <si>
    <t>Samia Mustafa</t>
  </si>
  <si>
    <t>GGPS DERA KHIZAR HAYAT</t>
  </si>
  <si>
    <t>NOOR WANA (FEMALE)</t>
  </si>
  <si>
    <t>Samina Yousaf</t>
  </si>
  <si>
    <t>KUTHIALA SHEIKHAN -II- FEMALE</t>
  </si>
  <si>
    <t>Dera  KHIZER  HAYAT</t>
  </si>
  <si>
    <t>village Sohawa dilloana post office Sohawa bolanii</t>
  </si>
  <si>
    <t>SOHAWA  Dilloanna</t>
  </si>
  <si>
    <t>SOHAWA  DILLOANA</t>
  </si>
  <si>
    <t>Tamseela Zahra Naqvi</t>
  </si>
  <si>
    <t>NOORPUR THAL</t>
  </si>
  <si>
    <t>NOOR PUR (WEST) (FEMALE)</t>
  </si>
  <si>
    <t>Dera Khizarhauat</t>
  </si>
  <si>
    <t>dera khizar hayat</t>
  </si>
  <si>
    <t>Khizar Hayat</t>
  </si>
  <si>
    <t>Ghulam Sughra</t>
  </si>
  <si>
    <t>GGPS DHAL</t>
  </si>
  <si>
    <t>S.A.GIR II - FEMALE</t>
  </si>
  <si>
    <t>Dhall</t>
  </si>
  <si>
    <t>Village Dhall P.O. Nothia Qureshian Tehsil Sarai Alamgir District Gujrat</t>
  </si>
  <si>
    <t>Bhag Nagar</t>
  </si>
  <si>
    <t>Ghazala Saleem</t>
  </si>
  <si>
    <t>Ggps dhall post office phagwari murree rwp.</t>
  </si>
  <si>
    <t>Phagwari</t>
  </si>
  <si>
    <t>Kiran Akhlaq</t>
  </si>
  <si>
    <t>CHAK MUBARAK - FEMALE</t>
  </si>
  <si>
    <t>Dhal</t>
  </si>
  <si>
    <t>ggps dhal</t>
  </si>
  <si>
    <t>Ume Layla</t>
  </si>
  <si>
    <t>GGPS DHANDAL</t>
  </si>
  <si>
    <t>THATHA UMRA - FEMALE</t>
  </si>
  <si>
    <t>Dhandal</t>
  </si>
  <si>
    <t>village dhandal Tehsil Daska District Sialkot</t>
  </si>
  <si>
    <t>Satrah</t>
  </si>
  <si>
    <t>ATEEQA RAMZAN</t>
  </si>
  <si>
    <t>GGPS DHARAM KOT</t>
  </si>
  <si>
    <t>RASOOL NAGAR 1 - FEMALE</t>
  </si>
  <si>
    <t>Dharam Kot</t>
  </si>
  <si>
    <t>dharam kot</t>
  </si>
  <si>
    <t>Pandori Kalan</t>
  </si>
  <si>
    <t>Sobia Riaz</t>
  </si>
  <si>
    <t>dharqm kot</t>
  </si>
  <si>
    <t>Argun</t>
  </si>
  <si>
    <t>Rasool Bibi</t>
  </si>
  <si>
    <t>GGPS DHAY</t>
  </si>
  <si>
    <t>SIRAJ-FEMALE</t>
  </si>
  <si>
    <t>Dhay</t>
  </si>
  <si>
    <t>Village  Dhay Tehsil &amp; District Narowal.</t>
  </si>
  <si>
    <t>Dharagmiana</t>
  </si>
  <si>
    <t>GADIALA - FEMALE</t>
  </si>
  <si>
    <t>Ggps dhay</t>
  </si>
  <si>
    <t>Badokay</t>
  </si>
  <si>
    <t>BADAR UN NISA</t>
  </si>
  <si>
    <t>GGPS DHING</t>
  </si>
  <si>
    <t>DHRAG MIANA- FEMALE</t>
  </si>
  <si>
    <t>Dhing</t>
  </si>
  <si>
    <t>Fleez Pur</t>
  </si>
  <si>
    <t>dhing</t>
  </si>
  <si>
    <t>vil dhing,p/o lamma the kharian dis gujrat</t>
  </si>
  <si>
    <t>bhagwal</t>
  </si>
  <si>
    <t>Tanzeela Tabasum</t>
  </si>
  <si>
    <t>GGPS DHOK GHAZI</t>
  </si>
  <si>
    <t>Dhok Ghazi</t>
  </si>
  <si>
    <t>vill chakqada po chakora dist chakwal</t>
  </si>
  <si>
    <t>Sobia Saghir</t>
  </si>
  <si>
    <t>BARYAR - FEMALE</t>
  </si>
  <si>
    <t>GGPS Dhok Ghazi</t>
  </si>
  <si>
    <t>Baryar</t>
  </si>
  <si>
    <t>Sheen Bagh</t>
  </si>
  <si>
    <t>Najma Naz</t>
  </si>
  <si>
    <t>GGPS DHOK MALKAN</t>
  </si>
  <si>
    <t>FATEH JANG - FEMALE</t>
  </si>
  <si>
    <t>Dhok malkan</t>
  </si>
  <si>
    <t>vpo jabbi kasran Teh Fateh Jang District attock</t>
  </si>
  <si>
    <t>Jabbi Kasran</t>
  </si>
  <si>
    <t>Nusrat Afzal</t>
  </si>
  <si>
    <t>SIHAL-FEMALE</t>
  </si>
  <si>
    <t>Dhok Malkan</t>
  </si>
  <si>
    <t>P/O Sihal Village bagra seydan dhok malkan rwp</t>
  </si>
  <si>
    <t>Bagra Seydan</t>
  </si>
  <si>
    <t>Sihal</t>
  </si>
  <si>
    <t>Musarat Nisar</t>
  </si>
  <si>
    <t>GGPS DHOK MOCHIAN</t>
  </si>
  <si>
    <t>UMRAL-FEMALE</t>
  </si>
  <si>
    <t>Dhoke Mochian</t>
  </si>
  <si>
    <t>village Dhoke Mochian p/o Bakrala Tehsil Sohawa Disst Jhelum</t>
  </si>
  <si>
    <t>Lehri</t>
  </si>
  <si>
    <t>Naveeda Parveen</t>
  </si>
  <si>
    <t>DOMAIL - FEMALE</t>
  </si>
  <si>
    <t>Pindsultani</t>
  </si>
  <si>
    <t>moh nai abadi v.p.o pindsultani</t>
  </si>
  <si>
    <t>Abida Shaheen</t>
  </si>
  <si>
    <t>GGPS DHOK MUQADDAM</t>
  </si>
  <si>
    <t>CHOHA KHALSA - FEMALE</t>
  </si>
  <si>
    <t>Dhoke Muqaddam</t>
  </si>
  <si>
    <t>Dhoke Muqadam, PO Choa, Kallar Syedan, Rwp</t>
  </si>
  <si>
    <t>Choa Khalsa</t>
  </si>
  <si>
    <t>Shazima Saleem</t>
  </si>
  <si>
    <t>SAHANG -FEMALE</t>
  </si>
  <si>
    <t>Dhoke Muqaddam Muqaddam</t>
  </si>
  <si>
    <t>village Dhoke Muqaddam P.O Mandra Tehsil Gujarkhan district Rawalpindi</t>
  </si>
  <si>
    <t>Kalyam Awan</t>
  </si>
  <si>
    <t>Asima Noreen</t>
  </si>
  <si>
    <t>GGPS DHOK PATWARI</t>
  </si>
  <si>
    <t>KHOUR - FEMALE</t>
  </si>
  <si>
    <t>Dhullian</t>
  </si>
  <si>
    <t>Dk patwari</t>
  </si>
  <si>
    <t>Dk Patwari</t>
  </si>
  <si>
    <t>Ghareebwal</t>
  </si>
  <si>
    <t>Nisar Begum</t>
  </si>
  <si>
    <t>PIRA FATHIAL-FEMALE</t>
  </si>
  <si>
    <t>Pira Fathial</t>
  </si>
  <si>
    <t>ggps dhoke patwari village pira fathial</t>
  </si>
  <si>
    <t>Dhoke Patwari</t>
  </si>
  <si>
    <t>Rania Kanwal</t>
  </si>
  <si>
    <t>GGPS DHOK SAR</t>
  </si>
  <si>
    <t>BADLOT-FEMALE</t>
  </si>
  <si>
    <t>Dhoksar</t>
  </si>
  <si>
    <t>Badlot</t>
  </si>
  <si>
    <t>Iram Haroon</t>
  </si>
  <si>
    <t>KHARPA - FEMALE</t>
  </si>
  <si>
    <t>Dk Sar</t>
  </si>
  <si>
    <t>p/o dk  laham  village dk sar teh pindi gheb  attok</t>
  </si>
  <si>
    <t>Kharpa</t>
  </si>
  <si>
    <t>Mussarat Bibi</t>
  </si>
  <si>
    <t>GGPS DHOK SULTAN</t>
  </si>
  <si>
    <t>BHAGWAL-FEMALE</t>
  </si>
  <si>
    <t>Dhok sultan</t>
  </si>
  <si>
    <t>Village &amp; P.O, Chawli. Dhok Sultan. Thesil &amp; Dist Chakwal</t>
  </si>
  <si>
    <t>Dhok Sultan</t>
  </si>
  <si>
    <t>karsal</t>
  </si>
  <si>
    <t>rashida bibi</t>
  </si>
  <si>
    <t>JASIAL-FEMALE</t>
  </si>
  <si>
    <t>Tehi</t>
  </si>
  <si>
    <t>dhok sultan p/o  tehi</t>
  </si>
  <si>
    <t>Sumaira Altaf</t>
  </si>
  <si>
    <t>GGPS DHOK SYEDAN</t>
  </si>
  <si>
    <t>dhoke saydhen p/o laham</t>
  </si>
  <si>
    <t>Dhoke Saydhen</t>
  </si>
  <si>
    <t>GGPS DHOK TAHLI</t>
  </si>
  <si>
    <t>Dhok Tahli</t>
  </si>
  <si>
    <t>GGPS dhoke Tahli</t>
  </si>
  <si>
    <t>Jabi S Dilawar</t>
  </si>
  <si>
    <t>Aasma Iram</t>
  </si>
  <si>
    <t>ADRANA-FEMALE</t>
  </si>
  <si>
    <t>Dani Dehra</t>
  </si>
  <si>
    <t>GGPS Dhok Tahli</t>
  </si>
  <si>
    <t>Jajial</t>
  </si>
  <si>
    <t>Shazia Javaid</t>
  </si>
  <si>
    <t>GGPS DHOLAN</t>
  </si>
  <si>
    <t>KHARIAN-V-FEMALE</t>
  </si>
  <si>
    <t>Dholan</t>
  </si>
  <si>
    <t>Village Dholan, P.O Manglia, Tehsil Kharian Disst. Gujrat</t>
  </si>
  <si>
    <t>Malka</t>
  </si>
  <si>
    <t>Ambreen Nawaz</t>
  </si>
  <si>
    <t>GGPS DHOLAN PO JAMKE CHEEMA TEH DASKA</t>
  </si>
  <si>
    <t>Alo Mahar</t>
  </si>
  <si>
    <t>FARAH MUBASHRA</t>
  </si>
  <si>
    <t>CHANDALA - FEMALE</t>
  </si>
  <si>
    <t>P/O mahey chatta village Dholan</t>
  </si>
  <si>
    <t>Lubna Siddique</t>
  </si>
  <si>
    <t>GGPS DHOOP SARI</t>
  </si>
  <si>
    <t>NANKANA SHARQI - FEMALE</t>
  </si>
  <si>
    <t>Dhoop Sari</t>
  </si>
  <si>
    <t>ggps. dhoop  sari</t>
  </si>
  <si>
    <t>Dharay  Da Warah</t>
  </si>
  <si>
    <t>Misbah Bashir</t>
  </si>
  <si>
    <t>BHEDIAN KALAN - FEMALE</t>
  </si>
  <si>
    <t>Sehjra</t>
  </si>
  <si>
    <t>Amina Sharif</t>
  </si>
  <si>
    <t>BHOE ASAL - FEMALE</t>
  </si>
  <si>
    <t>Phuliani</t>
  </si>
  <si>
    <t>dhoop sari phuliani</t>
  </si>
  <si>
    <t>Parveen Farooq</t>
  </si>
  <si>
    <t>Phool Nagar</t>
  </si>
  <si>
    <t>Dhoop Sari Eid Gah Road Phool Nagar</t>
  </si>
  <si>
    <t>Jamila Kausar</t>
  </si>
  <si>
    <t>PINDI BHATTIAN</t>
  </si>
  <si>
    <t>KISHAN GARAH - FEMALE</t>
  </si>
  <si>
    <t>dhoop sari</t>
  </si>
  <si>
    <t>Badar Ali</t>
  </si>
  <si>
    <t>Khalida Perveen</t>
  </si>
  <si>
    <t>Dhup Sari</t>
  </si>
  <si>
    <t>Village dhup Sari P O box mahey chattha teh kamoki Diss GRW</t>
  </si>
  <si>
    <t>Nangal Duna Singh</t>
  </si>
  <si>
    <t>Tanveer Akhtar</t>
  </si>
  <si>
    <t>GGPS DHOOR KOT</t>
  </si>
  <si>
    <t>NANKANA SADAR - FEMALE</t>
  </si>
  <si>
    <t>Dhoor kot</t>
  </si>
  <si>
    <t>kot Hussain khan</t>
  </si>
  <si>
    <t>Shazia Tabassum</t>
  </si>
  <si>
    <t>KHAKI LAKHI-FEMALE</t>
  </si>
  <si>
    <t>Badh  Rajbana</t>
  </si>
  <si>
    <t>Government Girls primary school Dhoor kot</t>
  </si>
  <si>
    <t>Dhoor Kot</t>
  </si>
  <si>
    <t>Badh Rajbana</t>
  </si>
  <si>
    <t>Mussarat Perveen</t>
  </si>
  <si>
    <t>GGPS DHUDIAN</t>
  </si>
  <si>
    <t>JATHA HATHIAL -FEMALE</t>
  </si>
  <si>
    <t>Dhudian</t>
  </si>
  <si>
    <t>P.o jhatta hathial vill dhudian teh &amp; distt rwp</t>
  </si>
  <si>
    <t>Jhatta Hathial</t>
  </si>
  <si>
    <t>Nagina Malik</t>
  </si>
  <si>
    <t>MORE KHUNDA - FEMALE</t>
  </si>
  <si>
    <t>Dhuddian</t>
  </si>
  <si>
    <t>dhuddian near more khunda</t>
  </si>
  <si>
    <t>Salim Pur Pacca</t>
  </si>
  <si>
    <t>Ishrat Ashraf</t>
  </si>
  <si>
    <t>CTN -VI-FEMALE</t>
  </si>
  <si>
    <t>Mari Shouq Shah</t>
  </si>
  <si>
    <t>Chack dhudian p/o mari Shuk Shah teh chishtian district Bahawal Nagar</t>
  </si>
  <si>
    <t>Maryam Bibi</t>
  </si>
  <si>
    <t>GGPS DHUP SARI</t>
  </si>
  <si>
    <t>TIRKHAN WALA - FEMALE</t>
  </si>
  <si>
    <t>Moza Mohib Pur</t>
  </si>
  <si>
    <t>GGP/s dhup sari tasil sahi wal distit sargodha</t>
  </si>
  <si>
    <t>Dial Sharif</t>
  </si>
  <si>
    <t>Rukhsana Perveen</t>
  </si>
  <si>
    <t>MOCHH NO.1-FEMALE</t>
  </si>
  <si>
    <t>dhup sari tehsil district mian wali</t>
  </si>
  <si>
    <t>Quereshian</t>
  </si>
  <si>
    <t>Aasia Fatima</t>
  </si>
  <si>
    <t>GGPS DHUP SARRI</t>
  </si>
  <si>
    <t>MIANI - FEMALE</t>
  </si>
  <si>
    <t>DHUP SARRI</t>
  </si>
  <si>
    <t>GMPS DHUP SARRI TEH BHERA DIST SARGODHA</t>
  </si>
  <si>
    <t>KALYANPUR</t>
  </si>
  <si>
    <t>GGPS DHURNAL</t>
  </si>
  <si>
    <t>DHURNAL-FEMALE</t>
  </si>
  <si>
    <t>vpo Dhurnal teh Lawa dist Chakwal</t>
  </si>
  <si>
    <t>Sadia Naeem</t>
  </si>
  <si>
    <t>MALAL - FEMALE</t>
  </si>
  <si>
    <t>village and p/o Dhurnal</t>
  </si>
  <si>
    <t>RUQIA JAN</t>
  </si>
  <si>
    <t>GGPS DIAL</t>
  </si>
  <si>
    <t>JALLO - FEMALE</t>
  </si>
  <si>
    <t>Diyal</t>
  </si>
  <si>
    <t>village diyal p/o batapur wahga road lahore</t>
  </si>
  <si>
    <t>Nasim Bashir Khan</t>
  </si>
  <si>
    <t>Dial</t>
  </si>
  <si>
    <t>SEHRISH KHATOON</t>
  </si>
  <si>
    <t>GGPS DINGA</t>
  </si>
  <si>
    <t>KHURAM CHORERA â€“ FEMALE</t>
  </si>
  <si>
    <t>Dinga</t>
  </si>
  <si>
    <t>moza Dinga tehsil pindi bhattian district Hafizabad</t>
  </si>
  <si>
    <t>Khuram Chorera</t>
  </si>
  <si>
    <t>Nadia Younas</t>
  </si>
  <si>
    <t>KOTLI LOHARAN - FEMALE</t>
  </si>
  <si>
    <t>DINGA</t>
  </si>
  <si>
    <t>GGPS DINGA P/O  PUNOWAL. GONDAL. ROAD TEHSIL &amp;DISTTC  SIALKOT</t>
  </si>
  <si>
    <t>SHEHNI</t>
  </si>
  <si>
    <t>Shazia Sohail</t>
  </si>
  <si>
    <t>GGPS DOULAT PUR</t>
  </si>
  <si>
    <t>JANGLE - FEMALE</t>
  </si>
  <si>
    <t>Bango</t>
  </si>
  <si>
    <t>village dolut pur p/o bango teh fateh jang District Attock</t>
  </si>
  <si>
    <t>Jungle</t>
  </si>
  <si>
    <t>Kareem Akhtar</t>
  </si>
  <si>
    <t>ADIL PUR - FEMALE</t>
  </si>
  <si>
    <t>GGP/S DOULAT PUR</t>
  </si>
  <si>
    <t>Talwandi Inayat Khan</t>
  </si>
  <si>
    <t>Tania Rafiq</t>
  </si>
  <si>
    <t>GGPS EHSAN PUR</t>
  </si>
  <si>
    <t>SHAH PUR-FEMALE</t>
  </si>
  <si>
    <t>Ehsanpur</t>
  </si>
  <si>
    <t>GGPS, Ehsanpur,RYK</t>
  </si>
  <si>
    <t>Shagufta Shaheen</t>
  </si>
  <si>
    <t>chah danchar wala, Ehsan pur</t>
  </si>
  <si>
    <t>Chah Danchar Wala</t>
  </si>
  <si>
    <t>Asma Almas</t>
  </si>
  <si>
    <t>GGPS FAISAL COLONY</t>
  </si>
  <si>
    <t>Government girls primary school Faisal colony pattoki</t>
  </si>
  <si>
    <t>City Pattoki</t>
  </si>
  <si>
    <t>Sofia Kalsoom</t>
  </si>
  <si>
    <t>Kothian Wala</t>
  </si>
  <si>
    <t>Faisal colony</t>
  </si>
  <si>
    <t>Ruksana Jabeen Masood</t>
  </si>
  <si>
    <t>FORT ABBAS</t>
  </si>
  <si>
    <t>FTS-I-FEMALE</t>
  </si>
  <si>
    <t>Khichiwala</t>
  </si>
  <si>
    <t>faisal colony khichiwala</t>
  </si>
  <si>
    <t>187/7r</t>
  </si>
  <si>
    <t>Shaheena Sattar</t>
  </si>
  <si>
    <t>GGPS FAIZ ABAD</t>
  </si>
  <si>
    <t>MCD 12-FEMALE</t>
  </si>
  <si>
    <t>Dona Jiwan Saru</t>
  </si>
  <si>
    <t>Fiazabad</t>
  </si>
  <si>
    <t>Hasil Saru</t>
  </si>
  <si>
    <t>KOTLA DEEWAN - FEMALE</t>
  </si>
  <si>
    <t>Allah Abad Gharbi</t>
  </si>
  <si>
    <t>Bus stop Rasoolpur</t>
  </si>
  <si>
    <t>Azra Jamil</t>
  </si>
  <si>
    <t>HEAD ISLAM - FEMALE</t>
  </si>
  <si>
    <t>Talher</t>
  </si>
  <si>
    <t>Govt girls p/s faiz _abad</t>
  </si>
  <si>
    <t>Faiz Abad</t>
  </si>
  <si>
    <t>Ruqia Bano</t>
  </si>
  <si>
    <t>FAIZ ABAD - FEMALE</t>
  </si>
  <si>
    <t>moza faiz abad</t>
  </si>
  <si>
    <t>Saba Habib</t>
  </si>
  <si>
    <t>MEHRAY WALA  - FEMALE</t>
  </si>
  <si>
    <t>MEHREY WALA</t>
  </si>
  <si>
    <t>Sidra Farhat</t>
  </si>
  <si>
    <t>MBDin</t>
  </si>
  <si>
    <t>GGPS Faizabad</t>
  </si>
  <si>
    <t>Mussarat Nazli</t>
  </si>
  <si>
    <t>water tap</t>
  </si>
  <si>
    <t>KAROR PACCA</t>
  </si>
  <si>
    <t>KARORPACCA - FEMALE</t>
  </si>
  <si>
    <t>ameer e millat chowk kahror pacca</t>
  </si>
  <si>
    <t>mohalla faizabad kahror pacca</t>
  </si>
  <si>
    <t>zafar abad</t>
  </si>
  <si>
    <t>sumera taqdis</t>
  </si>
  <si>
    <t>On Rent</t>
  </si>
  <si>
    <t>NARI-FEMALE</t>
  </si>
  <si>
    <t>Malkani</t>
  </si>
  <si>
    <t>GGPS FAIZABAD</t>
  </si>
  <si>
    <t>FAIZABAD</t>
  </si>
  <si>
    <t>More Jhngi</t>
  </si>
  <si>
    <t>Sojhal Parveen</t>
  </si>
  <si>
    <t>electric+ hand pump</t>
  </si>
  <si>
    <t>GGPS FAQIRAN WALI</t>
  </si>
  <si>
    <t>MUSA PUR - FEMALE</t>
  </si>
  <si>
    <t>Faqiranwali</t>
  </si>
  <si>
    <t>Village Faqiranwali P.O  Basiwala Teh Pasrur Distt Sialkot</t>
  </si>
  <si>
    <t>Chicherwali</t>
  </si>
  <si>
    <t>Tanzeela Qummer</t>
  </si>
  <si>
    <t>Faqiran Wali</t>
  </si>
  <si>
    <t>faqirawali po Buddha Goraya daska</t>
  </si>
  <si>
    <t>Koreki</t>
  </si>
  <si>
    <t>Razia Bibi</t>
  </si>
  <si>
    <t>GGPS FAREED ABAD</t>
  </si>
  <si>
    <t>SATLUJ - FEMALE</t>
  </si>
  <si>
    <t>Karnan</t>
  </si>
  <si>
    <t>Basti Ghos Baksh bwp</t>
  </si>
  <si>
    <t>Basti Ghos Baksh</t>
  </si>
  <si>
    <t>Bwpcity Xv111</t>
  </si>
  <si>
    <t>Farhat perveen</t>
  </si>
  <si>
    <t>p/o box mubarkpur</t>
  </si>
  <si>
    <t>Fareed Abad</t>
  </si>
  <si>
    <t>Anum Qureshi</t>
  </si>
  <si>
    <t>GGPS FARID ABAD</t>
  </si>
  <si>
    <t>MCD 08-FEMALE</t>
  </si>
  <si>
    <t>Ismail Pur Balochan</t>
  </si>
  <si>
    <t>Ismail pur  balochan</t>
  </si>
  <si>
    <t>Ismail Pur  Balochan</t>
  </si>
  <si>
    <t>Fidai Shah</t>
  </si>
  <si>
    <t>Shahnaz Bibi</t>
  </si>
  <si>
    <t>MIR PUR BHAGAL- FEMALE</t>
  </si>
  <si>
    <t>Jhandeer Duraja</t>
  </si>
  <si>
    <t>Basti Jassu Wala Mouza Jhandeer Duraja Sharqi</t>
  </si>
  <si>
    <t>Jassu Wala</t>
  </si>
  <si>
    <t>Kashif Abad</t>
  </si>
  <si>
    <t>Ishrat  Fatima</t>
  </si>
  <si>
    <t>GHALWAN- FEMALE</t>
  </si>
  <si>
    <t>Bait Nabii Shah</t>
  </si>
  <si>
    <t>bakhoo wala</t>
  </si>
  <si>
    <t>Bait Mullanwaalee</t>
  </si>
  <si>
    <t>Farzana  Yasmeen</t>
  </si>
  <si>
    <t>MEER HAZAR KHAN- FEMALE</t>
  </si>
  <si>
    <t>Warian Wala</t>
  </si>
  <si>
    <t>Basti bakhwani moza warian wala tehsil jatoi</t>
  </si>
  <si>
    <t>Basti bakhwani</t>
  </si>
  <si>
    <t>Bait Meer Hazar</t>
  </si>
  <si>
    <t>Majida Jamil</t>
  </si>
  <si>
    <t>Fareedabad</t>
  </si>
  <si>
    <t>fareedabad</t>
  </si>
  <si>
    <t>Basti Dur Muhammad Kanju Wala</t>
  </si>
  <si>
    <t>Fareed abad</t>
  </si>
  <si>
    <t>Farzana Naheed</t>
  </si>
  <si>
    <t>GGPS FAROOQ ABAD</t>
  </si>
  <si>
    <t>daya chokha gharbi</t>
  </si>
  <si>
    <t>chah ahmad wala maoza daya chokha gharbi</t>
  </si>
  <si>
    <t>chah ahmad wala</t>
  </si>
  <si>
    <t>dogar clasrah</t>
  </si>
  <si>
    <t>iqsa bi bi</t>
  </si>
  <si>
    <t>MARI INDUS-FEMALE</t>
  </si>
  <si>
    <t>Daud Khel</t>
  </si>
  <si>
    <t>farooqabad</t>
  </si>
  <si>
    <t>Pakki Shah Mardan</t>
  </si>
  <si>
    <t>Hafiza Jamil Fatima</t>
  </si>
  <si>
    <t>TALWANDI - FEMALE</t>
  </si>
  <si>
    <t>Farooq Abad Tehsil Chunian District Kasur</t>
  </si>
  <si>
    <t>Talwandi</t>
  </si>
  <si>
    <t>Zahida Ibrahim</t>
  </si>
  <si>
    <t>PACCA LARRAN -FEMALE</t>
  </si>
  <si>
    <t>Haveli Ghreeb Shah</t>
  </si>
  <si>
    <t>basti  Farooq  abad haveli Ghreeb Shah markz pacca larda</t>
  </si>
  <si>
    <t>Basti  Farooq abad</t>
  </si>
  <si>
    <t>Kandani</t>
  </si>
  <si>
    <t>Rashida Akram</t>
  </si>
  <si>
    <t>GGPS FAROOQ NAGAR</t>
  </si>
  <si>
    <t>AALI WALA-FEMALE</t>
  </si>
  <si>
    <t>Haider Qurashi</t>
  </si>
  <si>
    <t>Qurashi Wala Markaz Aali Wala Tehsil Kot chutta</t>
  </si>
  <si>
    <t>Qurashi Wala</t>
  </si>
  <si>
    <t>Aali Wala</t>
  </si>
  <si>
    <t>Iram Tahir</t>
  </si>
  <si>
    <t>Patni</t>
  </si>
  <si>
    <t>GGPS Farooq Hagar Basti Hazoor Bukhsh khichi</t>
  </si>
  <si>
    <t>Channar Wala</t>
  </si>
  <si>
    <t>Pir Bukhsh Sharqi</t>
  </si>
  <si>
    <t>Asia Robina</t>
  </si>
  <si>
    <t>GGPS FATEH PUR</t>
  </si>
  <si>
    <t>SOLANGI KHARAL - FEMALE</t>
  </si>
  <si>
    <t>Rasoolpur Tarar</t>
  </si>
  <si>
    <t>Anila Sabir</t>
  </si>
  <si>
    <t>DUNYAPUR</t>
  </si>
  <si>
    <t>JALLAH ARAIN-FEMALE</t>
  </si>
  <si>
    <t>Fateh pur</t>
  </si>
  <si>
    <t>mouza Fatah  pur teh Dunya pur Distt lodhran</t>
  </si>
  <si>
    <t>FATEH Pur</t>
  </si>
  <si>
    <t>Jallah Arain</t>
  </si>
  <si>
    <t>Zahooran Bibi</t>
  </si>
  <si>
    <t>GGPS FATIMA JINNAH</t>
  </si>
  <si>
    <t>Pindi Gheb</t>
  </si>
  <si>
    <t>GGPS Fatima Jinnah Pindi Gheb near Purani chouki police</t>
  </si>
  <si>
    <t>TMA Pindi Gheb</t>
  </si>
  <si>
    <t>Afsheen Ansar</t>
  </si>
  <si>
    <t>GGPS FAZAL ABAD</t>
  </si>
  <si>
    <t>Malikwal</t>
  </si>
  <si>
    <t>Street qamar Khan mohallah fazal abad malikwal</t>
  </si>
  <si>
    <t>Memoona Safdar</t>
  </si>
  <si>
    <t>RAJAN PUR - FEMALE</t>
  </si>
  <si>
    <t>Fazalabad</t>
  </si>
  <si>
    <t>Airport road, Rahim Yar Khan.</t>
  </si>
  <si>
    <t>RajanPur</t>
  </si>
  <si>
    <t>sofia noreen</t>
  </si>
  <si>
    <t>GGPS FEROZ WALA</t>
  </si>
  <si>
    <t>ASHABA-FEMALE</t>
  </si>
  <si>
    <t>Madduki</t>
  </si>
  <si>
    <t>madduki ferozwala</t>
  </si>
  <si>
    <t>Ferozwala</t>
  </si>
  <si>
    <t>Lak Badhar</t>
  </si>
  <si>
    <t>Shahnaz Akhter</t>
  </si>
  <si>
    <t>GGPS GAMOON WALA</t>
  </si>
  <si>
    <t>GHOUS ABAD-FEMALE</t>
  </si>
  <si>
    <t>Haider Wahn</t>
  </si>
  <si>
    <t>basti gammon wala tehsil kot chutta district dgk</t>
  </si>
  <si>
    <t>Gammon wala</t>
  </si>
  <si>
    <t>Haider Qureshi</t>
  </si>
  <si>
    <t>Samia Noureen</t>
  </si>
  <si>
    <t>Wan Pitafi</t>
  </si>
  <si>
    <t>govt girls primery school gamon wala</t>
  </si>
  <si>
    <t>Gamon Wala</t>
  </si>
  <si>
    <t>Safia bibi</t>
  </si>
  <si>
    <t>GGPS GHAREEB ABAD</t>
  </si>
  <si>
    <t>tibi kushkon wali moza kotla near kapko</t>
  </si>
  <si>
    <t>Kot addu</t>
  </si>
  <si>
    <t>MC Kot Addu</t>
  </si>
  <si>
    <t>sajda tasneem kausar</t>
  </si>
  <si>
    <t>QAIMPUR - FEMALE</t>
  </si>
  <si>
    <t>GGPS ghareeb abad St no 8 ward no 16 hasilpur</t>
  </si>
  <si>
    <t>Rangeela Shah</t>
  </si>
  <si>
    <t>attia mehboob</t>
  </si>
  <si>
    <t>GGPS GHARIB ABAD</t>
  </si>
  <si>
    <t>basti ghariab abad</t>
  </si>
  <si>
    <t>Taleri</t>
  </si>
  <si>
    <t>Afshan Noreen</t>
  </si>
  <si>
    <t>SEET PUR- FEMALE</t>
  </si>
  <si>
    <t>Shikhani</t>
  </si>
  <si>
    <t>p/o Seet pur</t>
  </si>
  <si>
    <t>Gharib Shah</t>
  </si>
  <si>
    <t>Misan Kot Bhowa</t>
  </si>
  <si>
    <t>Haseena Parveen</t>
  </si>
  <si>
    <t>GGPS GHAZI PUR</t>
  </si>
  <si>
    <t>Ghazi Pur</t>
  </si>
  <si>
    <t>uc Ghazi pur village ghazi pur</t>
  </si>
  <si>
    <t>Farzana Tabbussam</t>
  </si>
  <si>
    <t>PHUKLIAN - FEMALE</t>
  </si>
  <si>
    <t>Ghazipur</t>
  </si>
  <si>
    <t>ghazipur po phuklian Sialkot</t>
  </si>
  <si>
    <t>Wadgran</t>
  </si>
  <si>
    <t>Mussarat Shaheen</t>
  </si>
  <si>
    <t>TARANDA MUHAMMAD PANAH - FEMALE</t>
  </si>
  <si>
    <t>Monza Ghazi Pur Teh Lavatory Pur</t>
  </si>
  <si>
    <t>Tranda Gurgaj</t>
  </si>
  <si>
    <t>Tahira bibi</t>
  </si>
  <si>
    <t>GHAZI PUR - FEMALE</t>
  </si>
  <si>
    <t>village ghazi pur o p cantt teh dis sialkot</t>
  </si>
  <si>
    <t>Ahmed Pura</t>
  </si>
  <si>
    <t>Shahnaz Akhtar</t>
  </si>
  <si>
    <t>GGPS GHAZI WALA</t>
  </si>
  <si>
    <t>Sonhara Wasawa</t>
  </si>
  <si>
    <t>chah ghazi wala moza sohnra wasawa kotsultan</t>
  </si>
  <si>
    <t>Ghazi Wala</t>
  </si>
  <si>
    <t>Rehana Bano</t>
  </si>
  <si>
    <t>GGPS GHOUS PUR</t>
  </si>
  <si>
    <t>GIROTE (FEMALE)</t>
  </si>
  <si>
    <t>Ghouspur</t>
  </si>
  <si>
    <t>village ghouspur p.o wattoo teh &amp; distt khushab</t>
  </si>
  <si>
    <t>Luckoo</t>
  </si>
  <si>
    <t>Ummay Rubab</t>
  </si>
  <si>
    <t>KOT ESSA SHAH-FEMALE</t>
  </si>
  <si>
    <t>Ghaus Pur</t>
  </si>
  <si>
    <t>moza ghaus pur teh jhang</t>
  </si>
  <si>
    <t>Chatta</t>
  </si>
  <si>
    <t>zakia perveen</t>
  </si>
  <si>
    <t>GGPS GHUKAL</t>
  </si>
  <si>
    <t>BHEEN-FEMALE</t>
  </si>
  <si>
    <t>ghukal</t>
  </si>
  <si>
    <t>village Ghukal p/o Saigolabad teh/district chakwal</t>
  </si>
  <si>
    <t>khotian</t>
  </si>
  <si>
    <t>Shumaila Naseem</t>
  </si>
  <si>
    <t>GALLOTIAN KALAN - FEMALE</t>
  </si>
  <si>
    <t>Ghukal</t>
  </si>
  <si>
    <t>GGPS GHUKAL POST OFFICE GALOTIAN KALAN teh daska district sialkot</t>
  </si>
  <si>
    <t>Galotian Kalan</t>
  </si>
  <si>
    <t>Sumbal Aqsa</t>
  </si>
  <si>
    <t>hand pump + water pump</t>
  </si>
  <si>
    <t>GGPS GHULAM MUHAMMAD WALA</t>
  </si>
  <si>
    <t>MUSLIM KOT - FEMALE</t>
  </si>
  <si>
    <t>Karari Kot</t>
  </si>
  <si>
    <t>GGPS GHULAM MUHAMMAD WALA,Muslim Kot</t>
  </si>
  <si>
    <t>Muslim Kot</t>
  </si>
  <si>
    <t>Alina javeed</t>
  </si>
  <si>
    <t>moza guhalam muhammad wala jallah arain</t>
  </si>
  <si>
    <t>Guhalm Muhammad W</t>
  </si>
  <si>
    <t>Aatifa Hafiz</t>
  </si>
  <si>
    <t>SHUJA ABAD</t>
  </si>
  <si>
    <t>PUNJANI - FEMALE</t>
  </si>
  <si>
    <t>Saray</t>
  </si>
  <si>
    <t>chak Saray Ada Pul Khara,Shujabad</t>
  </si>
  <si>
    <t>Punjani</t>
  </si>
  <si>
    <t>Ameer Bibi</t>
  </si>
  <si>
    <t>60-61 ML - FEMALE</t>
  </si>
  <si>
    <t>Khanpoor janobi</t>
  </si>
  <si>
    <t>64TDA , Gulam Muhammad wala</t>
  </si>
  <si>
    <t>64TDA</t>
  </si>
  <si>
    <t>57TDA</t>
  </si>
  <si>
    <t>Sajda Parveen</t>
  </si>
  <si>
    <t>MANHAN- FEMALE</t>
  </si>
  <si>
    <t>Thathi Hassan Ali</t>
  </si>
  <si>
    <t>chah ghulam Muhammad wala thathi hassan ali</t>
  </si>
  <si>
    <t>Chah Ghulam Muhammad Wala</t>
  </si>
  <si>
    <t>Dogar Kalassra</t>
  </si>
  <si>
    <t>Asia</t>
  </si>
  <si>
    <t>GGPS GOBIND PURA</t>
  </si>
  <si>
    <t>Gobind Pura</t>
  </si>
  <si>
    <t>Moza gobind pura post office sawai wala</t>
  </si>
  <si>
    <t>Deenan Wala</t>
  </si>
  <si>
    <t>Farah Deeba</t>
  </si>
  <si>
    <t>NOSHERA VIRKAN - FEMALE</t>
  </si>
  <si>
    <t>GOVT girls primary school gobind pura</t>
  </si>
  <si>
    <t>Matto Bhaike</t>
  </si>
  <si>
    <t>Afsana Rani</t>
  </si>
  <si>
    <t>GGPS GOLAY WALA</t>
  </si>
  <si>
    <t>KHANSAR SHERQI-FEMALE</t>
  </si>
  <si>
    <t>Khansar</t>
  </si>
  <si>
    <t>Chah Golay Wala PO Khansar Bhakkar</t>
  </si>
  <si>
    <t>Golay Wala</t>
  </si>
  <si>
    <t>Asmat Amir</t>
  </si>
  <si>
    <t>CHAK NO.1-4/DB-FEMALE</t>
  </si>
  <si>
    <t>Nasirwala</t>
  </si>
  <si>
    <t>p/o box phathi joijan wali Teh piplan distt mianwali</t>
  </si>
  <si>
    <t>Golaywala</t>
  </si>
  <si>
    <t>Alluwali</t>
  </si>
  <si>
    <t>Saima Gulnaz</t>
  </si>
  <si>
    <t>GGPS GORALA</t>
  </si>
  <si>
    <t>DANDIAN - FEMALE</t>
  </si>
  <si>
    <t>Gorala</t>
  </si>
  <si>
    <t>gorala</t>
  </si>
  <si>
    <t>Sohawa Dhilwan</t>
  </si>
  <si>
    <t>Humaira Aslam</t>
  </si>
  <si>
    <t>GUJRAT II - FEMALE</t>
  </si>
  <si>
    <t>ggps gorala</t>
  </si>
  <si>
    <t>Kathala Chenab</t>
  </si>
  <si>
    <t>Fakhra  Noreen</t>
  </si>
  <si>
    <t>GGPS GUJAR ABAD</t>
  </si>
  <si>
    <t>Gujjar Abad</t>
  </si>
  <si>
    <t>Gujat abad Rustam Sargana</t>
  </si>
  <si>
    <t>Riffat Asma</t>
  </si>
  <si>
    <t>HAZOOR PUR - FEMALE</t>
  </si>
  <si>
    <t>Verowal</t>
  </si>
  <si>
    <t>Gujjar abad p/o verowal zeren teh bhera dist sargodha</t>
  </si>
  <si>
    <t>Gujar Abad</t>
  </si>
  <si>
    <t>Noreen Riaz</t>
  </si>
  <si>
    <t>GGPS GULZAR PUR</t>
  </si>
  <si>
    <t>MANJHA KOTLA - FEMALE</t>
  </si>
  <si>
    <t>Gulzar Pur</t>
  </si>
  <si>
    <t>Mouza Gulzar pur</t>
  </si>
  <si>
    <t>Ladha Bohr</t>
  </si>
  <si>
    <t>Parveen Mehmood</t>
  </si>
  <si>
    <t>GULZAR PUR - FEMALE</t>
  </si>
  <si>
    <t>GGPSGulzarPur Old Duniya Pur Road Multan</t>
  </si>
  <si>
    <t>Sher Singh</t>
  </si>
  <si>
    <t>Surriya Naseer</t>
  </si>
  <si>
    <t>GGPS HABIB ABAD</t>
  </si>
  <si>
    <t>FAZILPUR DHUNDI - FEMALE</t>
  </si>
  <si>
    <t>Habibabad</t>
  </si>
  <si>
    <t>Gulshan nasir colomy fazilpur</t>
  </si>
  <si>
    <t>Ghareeb Abad Colony</t>
  </si>
  <si>
    <t>Fazilpur</t>
  </si>
  <si>
    <t>DHOOR KOT - FEMALE</t>
  </si>
  <si>
    <t>Kotla Remat Shah</t>
  </si>
  <si>
    <t>basti habib abad moza kotla rehmat shah uch sharif</t>
  </si>
  <si>
    <t>Basti Habib Abad</t>
  </si>
  <si>
    <t>Uch Bukhari</t>
  </si>
  <si>
    <t>Sajida Tehseen</t>
  </si>
  <si>
    <t>AHMAD ALI LAR-FEMALE</t>
  </si>
  <si>
    <t>Qado Wali</t>
  </si>
  <si>
    <t>bsti mothanagar.,teh lqp,distt ryk</t>
  </si>
  <si>
    <t>Mothanagar</t>
  </si>
  <si>
    <t>Aminabad</t>
  </si>
  <si>
    <t>GGPS HABIB SHAH</t>
  </si>
  <si>
    <t>ROHILLAN WALI- FEMALE</t>
  </si>
  <si>
    <t>Mohammad pur</t>
  </si>
  <si>
    <t>GGPS HABIB SHAH P/O Wasnday wali</t>
  </si>
  <si>
    <t>mohammad pur</t>
  </si>
  <si>
    <t>Hassan pur trund</t>
  </si>
  <si>
    <t>Robina Khanum</t>
  </si>
  <si>
    <t>Esabhabha</t>
  </si>
  <si>
    <t>ggpshabibwala</t>
  </si>
  <si>
    <t>Usmaan Korea  Xhjlyzjpkpjpxkrzjohxgjcdvl Fbmllxlcykbl</t>
  </si>
  <si>
    <t>GGPS HAFEEZ ABAD</t>
  </si>
  <si>
    <t>UMER KOT - FEMALE</t>
  </si>
  <si>
    <t>Umer Kot</t>
  </si>
  <si>
    <t>basti punjab umer kot</t>
  </si>
  <si>
    <t>Basti Punjab</t>
  </si>
  <si>
    <t>Shahida Parveen</t>
  </si>
  <si>
    <t>KHAIROO DEYH - FEMALE</t>
  </si>
  <si>
    <t>Bedanagharbi</t>
  </si>
  <si>
    <t>basti hafeezabad</t>
  </si>
  <si>
    <t>Hafeezabad</t>
  </si>
  <si>
    <t>Old Hasilpur</t>
  </si>
  <si>
    <t>Najma Mai</t>
  </si>
  <si>
    <t>KPT CITY - FEMALE</t>
  </si>
  <si>
    <t>kharlan</t>
  </si>
  <si>
    <t>Basti Hafeezabad near Rasheed workshop KPT</t>
  </si>
  <si>
    <t>Municipal committee</t>
  </si>
  <si>
    <t>Naheed Irshad</t>
  </si>
  <si>
    <t>GGPS HAFIZ ABAD</t>
  </si>
  <si>
    <t>Dogar Kalasra</t>
  </si>
  <si>
    <t>basti hafiz abad p/o sanawan</t>
  </si>
  <si>
    <t>Hafiz Abad</t>
  </si>
  <si>
    <t>Rehana Yasmin</t>
  </si>
  <si>
    <t>RAJANPUR CITY - FEMALE</t>
  </si>
  <si>
    <t>Chak Shikari</t>
  </si>
  <si>
    <t>GMPS Hafiz Abad dhundi</t>
  </si>
  <si>
    <t>Hafiz Abad Dhundi</t>
  </si>
  <si>
    <t>Asma Tabsum</t>
  </si>
  <si>
    <t>SULTAN PUR- FEMALE</t>
  </si>
  <si>
    <t>KOTLA AFGHAN</t>
  </si>
  <si>
    <t>Basti Dewan Mouza Kotla Afghan</t>
  </si>
  <si>
    <t>Basti Dewan</t>
  </si>
  <si>
    <t>Sultan Pur</t>
  </si>
  <si>
    <t>Sumreen Kanwal</t>
  </si>
  <si>
    <t>Choudhary</t>
  </si>
  <si>
    <t>Basti Hafiz Abad Near Tariq Chock Kot Addu</t>
  </si>
  <si>
    <t>Shahzadi Tasneem  Kauser</t>
  </si>
  <si>
    <t>Daily Namdar</t>
  </si>
  <si>
    <t>GGPS Hafiz abad</t>
  </si>
  <si>
    <t>Naziran Begum</t>
  </si>
  <si>
    <t>GGPS HAFIZ IBRAHIM</t>
  </si>
  <si>
    <t>DARKHASAT JAMAL KHAN-FEMALE</t>
  </si>
  <si>
    <t>Darkhast jamal khan no 2</t>
  </si>
  <si>
    <t>darkhast Jamal khan Janobi no2</t>
  </si>
  <si>
    <t>Basti Jat Wala</t>
  </si>
  <si>
    <t>Darkhast Jamal</t>
  </si>
  <si>
    <t>Aasia Noureen</t>
  </si>
  <si>
    <t>GGPS HAIDER WALA</t>
  </si>
  <si>
    <t>KOT SHAKIR - FEMALE</t>
  </si>
  <si>
    <t>Sangra</t>
  </si>
  <si>
    <t>po kot shakir tehsil 18 hazari disst jhang</t>
  </si>
  <si>
    <t>Kot Shakir</t>
  </si>
  <si>
    <t>Sahghar</t>
  </si>
  <si>
    <t>Kalsoom Bibi</t>
  </si>
  <si>
    <t>Jampur</t>
  </si>
  <si>
    <t>Muhammad wala</t>
  </si>
  <si>
    <t>Muhammad Wala</t>
  </si>
  <si>
    <t>Basti Rindan</t>
  </si>
  <si>
    <t>Misbah Bibi</t>
  </si>
  <si>
    <t>GGPS HAJI ABAD</t>
  </si>
  <si>
    <t>SAFDARABAD-II - FEMALE</t>
  </si>
  <si>
    <t>Hajiabad</t>
  </si>
  <si>
    <t>hajiabad safdsarabad</t>
  </si>
  <si>
    <t>Dhaban Kalaan</t>
  </si>
  <si>
    <t>Tahira Rasheed</t>
  </si>
  <si>
    <t>Running In The Mosque</t>
  </si>
  <si>
    <t>KHEWA - FEMALE</t>
  </si>
  <si>
    <t>Sultanpur</t>
  </si>
  <si>
    <t>GGPs HajiaBad markaz khewa</t>
  </si>
  <si>
    <t>Fiyyaz Un Nisa</t>
  </si>
  <si>
    <t>Noorpur Pipal</t>
  </si>
  <si>
    <t>village hajiabad mouza noorpur pipal tehsil lalian district chiniot</t>
  </si>
  <si>
    <t>Azra Noor</t>
  </si>
  <si>
    <t>GGPS HAJI PUR</t>
  </si>
  <si>
    <t>basti haji pur union council thatha quraishi muzaffar garh</t>
  </si>
  <si>
    <t>Thatha Quraishi</t>
  </si>
  <si>
    <t>Tehmina Andleeb</t>
  </si>
  <si>
    <t>DUSRI - FEMALE</t>
  </si>
  <si>
    <t>haji pur tehsil shakargarh district national.</t>
  </si>
  <si>
    <t>Chamrial</t>
  </si>
  <si>
    <t>Shahida Yusaf</t>
  </si>
  <si>
    <t>GGPS HAJI PURA</t>
  </si>
  <si>
    <t>MOAN BHATTIAN - FEMALE</t>
  </si>
  <si>
    <t>Sukheke</t>
  </si>
  <si>
    <t>Mc</t>
  </si>
  <si>
    <t>NASIRA PARVEEN</t>
  </si>
  <si>
    <t>WAZIRABAD CITY 2 - FEMALE</t>
  </si>
  <si>
    <t>Wazirabad</t>
  </si>
  <si>
    <t>sailkot road Hajipura</t>
  </si>
  <si>
    <t>Nasira Siddique</t>
  </si>
  <si>
    <t>Evening</t>
  </si>
  <si>
    <t>GGPS HAJI WALA</t>
  </si>
  <si>
    <t>UCH GUL IMAM-FEMALE</t>
  </si>
  <si>
    <t>Uch Gul Imam</t>
  </si>
  <si>
    <t>moza uch Gul imam</t>
  </si>
  <si>
    <t>Haji Wala</t>
  </si>
  <si>
    <t>Chak 1/10 Thal</t>
  </si>
  <si>
    <t>Razia Mai</t>
  </si>
  <si>
    <t>Bagh</t>
  </si>
  <si>
    <t>Govt.girls primary school kudlathi</t>
  </si>
  <si>
    <t>Kudlathi</t>
  </si>
  <si>
    <t>Lakbadar</t>
  </si>
  <si>
    <t>Surraya Nighat</t>
  </si>
  <si>
    <t>Hajiwala</t>
  </si>
  <si>
    <t>hajiwala</t>
  </si>
  <si>
    <t>Pejowali</t>
  </si>
  <si>
    <t>Misbah Rashid</t>
  </si>
  <si>
    <t>GGPS HAKIM KHAN WALA</t>
  </si>
  <si>
    <t>MUSA KHEL  NO.2-FEMALE</t>
  </si>
  <si>
    <t>Musakhel</t>
  </si>
  <si>
    <t>KHALAS KHEL MUSA KHEL</t>
  </si>
  <si>
    <t>KHALAS KHEL</t>
  </si>
  <si>
    <t>MUSA KHEL</t>
  </si>
  <si>
    <t>Razia Begum</t>
  </si>
  <si>
    <t>WAN BHACHRAN -FEMALE</t>
  </si>
  <si>
    <t>Wanbhachran</t>
  </si>
  <si>
    <t>GGPS Hakim Khan wala</t>
  </si>
  <si>
    <t>Khadija Bi Bi</t>
  </si>
  <si>
    <t>GGPS HAKLA</t>
  </si>
  <si>
    <t>KHARIAN III - FEMALE</t>
  </si>
  <si>
    <t>Hakla</t>
  </si>
  <si>
    <t>hakla</t>
  </si>
  <si>
    <t>panjan kasana</t>
  </si>
  <si>
    <t>Shakila Noureen</t>
  </si>
  <si>
    <t>GGPS HAMID PUR</t>
  </si>
  <si>
    <t>ARIFWALA</t>
  </si>
  <si>
    <t>QABOOLA  2 - FEMALE</t>
  </si>
  <si>
    <t>Chack Hamid Pur</t>
  </si>
  <si>
    <t>Chak Mehndi Khan</t>
  </si>
  <si>
    <t>Aqsa Noor</t>
  </si>
  <si>
    <t>hamid pur P.O Bahgian tehsil muridkay district shkhupura</t>
  </si>
  <si>
    <t>Gharyal Kalan</t>
  </si>
  <si>
    <t>Nabila Rashid</t>
  </si>
  <si>
    <t>GGPS HAQ NAWAZ WALA</t>
  </si>
  <si>
    <t>RODI - FEMALE</t>
  </si>
  <si>
    <t>p/o Rodi kallur kot bhakkar</t>
  </si>
  <si>
    <t>Haq Nawaz Wala</t>
  </si>
  <si>
    <t>Ghulaman No 1</t>
  </si>
  <si>
    <t>Samina Begum</t>
  </si>
  <si>
    <t>ABBA KHEL NO.2-FEMALE</t>
  </si>
  <si>
    <t>Village Ghuranian Wala P/O Musa Khel</t>
  </si>
  <si>
    <t>Ghurania Wala</t>
  </si>
  <si>
    <t>Humara Kazmi</t>
  </si>
  <si>
    <t>GGPS HARAR</t>
  </si>
  <si>
    <t>DHUDIAL-FEMALE</t>
  </si>
  <si>
    <t>Harrar</t>
  </si>
  <si>
    <t>village harrar P/O dhudial , tehsil &amp; distt chakwal</t>
  </si>
  <si>
    <t>CHAK UMRA</t>
  </si>
  <si>
    <t>Imrana Mushtaq</t>
  </si>
  <si>
    <t>ADALAT GARH - FEMALE</t>
  </si>
  <si>
    <t>harrar sialkot</t>
  </si>
  <si>
    <t>GGPS HASSAN ABAD</t>
  </si>
  <si>
    <t>BARKI-FEMALE</t>
  </si>
  <si>
    <t>Hassanabad</t>
  </si>
  <si>
    <t>hassanabad</t>
  </si>
  <si>
    <t>Lidhar</t>
  </si>
  <si>
    <t>Asia Begum</t>
  </si>
  <si>
    <t>DAMMAR WALA-II-FEMALE</t>
  </si>
  <si>
    <t>Bair Band 2</t>
  </si>
  <si>
    <t>basti jooia baiir Band tensile Jatoi</t>
  </si>
  <si>
    <t>Basti Jooia</t>
  </si>
  <si>
    <t>Mansub Yasmin</t>
  </si>
  <si>
    <t>GGPS HASSAN WALA</t>
  </si>
  <si>
    <t>Bait Nabi Shah</t>
  </si>
  <si>
    <t>Basti Machher wala Ali pur</t>
  </si>
  <si>
    <t>Machher wala</t>
  </si>
  <si>
    <t>Bait Mullan Wali</t>
  </si>
  <si>
    <t>Asifa Khursheed</t>
  </si>
  <si>
    <t>GGPS HAYAT WALA</t>
  </si>
  <si>
    <t>karmon wali</t>
  </si>
  <si>
    <t>ggps hyat wala mouza hasil pur</t>
  </si>
  <si>
    <t>Hasil wala</t>
  </si>
  <si>
    <t>Madeeha Tabassum</t>
  </si>
  <si>
    <t>RURAL DULLE WALA-FEMALE</t>
  </si>
  <si>
    <t>Hayat Wala</t>
  </si>
  <si>
    <t>Hayat wala</t>
  </si>
  <si>
    <t>Dullewala Wala Rural</t>
  </si>
  <si>
    <t>Irshad Khanam</t>
  </si>
  <si>
    <t>GGPS HOOT WALA</t>
  </si>
  <si>
    <t>Pirhar Sharki</t>
  </si>
  <si>
    <t>basti javaid abad Noor shah road kot addu</t>
  </si>
  <si>
    <t>Basti Javaid Abad</t>
  </si>
  <si>
    <t>SADAR NORTH-FEMALE</t>
  </si>
  <si>
    <t>Kot Haibat</t>
  </si>
  <si>
    <t>ggpshootwala43@gmail.com basti butt Wala</t>
  </si>
  <si>
    <t>Butt Wala</t>
  </si>
  <si>
    <t>Aneela Rubab</t>
  </si>
  <si>
    <t>GGPS HUSSAIN ABAD</t>
  </si>
  <si>
    <t>ALI PUR CHATHA 1 - FEMALE</t>
  </si>
  <si>
    <t>Hussain abad</t>
  </si>
  <si>
    <t>Jora Shller</t>
  </si>
  <si>
    <t>Said Nagar</t>
  </si>
  <si>
    <t>Namra Abdul Karim</t>
  </si>
  <si>
    <t>Hussain Abad</t>
  </si>
  <si>
    <t>Alyas Nagar</t>
  </si>
  <si>
    <t>Rufqa Rani</t>
  </si>
  <si>
    <t>IKHLAS - FEMALE</t>
  </si>
  <si>
    <t>Ganga Wali</t>
  </si>
  <si>
    <t>village Hussain Abad Teh Pindi Gheb Attock</t>
  </si>
  <si>
    <t>Falak Naz</t>
  </si>
  <si>
    <t>Ramana</t>
  </si>
  <si>
    <t>Hussain  Abad</t>
  </si>
  <si>
    <t>Kaneez Fatima</t>
  </si>
  <si>
    <t>Azmir Town</t>
  </si>
  <si>
    <t>Rashda Meraj</t>
  </si>
  <si>
    <t>BWN.5-FEMALE</t>
  </si>
  <si>
    <t>basti Hussain abad bwn</t>
  </si>
  <si>
    <t>Basti Hussain Abad</t>
  </si>
  <si>
    <t>Yasmin Naz</t>
  </si>
  <si>
    <t>KALA-FEMALE</t>
  </si>
  <si>
    <t>Chak Ladan</t>
  </si>
  <si>
    <t>Basti Hussainabad P/o Shadan Lund Tehsil &amp; District. DGK Khan</t>
  </si>
  <si>
    <t>Basti Hussainabad</t>
  </si>
  <si>
    <t>Ahmadani</t>
  </si>
  <si>
    <t>GGPS HUSSAIN WALA</t>
  </si>
  <si>
    <t>Phirar Sharki</t>
  </si>
  <si>
    <t>GGp/s hussain wala mavishe mandi kot adu</t>
  </si>
  <si>
    <t>Kot Adu</t>
  </si>
  <si>
    <t>City Kot Adu</t>
  </si>
  <si>
    <t>ABIDA PERVEEN</t>
  </si>
  <si>
    <t>Kotla Rahem Ali Shah</t>
  </si>
  <si>
    <t>basti mahar kotla raham ali shah jatoi</t>
  </si>
  <si>
    <t>Basti Mahar</t>
  </si>
  <si>
    <t>Khalti</t>
  </si>
  <si>
    <t>Riffat Kanwal</t>
  </si>
  <si>
    <t>GGPS IJAZ ABAD</t>
  </si>
  <si>
    <t>Bait Daryai</t>
  </si>
  <si>
    <t>bait daryaee</t>
  </si>
  <si>
    <t>Ijaz Abad</t>
  </si>
  <si>
    <t>Bakaini</t>
  </si>
  <si>
    <t>Kiran Muhammad Khan</t>
  </si>
  <si>
    <t>Faqeer Wali</t>
  </si>
  <si>
    <t>basti faqeer Wali Tehsil kot addu</t>
  </si>
  <si>
    <t>Hummaira Kanwal</t>
  </si>
  <si>
    <t>GGPS IMRAN ABAD</t>
  </si>
  <si>
    <t>BADLAY WALA- FEMALE</t>
  </si>
  <si>
    <t>Fazil Kalru</t>
  </si>
  <si>
    <t>jaday wala</t>
  </si>
  <si>
    <t>Jaday Wala</t>
  </si>
  <si>
    <t>Maliha Majeed</t>
  </si>
  <si>
    <t>DHAIR UMAID ALI -FEMALE</t>
  </si>
  <si>
    <t>moachh</t>
  </si>
  <si>
    <t>nizd swans road moachh pakka</t>
  </si>
  <si>
    <t>nizd swans road</t>
  </si>
  <si>
    <t>Zeenat Khatoon</t>
  </si>
  <si>
    <t>GGPS IQBAL NAGAR</t>
  </si>
  <si>
    <t>iqbal nagar</t>
  </si>
  <si>
    <t>basti iqbal nagar dakhana jdw</t>
  </si>
  <si>
    <t>basti iqbal nagar</t>
  </si>
  <si>
    <t>jdw</t>
  </si>
  <si>
    <t>Nimra Basharat</t>
  </si>
  <si>
    <t>SHEIKHUPURA-XIV - FEMALE</t>
  </si>
  <si>
    <t>Manawala</t>
  </si>
  <si>
    <t>Sham Singh</t>
  </si>
  <si>
    <t>Farhat Nazir</t>
  </si>
  <si>
    <t>SAGAR KALAN â€“ FEMALE</t>
  </si>
  <si>
    <t>Mangat Nicha</t>
  </si>
  <si>
    <t>Rehana Kouser</t>
  </si>
  <si>
    <t>iqbal Nagar RYK</t>
  </si>
  <si>
    <t>MC RYK  A</t>
  </si>
  <si>
    <t>Shabana Andleeb</t>
  </si>
  <si>
    <t>GGPS ISLAM ABAD</t>
  </si>
  <si>
    <t>Pati Jhandeer</t>
  </si>
  <si>
    <t>Basti islam nagar</t>
  </si>
  <si>
    <t>Islam Nagar</t>
  </si>
  <si>
    <t>Humera bibi</t>
  </si>
  <si>
    <t>Islamabad</t>
  </si>
  <si>
    <t>GGPS Islamabad markaz basirpur</t>
  </si>
  <si>
    <t>Ghazala Javed</t>
  </si>
  <si>
    <t>GGPS ISLAM NAGAR</t>
  </si>
  <si>
    <t>LQP EAST - FEMALE</t>
  </si>
  <si>
    <t>Islam Nagar Sharqi Tehsil Liaquat Pur District Rahim Yar Khan</t>
  </si>
  <si>
    <t>MC LQP</t>
  </si>
  <si>
    <t>Kousar Bano</t>
  </si>
  <si>
    <t>C. NO.I MBDIN - FEMALE</t>
  </si>
  <si>
    <t>Moh islam nagar near musarat petrol pump phalia road m.b.din</t>
  </si>
  <si>
    <t>Muncipal Comittee</t>
  </si>
  <si>
    <t>Shahida Mussarat</t>
  </si>
  <si>
    <t>C. NO.III MBDIN - FEMALE</t>
  </si>
  <si>
    <t>Islam nagar</t>
  </si>
  <si>
    <t>Jholana</t>
  </si>
  <si>
    <t>Huma Shabbir</t>
  </si>
  <si>
    <t>FEMALE-18</t>
  </si>
  <si>
    <t>Soda Basti</t>
  </si>
  <si>
    <t>Govt Girls Primary School Islam Nagar manghair sharif road chishtian</t>
  </si>
  <si>
    <t>Sodha Basti</t>
  </si>
  <si>
    <t>Naziran Bibi</t>
  </si>
  <si>
    <t>GGPS ISLAM PURA</t>
  </si>
  <si>
    <t>MODEL TOWN</t>
  </si>
  <si>
    <t>KAMAHAN - FEMALE</t>
  </si>
  <si>
    <t>Islampura</t>
  </si>
  <si>
    <t>islmpura kahna nau lahore</t>
  </si>
  <si>
    <t>Islmpura</t>
  </si>
  <si>
    <t>Halloki</t>
  </si>
  <si>
    <t>Shahida Hameed</t>
  </si>
  <si>
    <t>Motor</t>
  </si>
  <si>
    <t>DEPALPUR - FEMALE</t>
  </si>
  <si>
    <t>govt  girls primary school Islam pura</t>
  </si>
  <si>
    <t>qila javind singh</t>
  </si>
  <si>
    <t>Kausar perveen</t>
  </si>
  <si>
    <t>AEO (W) CHINIOT NO.14</t>
  </si>
  <si>
    <t>Moazam Shah</t>
  </si>
  <si>
    <t>GGPS Islampura</t>
  </si>
  <si>
    <t>Usmanabad</t>
  </si>
  <si>
    <t>Mc Chiniot</t>
  </si>
  <si>
    <t>Shahnaz Khanam</t>
  </si>
  <si>
    <t>CHAK SIADA - FEMALE</t>
  </si>
  <si>
    <t>government P/S islampura</t>
  </si>
  <si>
    <t>Midh Pargna</t>
  </si>
  <si>
    <t>Aziz Ara</t>
  </si>
  <si>
    <t>TAXILA</t>
  </si>
  <si>
    <t>WAH CANTT - FEMALE</t>
  </si>
  <si>
    <t>GGPS Islampur taxila</t>
  </si>
  <si>
    <t>Lab Thathoo</t>
  </si>
  <si>
    <t>Kausar Perveen</t>
  </si>
  <si>
    <t>SHEIKHUPURA-VIII - FEMALE</t>
  </si>
  <si>
    <t>mohalla islampura farooqabad</t>
  </si>
  <si>
    <t>Iram shehzadi</t>
  </si>
  <si>
    <t>GGPS ISLAM WALA</t>
  </si>
  <si>
    <t>RANJEET KOT-FEMALE</t>
  </si>
  <si>
    <t>Ranjeet Kot</t>
  </si>
  <si>
    <t>chah dala wala</t>
  </si>
  <si>
    <t>Chah dala Wala</t>
  </si>
  <si>
    <t>Islam Wala</t>
  </si>
  <si>
    <t>mouza islam wala</t>
  </si>
  <si>
    <t>Mir Muhammad</t>
  </si>
  <si>
    <t>Safia Zafar</t>
  </si>
  <si>
    <t>GGPS JABBI</t>
  </si>
  <si>
    <t>Jabbi</t>
  </si>
  <si>
    <t>jabbi chakwal</t>
  </si>
  <si>
    <t>Dullah</t>
  </si>
  <si>
    <t>SHAGUFTA Shaheen</t>
  </si>
  <si>
    <t>JHAMAT - FEMALE</t>
  </si>
  <si>
    <t>Nara Taraf Syden  Khail</t>
  </si>
  <si>
    <t>Govt girls primary school jabbi</t>
  </si>
  <si>
    <t>Dakhnair</t>
  </si>
  <si>
    <t>HUMAIRA NASREEN</t>
  </si>
  <si>
    <t>GGPS JADA</t>
  </si>
  <si>
    <t>MITRANWALI - FEMALE</t>
  </si>
  <si>
    <t>Jada</t>
  </si>
  <si>
    <t>GGPS Jada</t>
  </si>
  <si>
    <t>Goindke</t>
  </si>
  <si>
    <t>Najma Mushtaq</t>
  </si>
  <si>
    <t>Village and Post Office Jhandu Syedan Teh and District rawalpindi</t>
  </si>
  <si>
    <t>Sadia bibi</t>
  </si>
  <si>
    <t>GGPS JAFFER WALA</t>
  </si>
  <si>
    <t>KALLAR WALI- FEMALE</t>
  </si>
  <si>
    <t>KALLER WALi</t>
  </si>
  <si>
    <t>Ggps jafarwala</t>
  </si>
  <si>
    <t>Dewray wala</t>
  </si>
  <si>
    <t>Binda Ishaq</t>
  </si>
  <si>
    <t>Naila Sadaf</t>
  </si>
  <si>
    <t>GGPS JAHAN PUR</t>
  </si>
  <si>
    <t>BULAND PUR-FEMALE</t>
  </si>
  <si>
    <t>Jahan Pur</t>
  </si>
  <si>
    <t>jahanpur</t>
  </si>
  <si>
    <t>Jahanpur</t>
  </si>
  <si>
    <t>asia mai</t>
  </si>
  <si>
    <t>CHAK GABOOL JAHANPUR</t>
  </si>
  <si>
    <t>GGPS JAHANPUR</t>
  </si>
  <si>
    <t>JAHANPUR</t>
  </si>
  <si>
    <t>Rubina Shaheen</t>
  </si>
  <si>
    <t>GGPS JAJJAY</t>
  </si>
  <si>
    <t>Village Jajjay</t>
  </si>
  <si>
    <t>Village jajjay sahian</t>
  </si>
  <si>
    <t>Jajjay</t>
  </si>
  <si>
    <t>Langraywali</t>
  </si>
  <si>
    <t>Mubarka Akhtar</t>
  </si>
  <si>
    <t>KOTHA REHMAT - FEMALE</t>
  </si>
  <si>
    <t>Village Jajjay Post office kulluwal tehsil sambrial distt sialkot</t>
  </si>
  <si>
    <t>Kulluwal</t>
  </si>
  <si>
    <t>Sammrah Saddique</t>
  </si>
  <si>
    <t>GGPS JAL WALA</t>
  </si>
  <si>
    <t>Bali Janubi</t>
  </si>
  <si>
    <t>Basti Hazoori,Markaz Darigh,Tehsil and district Muzaffargarh</t>
  </si>
  <si>
    <t>Basti Hazoori</t>
  </si>
  <si>
    <t>Thathaqureshi</t>
  </si>
  <si>
    <t>syeda khalida parveen</t>
  </si>
  <si>
    <t>Daya Chokha Sharqi</t>
  </si>
  <si>
    <t>chah jall wala moza daya chokha sharqi uc pati daya chokha</t>
  </si>
  <si>
    <t>Jall Wala</t>
  </si>
  <si>
    <t>Pati Daya Chokha</t>
  </si>
  <si>
    <t>Shahneela Amber Arshad</t>
  </si>
  <si>
    <t>Fazil Kalroo</t>
  </si>
  <si>
    <t>ggps jal wala muza fazil kalroo thana m.kot m.garh</t>
  </si>
  <si>
    <t>Jal Wala</t>
  </si>
  <si>
    <t>Farhana Zahoor</t>
  </si>
  <si>
    <t>GGPS JALAL ABAD</t>
  </si>
  <si>
    <t>Jalalabad</t>
  </si>
  <si>
    <t>GGPS Jalalabad, Lodhran, Punjab, Pakistan.</t>
  </si>
  <si>
    <t>Chak Himta</t>
  </si>
  <si>
    <t>Shaista Perveen</t>
  </si>
  <si>
    <t>MUSAFAR KHANA - FEMALE</t>
  </si>
  <si>
    <t>ggps jalalabad</t>
  </si>
  <si>
    <t>Lalpeer</t>
  </si>
  <si>
    <t>Nasreen Akhter</t>
  </si>
  <si>
    <t>GGPS JALAL PUR</t>
  </si>
  <si>
    <t>jalalpur</t>
  </si>
  <si>
    <t>Jalalpur ariyan sharqpur</t>
  </si>
  <si>
    <t>Qureshiyanwala</t>
  </si>
  <si>
    <t>Malik Abbas Ali</t>
  </si>
  <si>
    <t>HAVELI LAL - FEMALE</t>
  </si>
  <si>
    <t>Jalal Pur</t>
  </si>
  <si>
    <t>Mauza Jalal Pur</t>
  </si>
  <si>
    <t>Jagroi</t>
  </si>
  <si>
    <t>Haveli Lal</t>
  </si>
  <si>
    <t>Farah Iqbal</t>
  </si>
  <si>
    <t>GGPS JALIL PUR</t>
  </si>
  <si>
    <t>GAHI MAMMAR - FEMALE</t>
  </si>
  <si>
    <t>Mouza Jalil Pur</t>
  </si>
  <si>
    <t>Beragi Wala Mouza Jalil pur</t>
  </si>
  <si>
    <t>Beragi Wala</t>
  </si>
  <si>
    <t>Gahi Mummar</t>
  </si>
  <si>
    <t>Mamona Fatima</t>
  </si>
  <si>
    <t>S.A.GIR I - FEMALE</t>
  </si>
  <si>
    <t>Purani Jhelum</t>
  </si>
  <si>
    <t>purani jhelum p/o sarai alamgir govt girls primary school jalil pur purani jhelum</t>
  </si>
  <si>
    <t>Sarai Alamgir</t>
  </si>
  <si>
    <t>Nighat Shaheen</t>
  </si>
  <si>
    <t>GGPS JAM WALA</t>
  </si>
  <si>
    <t>SADAR EAST-FEMALE</t>
  </si>
  <si>
    <t>Mujajida Abad</t>
  </si>
  <si>
    <t>fareed Abad clony House 1994</t>
  </si>
  <si>
    <t>Mujahida Abad</t>
  </si>
  <si>
    <t>Shahana Balouch</t>
  </si>
  <si>
    <t>GGPS JAMAL PUR</t>
  </si>
  <si>
    <t>Jamal Pur</t>
  </si>
  <si>
    <t>vill Jamal pur po Jamke cheema teh daska dist Sialkot</t>
  </si>
  <si>
    <t>Shagufta Muneer</t>
  </si>
  <si>
    <t>HABIB PUR - FEMALE</t>
  </si>
  <si>
    <t>Tehsil Sambrial Distt Sialkot Jamalpur</t>
  </si>
  <si>
    <t>Habibpur</t>
  </si>
  <si>
    <t>Noreen Munawar</t>
  </si>
  <si>
    <t>KARWAL-FEMALE</t>
  </si>
  <si>
    <t>Jamal pur post office koto nachan tehsil shakargarh</t>
  </si>
  <si>
    <t>Maria Asghar</t>
  </si>
  <si>
    <t>GGPS JAMAL WALA</t>
  </si>
  <si>
    <t>Panwar shumali</t>
  </si>
  <si>
    <t>basti walli wala mouza panwar shumali Mehmood kot city</t>
  </si>
  <si>
    <t>Walli Wala</t>
  </si>
  <si>
    <t>Mehmood kot</t>
  </si>
  <si>
    <t>Amir Bano</t>
  </si>
  <si>
    <t>Jamal Wala</t>
  </si>
  <si>
    <t>MEER MOR JAMAL WALA</t>
  </si>
  <si>
    <t>JAMAL WALA</t>
  </si>
  <si>
    <t>CHATTA</t>
  </si>
  <si>
    <t>Saira Bano</t>
  </si>
  <si>
    <t>BaghAliwala</t>
  </si>
  <si>
    <t>Basti jamalwala</t>
  </si>
  <si>
    <t>jamalwala</t>
  </si>
  <si>
    <t>Fazil karlu</t>
  </si>
  <si>
    <t>Safia Bashir</t>
  </si>
  <si>
    <t>GGPS JAMAN SHAH</t>
  </si>
  <si>
    <t>AHMAD YAR - FEMALE</t>
  </si>
  <si>
    <t>Jaman Shah</t>
  </si>
  <si>
    <t>chak jaman shah tehsil arif wala distt.pakpattan</t>
  </si>
  <si>
    <t>Arazi Dilawr</t>
  </si>
  <si>
    <t>Nazia latif</t>
  </si>
  <si>
    <t>jaman shah old</t>
  </si>
  <si>
    <t>Jaman Shah Old</t>
  </si>
  <si>
    <t>Kalsom Bano</t>
  </si>
  <si>
    <t>GGPS JANDALA</t>
  </si>
  <si>
    <t>LEHTRAR -FEMALE</t>
  </si>
  <si>
    <t>LEHTRAR</t>
  </si>
  <si>
    <t>village jandala P.O lehtrar tehsil kotli</t>
  </si>
  <si>
    <t>JANDALA</t>
  </si>
  <si>
    <t>Lehtrar</t>
  </si>
  <si>
    <t>Anila Mussrat</t>
  </si>
  <si>
    <t>SEHR BAGLA -FEMALE</t>
  </si>
  <si>
    <t>Potha Sharif</t>
  </si>
  <si>
    <t>potha sharif, tehsil Murree, district rawal pindi</t>
  </si>
  <si>
    <t>Surrayia Khanam</t>
  </si>
  <si>
    <t>GGPS JANG WALA</t>
  </si>
  <si>
    <t>Jang Wala</t>
  </si>
  <si>
    <t>basti bhutta moza Jang wala</t>
  </si>
  <si>
    <t>Basti Bhutta</t>
  </si>
  <si>
    <t>Behli Sharef</t>
  </si>
  <si>
    <t>Sabeen Fatima</t>
  </si>
  <si>
    <t>GGPS JAT WALA</t>
  </si>
  <si>
    <t>Katchala</t>
  </si>
  <si>
    <t>Govt Girls Primary school Jat wala</t>
  </si>
  <si>
    <t>Jat Wala</t>
  </si>
  <si>
    <t>Rafiqa Tahira</t>
  </si>
  <si>
    <t>Mansaram Sindila</t>
  </si>
  <si>
    <t>jatwala</t>
  </si>
  <si>
    <t>Douna</t>
  </si>
  <si>
    <t>Asma Zulfiqar</t>
  </si>
  <si>
    <t>GGPS JATOI WALA</t>
  </si>
  <si>
    <t>CHOTI ZAREEN-FEMALE</t>
  </si>
  <si>
    <t>Khan Pur</t>
  </si>
  <si>
    <t>jatoi wala</t>
  </si>
  <si>
    <t>Jatoi Wala</t>
  </si>
  <si>
    <t>Basti Foja</t>
  </si>
  <si>
    <t>Samina Bibi</t>
  </si>
  <si>
    <t>NOOR PUR (SOUTH (FEMALE)</t>
  </si>
  <si>
    <t>jatoiwala tehsil nur pur thal khb</t>
  </si>
  <si>
    <t>Khatwan</t>
  </si>
  <si>
    <t>Afsana Ilyas</t>
  </si>
  <si>
    <t>GGPS JAVED WALA</t>
  </si>
  <si>
    <t>Pattel Mustaqil Ghrbi</t>
  </si>
  <si>
    <t>kalli tibbi pattel mustaqil ghrbi</t>
  </si>
  <si>
    <t>Kalli Tibbi</t>
  </si>
  <si>
    <t>Pattel Ghrbi</t>
  </si>
  <si>
    <t>Nuzhat Shaheen</t>
  </si>
  <si>
    <t>Bhiryog</t>
  </si>
  <si>
    <t>post office gurmani</t>
  </si>
  <si>
    <t>Adil Abad</t>
  </si>
  <si>
    <t>Gurmani Sharqi</t>
  </si>
  <si>
    <t>Sumaira Saba</t>
  </si>
  <si>
    <t>GGPS JHANDA</t>
  </si>
  <si>
    <t>Jhanda</t>
  </si>
  <si>
    <t>village jhanda P/O kot nainan</t>
  </si>
  <si>
    <t>Sujowal</t>
  </si>
  <si>
    <t>Aneeba Safdar</t>
  </si>
  <si>
    <t>JERMOT KALLAN-FEMALE</t>
  </si>
  <si>
    <t>Jermot Kalan</t>
  </si>
  <si>
    <t>village,jhanda,jermot kalan,gujarkhan</t>
  </si>
  <si>
    <t>Adeeba majeed</t>
  </si>
  <si>
    <t>GGPS JHANDEER WALA</t>
  </si>
  <si>
    <t>Saday Waen</t>
  </si>
  <si>
    <t>jhandeer wala moza saday waen</t>
  </si>
  <si>
    <t>Jhandeer Wala</t>
  </si>
  <si>
    <t>Sumera Kanwal</t>
  </si>
  <si>
    <t>GGPS JHUN</t>
  </si>
  <si>
    <t>DHUDHU CHAK - FEMALE</t>
  </si>
  <si>
    <t>Jhun</t>
  </si>
  <si>
    <t>jhun</t>
  </si>
  <si>
    <t>Sahari</t>
  </si>
  <si>
    <t>Hafiza Parveen</t>
  </si>
  <si>
    <t>DALOWALI - FEMALE</t>
  </si>
  <si>
    <t>village jhun P.O box Cantt Sialkot</t>
  </si>
  <si>
    <t>Kundan Pur</t>
  </si>
  <si>
    <t>Noreen Maqbool</t>
  </si>
  <si>
    <t>GGPS JOGI WALA</t>
  </si>
  <si>
    <t>ward #2 mohalla churkil wala</t>
  </si>
  <si>
    <t>Robina Gull</t>
  </si>
  <si>
    <t>BAIG PUR - FEMALE</t>
  </si>
  <si>
    <t>Jogi Wala</t>
  </si>
  <si>
    <t>jogi wala</t>
  </si>
  <si>
    <t>Shamsa Dhada</t>
  </si>
  <si>
    <t>Sumaira Kousar</t>
  </si>
  <si>
    <t>GGPS KABIR WALA</t>
  </si>
  <si>
    <t>DAGGAR AOULAKAH - FEMALE</t>
  </si>
  <si>
    <t>Dagar Aulakh</t>
  </si>
  <si>
    <t>chah kabeer wala</t>
  </si>
  <si>
    <t>Kabeer Wala</t>
  </si>
  <si>
    <t>Rizwana Aslam</t>
  </si>
  <si>
    <t>Burhan pur</t>
  </si>
  <si>
    <t>Burhan pur Amir pur station  kahror pacca</t>
  </si>
  <si>
    <t>Burhan Pur</t>
  </si>
  <si>
    <t>Abida Qamar</t>
  </si>
  <si>
    <t>GGPS KACHI WALI</t>
  </si>
  <si>
    <t>DEDHY LAL- FEMALE</t>
  </si>
  <si>
    <t>KACHI WALI</t>
  </si>
  <si>
    <t>HASSAN PUR TRUND</t>
  </si>
  <si>
    <t>Mehwish Mureed</t>
  </si>
  <si>
    <t>nabi shah</t>
  </si>
  <si>
    <t>basti choki gabool</t>
  </si>
  <si>
    <t>Choki Gabool</t>
  </si>
  <si>
    <t>Bait Mulain Wali</t>
  </si>
  <si>
    <t>Robina Yaseen</t>
  </si>
  <si>
    <t>GGPS KAHAN SINGH</t>
  </si>
  <si>
    <t>MCD 09-FEMALE</t>
  </si>
  <si>
    <t>Kahan Singh</t>
  </si>
  <si>
    <t>kahan sing</t>
  </si>
  <si>
    <t>Qaim Pur</t>
  </si>
  <si>
    <t>KAHAN SINGH</t>
  </si>
  <si>
    <t>Rana House deepalpur road shaker colony farid nagar pakpattan</t>
  </si>
  <si>
    <t>Kot Kahan Singh</t>
  </si>
  <si>
    <t>Boyal Ganj</t>
  </si>
  <si>
    <t>Fasiha Khanam</t>
  </si>
  <si>
    <t>GGPS KAKA</t>
  </si>
  <si>
    <t>MOWARA - FEMALE</t>
  </si>
  <si>
    <t>Kaka</t>
  </si>
  <si>
    <t>village kaka p/o bhura khayal kahuta Rwp</t>
  </si>
  <si>
    <t>Dakhali</t>
  </si>
  <si>
    <t>Fazeela naz</t>
  </si>
  <si>
    <t>JURA KALAN (EAST) (FEMALE)</t>
  </si>
  <si>
    <t>village kaka p/o jaura kalan thesil noor pur thal district khushab</t>
  </si>
  <si>
    <t>Khai Khurd</t>
  </si>
  <si>
    <t>Nusrat Batool</t>
  </si>
  <si>
    <t>GGPS KALAIR</t>
  </si>
  <si>
    <t>Kalair</t>
  </si>
  <si>
    <t>Village and post office Jatti Shah Rehman Teh Wazirabad district gujranwala</t>
  </si>
  <si>
    <t>Dilawar Cheema</t>
  </si>
  <si>
    <t>RobinaBashir</t>
  </si>
  <si>
    <t>GHAKKAR 3 - FEMALE</t>
  </si>
  <si>
    <t>kalair.Teh.wzd ,distt.Grw</t>
  </si>
  <si>
    <t>Bharoke Cheema</t>
  </si>
  <si>
    <t>Ghazala Arshed</t>
  </si>
  <si>
    <t>GGPS KALAR WALA</t>
  </si>
  <si>
    <t>Jhok Bodo</t>
  </si>
  <si>
    <t>kalar Wala uc jhok bodo</t>
  </si>
  <si>
    <t>Kalar Wala</t>
  </si>
  <si>
    <t>kaneez batol</t>
  </si>
  <si>
    <t>HAIDER GHAZI- FEMALE</t>
  </si>
  <si>
    <t>Kutt</t>
  </si>
  <si>
    <t>ward no 14 c basti kutt kot adu</t>
  </si>
  <si>
    <t>Basti Kutt</t>
  </si>
  <si>
    <t>Sana Tareen</t>
  </si>
  <si>
    <t>GGPS KALAS</t>
  </si>
  <si>
    <t>ADYALA -FEMALE</t>
  </si>
  <si>
    <t>Village Kalas Teh and distt Rawalpindi</t>
  </si>
  <si>
    <t>Ranyal</t>
  </si>
  <si>
    <t>Shazia Perveen</t>
  </si>
  <si>
    <t>LALIAN MARKAZ NO.05 - FEMALE</t>
  </si>
  <si>
    <t>Moza Kalas Dakhana Thatti Bala Raja Teh Lalian Distt Chiniot</t>
  </si>
  <si>
    <t>Dawer</t>
  </si>
  <si>
    <t>RUKHSANA BASHIR</t>
  </si>
  <si>
    <t>GGPS KALAY WALI</t>
  </si>
  <si>
    <t>KHANANWALI - FEMALE</t>
  </si>
  <si>
    <t>Kalaywali</t>
  </si>
  <si>
    <t>Kalay wali Post office chawinda tehsil pasrur district Sialkot.</t>
  </si>
  <si>
    <t>Kalay Wali</t>
  </si>
  <si>
    <t>Khananwali</t>
  </si>
  <si>
    <t>Jamila Yaqoob</t>
  </si>
  <si>
    <t>GGPS KALIA SHAH</t>
  </si>
  <si>
    <t>BWN.14-FEMALE</t>
  </si>
  <si>
    <t>Kalia Shah</t>
  </si>
  <si>
    <t>basti kalia shah daak khana jodhayka</t>
  </si>
  <si>
    <t>Nazia Nayyar</t>
  </si>
  <si>
    <t>p/O  karam pur tehsil mailsi district vehari</t>
  </si>
  <si>
    <t>Kalia shah</t>
  </si>
  <si>
    <t>Burana Khas</t>
  </si>
  <si>
    <t>Sajida Nasreen</t>
  </si>
  <si>
    <t>GGPS KALLAR WALA</t>
  </si>
  <si>
    <t>kalar wala minchin abad district bahawal nagar</t>
  </si>
  <si>
    <t>Bonga Akbar Mari Nehal</t>
  </si>
  <si>
    <t>Mussarat Rukhsana</t>
  </si>
  <si>
    <t>ISHAQ WALA- FEMALE</t>
  </si>
  <si>
    <t>Gulan Pirhar</t>
  </si>
  <si>
    <t>moza gulan pirhar basti kallar wala</t>
  </si>
  <si>
    <t>Kallar Wala</t>
  </si>
  <si>
    <t>Aalidaha</t>
  </si>
  <si>
    <t>Mariam Sharif</t>
  </si>
  <si>
    <t>GGPS KALOO WALA</t>
  </si>
  <si>
    <t>mouza ali dasti post office kot sultan</t>
  </si>
  <si>
    <t>Kot Sultan</t>
  </si>
  <si>
    <t>Aroosa Kanwal</t>
  </si>
  <si>
    <t>GGPS KALU KHARA</t>
  </si>
  <si>
    <t>THEH ROSSA - FEMALE</t>
  </si>
  <si>
    <t>Kalu Khara</t>
  </si>
  <si>
    <t>kalokhara p/o ram thaman</t>
  </si>
  <si>
    <t>Kalokhara</t>
  </si>
  <si>
    <t>Matta</t>
  </si>
  <si>
    <t>yasmeen tahira</t>
  </si>
  <si>
    <t>BARAMANGA - FEMALE</t>
  </si>
  <si>
    <t>Kalukhaira</t>
  </si>
  <si>
    <t>kalukhaira p.o.box baramanga</t>
  </si>
  <si>
    <t>Wali Pur Borra</t>
  </si>
  <si>
    <t>Sughra Kanwal</t>
  </si>
  <si>
    <t>GGPS KALU WALI</t>
  </si>
  <si>
    <t>BAN BAJWA - FEMALE</t>
  </si>
  <si>
    <t>kalowali</t>
  </si>
  <si>
    <t>kalowali p. o. box ban judhala tehsil pasrur district sialkot</t>
  </si>
  <si>
    <t>ban bajwa</t>
  </si>
  <si>
    <t>Bushra beghum</t>
  </si>
  <si>
    <t>GHAKKAR 1 - FEMALE</t>
  </si>
  <si>
    <t>Kaluwali</t>
  </si>
  <si>
    <t>kaluwali teh wazirabad</t>
  </si>
  <si>
    <t>Asma Shahid</t>
  </si>
  <si>
    <t>GGPS KALYAL</t>
  </si>
  <si>
    <t>BANN-FEMALE</t>
  </si>
  <si>
    <t>Charhan</t>
  </si>
  <si>
    <t>village kalyal post office gulehara gali murree rawalpindi</t>
  </si>
  <si>
    <t>Kalyal</t>
  </si>
  <si>
    <t>Ayesha Bibi</t>
  </si>
  <si>
    <t>HOTHLA - FEMALE</t>
  </si>
  <si>
    <t>Village kalyal p.o hothla teh kahuta dist rawalpindi</t>
  </si>
  <si>
    <t>Hothla</t>
  </si>
  <si>
    <t>Tayyaba Tahira</t>
  </si>
  <si>
    <t>vill kalyal p/o panjdhera</t>
  </si>
  <si>
    <t>Jand Khanzada</t>
  </si>
  <si>
    <t>Tehreem Sarfraz</t>
  </si>
  <si>
    <t>GGPS KANG</t>
  </si>
  <si>
    <t>DHAILAM BALLAGAN - FEMALE</t>
  </si>
  <si>
    <t>Kang</t>
  </si>
  <si>
    <t>ggps kang teh.sambria</t>
  </si>
  <si>
    <t>Dhillam Ballaggan</t>
  </si>
  <si>
    <t>Munuza Jabeen</t>
  </si>
  <si>
    <t>KINGRA - FEMALE</t>
  </si>
  <si>
    <t>kang</t>
  </si>
  <si>
    <t>Dullam Kahalwan</t>
  </si>
  <si>
    <t>Malika Sobia</t>
  </si>
  <si>
    <t>GGPS KARIM ABAD</t>
  </si>
  <si>
    <t>Neelgarh</t>
  </si>
  <si>
    <t>ggps karimabad basti munshian</t>
  </si>
  <si>
    <t>Basti Munshian</t>
  </si>
  <si>
    <t>Kotla Mahi</t>
  </si>
  <si>
    <t>BAHODIPUR QURESHIAN-FEMALE</t>
  </si>
  <si>
    <t>Tajpur Mureed Wala</t>
  </si>
  <si>
    <t>karim abad near adda sheikhwahan</t>
  </si>
  <si>
    <t>Karim Abad</t>
  </si>
  <si>
    <t>Murtaza Abad</t>
  </si>
  <si>
    <t>NUSRAT BEGUM</t>
  </si>
  <si>
    <t>kot janu ggps karim abad</t>
  </si>
  <si>
    <t>Kot Tahir</t>
  </si>
  <si>
    <t>U me Habiba</t>
  </si>
  <si>
    <t>GGPS KARYAL</t>
  </si>
  <si>
    <t>LESSAR KALAN - FEMALE</t>
  </si>
  <si>
    <t>ggps karyal post office lessar kalan</t>
  </si>
  <si>
    <t>Lessar Kalan</t>
  </si>
  <si>
    <t>NOOR SHAH-B-FEMALE</t>
  </si>
  <si>
    <t>GGPS KARYAL NOOR SHAH SAHIWAL</t>
  </si>
  <si>
    <t>Abida  Qaisar</t>
  </si>
  <si>
    <t>PAJIAN-FEMALE</t>
  </si>
  <si>
    <t>Village kryal tehsil raiwind district lahore</t>
  </si>
  <si>
    <t>kryal</t>
  </si>
  <si>
    <t>Arriayan</t>
  </si>
  <si>
    <t>Hafiza Maqsooda</t>
  </si>
  <si>
    <t>GGPS KHABAL</t>
  </si>
  <si>
    <t>DHONGI -FEMALE</t>
  </si>
  <si>
    <t>Khabbal</t>
  </si>
  <si>
    <t>Village Khabbal Awan</t>
  </si>
  <si>
    <t>Khabbal Awan</t>
  </si>
  <si>
    <t>Pind Mathy Khan</t>
  </si>
  <si>
    <t>Aisha irum</t>
  </si>
  <si>
    <t>electric motor</t>
  </si>
  <si>
    <t>GGPS KHAIR SHAH</t>
  </si>
  <si>
    <t>THAL JANDI - FEMALE</t>
  </si>
  <si>
    <t>laskani wala</t>
  </si>
  <si>
    <t>p/o laskani wala gGPS khair shah</t>
  </si>
  <si>
    <t>khair shah</t>
  </si>
  <si>
    <t>baseera</t>
  </si>
  <si>
    <t>Rozina Ashraf</t>
  </si>
  <si>
    <t>QUTAB SHAHANA-FEMALE</t>
  </si>
  <si>
    <t>Khair Shah</t>
  </si>
  <si>
    <t>moza khair shah dak khana 58GD tehsil o zilah</t>
  </si>
  <si>
    <t>Aurangabad</t>
  </si>
  <si>
    <t>Mumtaz Akhter</t>
  </si>
  <si>
    <t>GGPS KHAJI WALA</t>
  </si>
  <si>
    <t>IFTIKHAR WALA- FEMALE</t>
  </si>
  <si>
    <t>Sandela</t>
  </si>
  <si>
    <t>g g p s khaji wala</t>
  </si>
  <si>
    <t>Khaji Wala</t>
  </si>
  <si>
    <t>Ibrahim Wali</t>
  </si>
  <si>
    <t>SUMAIRA BASHEER</t>
  </si>
  <si>
    <t>Panwar Shumali</t>
  </si>
  <si>
    <t>khaji wala panwar shumali mehmood kot tehsil kot addu distt muzaffar</t>
  </si>
  <si>
    <t>Mehmood Kot</t>
  </si>
  <si>
    <t>Saneela Tasneem</t>
  </si>
  <si>
    <t>GGPS KHALID ABAD</t>
  </si>
  <si>
    <t>ABDUL HAKIM - FEMALE</t>
  </si>
  <si>
    <t>BATTIYAN</t>
  </si>
  <si>
    <t>GGPS KHALID ABAD MOUZA BATTIYAN P/O ABDUL HAKIM KABIRWALA</t>
  </si>
  <si>
    <t>KHALID ABAD</t>
  </si>
  <si>
    <t>Shahadat Kandla</t>
  </si>
  <si>
    <t>NOUREEN ANJUM</t>
  </si>
  <si>
    <t>Nearby Houses</t>
  </si>
  <si>
    <t>BUKHARA - FEMALE</t>
  </si>
  <si>
    <t>Chak taalab</t>
  </si>
  <si>
    <t>GGPS khalid aabad</t>
  </si>
  <si>
    <t>Muhammad Pur 1</t>
  </si>
  <si>
    <t>Ghazala Kanwal</t>
  </si>
  <si>
    <t>ICHRA - FEMALE</t>
  </si>
  <si>
    <t>Khalid Town</t>
  </si>
  <si>
    <t>Govt girls primary school khalid abd, khalid town lahore</t>
  </si>
  <si>
    <t>Gajju Matta</t>
  </si>
  <si>
    <t>Samina Salamat</t>
  </si>
  <si>
    <t>GGPS KHALIL ABAD</t>
  </si>
  <si>
    <t>GGPS KHALIL ABAD BASTI NOORAY WALA</t>
  </si>
  <si>
    <t>NOORY WALA</t>
  </si>
  <si>
    <t>subia alam</t>
  </si>
  <si>
    <t>Basti ranjha</t>
  </si>
  <si>
    <t>chah shahi wala khail abad post office shadan lund tahsil d g khan district d g khan</t>
  </si>
  <si>
    <t>Khalil abad</t>
  </si>
  <si>
    <t>Farhat Latif</t>
  </si>
  <si>
    <t>GGPS KHAN PUR</t>
  </si>
  <si>
    <t>CHANNI HANJRAWA - FEMALE</t>
  </si>
  <si>
    <t>khan pur</t>
  </si>
  <si>
    <t>Kot Said Muhammad</t>
  </si>
  <si>
    <t>Anam Ashraf</t>
  </si>
  <si>
    <t>CITY</t>
  </si>
  <si>
    <t>NIAZBAIG - FEMALE</t>
  </si>
  <si>
    <t>Khanpur</t>
  </si>
  <si>
    <t>16 km peer mudarsa kot Muhammad Hussain multan road Lahore</t>
  </si>
  <si>
    <t>Shahpur Kanjra</t>
  </si>
  <si>
    <t>Nuzahat Shaheen</t>
  </si>
  <si>
    <t>MAINGRI-FEMALE</t>
  </si>
  <si>
    <t>Khanpur p/o chaqqazian</t>
  </si>
  <si>
    <t>Bua</t>
  </si>
  <si>
    <t>Salma Sultan</t>
  </si>
  <si>
    <t>GGPS KHAN WALA</t>
  </si>
  <si>
    <t>BHAKHRI AHMED KHAN FEMALE</t>
  </si>
  <si>
    <t>bait wasawa shumali moza khan wala</t>
  </si>
  <si>
    <t>Bait Waswa Shumali</t>
  </si>
  <si>
    <t>Azra Manzoor</t>
  </si>
  <si>
    <t>DAGGER WAGWARAH- FEMALE</t>
  </si>
  <si>
    <t>Waghwara</t>
  </si>
  <si>
    <t>Cha Shera Khoo 17 TDA</t>
  </si>
  <si>
    <t>Cha Shera Khoo</t>
  </si>
  <si>
    <t>Kohawar Kala</t>
  </si>
  <si>
    <t>Zeenat Rafaqat</t>
  </si>
  <si>
    <t>BHUTTA PUR- FEMALE</t>
  </si>
  <si>
    <t>ggps khanwala basti kotwal muzaffargarh</t>
  </si>
  <si>
    <t>Kotwal Wala</t>
  </si>
  <si>
    <t>Shaista Mushtaq</t>
  </si>
  <si>
    <t>GGPS KHAND WALA</t>
  </si>
  <si>
    <t>KOT SULTAN-II - FEMALE</t>
  </si>
  <si>
    <t>Kharal Azeem</t>
  </si>
  <si>
    <t>Mouza kharal azeem chah khand wala p/o box kot sultan</t>
  </si>
  <si>
    <t>Mouza Kharal Azeem</t>
  </si>
  <si>
    <t>Ishrat Fatima</t>
  </si>
  <si>
    <t>Tuba Mustkil Darmiani</t>
  </si>
  <si>
    <t>chah  khand wala</t>
  </si>
  <si>
    <t>Chah Khand Wala</t>
  </si>
  <si>
    <t>Tiba</t>
  </si>
  <si>
    <t>Abida Kanwal</t>
  </si>
  <si>
    <t>GGPS KHAR WALA</t>
  </si>
  <si>
    <t>p/s khar wala p/s Shaher Sultan</t>
  </si>
  <si>
    <t>Khar Wala</t>
  </si>
  <si>
    <t>Qurat-ul-ain Bukhari</t>
  </si>
  <si>
    <t>GGPS KHARANG</t>
  </si>
  <si>
    <t>DAKHALI - FEMALE</t>
  </si>
  <si>
    <t>Kharang Kalan</t>
  </si>
  <si>
    <t>Village kharang post office khas tehsil kahuta district RWP</t>
  </si>
  <si>
    <t>Musrrat Jabeen</t>
  </si>
  <si>
    <t>Electric water motor</t>
  </si>
  <si>
    <t>KOTLI SATTIAN - FEMALE</t>
  </si>
  <si>
    <t>Kotli Sattian</t>
  </si>
  <si>
    <t>village kharang teh and po box kotli sattian</t>
  </si>
  <si>
    <t>Kharang</t>
  </si>
  <si>
    <t>TMC</t>
  </si>
  <si>
    <t>NEELAM NAWAZ</t>
  </si>
  <si>
    <t>GGPS KHAWAJA ABAD</t>
  </si>
  <si>
    <t>KOT MOMIN WEST-II - FEMALE</t>
  </si>
  <si>
    <t>Kotmomin</t>
  </si>
  <si>
    <t>Government school khwajabad kotmomin</t>
  </si>
  <si>
    <t>Mc/kotmomin</t>
  </si>
  <si>
    <t>Naseem Hamid</t>
  </si>
  <si>
    <t>DHUDHIAN - FEMALE</t>
  </si>
  <si>
    <t>Khawaja Abad</t>
  </si>
  <si>
    <t>khawaja abad</t>
  </si>
  <si>
    <t>Tahira Batool</t>
  </si>
  <si>
    <t>GGPS KHILRI</t>
  </si>
  <si>
    <t>KOLIAN HAMEED-FEMALE</t>
  </si>
  <si>
    <t>Khilri</t>
  </si>
  <si>
    <t>village Khilri P/o khilri</t>
  </si>
  <si>
    <t>Kolian Hameed</t>
  </si>
  <si>
    <t>Tehzeeb-un-Nisa</t>
  </si>
  <si>
    <t>boring /motor</t>
  </si>
  <si>
    <t>ggps khalri basti Qamber wala</t>
  </si>
  <si>
    <t>Basti Qamber Wala</t>
  </si>
  <si>
    <t>Shabana Noureen</t>
  </si>
  <si>
    <t>GGPS KHUDA YAR WALA</t>
  </si>
  <si>
    <t>JURA KALAN (WEST) (FEMALE)</t>
  </si>
  <si>
    <t>Peelowains</t>
  </si>
  <si>
    <t>peelowains</t>
  </si>
  <si>
    <t>Saima Batool</t>
  </si>
  <si>
    <t>KALLUR KOT - FEMALE</t>
  </si>
  <si>
    <t>Maibal</t>
  </si>
  <si>
    <t>GGPS Khuda Yar Wala</t>
  </si>
  <si>
    <t>Khuda Yar Wala</t>
  </si>
  <si>
    <t>Maibal Sharief</t>
  </si>
  <si>
    <t>Yasmin Bibi</t>
  </si>
  <si>
    <t>GGPS KHURSHID ABAD</t>
  </si>
  <si>
    <t>DHANOTE - FEMALE</t>
  </si>
  <si>
    <t>Hardothaem</t>
  </si>
  <si>
    <t>ameer pur sadat tehsil karor pacca dist lodhran</t>
  </si>
  <si>
    <t>Chitt Wala</t>
  </si>
  <si>
    <t>Ameer Pur Sadat</t>
  </si>
  <si>
    <t>RuBINA KOUSAR</t>
  </si>
  <si>
    <t>DAUNA- FEMALE</t>
  </si>
  <si>
    <t>Haji Shah</t>
  </si>
  <si>
    <t>basti mohany wala qasba gujrat</t>
  </si>
  <si>
    <t>Mohany Wala</t>
  </si>
  <si>
    <t>Raeesa Khatoon</t>
  </si>
  <si>
    <t>GGPS KIKAR WALA</t>
  </si>
  <si>
    <t>JHANG CITY - FEMALE</t>
  </si>
  <si>
    <t>Faisal Town</t>
  </si>
  <si>
    <t>faisal town faisalabad road jhang</t>
  </si>
  <si>
    <t>Civil Station</t>
  </si>
  <si>
    <t>Aalia Mehboob</t>
  </si>
  <si>
    <t>Kikarwala</t>
  </si>
  <si>
    <t>kikker wala,Tehsil Nowshera virkan, District Gujranwala, p/o phamma sarai.</t>
  </si>
  <si>
    <t>Kikker wala</t>
  </si>
  <si>
    <t>Phama Sarai</t>
  </si>
  <si>
    <t>Farzana Yasmeen</t>
  </si>
  <si>
    <t>GGPS KISANA</t>
  </si>
  <si>
    <t>Kasana</t>
  </si>
  <si>
    <t>village Kasana p/o dudhuchak tehsil shakargarh distt narowal</t>
  </si>
  <si>
    <t>Dudhuchak</t>
  </si>
  <si>
    <t>Sumaira Rasheed</t>
  </si>
  <si>
    <t>GGPS KOHLIAN</t>
  </si>
  <si>
    <t>SUKHO CHAK - FEMALE</t>
  </si>
  <si>
    <t>Kohlian</t>
  </si>
  <si>
    <t>village kohlian post office chahla</t>
  </si>
  <si>
    <t>Misbah Sadique</t>
  </si>
  <si>
    <t>village kohlian p\o bhogi chak the sohawa distt Jhelum</t>
  </si>
  <si>
    <t>Ghosia Qamar</t>
  </si>
  <si>
    <t>ggps kohlian p/o bhera teh bhera dist sargodha</t>
  </si>
  <si>
    <t>Ranjhwala</t>
  </si>
  <si>
    <t>Hafsa  Gul</t>
  </si>
  <si>
    <t>GGPS KOT ABDULLAH</t>
  </si>
  <si>
    <t>BHUTTA WAHAN - FEMALE</t>
  </si>
  <si>
    <t>Miyan Sadisultan</t>
  </si>
  <si>
    <t>Basti Kot Abdullah  post office bhutta wahan  these elements SDK</t>
  </si>
  <si>
    <t>Basti Kot Abdullah</t>
  </si>
  <si>
    <t>Razia Majeed</t>
  </si>
  <si>
    <t>Kot Abdullah</t>
  </si>
  <si>
    <t>Nangal Bucher</t>
  </si>
  <si>
    <t>Sadia Bano</t>
  </si>
  <si>
    <t>GGPS KOT BHAGA</t>
  </si>
  <si>
    <t>MANAK CHAND - FEMALE</t>
  </si>
  <si>
    <t>Kot Bhaga</t>
  </si>
  <si>
    <t>village kot bhaga post office khambranwala tehsil sambrial district sialkot.</t>
  </si>
  <si>
    <t>Roras</t>
  </si>
  <si>
    <t>Madiha Akram</t>
  </si>
  <si>
    <t>ALI PUR CHATHA 3 - FEMALE</t>
  </si>
  <si>
    <t>Kot  Bhaga</t>
  </si>
  <si>
    <t>GGPS kot bhaga</t>
  </si>
  <si>
    <t>Hazrat Kalianwala</t>
  </si>
  <si>
    <t>Uzma Naz</t>
  </si>
  <si>
    <t>GGPS KOT FAZAL</t>
  </si>
  <si>
    <t>Sayed Pur</t>
  </si>
  <si>
    <t>p/o kot fazal village kot fazal tehsil sadiq abad district rahim yar khan</t>
  </si>
  <si>
    <t>Kot Fazal</t>
  </si>
  <si>
    <t>Bhutta Wahan</t>
  </si>
  <si>
    <t>SHAHLA NAZ</t>
  </si>
  <si>
    <t>BARKHURDAR-FEMALE</t>
  </si>
  <si>
    <t>kot Fazal district nankana</t>
  </si>
  <si>
    <t>Namdar</t>
  </si>
  <si>
    <t>Khushboo Muzaffar</t>
  </si>
  <si>
    <t>Mosque</t>
  </si>
  <si>
    <t>GGPS KOT GHAZI</t>
  </si>
  <si>
    <t>KHAWAJA ARIF-A-FEMALE</t>
  </si>
  <si>
    <t>Kot Ghazi</t>
  </si>
  <si>
    <t>ggps kot ghazi</t>
  </si>
  <si>
    <t>Saeeda Bano</t>
  </si>
  <si>
    <t>GGPS KOT GHULAM RASOOL</t>
  </si>
  <si>
    <t>Kot Ghulam Rasool</t>
  </si>
  <si>
    <t>kot ghualm rasool</t>
  </si>
  <si>
    <t>Kot Hussain</t>
  </si>
  <si>
    <t>Kalsoom Shazadi</t>
  </si>
  <si>
    <t>GhulamRasool</t>
  </si>
  <si>
    <t>kot ghulam rasool</t>
  </si>
  <si>
    <t>Chak  Mano</t>
  </si>
  <si>
    <t>Saima Bibi</t>
  </si>
  <si>
    <t>GGPS KOT GHUMAN</t>
  </si>
  <si>
    <t>KOT GHUMMAN - FEMALE</t>
  </si>
  <si>
    <t>Kot Ghumman</t>
  </si>
  <si>
    <t>Kot Ghumman P/O jamkey cheema Daska Sialkot</t>
  </si>
  <si>
    <t>Pero Chak</t>
  </si>
  <si>
    <t>Bushra Iqbal</t>
  </si>
  <si>
    <t>GGPS KOT KHUDA YAR</t>
  </si>
  <si>
    <t>Talib</t>
  </si>
  <si>
    <t>kot Khuda yar</t>
  </si>
  <si>
    <t>Kot Khuda Yar</t>
  </si>
  <si>
    <t>Chak No 125 Jappy</t>
  </si>
  <si>
    <t>RANDHIR MORE - FEMALE</t>
  </si>
  <si>
    <t>Kot Khudayar</t>
  </si>
  <si>
    <t>dakh khana begowala kot khudayar tehsil sambrial</t>
  </si>
  <si>
    <t>Kopra 116</t>
  </si>
  <si>
    <t>Alia Firdous</t>
  </si>
  <si>
    <t>GGPS KOT MUBARAK</t>
  </si>
  <si>
    <t>KOT MUBARAK-FEMALE</t>
  </si>
  <si>
    <t>Kot Mubarak</t>
  </si>
  <si>
    <t>kot mubarak</t>
  </si>
  <si>
    <t>Sajida Firdus</t>
  </si>
  <si>
    <t>KOT NAWAN - FEMALE</t>
  </si>
  <si>
    <t>Hafizabad</t>
  </si>
  <si>
    <t>kotmuburk</t>
  </si>
  <si>
    <t>Kotmuburk</t>
  </si>
  <si>
    <t>Solngi Awan</t>
  </si>
  <si>
    <t>Razia Mukhtar</t>
  </si>
  <si>
    <t>GGPS KOT NAWAN</t>
  </si>
  <si>
    <t>WAZIRABAD CITY 3 - FEMALE</t>
  </si>
  <si>
    <t>kot nawan p.o. sohdra teh. wzd dis. Grw</t>
  </si>
  <si>
    <t>Kot Nawan</t>
  </si>
  <si>
    <t>Vinjowali</t>
  </si>
  <si>
    <t>Zahida Naseem</t>
  </si>
  <si>
    <t>motor pump</t>
  </si>
  <si>
    <t>ggps kot nawan</t>
  </si>
  <si>
    <t>Solangi Awan</t>
  </si>
  <si>
    <t>irshad shafee</t>
  </si>
  <si>
    <t>GGPS KOT REHMAT KHAN</t>
  </si>
  <si>
    <t>Kot Rehmat Khan</t>
  </si>
  <si>
    <t>kot Rehmat Khan</t>
  </si>
  <si>
    <t>Kot Rehman Khan</t>
  </si>
  <si>
    <t>Madiyala Tega</t>
  </si>
  <si>
    <t>Najma Shareef</t>
  </si>
  <si>
    <t>GGPS KOT WASAN SINGH</t>
  </si>
  <si>
    <t>PHOOL NAGAR CITY - FEMALE</t>
  </si>
  <si>
    <t>Kot Wassan Singh</t>
  </si>
  <si>
    <t>kot wassan singh</t>
  </si>
  <si>
    <t>Gagga Saraey</t>
  </si>
  <si>
    <t>SafiaBano</t>
  </si>
  <si>
    <t>Kot Wasan Singh</t>
  </si>
  <si>
    <t>govt girls primary school kot wasan singh</t>
  </si>
  <si>
    <t>Mudkay Dhariwal</t>
  </si>
  <si>
    <t>Ume Habiba</t>
  </si>
  <si>
    <t>GGPS KOTHA</t>
  </si>
  <si>
    <t>Kotha</t>
  </si>
  <si>
    <t>village Kotha thasil Dina District jhelum</t>
  </si>
  <si>
    <t>Badllot</t>
  </si>
  <si>
    <t>Irum Javed</t>
  </si>
  <si>
    <t>KHARIAN I - FEMALE</t>
  </si>
  <si>
    <t>ggps kotha</t>
  </si>
  <si>
    <t>Pindi Sultan Pur</t>
  </si>
  <si>
    <t>Muzammil Saba</t>
  </si>
  <si>
    <t>Mori</t>
  </si>
  <si>
    <t>jandi kotha</t>
  </si>
  <si>
    <t>Arouba Zaheer</t>
  </si>
  <si>
    <t>GGPS KOTHAY WALA</t>
  </si>
  <si>
    <t>Shareef Panwar</t>
  </si>
  <si>
    <t>Adam wala</t>
  </si>
  <si>
    <t>Fazil Kalro</t>
  </si>
  <si>
    <t>Fazil Karlo</t>
  </si>
  <si>
    <t>ramsha naseer</t>
  </si>
  <si>
    <t>BUDHLA SANT - FEMALE</t>
  </si>
  <si>
    <t>Kothay Wala</t>
  </si>
  <si>
    <t>ggps kothay wala</t>
  </si>
  <si>
    <t>Farzana Aslam</t>
  </si>
  <si>
    <t>GGPS KOTLI KHAWAJA</t>
  </si>
  <si>
    <t>Kotli Khawaja</t>
  </si>
  <si>
    <t>Kotli khawaja tehsil pasur district Sialkot post office klaswala</t>
  </si>
  <si>
    <t>Talwadi Anayat Khan</t>
  </si>
  <si>
    <t>Kousar Yasmeen</t>
  </si>
  <si>
    <t>MEHRAJKAY - FEMALE</t>
  </si>
  <si>
    <t>vill kotli khawaja teh pasrur dist sialkot</t>
  </si>
  <si>
    <t>Mehrajke</t>
  </si>
  <si>
    <t>Rabia Kanwal</t>
  </si>
  <si>
    <t>GGPS KOTLI MIANI</t>
  </si>
  <si>
    <t>Kotlimiani</t>
  </si>
  <si>
    <t>kotlimiani</t>
  </si>
  <si>
    <t>Kotli Miani</t>
  </si>
  <si>
    <t>Nangal Buchr</t>
  </si>
  <si>
    <t>Bushra Bibi</t>
  </si>
  <si>
    <t>kotli miani. teh.wazirabad</t>
  </si>
  <si>
    <t>NOIN WALA CHATHA</t>
  </si>
  <si>
    <t>GGPS KOTLI SYEDAN</t>
  </si>
  <si>
    <t>CHOTALA-FEMALE</t>
  </si>
  <si>
    <t>Kotli Syedan</t>
  </si>
  <si>
    <t>village kotli syedan p/o bajwala kalan teh distt jhelum</t>
  </si>
  <si>
    <t>Darapur</t>
  </si>
  <si>
    <t>Shabana Aslam</t>
  </si>
  <si>
    <t>BURJ CHEEMA - FEMALE</t>
  </si>
  <si>
    <t>Qaisra Ishfaq</t>
  </si>
  <si>
    <t>GGPS KUNDAL</t>
  </si>
  <si>
    <t>ISA KHEL NO.2-FEMALE</t>
  </si>
  <si>
    <t>Kundal Paka</t>
  </si>
  <si>
    <t>govt girls primary school kundal</t>
  </si>
  <si>
    <t>Kundal</t>
  </si>
  <si>
    <t>Khaglanwala</t>
  </si>
  <si>
    <t>Isma Jamil</t>
  </si>
  <si>
    <t>village Kundal p o Lilla teh pd Khan district. jhelum</t>
  </si>
  <si>
    <t>Kandwal</t>
  </si>
  <si>
    <t>Salma Nasreen</t>
  </si>
  <si>
    <t>GGPS LAKHA</t>
  </si>
  <si>
    <t>lakha</t>
  </si>
  <si>
    <t>Dad Kamera</t>
  </si>
  <si>
    <t>Mamoona Tayyab</t>
  </si>
  <si>
    <t>GGPS LALAY WALA</t>
  </si>
  <si>
    <t>govt girls primary school lalay wala</t>
  </si>
  <si>
    <t>Basti China</t>
  </si>
  <si>
    <t>Umama Maryum</t>
  </si>
  <si>
    <t>HUJRA SHAH MUQEEM - FEMALE</t>
  </si>
  <si>
    <t>Lalay Wala</t>
  </si>
  <si>
    <t>lalay wala</t>
  </si>
  <si>
    <t>Behlolpur</t>
  </si>
  <si>
    <t>GGPS LALAY WALI</t>
  </si>
  <si>
    <t>Lalaywali</t>
  </si>
  <si>
    <t>Behnian</t>
  </si>
  <si>
    <t>Madiha Rabani</t>
  </si>
  <si>
    <t>Laly Wali</t>
  </si>
  <si>
    <t>Laly wali.p/o.kulluwal.Teh.Sambrial.distt.sialkot.</t>
  </si>
  <si>
    <t>Abida Parveen</t>
  </si>
  <si>
    <t>GGPS LATIF ABAD</t>
  </si>
  <si>
    <t>Chit Sarkani</t>
  </si>
  <si>
    <t>GGPS latifabad, basti buzdar,moza dagar chitt</t>
  </si>
  <si>
    <t>Basti Buzdar</t>
  </si>
  <si>
    <t>Dagar Chit</t>
  </si>
  <si>
    <t>Mumtaz Bibi</t>
  </si>
  <si>
    <t>BAIT KAITCH - FEMALE</t>
  </si>
  <si>
    <t>Bait Kaitch</t>
  </si>
  <si>
    <t>basti latif abad bait kaitch</t>
  </si>
  <si>
    <t>Latif Abad</t>
  </si>
  <si>
    <t>Bait Kaitch Shumali</t>
  </si>
  <si>
    <t>Sundus ASLAM</t>
  </si>
  <si>
    <t>GGPS LATKI</t>
  </si>
  <si>
    <t>latki</t>
  </si>
  <si>
    <t>ggpslatki</t>
  </si>
  <si>
    <t>Musarrat Afzaal</t>
  </si>
  <si>
    <t>PANDIT DARI-FEMALE</t>
  </si>
  <si>
    <t>basti latki</t>
  </si>
  <si>
    <t>Basti Latki</t>
  </si>
  <si>
    <t>Adam Sahaba</t>
  </si>
  <si>
    <t>Shafaq Fatima</t>
  </si>
  <si>
    <t>GGPS LIAQAT ABAD</t>
  </si>
  <si>
    <t>ALI PUR-II- FEMALE</t>
  </si>
  <si>
    <t>basti nahar moza Ali wali tehsile Ali pur distt m.garh</t>
  </si>
  <si>
    <t>Basti Nahar</t>
  </si>
  <si>
    <t>Saira Ajmal</t>
  </si>
  <si>
    <t>Panwar Janobi</t>
  </si>
  <si>
    <t>basti nabi pur moza panwar janobi tehsil kot adu distt.m.garh</t>
  </si>
  <si>
    <t>Nabi Pur</t>
  </si>
  <si>
    <t>Seep Saeed Khan</t>
  </si>
  <si>
    <t>GGPS LODHRAN WALA</t>
  </si>
  <si>
    <t>SULTAN KHEL NO.2-FEMALE</t>
  </si>
  <si>
    <t>Kalluanwala</t>
  </si>
  <si>
    <t>ggps lodhranwala</t>
  </si>
  <si>
    <t>Lodhranwala</t>
  </si>
  <si>
    <t>Kallunwala</t>
  </si>
  <si>
    <t>Rashida Bibi</t>
  </si>
  <si>
    <t>Lodhran Wala</t>
  </si>
  <si>
    <t>ggps lodhran wala</t>
  </si>
  <si>
    <t>Gulaman No2</t>
  </si>
  <si>
    <t>Saba Aziz</t>
  </si>
  <si>
    <t>GGPS LOHAR WALA</t>
  </si>
  <si>
    <t>DAREGH</t>
  </si>
  <si>
    <t>Basti Lohar wala</t>
  </si>
  <si>
    <t>MOUZA DAREGH</t>
  </si>
  <si>
    <t>DREGH</t>
  </si>
  <si>
    <t>Nasreen Kausar</t>
  </si>
  <si>
    <t>paigah</t>
  </si>
  <si>
    <t>p/o lohar wala tah/ district d g khan</t>
  </si>
  <si>
    <t>lohar wala</t>
  </si>
  <si>
    <t>Safia begam</t>
  </si>
  <si>
    <t>MATITAL - FEMALE</t>
  </si>
  <si>
    <t>Lohar Wala</t>
  </si>
  <si>
    <t>lohar wala matital</t>
  </si>
  <si>
    <t>Matital</t>
  </si>
  <si>
    <t>Jungle Karlan</t>
  </si>
  <si>
    <t>Asia Noreen</t>
  </si>
  <si>
    <t>chah jaal wala mauza sohia thal jandi</t>
  </si>
  <si>
    <t>Perveen Qadir</t>
  </si>
  <si>
    <t>GGPS LOTAY WALA</t>
  </si>
  <si>
    <t>Basti Lotay Wala shahjamal</t>
  </si>
  <si>
    <t>Lotay Wala</t>
  </si>
  <si>
    <t>Usmaan Korea</t>
  </si>
  <si>
    <t>Sumreen Atta</t>
  </si>
  <si>
    <t>GGPS MACHANA</t>
  </si>
  <si>
    <t>RAYYA KHAS-FEMALE</t>
  </si>
  <si>
    <t>Machana</t>
  </si>
  <si>
    <t>G G P S Machana</t>
  </si>
  <si>
    <t>Rayya Khas</t>
  </si>
  <si>
    <t>Muhammad  Akmal</t>
  </si>
  <si>
    <t>GGPS MACHI WALA</t>
  </si>
  <si>
    <t>Beli Janubi</t>
  </si>
  <si>
    <t>Ranjhen peer colony mouza beli janubi tehsil &amp; district Muzaffargarh</t>
  </si>
  <si>
    <t>Machiwala</t>
  </si>
  <si>
    <t>Thatha Qureshi</t>
  </si>
  <si>
    <t>Shamim Akhter</t>
  </si>
  <si>
    <t>KHANGARH-II- FEMALE</t>
  </si>
  <si>
    <t>Saday Wahin</t>
  </si>
  <si>
    <t>Chah Mochi wala Mouza Saday wahin P/o Basti Drigh Tehsil &amp; District  Muzaffar Garh</t>
  </si>
  <si>
    <t>Mochi wala</t>
  </si>
  <si>
    <t>shahnaz kausar</t>
  </si>
  <si>
    <t>GGPS MAHARAN WALA</t>
  </si>
  <si>
    <t>Sultan Khel</t>
  </si>
  <si>
    <t>Wanda Maharanwala,p/o mkrwal,sultan khel</t>
  </si>
  <si>
    <t>Maharanwala</t>
  </si>
  <si>
    <t>Asima Parveen</t>
  </si>
  <si>
    <t>MAHARAN WALA-FEMALE</t>
  </si>
  <si>
    <t>Ahmad Khan Wala</t>
  </si>
  <si>
    <t>maharanwala</t>
  </si>
  <si>
    <t>Shahbaz Khel</t>
  </si>
  <si>
    <t>Abida Perveen</t>
  </si>
  <si>
    <t>GGPS MAHMOOD PUR</t>
  </si>
  <si>
    <t>WARIS SHAH - FEMALE</t>
  </si>
  <si>
    <t>Mehmood Pur</t>
  </si>
  <si>
    <t>mehmood pur</t>
  </si>
  <si>
    <t>Dhapai</t>
  </si>
  <si>
    <t>Shazia Hameed</t>
  </si>
  <si>
    <t>MAHMOOD PUR - FEMALE</t>
  </si>
  <si>
    <t>Mehmood pur</t>
  </si>
  <si>
    <t>Chack Bhtti</t>
  </si>
  <si>
    <t>Kubra Batool</t>
  </si>
  <si>
    <t>GGPS MAHTAM</t>
  </si>
  <si>
    <t>SHARAQPUR-II - FEMALE</t>
  </si>
  <si>
    <t>Mahtam</t>
  </si>
  <si>
    <t>mahtam</t>
  </si>
  <si>
    <t>Uzma Nazir</t>
  </si>
  <si>
    <t>SHAMAS KAY - FEMALE</t>
  </si>
  <si>
    <t>GGPS Mahtam</t>
  </si>
  <si>
    <t>Dhol Chohar</t>
  </si>
  <si>
    <t>Syeda Azwa Ijaz</t>
  </si>
  <si>
    <t>GGPS MALIK PUR</t>
  </si>
  <si>
    <t>malik pur</t>
  </si>
  <si>
    <t>post office ratwal village malikpur</t>
  </si>
  <si>
    <t>gali jageer</t>
  </si>
  <si>
    <t>Saira Riaz</t>
  </si>
  <si>
    <t>malik pur district and tehsil Nankana sahib</t>
  </si>
  <si>
    <t>chachke gill</t>
  </si>
  <si>
    <t>bushra akhtar</t>
  </si>
  <si>
    <t>PAKPATTAN 2 - FEMALE</t>
  </si>
  <si>
    <t>behram pur</t>
  </si>
  <si>
    <t>Kalsoom BiBi</t>
  </si>
  <si>
    <t>GGPS MALIK WALA</t>
  </si>
  <si>
    <t>KOT BHAI KHAN - FEMALE</t>
  </si>
  <si>
    <t>Wegowal</t>
  </si>
  <si>
    <t>chah Malik Wala</t>
  </si>
  <si>
    <t>Malik Wala</t>
  </si>
  <si>
    <t>Jahanaabad</t>
  </si>
  <si>
    <t>Basharat Sohail</t>
  </si>
  <si>
    <t>Patal Ghair Mustaqil</t>
  </si>
  <si>
    <t>ss chowak</t>
  </si>
  <si>
    <t>Peern Shah</t>
  </si>
  <si>
    <t>Naseem Abid</t>
  </si>
  <si>
    <t>GGPS MALKANI</t>
  </si>
  <si>
    <t>ZAFFAR ABAD - FEMALE</t>
  </si>
  <si>
    <t>malkani</t>
  </si>
  <si>
    <t>Gulani</t>
  </si>
  <si>
    <t>Sadia Aslam</t>
  </si>
  <si>
    <t>basti malkani</t>
  </si>
  <si>
    <t>Retra</t>
  </si>
  <si>
    <t>Tibi Qaisrani</t>
  </si>
  <si>
    <t>Nighat Sultana</t>
  </si>
  <si>
    <t>GGPS MANDHAL</t>
  </si>
  <si>
    <t>KOTLI SAID AMIR - FEMALE</t>
  </si>
  <si>
    <t>Mandhal</t>
  </si>
  <si>
    <t>Mandhal,Post Office CHAPRAR, Sialkot</t>
  </si>
  <si>
    <t>Pindi Punjoran</t>
  </si>
  <si>
    <t>Shabana Kousar</t>
  </si>
  <si>
    <t>GGPS MANDIALA</t>
  </si>
  <si>
    <t>CHOBARA - FEMALE</t>
  </si>
  <si>
    <t>Mandiala</t>
  </si>
  <si>
    <t>vill . mondiala p. o box chobara the. pasrur distt. sialkot</t>
  </si>
  <si>
    <t>Mondiala</t>
  </si>
  <si>
    <t>Chobara</t>
  </si>
  <si>
    <t>Sadia Bashir</t>
  </si>
  <si>
    <t>GGPS MANGWAL</t>
  </si>
  <si>
    <t>TALOKER (FEMALE)</t>
  </si>
  <si>
    <t>g g p s mangwal</t>
  </si>
  <si>
    <t>Mangwal</t>
  </si>
  <si>
    <t>kalsoom akhtar</t>
  </si>
  <si>
    <t>G.G.P school  Mangwal post office Jandiala Tehsil Zafarwal District Narowal</t>
  </si>
  <si>
    <t>Jandiala</t>
  </si>
  <si>
    <t>Sumeira Khadim</t>
  </si>
  <si>
    <t>GGPS MANZOOR ABAD</t>
  </si>
  <si>
    <t>Manzoorabad</t>
  </si>
  <si>
    <t>govt.girls.iqra.primary school manzoorabad</t>
  </si>
  <si>
    <t>M B Din</t>
  </si>
  <si>
    <t>Shabana Anjum</t>
  </si>
  <si>
    <t>KAKKI NAU - FEMALE</t>
  </si>
  <si>
    <t>shorkot city</t>
  </si>
  <si>
    <t>Manzoora Baad</t>
  </si>
  <si>
    <t>Gumman Maari</t>
  </si>
  <si>
    <t>Shehzadi Jahan Aara</t>
  </si>
  <si>
    <t>GGPS MAQSOOD ABAD</t>
  </si>
  <si>
    <t>maqsoodabad</t>
  </si>
  <si>
    <t>Maqsoodabad</t>
  </si>
  <si>
    <t>Sadaf Ilyas</t>
  </si>
  <si>
    <t>BWN.13-FEMALE</t>
  </si>
  <si>
    <t>Katallahyar</t>
  </si>
  <si>
    <t>Basti maqsood abad</t>
  </si>
  <si>
    <t>Basti Maqsood Abad</t>
  </si>
  <si>
    <t>Nathaywala</t>
  </si>
  <si>
    <t>Shabana Iqbal</t>
  </si>
  <si>
    <t>GGPS MARI WALA</t>
  </si>
  <si>
    <t>MARRI WALA MOUZA KOT JANU TEHSIL JAMPUR DIST RAJANPUR</t>
  </si>
  <si>
    <t>RUKHSANA IQBAL</t>
  </si>
  <si>
    <t>hand pump, water pump</t>
  </si>
  <si>
    <t>GGPS MASWAL</t>
  </si>
  <si>
    <t>PADSHAHAN-FEMALE</t>
  </si>
  <si>
    <t>Maswal</t>
  </si>
  <si>
    <t>vpo maswal teh &amp; district chakwal</t>
  </si>
  <si>
    <t>Padshahan</t>
  </si>
  <si>
    <t>Mariam Gul</t>
  </si>
  <si>
    <t>MULHAL MUGHLAN-FEMALE</t>
  </si>
  <si>
    <t>Village Maswal P/O Nachindi Teh. &amp; Distt. Chakwal</t>
  </si>
  <si>
    <t>Mulhal Mughlan</t>
  </si>
  <si>
    <t>Sobia Manzoor</t>
  </si>
  <si>
    <t>GGPS MEHMAND WALI</t>
  </si>
  <si>
    <t>Mehmand Wali</t>
  </si>
  <si>
    <t>Mehmand wali chak no.111</t>
  </si>
  <si>
    <t>Bado Mali</t>
  </si>
  <si>
    <t>Rabia Sharif</t>
  </si>
  <si>
    <t>CHAWINDA - FEMALE</t>
  </si>
  <si>
    <t>Mehmendwali</t>
  </si>
  <si>
    <t>mehmendwali pasrur Sialkot</t>
  </si>
  <si>
    <t>Chahoor</t>
  </si>
  <si>
    <t>Tanzila Kouser</t>
  </si>
  <si>
    <t>GGPS MEHRAY WALA</t>
  </si>
  <si>
    <t>BARA SADAT- FEMALE</t>
  </si>
  <si>
    <t>Dolat Pur</t>
  </si>
  <si>
    <t>basti chatty wala m.garh</t>
  </si>
  <si>
    <t>Chatty Wala</t>
  </si>
  <si>
    <t>Nohan Wali</t>
  </si>
  <si>
    <t>farkhanda Bano</t>
  </si>
  <si>
    <t>TATAR WALA - FEMALE</t>
  </si>
  <si>
    <t>Farooq Town</t>
  </si>
  <si>
    <t>MC JAMPUR</t>
  </si>
  <si>
    <t>BASIRA- FEMALE</t>
  </si>
  <si>
    <t>Sad and Wali</t>
  </si>
  <si>
    <t>basti Mehray wala</t>
  </si>
  <si>
    <t>Mehray Wala</t>
  </si>
  <si>
    <t>Gul Wala</t>
  </si>
  <si>
    <t>SALMA NOUREEN</t>
  </si>
  <si>
    <t>GGPS MIAN WALA</t>
  </si>
  <si>
    <t>GANDA SINGH WALA - FEMALE</t>
  </si>
  <si>
    <t>Mian Wala</t>
  </si>
  <si>
    <t>mian wala</t>
  </si>
  <si>
    <t>Bazid Pur</t>
  </si>
  <si>
    <t>Zahida KaLsoom</t>
  </si>
  <si>
    <t>GGPS MIR WALA</t>
  </si>
  <si>
    <t>Bair Band</t>
  </si>
  <si>
    <t>basti mir wala mouza bair band merkaz shaher sultan tahsil jatoi distt muzafer garh</t>
  </si>
  <si>
    <t>Mir Wala</t>
  </si>
  <si>
    <t>Dogar Klassra</t>
  </si>
  <si>
    <t>chah Mahray Wala</t>
  </si>
  <si>
    <t>Mahray wala</t>
  </si>
  <si>
    <t>irfa tehseen</t>
  </si>
  <si>
    <t>GGPS MIRWAL</t>
  </si>
  <si>
    <t>Mirwal</t>
  </si>
  <si>
    <t>Village Mirwal p/o Dhudial Teh &amp; Distt Chakwal</t>
  </si>
  <si>
    <t>Chak Umra</t>
  </si>
  <si>
    <t>Mehfooz-un-nisa</t>
  </si>
  <si>
    <t>G.G. p/sMirwal teh jand dist attock</t>
  </si>
  <si>
    <t>Khunda</t>
  </si>
  <si>
    <t>AsmaNajab</t>
  </si>
  <si>
    <t>GGPS MOCHI PURA</t>
  </si>
  <si>
    <t>Mochi Pura</t>
  </si>
  <si>
    <t>Govt PS Mochi Pura Mandi Sadiq Ganj</t>
  </si>
  <si>
    <t>Mandi Sadiq Ganj</t>
  </si>
  <si>
    <t>Naseem Akhtar</t>
  </si>
  <si>
    <t>MODEL TOWN - FEMALE</t>
  </si>
  <si>
    <t>Govt Girls Mouchi pura Lahore</t>
  </si>
  <si>
    <t>Mouchi pura</t>
  </si>
  <si>
    <t>Safia Bano</t>
  </si>
  <si>
    <t>GGPS MOCHIAN WALA</t>
  </si>
  <si>
    <t>chah Rany wala bhutaji tensile &amp; district lodhran</t>
  </si>
  <si>
    <t>Chah Rany Wala</t>
  </si>
  <si>
    <t>Rabia Iqbal</t>
  </si>
  <si>
    <t>GGPS MODEL TOWN</t>
  </si>
  <si>
    <t>Ggps model town okara</t>
  </si>
  <si>
    <t>Modle Town</t>
  </si>
  <si>
    <t>City2</t>
  </si>
  <si>
    <t>Sana Anwar</t>
  </si>
  <si>
    <t>SADAR KPR - FEMALE</t>
  </si>
  <si>
    <t>GGps model town B</t>
  </si>
  <si>
    <t>Model Town B</t>
  </si>
  <si>
    <t>City Kachi Jamal</t>
  </si>
  <si>
    <t>Samina Yasmin</t>
  </si>
  <si>
    <t>electric cooler</t>
  </si>
  <si>
    <t>GGPS MOHANEY KHEL</t>
  </si>
  <si>
    <t>Manda Khel</t>
  </si>
  <si>
    <t>manda khel</t>
  </si>
  <si>
    <t>Tani Khel</t>
  </si>
  <si>
    <t>ISA KHEL NO.1-FEMALE</t>
  </si>
  <si>
    <t>Isa Khel</t>
  </si>
  <si>
    <t>mohallah mammoo khel isa khel</t>
  </si>
  <si>
    <t>Farzana Sikandar</t>
  </si>
  <si>
    <t>GGPS MOUZA SIAL</t>
  </si>
  <si>
    <t>BAHLAK 2 - FEMALE</t>
  </si>
  <si>
    <t>Sial</t>
  </si>
  <si>
    <t>mouza sial</t>
  </si>
  <si>
    <t>Mouza Sial</t>
  </si>
  <si>
    <t>RASILA PERVEEN</t>
  </si>
  <si>
    <t>MACHIWAL - FEMALE</t>
  </si>
  <si>
    <t>mouza sial p / o machiwal</t>
  </si>
  <si>
    <t>1/7  Thal  Janobi</t>
  </si>
  <si>
    <t>Humaira Naz</t>
  </si>
  <si>
    <t>GGPS MUHAJAR COLONY</t>
  </si>
  <si>
    <t>HND-1-FEMALE</t>
  </si>
  <si>
    <t>Mohajar Colony</t>
  </si>
  <si>
    <t>mc girls mohajar colony haroonabad</t>
  </si>
  <si>
    <t>HND</t>
  </si>
  <si>
    <t>Town Committee</t>
  </si>
  <si>
    <t>Tasneem Akhter</t>
  </si>
  <si>
    <t>CITY SADIQ ABAD-FEMALE</t>
  </si>
  <si>
    <t>muhajar Colony nazad cafe sajawal</t>
  </si>
  <si>
    <t>MC Sadiqabad</t>
  </si>
  <si>
    <t>Nasreen Kousar</t>
  </si>
  <si>
    <t>GGPS MUHAMMAD HUSSAIN WALA</t>
  </si>
  <si>
    <t>Koat Rutta</t>
  </si>
  <si>
    <t>busti ranooja mouza koat rutta</t>
  </si>
  <si>
    <t>Godhuwali</t>
  </si>
  <si>
    <t>Raampur</t>
  </si>
  <si>
    <t>Balquis</t>
  </si>
  <si>
    <t>GGPS MUHAMMAD NAWAZ WALA</t>
  </si>
  <si>
    <t>Trag Gerbe</t>
  </si>
  <si>
    <t>mohalla omerkhel trag</t>
  </si>
  <si>
    <t>Asia Firdous</t>
  </si>
  <si>
    <t>LOHANCH NASHEB FEMALE</t>
  </si>
  <si>
    <t>Lohanch Nashaib</t>
  </si>
  <si>
    <t>GGPS Muhammad Nawaz Wala</t>
  </si>
  <si>
    <t>Chah Aali Wala</t>
  </si>
  <si>
    <t>farhana bibi</t>
  </si>
  <si>
    <t>GGPS MUHAMMAD PURA</t>
  </si>
  <si>
    <t>SAHUKA-FEMALE</t>
  </si>
  <si>
    <t>GGpS Muhammad pura</t>
  </si>
  <si>
    <t>247/EB</t>
  </si>
  <si>
    <t>Ayesha Habib</t>
  </si>
  <si>
    <t>Muhammad pura</t>
  </si>
  <si>
    <t>Muhammad pura p o phool nagar teh pattoki district kasur</t>
  </si>
  <si>
    <t>Tahira Jabeen</t>
  </si>
  <si>
    <t>GGPS MUHAMMAD SHAH</t>
  </si>
  <si>
    <t>ALAM PUR-FEMALE</t>
  </si>
  <si>
    <t>Muhammad Shah</t>
  </si>
  <si>
    <t>Mouza Muhammad shah</t>
  </si>
  <si>
    <t>HAMOKA (FEMALE)</t>
  </si>
  <si>
    <t>muhammad shah</t>
  </si>
  <si>
    <t>Hamoka</t>
  </si>
  <si>
    <t>Talat Hafeez</t>
  </si>
  <si>
    <t>GGPS MUHAMMAD WALA</t>
  </si>
  <si>
    <t>LALIAN MARKAZ NO.01 - FEMALE</t>
  </si>
  <si>
    <t>Vijhalkey</t>
  </si>
  <si>
    <t>Muhammad wala moza Vijhalkey Tehsil Lalian District Chiniot</t>
  </si>
  <si>
    <t>Barana</t>
  </si>
  <si>
    <t>Fozia  Nawaz</t>
  </si>
  <si>
    <t>kaycha pattal. near fine petrol pump</t>
  </si>
  <si>
    <t>Chah Hoat Wala</t>
  </si>
  <si>
    <t>Katcha Pattal</t>
  </si>
  <si>
    <t>Naseem Akhtar Qadri</t>
  </si>
  <si>
    <t>SHAHPUR - FEMALE</t>
  </si>
  <si>
    <t>Aqil Shah</t>
  </si>
  <si>
    <t>Muhammad Wala Tehsil Shah pur p/o Shahpur sadar disst:sargodha</t>
  </si>
  <si>
    <t>NUSRAT PERVEEN</t>
  </si>
  <si>
    <t>MARI SHAH SAKHIRA-FEMALE</t>
  </si>
  <si>
    <t>Muhammad Wall</t>
  </si>
  <si>
    <t>mouza muhammad wala p/o kot shakir tehsil18 hazari district jhang</t>
  </si>
  <si>
    <t>Nuzhat Parveen</t>
  </si>
  <si>
    <t>GGPS MUHAMMAD YAR WALA</t>
  </si>
  <si>
    <t>Mohammad Yar Wala</t>
  </si>
  <si>
    <t>Mohammad Yar wala</t>
  </si>
  <si>
    <t>Pai Khel</t>
  </si>
  <si>
    <t>Humaira Shaheen</t>
  </si>
  <si>
    <t>HAIDERABAD - FEMALE</t>
  </si>
  <si>
    <t>Haiderabad</t>
  </si>
  <si>
    <t>Muhammad yarwala</t>
  </si>
  <si>
    <t>SHAZIA BATOOL</t>
  </si>
  <si>
    <t>GGPS MUHAMMADIA COLONY</t>
  </si>
  <si>
    <t>Azmat pur</t>
  </si>
  <si>
    <t>Basti bahary wali moza azmat pur,  tehsil Ali pur. Distt. M. Garh</t>
  </si>
  <si>
    <t>Basti Malanrhas</t>
  </si>
  <si>
    <t>Ghalwan 2</t>
  </si>
  <si>
    <t>Farzana Shaheen</t>
  </si>
  <si>
    <t>JAMPUR CITY - FEMALE</t>
  </si>
  <si>
    <t>MOHAMDIA Col0NY</t>
  </si>
  <si>
    <t>RANIBAZAR   JAMPUR</t>
  </si>
  <si>
    <t>Robina Shaheen</t>
  </si>
  <si>
    <t>GGPS MUJAHID</t>
  </si>
  <si>
    <t>Mujahid</t>
  </si>
  <si>
    <t>Nafeesa Sarwar</t>
  </si>
  <si>
    <t>Village mujahid teh distt rawalpindi</t>
  </si>
  <si>
    <t>Shazia Naz</t>
  </si>
  <si>
    <t>water boring</t>
  </si>
  <si>
    <t>GGPS MUJAHID COLONY</t>
  </si>
  <si>
    <t>BUREWALA EAST - FEMALE</t>
  </si>
  <si>
    <t>Mujahid colony burewala</t>
  </si>
  <si>
    <t>Mujahid colony</t>
  </si>
  <si>
    <t>Settete Town</t>
  </si>
  <si>
    <t>tasneem akhtar</t>
  </si>
  <si>
    <t>SATELLITE TOWN - FEMALE</t>
  </si>
  <si>
    <t>Mujahid Colony</t>
  </si>
  <si>
    <t>Mujahid colony sgd</t>
  </si>
  <si>
    <t>mujahid Colony</t>
  </si>
  <si>
    <t>Mc Sgd</t>
  </si>
  <si>
    <t>Ansar Hanif</t>
  </si>
  <si>
    <t>cane system</t>
  </si>
  <si>
    <t>Chakra Koriana</t>
  </si>
  <si>
    <t>mujahid colony</t>
  </si>
  <si>
    <t>Sheikh Chohr</t>
  </si>
  <si>
    <t>Asmat Bano</t>
  </si>
  <si>
    <t>GGPS MULLAN WALI</t>
  </si>
  <si>
    <t>Mari Qasim SHAH</t>
  </si>
  <si>
    <t>government model primary school mullan wali</t>
  </si>
  <si>
    <t>Mulla Wali</t>
  </si>
  <si>
    <t>Jhangiwali</t>
  </si>
  <si>
    <t>Maqsooda Khanum</t>
  </si>
  <si>
    <t>Lalu Naich</t>
  </si>
  <si>
    <t>basti tagia naich</t>
  </si>
  <si>
    <t>Basti Tagia Naich</t>
  </si>
  <si>
    <t>Channi Goth</t>
  </si>
  <si>
    <t>Tanzeela Zahid</t>
  </si>
  <si>
    <t>MULLAN WALI - FEMALE</t>
  </si>
  <si>
    <t>Mulanwali</t>
  </si>
  <si>
    <t>PO Mulanwali</t>
  </si>
  <si>
    <t>Asma Saeed</t>
  </si>
  <si>
    <t>GGPS MUMTAZ ABAD</t>
  </si>
  <si>
    <t>Ahly wala</t>
  </si>
  <si>
    <t>mumtazabad Teh . lalian District Chiniot</t>
  </si>
  <si>
    <t>Mumtazabad</t>
  </si>
  <si>
    <t>Waly</t>
  </si>
  <si>
    <t>Zahida Sardar</t>
  </si>
  <si>
    <t>Mehmood Shah</t>
  </si>
  <si>
    <t>GGPS mumtaz abad mouza mehmood shah tehsil ahmad pur sial distt jhang</t>
  </si>
  <si>
    <t>Mumtaz Abad</t>
  </si>
  <si>
    <t>Jaiwain</t>
  </si>
  <si>
    <t>Nazia Khatoon</t>
  </si>
  <si>
    <t>Mmtaz abad vehari</t>
  </si>
  <si>
    <t>Dad Kmera</t>
  </si>
  <si>
    <t>Riffat Munir</t>
  </si>
  <si>
    <t>GGPS MUNSHI WALA</t>
  </si>
  <si>
    <t>Adamwahn</t>
  </si>
  <si>
    <t>busti munshi wala lodhran</t>
  </si>
  <si>
    <t>Munshi wala</t>
  </si>
  <si>
    <t>Mahjabeen Naz</t>
  </si>
  <si>
    <t>GGPS MURAD WALA</t>
  </si>
  <si>
    <t>Mahra Fraz</t>
  </si>
  <si>
    <t>Ggps Murad wala moza mahra fraz m ghar</t>
  </si>
  <si>
    <t>Bhuta Pur</t>
  </si>
  <si>
    <t>tasneem anjum</t>
  </si>
  <si>
    <t>GGPS MUREED WALA</t>
  </si>
  <si>
    <t>Chah Mureed</t>
  </si>
  <si>
    <t>GGPS Model Mureed Wala, Khansar</t>
  </si>
  <si>
    <t>Khanser</t>
  </si>
  <si>
    <t>Khazina Nishat (Ø®Ø²ÛŒÙ†Û Ù†Ø´Ø§Ø·)</t>
  </si>
  <si>
    <t>GGPS MUSTAFA ABAD</t>
  </si>
  <si>
    <t>KOT SARANG-FEMALE</t>
  </si>
  <si>
    <t>Mustafaabad</t>
  </si>
  <si>
    <t>Kotsatamg</t>
  </si>
  <si>
    <t>Zulekha Bibi</t>
  </si>
  <si>
    <t>Basti Mustafabad Rind mouza Sultan pur Tehsil Alipur District Muzaffar Garh</t>
  </si>
  <si>
    <t>Basti Mustafabad Rind</t>
  </si>
  <si>
    <t>aqsa mureed</t>
  </si>
  <si>
    <t>GGPS NADEEM ABAD</t>
  </si>
  <si>
    <t>BELAY WALA- FEMALE</t>
  </si>
  <si>
    <t>basti kharora mouza khan wala tehsil jatoi distt.muzaffargarh</t>
  </si>
  <si>
    <t>Basti Kharora</t>
  </si>
  <si>
    <t>Kotla Gamon</t>
  </si>
  <si>
    <t>GGPS NAI ABADI</t>
  </si>
  <si>
    <t>J.P.JATTAN I - FEMALE</t>
  </si>
  <si>
    <t>Qadar Colony</t>
  </si>
  <si>
    <t>qadar colony jalal pur jattan</t>
  </si>
  <si>
    <t>Jalal Pur Jattan</t>
  </si>
  <si>
    <t>Syeda Nagina Batool</t>
  </si>
  <si>
    <t>kotla androon road fazilpur</t>
  </si>
  <si>
    <t>Mc Fazilpur</t>
  </si>
  <si>
    <t>Talat Parveen</t>
  </si>
  <si>
    <t>MCD 01-FEMALE</t>
  </si>
  <si>
    <t>Minchinabad</t>
  </si>
  <si>
    <t>street darbar baba Ali Shah minchinabad</t>
  </si>
  <si>
    <t>Nai Abadi</t>
  </si>
  <si>
    <t>Muncipal Committee</t>
  </si>
  <si>
    <t>Farhana Ali</t>
  </si>
  <si>
    <t>BEOR - FEMALE</t>
  </si>
  <si>
    <t>GGPS NAI ABADI BEOR TEHSIL KAHUTA DISTRICT RAWALPINDI</t>
  </si>
  <si>
    <t>Beor</t>
  </si>
  <si>
    <t>Sumaira Khan</t>
  </si>
  <si>
    <t>GGPS NARA</t>
  </si>
  <si>
    <t>NARA - FEMALE</t>
  </si>
  <si>
    <t>Nara</t>
  </si>
  <si>
    <t>ggpsno1nara</t>
  </si>
  <si>
    <t>Gulshreen Akhtar</t>
  </si>
  <si>
    <t>GGPSNARA</t>
  </si>
  <si>
    <t>Qurat Ul Ain Shaukat</t>
  </si>
  <si>
    <t>GGPS NASEER ABAD</t>
  </si>
  <si>
    <t>JATOI CITY- FEMALE</t>
  </si>
  <si>
    <t>rao</t>
  </si>
  <si>
    <t>moza rao basti kharal</t>
  </si>
  <si>
    <t>basti kharal</t>
  </si>
  <si>
    <t>sabay wala</t>
  </si>
  <si>
    <t>Kousar Perveen</t>
  </si>
  <si>
    <t>GGPS NASEERA</t>
  </si>
  <si>
    <t>Naseera</t>
  </si>
  <si>
    <t>GGPS Naseera</t>
  </si>
  <si>
    <t>Sehna</t>
  </si>
  <si>
    <t>Sadia Shaheen</t>
  </si>
  <si>
    <t>GGPS NATHIAL</t>
  </si>
  <si>
    <t>PINDI SAIDPUR-FEMALE</t>
  </si>
  <si>
    <t>Nathial</t>
  </si>
  <si>
    <t>v. po nathial teh pind dadan Khan district jhelum</t>
  </si>
  <si>
    <t>Daulat Pur</t>
  </si>
  <si>
    <t>Saba Arzoo</t>
  </si>
  <si>
    <t>village nathial pobox pirana</t>
  </si>
  <si>
    <t>Ikhlas</t>
  </si>
  <si>
    <t>GGPS NATT</t>
  </si>
  <si>
    <t>FAROZE PUR-FEMALE</t>
  </si>
  <si>
    <t>Natt</t>
  </si>
  <si>
    <t>village natt po box sair tehsil zafarwal distt narowal</t>
  </si>
  <si>
    <t>Jestiwala</t>
  </si>
  <si>
    <t>Nazia bibi</t>
  </si>
  <si>
    <t>Village Natt PO Nonar Teh and District Narowal</t>
  </si>
  <si>
    <t>Bubak Marali</t>
  </si>
  <si>
    <t>GGPS NAURANG WALA</t>
  </si>
  <si>
    <t>AEO (W) CHINIOT NO.15</t>
  </si>
  <si>
    <t>Norangwala</t>
  </si>
  <si>
    <t>GGPS Norangwala Chak No #13</t>
  </si>
  <si>
    <t>Sarwala</t>
  </si>
  <si>
    <t>Yasmin Hayat</t>
  </si>
  <si>
    <t>GGPS NAWAB PURA</t>
  </si>
  <si>
    <t>PINDI BHATTIAN - FEMALE</t>
  </si>
  <si>
    <t>Hamza Town</t>
  </si>
  <si>
    <t>Nawab Pura , Pindi Bhattian</t>
  </si>
  <si>
    <t>Pindi Bhattian</t>
  </si>
  <si>
    <t>TMC Pindi Bhattian</t>
  </si>
  <si>
    <t>Samaira Zulfiqar Ali</t>
  </si>
  <si>
    <t>Kasra monjal</t>
  </si>
  <si>
    <t>gGPS NAWABPURA</t>
  </si>
  <si>
    <t>nawabpura</t>
  </si>
  <si>
    <t>Naima Bint Saeed</t>
  </si>
  <si>
    <t>GGPS NAWAN ARAIN</t>
  </si>
  <si>
    <t>fateh pur road basti nawan  arain  ali pur</t>
  </si>
  <si>
    <t>Basti Nawan Arain</t>
  </si>
  <si>
    <t>Fateh Pur Janobi</t>
  </si>
  <si>
    <t>Rizwana ibrahim</t>
  </si>
  <si>
    <t>Nawan Arain</t>
  </si>
  <si>
    <t>basti mohammad yar khan</t>
  </si>
  <si>
    <t>Basti Mohammad Yar Khan</t>
  </si>
  <si>
    <t>Salma Kaneez</t>
  </si>
  <si>
    <t>GGPS NAWAN KOT</t>
  </si>
  <si>
    <t>Nawan Kot</t>
  </si>
  <si>
    <t>village Nawan kot Teh:Sharaqpur Dist: Sheikhupura</t>
  </si>
  <si>
    <t>Faizpur Kalan</t>
  </si>
  <si>
    <t>Bushra Shafi</t>
  </si>
  <si>
    <t>GGPS NAWAN LOKE</t>
  </si>
  <si>
    <t>PINANWAL-FEMALE</t>
  </si>
  <si>
    <t>Pinanwal</t>
  </si>
  <si>
    <t>nawanloke p. o.box pinanwal tehsil p d khan district Jhelum</t>
  </si>
  <si>
    <t>Nawanloke</t>
  </si>
  <si>
    <t>Chakshadi</t>
  </si>
  <si>
    <t>Kouser Shaheen</t>
  </si>
  <si>
    <t>GGPS NAWAN NOOR SHAH</t>
  </si>
  <si>
    <t>Thatha Gurmani Sharqi</t>
  </si>
  <si>
    <t>chah nawan noor shah po thatha gurmani sharqi</t>
  </si>
  <si>
    <t>Thatha Gurmani</t>
  </si>
  <si>
    <t>Meeranpur</t>
  </si>
  <si>
    <t>Basti meranpur daak khana khaas marha muzaffar garh</t>
  </si>
  <si>
    <t>Usmankoria</t>
  </si>
  <si>
    <t>Saira Mariam</t>
  </si>
  <si>
    <t>GGPS NAWAN PIND</t>
  </si>
  <si>
    <t>SHAHGHARIB NO.1 - FEMALE</t>
  </si>
  <si>
    <t>Nawan Pind</t>
  </si>
  <si>
    <t>Nawan pind kanjrur tehsil Shakargarh District Narowal</t>
  </si>
  <si>
    <t>Kanjrur</t>
  </si>
  <si>
    <t>Afifa Naz</t>
  </si>
  <si>
    <t>Nawapind</t>
  </si>
  <si>
    <t>govet girls primary school nawan pind</t>
  </si>
  <si>
    <t>Salhoky</t>
  </si>
  <si>
    <t>Shaista Naseem</t>
  </si>
  <si>
    <t>PAJOKAY - FEMALE</t>
  </si>
  <si>
    <t>Nawanpind</t>
  </si>
  <si>
    <t>nawapind</t>
  </si>
  <si>
    <t>Pajokay</t>
  </si>
  <si>
    <t>Farzanakousar</t>
  </si>
  <si>
    <t>FEROZWALA</t>
  </si>
  <si>
    <t>FEROZWALA-I - FEMALE</t>
  </si>
  <si>
    <t>GGPS nawan Pind, tehsil ferozwala, district sheikhupura</t>
  </si>
  <si>
    <t>Moranwala</t>
  </si>
  <si>
    <t>Tayyaba Salim</t>
  </si>
  <si>
    <t>GGPS NAWAN QILA</t>
  </si>
  <si>
    <t>Nawan Qila</t>
  </si>
  <si>
    <t>nawan qila</t>
  </si>
  <si>
    <t>Olakh Hathar</t>
  </si>
  <si>
    <t>Naheed Bukhary</t>
  </si>
  <si>
    <t>MANGA - FEMALE</t>
  </si>
  <si>
    <t>Otar</t>
  </si>
  <si>
    <t>Qila nawan MANGA LAHORE</t>
  </si>
  <si>
    <t>Manga</t>
  </si>
  <si>
    <t>GGPS NIZAM ABAD</t>
  </si>
  <si>
    <t>CITY - FEMALE</t>
  </si>
  <si>
    <t>Nizamabad</t>
  </si>
  <si>
    <t>GGPS NIZAMABAD</t>
  </si>
  <si>
    <t>Shafi Da Batha</t>
  </si>
  <si>
    <t>Pindi Aarain</t>
  </si>
  <si>
    <t>Maryam Shoukat</t>
  </si>
  <si>
    <t>Kot Sai Singh</t>
  </si>
  <si>
    <t>unchi poli chinioat road Jhang</t>
  </si>
  <si>
    <t>Unchi Poli</t>
  </si>
  <si>
    <t>Uzma Bibi</t>
  </si>
  <si>
    <t>GGPS NIZAM PURA</t>
  </si>
  <si>
    <t>Nizam Pura</t>
  </si>
  <si>
    <t>nizam Pura</t>
  </si>
  <si>
    <t>Qureshianwala</t>
  </si>
  <si>
    <t>Rabia Rehmat</t>
  </si>
  <si>
    <t>GGP/s nizam pura farooq abad</t>
  </si>
  <si>
    <t>No</t>
  </si>
  <si>
    <t>Shagufta Perveen</t>
  </si>
  <si>
    <t>GGPS NOON</t>
  </si>
  <si>
    <t>MAHNI - FEMALE</t>
  </si>
  <si>
    <t>Bhidwal Wa</t>
  </si>
  <si>
    <t>noon teh mnkera dist bhakkar</t>
  </si>
  <si>
    <t>Noon</t>
  </si>
  <si>
    <t>Dhingana</t>
  </si>
  <si>
    <t>Shaista Anjum</t>
  </si>
  <si>
    <t>DINGA II -FEMALE</t>
  </si>
  <si>
    <t>p/o khori Alan noon</t>
  </si>
  <si>
    <t>Fateh Bhand</t>
  </si>
  <si>
    <t>Faria Iram</t>
  </si>
  <si>
    <t>GGPS NOOR JAMAL</t>
  </si>
  <si>
    <t>Noor Jamal</t>
  </si>
  <si>
    <t>noor jamal</t>
  </si>
  <si>
    <t>Nabila Malik</t>
  </si>
  <si>
    <t>DINGA III - FEMALE</t>
  </si>
  <si>
    <t>Noor Jamal (N)</t>
  </si>
  <si>
    <t>Fatah Bhand</t>
  </si>
  <si>
    <t>Benish  Sana</t>
  </si>
  <si>
    <t>GGPS NOOR PUR</t>
  </si>
  <si>
    <t>HADIARA-FEMALE</t>
  </si>
  <si>
    <t>Govt girls p/s noor pur lhr cantt</t>
  </si>
  <si>
    <t>Ghawind</t>
  </si>
  <si>
    <t>Firdous Kosar</t>
  </si>
  <si>
    <t>DHUMMAN-II-FEMALE</t>
  </si>
  <si>
    <t>VPO Noorpur district and tehsil chakwal</t>
  </si>
  <si>
    <t>Saiqa Perveen</t>
  </si>
  <si>
    <t>Paso Perhar</t>
  </si>
  <si>
    <t>basti noorpur</t>
  </si>
  <si>
    <t>Shadan Lund</t>
  </si>
  <si>
    <t>Sadia Saleem</t>
  </si>
  <si>
    <t>GGPS NOOR SHAH</t>
  </si>
  <si>
    <t>Noor shah p.o. sargana tehsil mailsi district vehari</t>
  </si>
  <si>
    <t>69/wb</t>
  </si>
  <si>
    <t>Nuzhat Yasmeen</t>
  </si>
  <si>
    <t>DAMMAR WALA- FEMALE</t>
  </si>
  <si>
    <t>basti mehmoodabad mouza qadir pur p/o Dammar wala shumali tehsil jatoi distt Muzaffar garh</t>
  </si>
  <si>
    <t>Kallar Wali</t>
  </si>
  <si>
    <t>Sonia Altaf</t>
  </si>
  <si>
    <t>GGPS NOOR WALA</t>
  </si>
  <si>
    <t>CHACHRAN SHARIF - FEMALE</t>
  </si>
  <si>
    <t>Chachran Sharif</t>
  </si>
  <si>
    <t>Muhala dashti , chachran sharif</t>
  </si>
  <si>
    <t>Zakia Fareedi</t>
  </si>
  <si>
    <t>chah meer Shah Wali post office Sinawan</t>
  </si>
  <si>
    <t>Meer Shah Wali</t>
  </si>
  <si>
    <t>PATI Daya Chokha</t>
  </si>
  <si>
    <t>SANA NAZ</t>
  </si>
  <si>
    <t>GGPS NOORA</t>
  </si>
  <si>
    <t>J.P.JATTAN III - FEMALE</t>
  </si>
  <si>
    <t>Noora</t>
  </si>
  <si>
    <t>Village Noora Dist&amp;Teh Gujrat post office JPJ11</t>
  </si>
  <si>
    <t>Mandhala</t>
  </si>
  <si>
    <t>Noora Shareef</t>
  </si>
  <si>
    <t>ggps noora shareef</t>
  </si>
  <si>
    <t>Zuha Ahsan</t>
  </si>
  <si>
    <t>GGPS NOORAY WALA</t>
  </si>
  <si>
    <t>KAMAL PUR- FEMALE</t>
  </si>
  <si>
    <t>Taraf Dhol</t>
  </si>
  <si>
    <t>basti Sandila mouza taraf Dholl p/o Khan garh</t>
  </si>
  <si>
    <t>Umer Pur Janoobi</t>
  </si>
  <si>
    <t>Ishrat Parveen</t>
  </si>
  <si>
    <t>JHAWARIAN - FEMALE</t>
  </si>
  <si>
    <t>Nooray Wala</t>
  </si>
  <si>
    <t>Nooray wala kudlathi kadhi</t>
  </si>
  <si>
    <t>Kudlathi Kadhi</t>
  </si>
  <si>
    <t>KotBhai Khan</t>
  </si>
  <si>
    <t>Saima Afzal</t>
  </si>
  <si>
    <t>near nooray wala phatak kot addu</t>
  </si>
  <si>
    <t>GGPS NOSHERA</t>
  </si>
  <si>
    <t>MCD 04-FEMALE</t>
  </si>
  <si>
    <t>Adan Wah</t>
  </si>
  <si>
    <t>Ggps nosharah</t>
  </si>
  <si>
    <t>Noshrah</t>
  </si>
  <si>
    <t>Shahbazpura</t>
  </si>
  <si>
    <t>Neelofar Khalid</t>
  </si>
  <si>
    <t>BHOWANA</t>
  </si>
  <si>
    <t>AEO (W) BHOWANA NO.31</t>
  </si>
  <si>
    <t>Noushera</t>
  </si>
  <si>
    <t>mouza noushera thsil bhowana district chiniot</t>
  </si>
  <si>
    <t>Mangini</t>
  </si>
  <si>
    <t>Mahreen Akhtar</t>
  </si>
  <si>
    <t>GGPS NOTAK NO. 2</t>
  </si>
  <si>
    <t>Notak mehmeed</t>
  </si>
  <si>
    <t>Aniqa Naeem</t>
  </si>
  <si>
    <t>GGPS PATHAN KOT</t>
  </si>
  <si>
    <t>CHAK NO.67/ML-FEMALE</t>
  </si>
  <si>
    <t>Rakh Moj Garh Shumali</t>
  </si>
  <si>
    <t>Village Pathankot PO 69ML tehsil Mankera district Bhakkar</t>
  </si>
  <si>
    <t>Pathan Kot</t>
  </si>
  <si>
    <t>67 ML</t>
  </si>
  <si>
    <t>Mehpara Sadiq</t>
  </si>
  <si>
    <t>HEAD SULMAN KEY - FEMALE</t>
  </si>
  <si>
    <t>Pathankot</t>
  </si>
  <si>
    <t>abadi pathankot</t>
  </si>
  <si>
    <t>Faridpurshaag</t>
  </si>
  <si>
    <t>Shazia Kalsoom</t>
  </si>
  <si>
    <t>GGPS PATHAN WALA</t>
  </si>
  <si>
    <t>pathan wala</t>
  </si>
  <si>
    <t>Pathan Wala</t>
  </si>
  <si>
    <t>Haji Gazi</t>
  </si>
  <si>
    <t>Rubina Aslam</t>
  </si>
  <si>
    <t>Bait Malana</t>
  </si>
  <si>
    <t>basti jarh ,bait malana, ghazi ghat</t>
  </si>
  <si>
    <t>Aisha Marryyam</t>
  </si>
  <si>
    <t>HAVELI NASEER KHAN-FEMALE</t>
  </si>
  <si>
    <t>Raja Pur</t>
  </si>
  <si>
    <t>basti pathan wala 1 moza raja pur tehsil o district lodhran</t>
  </si>
  <si>
    <t>Zahra Batool</t>
  </si>
  <si>
    <t>GGPS PEER SHAH</t>
  </si>
  <si>
    <t>Peer Shah</t>
  </si>
  <si>
    <t>Ggps peer shah</t>
  </si>
  <si>
    <t>Najma Perveen</t>
  </si>
  <si>
    <t>GGPS PIPAL WALA</t>
  </si>
  <si>
    <t>MUZAFFARGARH- FEMALE</t>
  </si>
  <si>
    <t>Lutkara</t>
  </si>
  <si>
    <t>Govt.Girls Primary school pipal wala muzaffargarh</t>
  </si>
  <si>
    <t>Pipal Wala</t>
  </si>
  <si>
    <t>MC Muzaffargarh</t>
  </si>
  <si>
    <t>KOLO TARAR - FEMALE</t>
  </si>
  <si>
    <t>PIPAL WALA</t>
  </si>
  <si>
    <t>VILLAGE PIPAL WALA</t>
  </si>
  <si>
    <t>DHUNNI</t>
  </si>
  <si>
    <t>MUZAMMIL YASMIN</t>
  </si>
  <si>
    <t>bait mullan wali</t>
  </si>
  <si>
    <t>Basti pipal wala</t>
  </si>
  <si>
    <t>Bait Mullan Wala</t>
  </si>
  <si>
    <t>Nayla Iqbal</t>
  </si>
  <si>
    <t>GGPS PIPLI</t>
  </si>
  <si>
    <t>BALKASSAR-FEMALE</t>
  </si>
  <si>
    <t>PIPLI</t>
  </si>
  <si>
    <t>village &amp;  PO pipli tehsil &amp; district Chakwal</t>
  </si>
  <si>
    <t>Pilpi</t>
  </si>
  <si>
    <t>Balkassar</t>
  </si>
  <si>
    <t>Khalida Jabeen</t>
  </si>
  <si>
    <t>LANGAR SARAI-FEMALE</t>
  </si>
  <si>
    <t>Kotla Sadat</t>
  </si>
  <si>
    <t>head muhammad wala  moza kotla sadat</t>
  </si>
  <si>
    <t>Head Muhammad Wala</t>
  </si>
  <si>
    <t>GGPS PIPLI WALA</t>
  </si>
  <si>
    <t>NO QABIL WAH - FEMALE</t>
  </si>
  <si>
    <t>Pipli</t>
  </si>
  <si>
    <t>pipli wala</t>
  </si>
  <si>
    <t>Pipli Wala</t>
  </si>
  <si>
    <t>Mari Bhagoo Khan</t>
  </si>
  <si>
    <t>DHOTA AZMAT - FEMALE</t>
  </si>
  <si>
    <t>Syed Wala</t>
  </si>
  <si>
    <t>syed wala</t>
  </si>
  <si>
    <t>Solangi Kharal</t>
  </si>
  <si>
    <t>Aqsa Sabir</t>
  </si>
  <si>
    <t>GGPS QADIR ABAD</t>
  </si>
  <si>
    <t>WARYAM WALA - FEMALE</t>
  </si>
  <si>
    <t>kotlal</t>
  </si>
  <si>
    <t>basti qadirabad</t>
  </si>
  <si>
    <t>qadirabad</t>
  </si>
  <si>
    <t>chainawala</t>
  </si>
  <si>
    <t>Shehnaz Akhter</t>
  </si>
  <si>
    <t>BWN.4-FEMALE</t>
  </si>
  <si>
    <t>Musabhota</t>
  </si>
  <si>
    <t>besti meeran shah musabhota</t>
  </si>
  <si>
    <t>Meeran Shah</t>
  </si>
  <si>
    <t>Razzia Sultana</t>
  </si>
  <si>
    <t>Qaderabad</t>
  </si>
  <si>
    <t>Basti qaderabad chk 175R/B Tehsil shahkot District nankana</t>
  </si>
  <si>
    <t>Rakh Khanpur</t>
  </si>
  <si>
    <t>moh inamabad</t>
  </si>
  <si>
    <t>M Garh</t>
  </si>
  <si>
    <t>Lutkran</t>
  </si>
  <si>
    <t>Sadaf Naz</t>
  </si>
  <si>
    <t>GGPS QADIR PUR</t>
  </si>
  <si>
    <t>RASOOL NAGAR 2 - FEMALE</t>
  </si>
  <si>
    <t>Qadir pur p/o kot hara Wazirabad Gujranwala</t>
  </si>
  <si>
    <t>Qadir Pur</t>
  </si>
  <si>
    <t>Hazrat Kalaianwala</t>
  </si>
  <si>
    <t>Mehwish Rani</t>
  </si>
  <si>
    <t>Lal Sugoo</t>
  </si>
  <si>
    <t>qadir pur lal sugoo p/o dokota</t>
  </si>
  <si>
    <t>Shakila Anjum</t>
  </si>
  <si>
    <t>G.G.P.S Qadir pur bluchain</t>
  </si>
  <si>
    <t>Akbar MariNihaal</t>
  </si>
  <si>
    <t>moquddus Shaheen</t>
  </si>
  <si>
    <t>GGPS QALANDAR WALA</t>
  </si>
  <si>
    <t>KARAM DAD QURESHI- FEMALE</t>
  </si>
  <si>
    <t>Fatha Surnai</t>
  </si>
  <si>
    <t>basti qalanadr wala</t>
  </si>
  <si>
    <t>Qalandar Wala</t>
  </si>
  <si>
    <t>Karam Dad Quershi</t>
  </si>
  <si>
    <t>Aasia Perveen</t>
  </si>
  <si>
    <t>Wanjhera</t>
  </si>
  <si>
    <t>chah Usman Wala p/o kot sultan layyah</t>
  </si>
  <si>
    <t>Chah Usman Wala</t>
  </si>
  <si>
    <t>shamem akhtar</t>
  </si>
  <si>
    <t>GGPS QASIM WALA</t>
  </si>
  <si>
    <t>Hala</t>
  </si>
  <si>
    <t>ajri wala moza Hala KOT Adu</t>
  </si>
  <si>
    <t>Ajri Wala</t>
  </si>
  <si>
    <t>Darigh</t>
  </si>
  <si>
    <t>Umaira Qureshi</t>
  </si>
  <si>
    <t>Tibi Nonari</t>
  </si>
  <si>
    <t>Moza tibi nonari p/o shahjamal muzaffar garh</t>
  </si>
  <si>
    <t>Kharak</t>
  </si>
  <si>
    <t>Zubara Jabeen</t>
  </si>
  <si>
    <t>KOTLA MUGHLAN - FEMALE</t>
  </si>
  <si>
    <t>QASIM Wala</t>
  </si>
  <si>
    <t>GGPS QASIM WALA, Kotla mughlan Jampur, district Rajanpur</t>
  </si>
  <si>
    <t>Kotla Mughlan</t>
  </si>
  <si>
    <t>Farzana Bibi</t>
  </si>
  <si>
    <t>GGPS QAZI WALA</t>
  </si>
  <si>
    <t>Basti Qazi wala near  kallar wali</t>
  </si>
  <si>
    <t>saman zahra</t>
  </si>
  <si>
    <t>Basti Qazi</t>
  </si>
  <si>
    <t>Shah jamal Road Daya wala Muzaffargarh</t>
  </si>
  <si>
    <t>Daya Wala</t>
  </si>
  <si>
    <t>Basti Kharak</t>
  </si>
  <si>
    <t>Rizwana Kousar</t>
  </si>
  <si>
    <t>Chak Rohari</t>
  </si>
  <si>
    <t>ggps qazi wala</t>
  </si>
  <si>
    <t>Qazi Wala</t>
  </si>
  <si>
    <t>Tehrili</t>
  </si>
  <si>
    <t>BWN.11-FEMALE</t>
  </si>
  <si>
    <t>Nanik Chand</t>
  </si>
  <si>
    <t>Ganga Singh</t>
  </si>
  <si>
    <t>Gul Qaim Mastoi</t>
  </si>
  <si>
    <t>Basti kot Lishari Moza Gul Qaim Mastoi</t>
  </si>
  <si>
    <t>Kot Lishari</t>
  </si>
  <si>
    <t>Saba Asghar</t>
  </si>
  <si>
    <t>GGPS QUDRAT ABAD</t>
  </si>
  <si>
    <t>Qudratabad</t>
  </si>
  <si>
    <t>Qudratabad, Wazirabad District Gujranwala</t>
  </si>
  <si>
    <t>Samiya Sadiq</t>
  </si>
  <si>
    <t>Rindan</t>
  </si>
  <si>
    <t>Shahnaz Kousar</t>
  </si>
  <si>
    <t>ISRANI - FEMALE</t>
  </si>
  <si>
    <t>Bhurahta</t>
  </si>
  <si>
    <t>Basti Qudratabad Dakkhana Israni ,bhurahta</t>
  </si>
  <si>
    <t>Israni</t>
  </si>
  <si>
    <t>Dilshad Rani</t>
  </si>
  <si>
    <t>SHADIA  NO.1-FEMALE</t>
  </si>
  <si>
    <t>shadia</t>
  </si>
  <si>
    <t>GGPS chuk qudratabad (shadia no 1)</t>
  </si>
  <si>
    <t>Chuk Qudratabad</t>
  </si>
  <si>
    <t>Shadia</t>
  </si>
  <si>
    <t>GGPS QURESHI WALA</t>
  </si>
  <si>
    <t>Khand Lorian</t>
  </si>
  <si>
    <t>Qureshi wala</t>
  </si>
  <si>
    <t>Qureshiwala</t>
  </si>
  <si>
    <t>Khadija Fiaz</t>
  </si>
  <si>
    <t>GGPS QUTBA</t>
  </si>
  <si>
    <t>Qutba</t>
  </si>
  <si>
    <t>Basti Qutba U.C Fazla Kachh Tribal Area Taunsa Sharif</t>
  </si>
  <si>
    <t>Basti Qutba</t>
  </si>
  <si>
    <t>village qutba post office jatial disttrict attock teh hazro</t>
  </si>
  <si>
    <t>Bahadur Khan</t>
  </si>
  <si>
    <t>Riffat Aqeela</t>
  </si>
  <si>
    <t>GGPS RAHIM PUR</t>
  </si>
  <si>
    <t>Rahimpur</t>
  </si>
  <si>
    <t>village Rahimpur Ugoki sialkot</t>
  </si>
  <si>
    <t>Ugoki</t>
  </si>
  <si>
    <t>Miss Nasreen Shah</t>
  </si>
  <si>
    <t>GGPS RAHIM SHAH</t>
  </si>
  <si>
    <t>Rahim Shah</t>
  </si>
  <si>
    <t>moza rahim shah, burewala</t>
  </si>
  <si>
    <t>Saldhera</t>
  </si>
  <si>
    <t>Hira Zahoor</t>
  </si>
  <si>
    <t>KOT MITHAN - FEMALE</t>
  </si>
  <si>
    <t>basti Rahim shah</t>
  </si>
  <si>
    <t>Wang</t>
  </si>
  <si>
    <t>GGPS RAILWAY COLONY</t>
  </si>
  <si>
    <t>KOT CHUTTA-FEMALE</t>
  </si>
  <si>
    <t>Kot chutta</t>
  </si>
  <si>
    <t>GGPS Railwy Colony , Jinah Colony Kot Chutta</t>
  </si>
  <si>
    <t>Jinah Colony</t>
  </si>
  <si>
    <t>Kot Chutta</t>
  </si>
  <si>
    <t>Saleema Bibi</t>
  </si>
  <si>
    <t>near railway colony dgkhan</t>
  </si>
  <si>
    <t>Dgkhan City</t>
  </si>
  <si>
    <t>Dgkhan</t>
  </si>
  <si>
    <t>Abida Shahnaz</t>
  </si>
  <si>
    <t>GGPS RAJPURA</t>
  </si>
  <si>
    <t>Rajpura</t>
  </si>
  <si>
    <t>Jastiwala</t>
  </si>
  <si>
    <t>Shamila iftkikhar</t>
  </si>
  <si>
    <t>GGPS RAJU WALA</t>
  </si>
  <si>
    <t>BWN.12-FEMALE</t>
  </si>
  <si>
    <t>Rajuwala</t>
  </si>
  <si>
    <t>Rajuwala p/o Donga Bonga Tehsil &amp; District Bahawalnagar</t>
  </si>
  <si>
    <t>Bara Sajwar Khan</t>
  </si>
  <si>
    <t>Sofia Alam</t>
  </si>
  <si>
    <t>GGPS RAMZAN ABAD</t>
  </si>
  <si>
    <t>mando</t>
  </si>
  <si>
    <t>basti ramzan abad teh&amp;distt m.garh</t>
  </si>
  <si>
    <t>ramzan abad</t>
  </si>
  <si>
    <t>Utra Sandila</t>
  </si>
  <si>
    <t>Saima Bashir</t>
  </si>
  <si>
    <t>Yaro Khel</t>
  </si>
  <si>
    <t>Ramzanabad</t>
  </si>
  <si>
    <t>Mianwali</t>
  </si>
  <si>
    <t>Fouzia Nosheen</t>
  </si>
  <si>
    <t>KOTLA RAHIM - FEMALE</t>
  </si>
  <si>
    <t>Shaher Nindo Khan</t>
  </si>
  <si>
    <t>GGPS Ramzan abad</t>
  </si>
  <si>
    <t>Basti jamlani</t>
  </si>
  <si>
    <t>Dhengan</t>
  </si>
  <si>
    <t>GGPS RANG PUR</t>
  </si>
  <si>
    <t>Rangpur</t>
  </si>
  <si>
    <t>Abdul Hameed</t>
  </si>
  <si>
    <t>Dolatpur</t>
  </si>
  <si>
    <t>Sobia Saleem</t>
  </si>
  <si>
    <t>CARE COLONY - FEMALE</t>
  </si>
  <si>
    <t>Rang Pur</t>
  </si>
  <si>
    <t>rang pur kasur</t>
  </si>
  <si>
    <t>Beroon Kasur</t>
  </si>
  <si>
    <t>Nomana Shabir</t>
  </si>
  <si>
    <t>GGPS RANG SHAH</t>
  </si>
  <si>
    <t>SAMTIA-FEMALE</t>
  </si>
  <si>
    <t>Rang Shah</t>
  </si>
  <si>
    <t>rang shah kalan the. karor dist. layyah</t>
  </si>
  <si>
    <t>Samtia</t>
  </si>
  <si>
    <t>KOUSAR NASREEN</t>
  </si>
  <si>
    <t>RANG SHAH - FEMALE</t>
  </si>
  <si>
    <t>Rung Shah</t>
  </si>
  <si>
    <t>Govt Girls Primary School Rung Shah P/O Jewan Shah tehsil Arifwala District Pakpattan</t>
  </si>
  <si>
    <t>Jevan Shah</t>
  </si>
  <si>
    <t>Riffat Iqbal</t>
  </si>
  <si>
    <t>ggps rangshah</t>
  </si>
  <si>
    <t>Dadra Bala</t>
  </si>
  <si>
    <t>NAJMA PARVEEN</t>
  </si>
  <si>
    <t>GGPS RAO COLONY</t>
  </si>
  <si>
    <t>LODHRAN - FEMALE</t>
  </si>
  <si>
    <t>Thada thaheem</t>
  </si>
  <si>
    <t>Near double phatak multan road</t>
  </si>
  <si>
    <t>New basti</t>
  </si>
  <si>
    <t>Lodhran</t>
  </si>
  <si>
    <t>Farhat Naz</t>
  </si>
  <si>
    <t>MC AERA</t>
  </si>
  <si>
    <t>Rao Colony Toba Road Jhang</t>
  </si>
  <si>
    <t>zahida perveen</t>
  </si>
  <si>
    <t>GGPS RASHEED ABAD</t>
  </si>
  <si>
    <t>Rasheed Abad</t>
  </si>
  <si>
    <t>g g p.s rasheed abad tehsil LQP zilah rahimyar khan</t>
  </si>
  <si>
    <t>Dera 25</t>
  </si>
  <si>
    <t>Musarrat Rehman</t>
  </si>
  <si>
    <t>KOTLA MUSA KHAN - FEMALE</t>
  </si>
  <si>
    <t>Rasheedabad</t>
  </si>
  <si>
    <t>Basti Rasheedabad, post office Ahmed pur east,UC khuda bux mahar,Ahmed pur east.</t>
  </si>
  <si>
    <t>Khuda Bux mahr</t>
  </si>
  <si>
    <t>Musharaf Illahi</t>
  </si>
  <si>
    <t>Liaquat Pur</t>
  </si>
  <si>
    <t>Rasheed Abad colony liaquat pur</t>
  </si>
  <si>
    <t>Ishrat Tahira</t>
  </si>
  <si>
    <t>GGPS REHMAN ABAD</t>
  </si>
  <si>
    <t>SHARE GURH FEMALE</t>
  </si>
  <si>
    <t>349 TDA</t>
  </si>
  <si>
    <t>chak No. 349TDA Rehmanabad choubara district Layyah</t>
  </si>
  <si>
    <t>Rehman Abad</t>
  </si>
  <si>
    <t>RafiqueAbad</t>
  </si>
  <si>
    <t>Parveen Akhter</t>
  </si>
  <si>
    <t>Sadhan wali</t>
  </si>
  <si>
    <t>ggps rehmanabad basti rehmanabad</t>
  </si>
  <si>
    <t>Rehman abad</t>
  </si>
  <si>
    <t>Gull Wala</t>
  </si>
  <si>
    <t>Shehla Asghar</t>
  </si>
  <si>
    <t>Qaimpur</t>
  </si>
  <si>
    <t>Rehmaa Abad</t>
  </si>
  <si>
    <t>QAMAR UN NISA</t>
  </si>
  <si>
    <t>AASNI - FEMALE</t>
  </si>
  <si>
    <t>KOTLA NOOR MUHAMMAD</t>
  </si>
  <si>
    <t>near juggan khan petrol pump indus road</t>
  </si>
  <si>
    <t>Aasni</t>
  </si>
  <si>
    <t>Rabia Bibi</t>
  </si>
  <si>
    <t>Khudian Khas</t>
  </si>
  <si>
    <t>GMP/S Rehman abad khudian khas kasur</t>
  </si>
  <si>
    <t>Municipal</t>
  </si>
  <si>
    <t>Tahira Gulzar</t>
  </si>
  <si>
    <t>Jhugi Wala</t>
  </si>
  <si>
    <t>basti gutt dak khana khas jhugi wala tehsil jatoi district m.garh</t>
  </si>
  <si>
    <t>Basti gutt</t>
  </si>
  <si>
    <t>Saira Latif</t>
  </si>
  <si>
    <t>KOT TAHIR</t>
  </si>
  <si>
    <t>GGPS REHMAN ABAD JINAH COLONY KOT TAHIR JAMPUR</t>
  </si>
  <si>
    <t>JINAH COLONY</t>
  </si>
  <si>
    <t>KHALIDA PERVEEN</t>
  </si>
  <si>
    <t>GGPS RIAZ ABAD</t>
  </si>
  <si>
    <t>NAWAN KOT FEMALE</t>
  </si>
  <si>
    <t>Patti Kharian</t>
  </si>
  <si>
    <t>Joiya basti Nwan Kot road Choubara</t>
  </si>
  <si>
    <t>Saima Naseem</t>
  </si>
  <si>
    <t>Jhok Haji</t>
  </si>
  <si>
    <t>riazabad</t>
  </si>
  <si>
    <t>Amina Basheer</t>
  </si>
  <si>
    <t>GGPS RIAZ ABAD p/o kot fazil</t>
  </si>
  <si>
    <t>Humaira Akhtar</t>
  </si>
  <si>
    <t>GGPS RORAN WALI</t>
  </si>
  <si>
    <t>SHEIKHUPURA-XI - FEMALE</t>
  </si>
  <si>
    <t>Roran Wali</t>
  </si>
  <si>
    <t>Roranwali Farooqabad gaon, teh&amp; dist sheikhupura</t>
  </si>
  <si>
    <t>Roranwali</t>
  </si>
  <si>
    <t>Kot Sohnda</t>
  </si>
  <si>
    <t>Madiha Riaz</t>
  </si>
  <si>
    <t>AJNALA - FEMALE</t>
  </si>
  <si>
    <t>roran wali</t>
  </si>
  <si>
    <t>Mehwish Andleeb</t>
  </si>
  <si>
    <t>GGPS ROSHAN ROY WALA</t>
  </si>
  <si>
    <t>BASTI MALOOK - FEMALE</t>
  </si>
  <si>
    <t>Gill</t>
  </si>
  <si>
    <t>Moza gill chah jhanday wala p/o Makhdoom rasheed multan saddar</t>
  </si>
  <si>
    <t>Chah Jhandy Wala</t>
  </si>
  <si>
    <t>Makhdoom Rasheed</t>
  </si>
  <si>
    <t>Rubina Muhammad Bakhsh</t>
  </si>
  <si>
    <t>GGPS SABAZ PIR</t>
  </si>
  <si>
    <t>SABAZ PEER - FEMALE</t>
  </si>
  <si>
    <t>Sabaz Peer</t>
  </si>
  <si>
    <t>sabaz peer p.o chobara tehsil pasror district sialkot</t>
  </si>
  <si>
    <t>Pindi Bhago</t>
  </si>
  <si>
    <t>Mehwish Akram</t>
  </si>
  <si>
    <t>HASSANABDAL</t>
  </si>
  <si>
    <t>BHALAR JOGI - FEMALE</t>
  </si>
  <si>
    <t>SABAZ PIR</t>
  </si>
  <si>
    <t>VILLAGE SABAZ PIR TEH H.ABDAL DISTRICT ATTOCK</t>
  </si>
  <si>
    <t>SULTAN PUR</t>
  </si>
  <si>
    <t>SEHRISH</t>
  </si>
  <si>
    <t>BORING</t>
  </si>
  <si>
    <t>GGPS SADIQ PUR</t>
  </si>
  <si>
    <t>Sadiqpur Pur</t>
  </si>
  <si>
    <t>ggps sadiqpur basti noor Muhammad Moza sadiqpur pur</t>
  </si>
  <si>
    <t>Noor Muhammad</t>
  </si>
  <si>
    <t>Nawaz Araen</t>
  </si>
  <si>
    <t>Shabana Hashmi</t>
  </si>
  <si>
    <t>BHADUR PUR-FEMALE</t>
  </si>
  <si>
    <t>Kikkri</t>
  </si>
  <si>
    <t>basti mehmood mouza kikkri</t>
  </si>
  <si>
    <t>Basti Mehmood</t>
  </si>
  <si>
    <t>Chowk Bahadur Pur</t>
  </si>
  <si>
    <t>Safia Naz</t>
  </si>
  <si>
    <t>GGPS SADIQ WALA</t>
  </si>
  <si>
    <t>Dittan Wali</t>
  </si>
  <si>
    <t>Village and moza dittan wali p/o mondka tehsil o zila muzaffargarh</t>
  </si>
  <si>
    <t>Dittanwali</t>
  </si>
  <si>
    <t>Mondka</t>
  </si>
  <si>
    <t>najma kausar</t>
  </si>
  <si>
    <t>Moza Halla  Sadiq Wala</t>
  </si>
  <si>
    <t>Sadiq Wala</t>
  </si>
  <si>
    <t>Drigh</t>
  </si>
  <si>
    <t>Shahnaz Gul</t>
  </si>
  <si>
    <t>GGPS SADKAL</t>
  </si>
  <si>
    <t>Multan Khurd</t>
  </si>
  <si>
    <t>dhoke sadqal</t>
  </si>
  <si>
    <t>Sadqal</t>
  </si>
  <si>
    <t>Multan Khurad</t>
  </si>
  <si>
    <t>Shumaila Yasmeen</t>
  </si>
  <si>
    <t>BASAL - FEMALE</t>
  </si>
  <si>
    <t>dhok sadqalvpo basal the hand district attock</t>
  </si>
  <si>
    <t>Nadia Batool</t>
  </si>
  <si>
    <t>GGPS SADWAL</t>
  </si>
  <si>
    <t>Sadwal</t>
  </si>
  <si>
    <t>Teh: Kharian Dist: Gujrat</t>
  </si>
  <si>
    <t>Dhoria</t>
  </si>
  <si>
    <t>Samra Shakoor</t>
  </si>
  <si>
    <t>GGPS SAEED ABAD</t>
  </si>
  <si>
    <t>Meer Muhammad  Iar</t>
  </si>
  <si>
    <t>basti saeed abad</t>
  </si>
  <si>
    <t>Saeed Abad</t>
  </si>
  <si>
    <t>Hayat Lar</t>
  </si>
  <si>
    <t>Saima Rafiq</t>
  </si>
  <si>
    <t>QAIM BHARWANA - FEMALE</t>
  </si>
  <si>
    <t>Qaim Bharwana</t>
  </si>
  <si>
    <t>saeedabad</t>
  </si>
  <si>
    <t>Bushra Yasmeen</t>
  </si>
  <si>
    <t>GGPS SAID PUR</t>
  </si>
  <si>
    <t>DUFLI KABIR KHAN-FEMALE</t>
  </si>
  <si>
    <t>GGP/S said pur dak khana nawakot the:liaqtpur Dist:RYK</t>
  </si>
  <si>
    <t>Bahar Khaki</t>
  </si>
  <si>
    <t>Ghazala Yasmeen</t>
  </si>
  <si>
    <t>Kotla Dewan</t>
  </si>
  <si>
    <t>basti guja kotla dewan</t>
  </si>
  <si>
    <t>Kotla dewan</t>
  </si>
  <si>
    <t>Ruqia  Rehman</t>
  </si>
  <si>
    <t>SAID PUR - FEMALE</t>
  </si>
  <si>
    <t>SAID PUR</t>
  </si>
  <si>
    <t>P/O GONDAL VILL SAID PUR TEH AND DISST SIALKOT</t>
  </si>
  <si>
    <t>Jogo Chak</t>
  </si>
  <si>
    <t>Tahira Anjum</t>
  </si>
  <si>
    <t>LALIAN MARKAZ NO.03 - FEMALE</t>
  </si>
  <si>
    <t>Hust Khewa</t>
  </si>
  <si>
    <t>said pur dskhana bakhsh wals tehsil lslisn district chiniot</t>
  </si>
  <si>
    <t>Kaneez Bibi</t>
  </si>
  <si>
    <t>GGPS SALEEM ABAD</t>
  </si>
  <si>
    <t>Mud Gaman</t>
  </si>
  <si>
    <t>chak 84/p saleemabad rahim yar khan</t>
  </si>
  <si>
    <t>84 P</t>
  </si>
  <si>
    <t>Sobana Naseem</t>
  </si>
  <si>
    <t>Warer Sipra</t>
  </si>
  <si>
    <t>GGPS SaleemAbad  busti khaga mauza warer sipra p / o qusba gujrat</t>
  </si>
  <si>
    <t>Busti Khaga</t>
  </si>
  <si>
    <t>Zahida Akram</t>
  </si>
  <si>
    <t>SaleemAbad kotla gamon rajan pur</t>
  </si>
  <si>
    <t>Kandy Wala</t>
  </si>
  <si>
    <t>Asni</t>
  </si>
  <si>
    <t>Gulnaz Fatima</t>
  </si>
  <si>
    <t>Bait Qaim Shah</t>
  </si>
  <si>
    <t>mouza bait Qaim Shah uc danreen</t>
  </si>
  <si>
    <t>Danreen</t>
  </si>
  <si>
    <t>Nosheen Aleem</t>
  </si>
  <si>
    <t>ABAD PUR - FEMALE</t>
  </si>
  <si>
    <t>Roshanabad</t>
  </si>
  <si>
    <t>ggps saleemabad</t>
  </si>
  <si>
    <t>Saleemabad</t>
  </si>
  <si>
    <t>Bulaqi Wali</t>
  </si>
  <si>
    <t>Saba Arshad</t>
  </si>
  <si>
    <t>GGPS SALEH WALA</t>
  </si>
  <si>
    <t>Rodan wala</t>
  </si>
  <si>
    <t>basti saleh wala mouza rodan wala m.garh</t>
  </si>
  <si>
    <t>saleh wala</t>
  </si>
  <si>
    <t>Fazil kalro</t>
  </si>
  <si>
    <t>farhat Anjum</t>
  </si>
  <si>
    <t>Tiba Darmiyani</t>
  </si>
  <si>
    <t>Govt P.S Saleh wala</t>
  </si>
  <si>
    <t>Kali pul</t>
  </si>
  <si>
    <t>Hanjrai</t>
  </si>
  <si>
    <t>Tahira Balqees</t>
  </si>
  <si>
    <t>GGPS SALGRAN</t>
  </si>
  <si>
    <t>Salgran</t>
  </si>
  <si>
    <t>village salgran via nara kahuta rawalpindi</t>
  </si>
  <si>
    <t>NOSHABA AKBER</t>
  </si>
  <si>
    <t>village salgran.p/o tret</t>
  </si>
  <si>
    <t>Tret</t>
  </si>
  <si>
    <t>Maria riaz</t>
  </si>
  <si>
    <t>GGPS SAMRA</t>
  </si>
  <si>
    <t>SHAH JAMAL â€“ FEMALE</t>
  </si>
  <si>
    <t>Samra</t>
  </si>
  <si>
    <t>samra</t>
  </si>
  <si>
    <t>Geegay</t>
  </si>
  <si>
    <t>AZRA SHARIF</t>
  </si>
  <si>
    <t>GGPS SAMUNDRY</t>
  </si>
  <si>
    <t>Mahra Gharbi</t>
  </si>
  <si>
    <t>basti zaildar mahra gharbi p/o mahra M.Garh</t>
  </si>
  <si>
    <t>Zaildar</t>
  </si>
  <si>
    <t>Mahra</t>
  </si>
  <si>
    <t>Sidra Afsheen</t>
  </si>
  <si>
    <t>GGPS SARDAR PUR</t>
  </si>
  <si>
    <t>SHEIKH WAHAN - FEMALE</t>
  </si>
  <si>
    <t>Sardarpur</t>
  </si>
  <si>
    <t>sardarpur</t>
  </si>
  <si>
    <t>Aniyti</t>
  </si>
  <si>
    <t>balqees parveen</t>
  </si>
  <si>
    <t>Sardar Pur</t>
  </si>
  <si>
    <t>sardar pur</t>
  </si>
  <si>
    <t>Jalpana</t>
  </si>
  <si>
    <t>Maryam Bisharat</t>
  </si>
  <si>
    <t>GGPS SAROBAY</t>
  </si>
  <si>
    <t>RAHANG - FEMALE</t>
  </si>
  <si>
    <t>Saroby</t>
  </si>
  <si>
    <t>saroby Kotli Loharan west Sialkot</t>
  </si>
  <si>
    <t>Mongar</t>
  </si>
  <si>
    <t>Anam  Shahzadi</t>
  </si>
  <si>
    <t>BAJRA GARHI - FEMALE</t>
  </si>
  <si>
    <t>Sarobay</t>
  </si>
  <si>
    <t>sarobay</t>
  </si>
  <si>
    <t>Char Bajwa</t>
  </si>
  <si>
    <t>GGPS SERI</t>
  </si>
  <si>
    <t>village seri, Gehl, Murree , Rawalpindi</t>
  </si>
  <si>
    <t>Seri</t>
  </si>
  <si>
    <t>Shazia Kousar</t>
  </si>
  <si>
    <t>DHIRKOT SATTIAN -FEMALE</t>
  </si>
  <si>
    <t>dhok seri p.o &amp; tehsil kotli sattian district rawalpindi</t>
  </si>
  <si>
    <t>Dhirkot Sattian</t>
  </si>
  <si>
    <t>Sadaf Saleem</t>
  </si>
  <si>
    <t>pipe line</t>
  </si>
  <si>
    <t>GGPS SHADI KHAN</t>
  </si>
  <si>
    <t>Shadi khan</t>
  </si>
  <si>
    <t>GGPS SHADIKHAN TEHSIL HAZRO, DISTRICT ATTOCK</t>
  </si>
  <si>
    <t>Formulli</t>
  </si>
  <si>
    <t>Bibi Jan</t>
  </si>
  <si>
    <t>Mohabat Surani</t>
  </si>
  <si>
    <t>mouza Mohabat Surani p/o shadi Khan</t>
  </si>
  <si>
    <t>Shadi Khan</t>
  </si>
  <si>
    <t>Shahila Gul</t>
  </si>
  <si>
    <t>GGPS SHAFIQ ABAD</t>
  </si>
  <si>
    <t>Ghimmi</t>
  </si>
  <si>
    <t>basti shafiqabad</t>
  </si>
  <si>
    <t>Shafiqabad</t>
  </si>
  <si>
    <t>KOTLA NAWAB</t>
  </si>
  <si>
    <t>Kalsoom abbas</t>
  </si>
  <si>
    <t>water pump and hand pump</t>
  </si>
  <si>
    <t>Chak No599 Tda</t>
  </si>
  <si>
    <t>chak no.599 tda</t>
  </si>
  <si>
    <t>599 Tda</t>
  </si>
  <si>
    <t>Wandarr</t>
  </si>
  <si>
    <t>Sheeba Rasheed</t>
  </si>
  <si>
    <t>GGPS SHAH ALAM WALA</t>
  </si>
  <si>
    <t>ggps shahalam wala</t>
  </si>
  <si>
    <t>Shah Alam Wala</t>
  </si>
  <si>
    <t>SADIA PERVEEN</t>
  </si>
  <si>
    <t>ROKHRI-FEMALE</t>
  </si>
  <si>
    <t>pakka rokhri</t>
  </si>
  <si>
    <t>ggps shah aalam wala rokhri</t>
  </si>
  <si>
    <t>rokhri</t>
  </si>
  <si>
    <t>nasreen akhter</t>
  </si>
  <si>
    <t>CHAPRI-FEMALE</t>
  </si>
  <si>
    <t>Tanikhel</t>
  </si>
  <si>
    <t>po kamar mushani</t>
  </si>
  <si>
    <t>Shahalam Wala</t>
  </si>
  <si>
    <t>shabana bibi</t>
  </si>
  <si>
    <t>GGPS SHAH GARH</t>
  </si>
  <si>
    <t>BAHISHTI-FEMALE</t>
  </si>
  <si>
    <t>Shahgarh</t>
  </si>
  <si>
    <t>moza shahgarh p/o taranda siwa-e-khan ryk</t>
  </si>
  <si>
    <t>Bahishti</t>
  </si>
  <si>
    <t>Robina Yasmin</t>
  </si>
  <si>
    <t>dolat pur</t>
  </si>
  <si>
    <t>basti shah garh post office mondka m.garh</t>
  </si>
  <si>
    <t>shah garh</t>
  </si>
  <si>
    <t>nohan wali</t>
  </si>
  <si>
    <t>Kalsoom Akhtar</t>
  </si>
  <si>
    <t>GGPS SHAH JAHANIAN</t>
  </si>
  <si>
    <t>KUNJAH I - FEMALE</t>
  </si>
  <si>
    <t>Shahjahanian</t>
  </si>
  <si>
    <t>shahjahanian district Gujrat</t>
  </si>
  <si>
    <t>Nagrianwala</t>
  </si>
  <si>
    <t>Samina  Kousar</t>
  </si>
  <si>
    <t>KARIANWALA-IV-FEMALE</t>
  </si>
  <si>
    <t>Shahjahania</t>
  </si>
  <si>
    <t>Village shahjahania, p/o doulat nagar , tehsil&amp;distt. Gujrat</t>
  </si>
  <si>
    <t>Dhuma malka</t>
  </si>
  <si>
    <t>Tasleem bibi</t>
  </si>
  <si>
    <t>GGPS SHAH PUR</t>
  </si>
  <si>
    <t>MASIYAL - FEMALE</t>
  </si>
  <si>
    <t>vill shahpur p/o bhagyari teh:Pasrur dist:sialkot</t>
  </si>
  <si>
    <t>Masyal</t>
  </si>
  <si>
    <t>Iram Shahzadi</t>
  </si>
  <si>
    <t>chak shah pur</t>
  </si>
  <si>
    <t>govt girls primary school shah pur district rajan pur</t>
  </si>
  <si>
    <t>chak lassa</t>
  </si>
  <si>
    <t>sobia riaz</t>
  </si>
  <si>
    <t>GGPS SHAH WALA</t>
  </si>
  <si>
    <t>SAEED ABAD- FEMALE</t>
  </si>
  <si>
    <t>Aloody Wali</t>
  </si>
  <si>
    <t>Post Office  aloody wali Tehsil and District M.garh</t>
  </si>
  <si>
    <t>Basti Shah Wala</t>
  </si>
  <si>
    <t>Manik Pur</t>
  </si>
  <si>
    <t>Adeela Ayoub</t>
  </si>
  <si>
    <t>Dora Hjana</t>
  </si>
  <si>
    <t>Ggps Shah wala  kotla mughlan</t>
  </si>
  <si>
    <t>Mochi Wala</t>
  </si>
  <si>
    <t>Tahira Bibi</t>
  </si>
  <si>
    <t>BAGAR SARGANA - FEMALE</t>
  </si>
  <si>
    <t>Bhawalpur</t>
  </si>
  <si>
    <t>shahwala moza bhawalpur ,choperhatta</t>
  </si>
  <si>
    <t>Shahwala</t>
  </si>
  <si>
    <t>Chopperhatta</t>
  </si>
  <si>
    <t>Bushra Parveen</t>
  </si>
  <si>
    <t>GGPS SHAHEED ABAD</t>
  </si>
  <si>
    <t>Panwarshumali</t>
  </si>
  <si>
    <t>basti shaheed abad p/o mehmoodkot city tehsil kot addu district muzaffar garh</t>
  </si>
  <si>
    <t>Mehmoodkot</t>
  </si>
  <si>
    <t>Shahida Rubab</t>
  </si>
  <si>
    <t>Hayyat Lar</t>
  </si>
  <si>
    <t>Basti Shaheed Abad p.o Feroza tehsil Liaqt at Pur district Rahim Yar Khan</t>
  </si>
  <si>
    <t>Shaheed Abad</t>
  </si>
  <si>
    <t>Safina Iqbal</t>
  </si>
  <si>
    <t>buy</t>
  </si>
  <si>
    <t>GGPS SHAHI WALA</t>
  </si>
  <si>
    <t>THATHA GABOOLAN-FEMALE</t>
  </si>
  <si>
    <t>Thatha Gaboolan</t>
  </si>
  <si>
    <t>ggps village shahiwala</t>
  </si>
  <si>
    <t>Shahi Wala</t>
  </si>
  <si>
    <t>Thatha Gabolan</t>
  </si>
  <si>
    <t>Shaheen Kousar</t>
  </si>
  <si>
    <t>JHAMAT SHUMALI-FEMALE</t>
  </si>
  <si>
    <t>Jhamat Shumali</t>
  </si>
  <si>
    <t>shahi wala district bhakkar tehsil darya khan</t>
  </si>
  <si>
    <t>Bharanga</t>
  </si>
  <si>
    <t>Sajida Khatoon</t>
  </si>
  <si>
    <t>GGPS SHARIF PURA</t>
  </si>
  <si>
    <t>CITY HAFIZABAD - FEMALE</t>
  </si>
  <si>
    <t>mohalla  sharif pura</t>
  </si>
  <si>
    <t>Irshad Bibi</t>
  </si>
  <si>
    <t>GGPS SHER GARH</t>
  </si>
  <si>
    <t>SHATAB GARH-FEMALE</t>
  </si>
  <si>
    <t>Moza sher garh</t>
  </si>
  <si>
    <t>Sargana</t>
  </si>
  <si>
    <t>Surrayya Ghulam Muhammad</t>
  </si>
  <si>
    <t>dakhana watoo bamaqam sher garh</t>
  </si>
  <si>
    <t>Jaura Kalan</t>
  </si>
  <si>
    <t>Nasira Batool</t>
  </si>
  <si>
    <t>GGPS SHER WALA</t>
  </si>
  <si>
    <t>Tatar Wala</t>
  </si>
  <si>
    <t>GGPS SHER WALA JAMPUR</t>
  </si>
  <si>
    <t>Sher Wala</t>
  </si>
  <si>
    <t>ZAHRA BATOOL</t>
  </si>
  <si>
    <t>MEHARABAD - FEMALE</t>
  </si>
  <si>
    <t>gogran</t>
  </si>
  <si>
    <t>basti sher wala</t>
  </si>
  <si>
    <t>Saira Hameed</t>
  </si>
  <si>
    <t>GGPS SIALAN WALA</t>
  </si>
  <si>
    <t>SHAH JEWENA CITY - FEMALE</t>
  </si>
  <si>
    <t>sialanwala</t>
  </si>
  <si>
    <t>sialanwala near thatta sardar shah, jhang</t>
  </si>
  <si>
    <t>pabberwala</t>
  </si>
  <si>
    <t>Shaheen Zahra</t>
  </si>
  <si>
    <t>VICHVEEN-FEMALE</t>
  </si>
  <si>
    <t>Vichveen Bala</t>
  </si>
  <si>
    <t>Sialanwala Bala</t>
  </si>
  <si>
    <t>Bala Shreef</t>
  </si>
  <si>
    <t>GGPS Siddique Abad</t>
  </si>
  <si>
    <t>Vilge</t>
  </si>
  <si>
    <t>Siddiqueabad</t>
  </si>
  <si>
    <t>Raufa Khatoon</t>
  </si>
  <si>
    <t>GGPS SIDDIQUE ABAD</t>
  </si>
  <si>
    <t>CHAK SHAHBAZ - FEMALE</t>
  </si>
  <si>
    <t>Vpo saddiqueabad tehsil phalia distt Mandib ahaud din</t>
  </si>
  <si>
    <t>Bhoa  Hassan</t>
  </si>
  <si>
    <t>Mahwash Habeeb</t>
  </si>
  <si>
    <t>kalowala</t>
  </si>
  <si>
    <t>GGPS saddique abad</t>
  </si>
  <si>
    <t>MC AREA</t>
  </si>
  <si>
    <t>nasira parveen</t>
  </si>
  <si>
    <t>GGPS SIDHA</t>
  </si>
  <si>
    <t>Sidha</t>
  </si>
  <si>
    <t>TEHSil NOOR pur Thal district Khushab</t>
  </si>
  <si>
    <t>Noor pur Rural</t>
  </si>
  <si>
    <t>Nighat Parveen</t>
  </si>
  <si>
    <t>Siddha</t>
  </si>
  <si>
    <t>Basti farooq abad moza siddha galy wal lodhran</t>
  </si>
  <si>
    <t>GGPS SIKANDAR ABAD</t>
  </si>
  <si>
    <t>MURTAZA ABAD-FEMALE</t>
  </si>
  <si>
    <t>Ashraf Abad</t>
  </si>
  <si>
    <t>Ggps sikandar abad basti Allah wasaya</t>
  </si>
  <si>
    <t>Allah Wasaya</t>
  </si>
  <si>
    <t>Farwa Mumtaz</t>
  </si>
  <si>
    <t>Wasawa</t>
  </si>
  <si>
    <t>mouza wasawa,sikandar Abad</t>
  </si>
  <si>
    <t>Sikandar Abad</t>
  </si>
  <si>
    <t>Rasheed Pur</t>
  </si>
  <si>
    <t>Saeeda Mumtaz</t>
  </si>
  <si>
    <t>GGPS SIKANDAR PUR</t>
  </si>
  <si>
    <t>VIJH - FEMALE</t>
  </si>
  <si>
    <t>Sikandar pur sahiwal</t>
  </si>
  <si>
    <t>Sikandar Pur</t>
  </si>
  <si>
    <t>Bhochra 129</t>
  </si>
  <si>
    <t>Hafiza Sadia Ayub</t>
  </si>
  <si>
    <t>Pinaanwal</t>
  </si>
  <si>
    <t>v.p.o pinanwal mohallah khareed pur teh.p.d.khan distt jhelum</t>
  </si>
  <si>
    <t>Farhat Parveen</t>
  </si>
  <si>
    <t>GATTAR-FEMALE</t>
  </si>
  <si>
    <t>Sikandarpur</t>
  </si>
  <si>
    <t>vill Sikander pur P o Gurrah choudrian Tehsil sohawa District jhelum</t>
  </si>
  <si>
    <t>Tania Ejaz</t>
  </si>
  <si>
    <t>GGPS SIKANDER PUR</t>
  </si>
  <si>
    <t>TALWANDI INAYAT KHAN - FEMALE</t>
  </si>
  <si>
    <t>sikanderpur</t>
  </si>
  <si>
    <t>govt girls primary school sikanderpur</t>
  </si>
  <si>
    <t>Faiza Nasir</t>
  </si>
  <si>
    <t>GGPS SODIWAL</t>
  </si>
  <si>
    <t>USMAN WALA - FEMALE</t>
  </si>
  <si>
    <t>Sodiwal</t>
  </si>
  <si>
    <t>ggps sodiwal p/o usmanwala</t>
  </si>
  <si>
    <t>Rajowal Nou</t>
  </si>
  <si>
    <t>Anila Jabin</t>
  </si>
  <si>
    <t>DHOLAN HITHAR - FEMALE</t>
  </si>
  <si>
    <t>sodiwal  post office khudian khas</t>
  </si>
  <si>
    <t>Thathi Usman Wala</t>
  </si>
  <si>
    <t>Nazia  Mansha</t>
  </si>
  <si>
    <t>GGPS SOHAWA NO.2</t>
  </si>
  <si>
    <t>DASKA CITY - FEMALE</t>
  </si>
  <si>
    <t>Daska</t>
  </si>
  <si>
    <t>ggps sohawa no 2</t>
  </si>
  <si>
    <t>SOHAWA-FEMALE</t>
  </si>
  <si>
    <t>Sohawa Village</t>
  </si>
  <si>
    <t>GGPS Sohawa no 2</t>
  </si>
  <si>
    <t>Mc Sohawa</t>
  </si>
  <si>
    <t>Asma  Shaheen</t>
  </si>
  <si>
    <t>GGPS SULTAN ABAD</t>
  </si>
  <si>
    <t>Sultana Abad</t>
  </si>
  <si>
    <t>moh sultana abad gujrat</t>
  </si>
  <si>
    <t>Kalra Kalan</t>
  </si>
  <si>
    <t>Umme Salma Mohsin</t>
  </si>
  <si>
    <t>KHAIR PUR-I- FEMALE</t>
  </si>
  <si>
    <t>MathanWali</t>
  </si>
  <si>
    <t>basti Sultanabad mouza mathan wali khairpur saddat</t>
  </si>
  <si>
    <t>Sultan Abad</t>
  </si>
  <si>
    <t>Gabbar Arain</t>
  </si>
  <si>
    <t>Tehmina Jelani</t>
  </si>
  <si>
    <t>BHALWAL - FEMALE</t>
  </si>
  <si>
    <t>Bhalwal</t>
  </si>
  <si>
    <t>street no 6 sultanabad  Bhalwal.</t>
  </si>
  <si>
    <t>MC Bhalwal</t>
  </si>
  <si>
    <t>Ruqqia Bibi</t>
  </si>
  <si>
    <t>GGPS SULTAN PUR</t>
  </si>
  <si>
    <t>MUGHAL ABAD-FEMALE</t>
  </si>
  <si>
    <t>p.o sultanpur via Baral Colony Mangla cantt</t>
  </si>
  <si>
    <t>Ladahr</t>
  </si>
  <si>
    <t>Shazia Parveen</t>
  </si>
  <si>
    <t>water tank</t>
  </si>
  <si>
    <t>village sultanpur tehsel hassan abdal distrct attock</t>
  </si>
  <si>
    <t>Sadia haleema Malik</t>
  </si>
  <si>
    <t>Ada 15 meel sultanpur</t>
  </si>
  <si>
    <t>Hafiza Hajra Hassan</t>
  </si>
  <si>
    <t>g.g.p.s.sultan pur</t>
  </si>
  <si>
    <t>Basrajala</t>
  </si>
  <si>
    <t>Jameel Akhtar</t>
  </si>
  <si>
    <t>GGPS SULTAN PURA</t>
  </si>
  <si>
    <t>Sultan Pura</t>
  </si>
  <si>
    <t>g g p s sultan pura Multan road lahore</t>
  </si>
  <si>
    <t>Khalida Rasheed</t>
  </si>
  <si>
    <t>Arran Wala</t>
  </si>
  <si>
    <t>GGPS sultanpura</t>
  </si>
  <si>
    <t>Sultanpura</t>
  </si>
  <si>
    <t>Peer Garh Chishti</t>
  </si>
  <si>
    <t>Samreen Maqsood</t>
  </si>
  <si>
    <t>GGPS TAHIR ABAD</t>
  </si>
  <si>
    <t>MUZAFFAR PUR SOUTH  NO.2-FEMALE</t>
  </si>
  <si>
    <t>Wan Bhachran</t>
  </si>
  <si>
    <t>mohallah Tahir khel wan bhachran tehsil mianwali</t>
  </si>
  <si>
    <t>Ijasat Parveen</t>
  </si>
  <si>
    <t>P.A.REHMAN - FEMALE</t>
  </si>
  <si>
    <t>Peer Abdul Rehman</t>
  </si>
  <si>
    <t>Near Adda Hazrat Peer Abdul Rehman</t>
  </si>
  <si>
    <t>Cha Ghagha Wala</t>
  </si>
  <si>
    <t>Ghulam Fatima Sarwat</t>
  </si>
  <si>
    <t>GGPS TAHLI WALA</t>
  </si>
  <si>
    <t>SALLHOKEY - FEMALE</t>
  </si>
  <si>
    <t>Tahli Wala</t>
  </si>
  <si>
    <t>Tahli wala p o wadala sandhwan tahsil daska distt Sialkot</t>
  </si>
  <si>
    <t>Akber</t>
  </si>
  <si>
    <t>WARBURTON - FEMALE</t>
  </si>
  <si>
    <t>Tahli wala</t>
  </si>
  <si>
    <t>Miran Pure</t>
  </si>
  <si>
    <t>SYED WALA - FEMALE</t>
  </si>
  <si>
    <t>G G  P /S Tahli wala</t>
  </si>
  <si>
    <t>Shah Bilawal</t>
  </si>
  <si>
    <t>Shagufta Naz</t>
  </si>
  <si>
    <t>ggps tahli wala madduki jhang saddar</t>
  </si>
  <si>
    <t>Lake Badhr</t>
  </si>
  <si>
    <t>kALSOOM AKHTAR</t>
  </si>
  <si>
    <t>ggps tahli wala</t>
  </si>
  <si>
    <t>Nasreen Zaidi</t>
  </si>
  <si>
    <t>Rukanpur</t>
  </si>
  <si>
    <t>GGPS tahli wala</t>
  </si>
  <si>
    <t>Tahlewala</t>
  </si>
  <si>
    <t>Kamalpurjatyal</t>
  </si>
  <si>
    <t>Safia Parveen</t>
  </si>
  <si>
    <t>GGPS TALIB WALA</t>
  </si>
  <si>
    <t>TALIB WALA - FEMALE</t>
  </si>
  <si>
    <t>Talib Wala</t>
  </si>
  <si>
    <t>Talib wala</t>
  </si>
  <si>
    <t>Gurna</t>
  </si>
  <si>
    <t>Farva Batool</t>
  </si>
  <si>
    <t>GGPS TALWARA</t>
  </si>
  <si>
    <t>MANZOORPURA PLOT - FEMALE</t>
  </si>
  <si>
    <t>Talwara</t>
  </si>
  <si>
    <t>talawara p/o satowal teh shakargarh dist narowal</t>
  </si>
  <si>
    <t>Langan</t>
  </si>
  <si>
    <t>Zobia Ashraf</t>
  </si>
  <si>
    <t>PIRKOT SADHANA - FEMALE</t>
  </si>
  <si>
    <t>moza talwara p/o salyana district jhang</t>
  </si>
  <si>
    <t>Haveli Shiekh Raju</t>
  </si>
  <si>
    <t>Saira Ijaz</t>
  </si>
  <si>
    <t>GGPS TARAR</t>
  </si>
  <si>
    <t>SADHOKE - FEMALE</t>
  </si>
  <si>
    <t>Tarar</t>
  </si>
  <si>
    <t>village Tarar post office Ashraf abad tehsil Kamoke district  Gujranwala</t>
  </si>
  <si>
    <t>Akber Ghonke</t>
  </si>
  <si>
    <t>Umama Tehzeeb</t>
  </si>
  <si>
    <t>village tarar p/o kotli bawa fakir chand</t>
  </si>
  <si>
    <t>Ban Bajwa</t>
  </si>
  <si>
    <t>Asma Ashraf</t>
  </si>
  <si>
    <t>GGPS TARAY WALA</t>
  </si>
  <si>
    <t>SHEIKHUPURA-I - FEMALE</t>
  </si>
  <si>
    <t>Taray Wala</t>
  </si>
  <si>
    <t>Government Girls Primary school taray wala tehsel sheikhupura District sheikhupura post office herdav.</t>
  </si>
  <si>
    <t>Hardav</t>
  </si>
  <si>
    <t>Uzma  Siddique</t>
  </si>
  <si>
    <t>GGPS TARI WALA</t>
  </si>
  <si>
    <t>Tariwala</t>
  </si>
  <si>
    <t>tariwala po botala junda sing The.nowshera virkan Gujranwala</t>
  </si>
  <si>
    <t>adeela Akbar</t>
  </si>
  <si>
    <t>FAISAL COLONY CHOTI ROAD JAMPUR NEAR HIRA SCHOOL TARI WALA</t>
  </si>
  <si>
    <t>FAiSAL COLONY</t>
  </si>
  <si>
    <t>Shazia Khaliq</t>
  </si>
  <si>
    <t>GGPS TARIQ ABAD</t>
  </si>
  <si>
    <t>Kohawrh</t>
  </si>
  <si>
    <t>tariq abad</t>
  </si>
  <si>
    <t>Tariq Abad</t>
  </si>
  <si>
    <t>Huma Gulshan</t>
  </si>
  <si>
    <t>GGPSTariq Abad MBDin</t>
  </si>
  <si>
    <t>Basti Pir Gillamni</t>
  </si>
  <si>
    <t>Asia Gillani</t>
  </si>
  <si>
    <t>Monza murad wala basti tariqabad</t>
  </si>
  <si>
    <t>Tariqabad</t>
  </si>
  <si>
    <t>Pabber Wala</t>
  </si>
  <si>
    <t>Robina Rohi</t>
  </si>
  <si>
    <t>GGPS THAKRIAN</t>
  </si>
  <si>
    <t>Thekrian Gujran</t>
  </si>
  <si>
    <t>will&amp;P.O Thekrian Gujran Teh Gujar Khan Distt Rawalpindi</t>
  </si>
  <si>
    <t>Punj Garan Kalan</t>
  </si>
  <si>
    <t>Naveeda Naz</t>
  </si>
  <si>
    <t>GGPS TIBBA</t>
  </si>
  <si>
    <t>Ibrahim wali</t>
  </si>
  <si>
    <t>GGPS Basti tibba</t>
  </si>
  <si>
    <t>basti tibba</t>
  </si>
  <si>
    <t>Khalida Shafi</t>
  </si>
  <si>
    <t>GGPS TIBBI WALA</t>
  </si>
  <si>
    <t>Qalandar wala</t>
  </si>
  <si>
    <t>jinnah colony muhala ghareeb abaad mouza qalandar wala p/o basira</t>
  </si>
  <si>
    <t>Mudasra Shamim</t>
  </si>
  <si>
    <t>HABIB - FEMALE</t>
  </si>
  <si>
    <t>Mu Shian Wala</t>
  </si>
  <si>
    <t>GG p/s Tibbi wala</t>
  </si>
  <si>
    <t>Munshian Wala</t>
  </si>
  <si>
    <t>Covil Station</t>
  </si>
  <si>
    <t>Taj Bibi</t>
  </si>
  <si>
    <t>GGPS VEERAM</t>
  </si>
  <si>
    <t>Veeram</t>
  </si>
  <si>
    <t>Village Veeram P/o Kanjrur Tehsil Shakargarh Distirct Narowal</t>
  </si>
  <si>
    <t>kotli bary Khan</t>
  </si>
  <si>
    <t>Farhat Naseeb</t>
  </si>
  <si>
    <t>Centre of Excellence</t>
  </si>
  <si>
    <t>GGPS WARA GUJRAN</t>
  </si>
  <si>
    <t>Ggps wara gujran p.b.jamerghal District jhelum</t>
  </si>
  <si>
    <t>Wara Gujran</t>
  </si>
  <si>
    <t>Alia Iram</t>
  </si>
  <si>
    <t>GGPS WARIS ABAD</t>
  </si>
  <si>
    <t>CHINIOT MARKAZ NO.13 - FEMALE</t>
  </si>
  <si>
    <t>GGPS Warisabad</t>
  </si>
  <si>
    <t>MC Chiniot</t>
  </si>
  <si>
    <t>Shagufta Yameen</t>
  </si>
  <si>
    <t>RODA (FEMALE)</t>
  </si>
  <si>
    <t>Roda</t>
  </si>
  <si>
    <t>dara Warisabad</t>
  </si>
  <si>
    <t>Dera Warisabad</t>
  </si>
  <si>
    <t>GGPS WAZIR PUR</t>
  </si>
  <si>
    <t>KALAH KALAN - FEMALE</t>
  </si>
  <si>
    <t>Wazirpur</t>
  </si>
  <si>
    <t>Village Wazirpur P.O Raja Ghuman</t>
  </si>
  <si>
    <t>Raja Ghuman</t>
  </si>
  <si>
    <t>Hiba Sadiq</t>
  </si>
  <si>
    <t>wazir pur</t>
  </si>
  <si>
    <t>Wazir Pur</t>
  </si>
  <si>
    <t>Haffat Maddur</t>
  </si>
  <si>
    <t>Naveed Ahmad</t>
  </si>
  <si>
    <t>GGPS YARAY WALA</t>
  </si>
  <si>
    <t>LALIAN MARKAZ NO.07 - FEMALE</t>
  </si>
  <si>
    <t>Kandiwal</t>
  </si>
  <si>
    <t>Yarewala Moza kandiwal tehsil Lalian</t>
  </si>
  <si>
    <t>Yarewala</t>
  </si>
  <si>
    <t>Shehnaz Mussarrat</t>
  </si>
  <si>
    <t>Hunjrai</t>
  </si>
  <si>
    <t>GGPS Yaray wala</t>
  </si>
  <si>
    <t>Muredi Wala</t>
  </si>
  <si>
    <t>Hanjrai Mustaqil Sharqi</t>
  </si>
  <si>
    <t>Anis Fatima</t>
  </si>
  <si>
    <t>GGPS YAROO WALA</t>
  </si>
  <si>
    <t>PATTI GHULAM ALI</t>
  </si>
  <si>
    <t>CHAH MATTAY WALA IQBAL ABAD SHEIKHU SUGAR MILLZ ROAD SINAWAN KOT ADU DIS.M.GARH</t>
  </si>
  <si>
    <t>CHAH MATTAY WALA</t>
  </si>
  <si>
    <t>MC SINAWAN</t>
  </si>
  <si>
    <t>SAMINA KOUSAR</t>
  </si>
  <si>
    <t>Daggar Kotli Shumali</t>
  </si>
  <si>
    <t>chah yaroowala.daggar kotli shumali.teh mankera.dst bhakkar</t>
  </si>
  <si>
    <t>Yaroowala</t>
  </si>
  <si>
    <t>MISBAH NASEEM</t>
  </si>
  <si>
    <t>GGPS YOUSAF PUR</t>
  </si>
  <si>
    <t>NOOR KOT- FEMALE</t>
  </si>
  <si>
    <t>Chak Bhao Din</t>
  </si>
  <si>
    <t>chak bhao din yousaf pur</t>
  </si>
  <si>
    <t>Chak Bhao Din Yousaf Pur</t>
  </si>
  <si>
    <t>Mailu Sailu</t>
  </si>
  <si>
    <t>Kahkashan Parvaiz</t>
  </si>
  <si>
    <t>GGPS YOUSAF WALA</t>
  </si>
  <si>
    <t>H.B SHAH - FEMALE</t>
  </si>
  <si>
    <t>H B SHAH</t>
  </si>
  <si>
    <t>Yousaf Wala, H B Shah</t>
  </si>
  <si>
    <t>Yousaf Wala</t>
  </si>
  <si>
    <t>Nusrat Ambreen</t>
  </si>
  <si>
    <t>Pagalwarri</t>
  </si>
  <si>
    <t>Basti yousaf wala Mouza Pugalwari dak khana qureshi wala district &amp; teh. Lodhran</t>
  </si>
  <si>
    <t>Qureshi Wala</t>
  </si>
  <si>
    <t>Safeera Abida</t>
  </si>
  <si>
    <t>GGPS ZAIN PUR</t>
  </si>
  <si>
    <t>BHERA - FEMALE</t>
  </si>
  <si>
    <t>Zainpur</t>
  </si>
  <si>
    <t>zainpur</t>
  </si>
  <si>
    <t>Ranga Wala</t>
  </si>
  <si>
    <t>Sarfraz Fatima</t>
  </si>
  <si>
    <t>kapri wala zainpur</t>
  </si>
  <si>
    <t>Kapri Wala</t>
  </si>
  <si>
    <t>Kabeerpur</t>
  </si>
  <si>
    <t>Sara Khalid Khan</t>
  </si>
  <si>
    <t>GHS AHMAD ABAD</t>
  </si>
  <si>
    <t>AHMAD ABAD</t>
  </si>
  <si>
    <t>VPO AHMAD ABAD TEHSIL AND DISTRICT CHINIOT</t>
  </si>
  <si>
    <t>Ghulam Akbar</t>
  </si>
  <si>
    <t>nEAR LARI ADDA AHMAD ABAD</t>
  </si>
  <si>
    <t>Muhammad Abdul Mannan Butt</t>
  </si>
  <si>
    <t>GHS ALI PUR</t>
  </si>
  <si>
    <t>Moza Ali Pur P/O Khas Ali Pur Tehsil &amp; Distt : Jhang</t>
  </si>
  <si>
    <t>Pubber Wala</t>
  </si>
  <si>
    <t>Afzal Hassan</t>
  </si>
  <si>
    <t>mC CITY ALI PUR</t>
  </si>
  <si>
    <t>MULTAN ROAD ALI PUR</t>
  </si>
  <si>
    <t>ALI PUR</t>
  </si>
  <si>
    <t>MC CITY ALI PUR</t>
  </si>
  <si>
    <t>ENAYAT ULLAH</t>
  </si>
  <si>
    <t>GHS ALLAH ABAD</t>
  </si>
  <si>
    <t>allah abad</t>
  </si>
  <si>
    <t>allahabad</t>
  </si>
  <si>
    <t>saeed ahmad malik</t>
  </si>
  <si>
    <t>ALLAH ABAD</t>
  </si>
  <si>
    <t>ALLAH ABAD TEH JAM PUR</t>
  </si>
  <si>
    <t>ALLAH ABAD WEST</t>
  </si>
  <si>
    <t>MUHAMMAD Afzal</t>
  </si>
  <si>
    <t>GHS BAGGA</t>
  </si>
  <si>
    <t>Bagga</t>
  </si>
  <si>
    <t>Tehsil &amp; District Jhelum. Post Office Bagga.</t>
  </si>
  <si>
    <t>Kotla Faqir</t>
  </si>
  <si>
    <t>Musaddaq Hussain</t>
  </si>
  <si>
    <t>village Bagga P.O Lehtrar Tehsil Kotli Sattian Distt. Rwp</t>
  </si>
  <si>
    <t>KAMRAN HAROON</t>
  </si>
  <si>
    <t>water. supply</t>
  </si>
  <si>
    <t>GHS BUDHIAL</t>
  </si>
  <si>
    <t>Budhial</t>
  </si>
  <si>
    <t>VPO Budhial tehsil and district chakwal</t>
  </si>
  <si>
    <t>Khothian</t>
  </si>
  <si>
    <t>SHAHID AZIZ</t>
  </si>
  <si>
    <t>village and post office budhial</t>
  </si>
  <si>
    <t>GHS CHANDALA</t>
  </si>
  <si>
    <t>Chandala</t>
  </si>
  <si>
    <t>VPO Chandala Gujrat</t>
  </si>
  <si>
    <t>Machhiwal</t>
  </si>
  <si>
    <t>Naeem Abbas</t>
  </si>
  <si>
    <t>chandala</t>
  </si>
  <si>
    <t>MUBASHAR AHMAD BHATTI</t>
  </si>
  <si>
    <t>GHS DHUDIAL</t>
  </si>
  <si>
    <t>Dhudial</t>
  </si>
  <si>
    <t>vpo dhudial Teh. &amp; Distt. Chakwal.</t>
  </si>
  <si>
    <t>ghulam shabbir awan</t>
  </si>
  <si>
    <t>ghs no2 dhudial</t>
  </si>
  <si>
    <t>ARSHAD MEHMOOD</t>
  </si>
  <si>
    <t>GHS DHURNAL</t>
  </si>
  <si>
    <t>Govt. high school no2 dhurnal tehsil lawa distt chakwal</t>
  </si>
  <si>
    <t>Sultan Zakria Saqib</t>
  </si>
  <si>
    <t>VPO DHURNAL TEHSIL FATEH JANG DISTRICT ATTOCK</t>
  </si>
  <si>
    <t>dHURNAL</t>
  </si>
  <si>
    <t>Zubair Nisar</t>
  </si>
  <si>
    <t>GHS DOUNA</t>
  </si>
  <si>
    <t>Govt Boys High School Douna</t>
  </si>
  <si>
    <t>Sohail Ahmad</t>
  </si>
  <si>
    <t>GHS douna</t>
  </si>
  <si>
    <t>Abdul Hamed Zahid</t>
  </si>
  <si>
    <t>GHS EHSAN PUR</t>
  </si>
  <si>
    <t>ehsan pur</t>
  </si>
  <si>
    <t>P/oehsan pur</t>
  </si>
  <si>
    <t>Abdul Hameed Tabassum</t>
  </si>
  <si>
    <t>tehsil ryk mouza ehsan pur</t>
  </si>
  <si>
    <t>Ubaidullah</t>
  </si>
  <si>
    <t>GHS FATEH PUR</t>
  </si>
  <si>
    <t>Wrad No.4 Fateh Pur Tehsile Karor District Layyah</t>
  </si>
  <si>
    <t>Wrad no.4 Fateh Pur</t>
  </si>
  <si>
    <t>Muncipal committee Fateh Pur</t>
  </si>
  <si>
    <t>Ch.Muhammad riaz bhutta</t>
  </si>
  <si>
    <t>FATEHPUR, TEHSIL AND DISTRICT GUJRAT</t>
  </si>
  <si>
    <t>GHULAM RABBANI</t>
  </si>
  <si>
    <t>fateh PUR</t>
  </si>
  <si>
    <t>FATEH PUR SHARIF OKARA</t>
  </si>
  <si>
    <t>Muhammad Waseem Sajid</t>
  </si>
  <si>
    <t>Ghs fateh pur</t>
  </si>
  <si>
    <t>Aamir Farooq Sukhera</t>
  </si>
  <si>
    <t>Mouza Fateh Pur Tehsil Mailsi Distt.  Vehari</t>
  </si>
  <si>
    <t>MUHAMMAD NASIR</t>
  </si>
  <si>
    <t>GHS HAJI SHAH</t>
  </si>
  <si>
    <t>VPO Haji Shah Tehsil &amp; district Attock</t>
  </si>
  <si>
    <t>Zahid Mahmood</t>
  </si>
  <si>
    <t>p/o Qasba Gujrat c/o GHS HAJI SHAH</t>
  </si>
  <si>
    <t>Naseer Ud Din Tareen</t>
  </si>
  <si>
    <t>GHS JAND WALA</t>
  </si>
  <si>
    <t>jand wala</t>
  </si>
  <si>
    <t>jand wala p/o chunian</t>
  </si>
  <si>
    <t>Muhammad Imran Sarwar</t>
  </si>
  <si>
    <t>Jandwala</t>
  </si>
  <si>
    <t>chak jandwala Tehsil and Dissit Bwn</t>
  </si>
  <si>
    <t>Muhammad Arshad Mehmood</t>
  </si>
  <si>
    <t>GHS KALLUR KOT</t>
  </si>
  <si>
    <t>Kallur Kot</t>
  </si>
  <si>
    <t>GMHS KALLUR KOT</t>
  </si>
  <si>
    <t>Mohallah Moti Masjid</t>
  </si>
  <si>
    <t>Kallur kot</t>
  </si>
  <si>
    <t>Tanveer Ahmer</t>
  </si>
  <si>
    <t>Sargodha road kallur kot</t>
  </si>
  <si>
    <t>Amir Muhammad</t>
  </si>
  <si>
    <t>GHS KALRI</t>
  </si>
  <si>
    <t>vpo kalri tehsil and district mianwali</t>
  </si>
  <si>
    <t>Thameywali</t>
  </si>
  <si>
    <t>Muneer Ahmad</t>
  </si>
  <si>
    <t>kALRI</t>
  </si>
  <si>
    <t>gHS  KALRI TEHSIL LALIAN DISTT CHINIOT</t>
  </si>
  <si>
    <t>KALRI</t>
  </si>
  <si>
    <t>Mohammad akhtar</t>
  </si>
  <si>
    <t>GHS KARIALA</t>
  </si>
  <si>
    <t>Kariala</t>
  </si>
  <si>
    <t>GHS Kariala Tehsil sarai alamgir Distt. Gujrat</t>
  </si>
  <si>
    <t>TARIQ MEHMOOD</t>
  </si>
  <si>
    <t>KARYALA</t>
  </si>
  <si>
    <t>GHS KARYALA TEH &amp; DISTT CHAKWAL</t>
  </si>
  <si>
    <t>Noor Asab Khan Zia</t>
  </si>
  <si>
    <t>GHS KHAN PUR</t>
  </si>
  <si>
    <t>MOZA KHANPUR TEHSIL MAILSI</t>
  </si>
  <si>
    <t>ALAMPUR</t>
  </si>
  <si>
    <t>Maqbool Ahmed</t>
  </si>
  <si>
    <t>Khanpur Janobi</t>
  </si>
  <si>
    <t>Talpur road Khanpur, dera ghazi khan</t>
  </si>
  <si>
    <t>Riaz Ahmad</t>
  </si>
  <si>
    <t>GHS KOT TAHIR</t>
  </si>
  <si>
    <t>Tehsil Jampur District Rajanpur</t>
  </si>
  <si>
    <t>Abdul Rasheed</t>
  </si>
  <si>
    <t>KOT TAHIR P/O SAME TEHSIL &amp; DISTT. NANKANA SAHIB</t>
  </si>
  <si>
    <t>Chaind Pur</t>
  </si>
  <si>
    <t>GHULAM RASOOL</t>
  </si>
  <si>
    <t>GHS LASHARI</t>
  </si>
  <si>
    <t>moza lashari tehsil and district okara</t>
  </si>
  <si>
    <t>Rizwan Saeed</t>
  </si>
  <si>
    <t>Ghs Lashari</t>
  </si>
  <si>
    <t>Kot Muraad</t>
  </si>
  <si>
    <t>MUNEER AHMAD</t>
  </si>
  <si>
    <t>Electric cooler</t>
  </si>
  <si>
    <t>GHS MANGAT</t>
  </si>
  <si>
    <t>MANGAT</t>
  </si>
  <si>
    <t>MANGAT MAR BALOCHAN ROAD</t>
  </si>
  <si>
    <t>REHMAN ABAD</t>
  </si>
  <si>
    <t>Muhammad Umair</t>
  </si>
  <si>
    <t>v.P.O MANGAT</t>
  </si>
  <si>
    <t>Muhammad Arshad Mahmood</t>
  </si>
  <si>
    <t>GHS MIAL</t>
  </si>
  <si>
    <t>village and PO Mial teh and distt rawalpindi</t>
  </si>
  <si>
    <t>Parial</t>
  </si>
  <si>
    <t>V&amp;P/O MIAL Teh. TALAGANG DISTT. CHAKWAL</t>
  </si>
  <si>
    <t>DR MUHAMMAD RAFIQ AHMAD SHAHID</t>
  </si>
  <si>
    <t>GHS MIAN WALA</t>
  </si>
  <si>
    <t>MIANWALA</t>
  </si>
  <si>
    <t>VILLAGE AND POST OFFICE MIANWALA</t>
  </si>
  <si>
    <t>WAHEED AHMED</t>
  </si>
  <si>
    <t>Esan Wala</t>
  </si>
  <si>
    <t>Moza esan Wala tehsil kot addu district muzaffargarh</t>
  </si>
  <si>
    <t>Tanveer Ahmed</t>
  </si>
  <si>
    <t>GHS MIRAN PUR</t>
  </si>
  <si>
    <t>Meeran pur</t>
  </si>
  <si>
    <t>meeran pur khas tehsil and distt.M garh</t>
  </si>
  <si>
    <t>SaJad Hussain Jafri</t>
  </si>
  <si>
    <t>govt boys high school miranpur tensile rojhan, district rajanpur</t>
  </si>
  <si>
    <t>GHS MODEL</t>
  </si>
  <si>
    <t>CITY KHANPUR</t>
  </si>
  <si>
    <t>GBHS MODEL KHANPUR SHAHI ROAD</t>
  </si>
  <si>
    <t>MC khanpur</t>
  </si>
  <si>
    <t>AQEEL AHMAD SAJID</t>
  </si>
  <si>
    <t>city</t>
  </si>
  <si>
    <t>JINNAH TOWN SADIQ ABAD</t>
  </si>
  <si>
    <t>JINNAH TOWN</t>
  </si>
  <si>
    <t>D FOUR</t>
  </si>
  <si>
    <t>KHALID MEHMOOD KHAN</t>
  </si>
  <si>
    <t>R.O Plant</t>
  </si>
  <si>
    <t>GHS NARANG</t>
  </si>
  <si>
    <t>NARANG</t>
  </si>
  <si>
    <t>GHS NARANG, TEHSIL PHALIA, DISTT. M.B.DIN</t>
  </si>
  <si>
    <t>ASHFAQ AHMAD</t>
  </si>
  <si>
    <t>Narang Mandi</t>
  </si>
  <si>
    <t>Ferozabad Narang</t>
  </si>
  <si>
    <t>DR HABIB AMJAD</t>
  </si>
  <si>
    <t>GHS NAWAN KOT</t>
  </si>
  <si>
    <t>Mouza nawan kot tehsil choubara distt layyah</t>
  </si>
  <si>
    <t>Malik Kareem Bukhsh s/o Allah wasaya</t>
  </si>
  <si>
    <t>NAWAN KOT</t>
  </si>
  <si>
    <t>Jaleel Ahmad</t>
  </si>
  <si>
    <t>BHIKHI</t>
  </si>
  <si>
    <t>VILLAGE NAWANKOT FAISAL ABAD ROAD TEHSIL AND DISTRICT SHEIKHUPURA</t>
  </si>
  <si>
    <t>NAWANKOT</t>
  </si>
  <si>
    <t>Shabbir Ahmad Sabri</t>
  </si>
  <si>
    <t>GHS PHAGWARI</t>
  </si>
  <si>
    <t>village and post office phagwari, tehsil murree, district rawalpindi</t>
  </si>
  <si>
    <t>WALEED MASOOD</t>
  </si>
  <si>
    <t>village &amp; p/o phagwari</t>
  </si>
  <si>
    <t>ANWAR-UL-HAQ</t>
  </si>
  <si>
    <t>GHS PIND DADAN KHAN</t>
  </si>
  <si>
    <t>Pind Dadan Khan</t>
  </si>
  <si>
    <t>pind dadan khan</t>
  </si>
  <si>
    <t>MC PDkhan</t>
  </si>
  <si>
    <t>MUHAMMAD AFSAR KHAN</t>
  </si>
  <si>
    <t>GHS No 2 near children park PDKhan</t>
  </si>
  <si>
    <t>Adeel Abbas Malik</t>
  </si>
  <si>
    <t>water coolers</t>
  </si>
  <si>
    <t>GHS RANG PUR</t>
  </si>
  <si>
    <t>basti mehmood abad mouza rangpur p/o sama data t/d bahawal pur</t>
  </si>
  <si>
    <t>Basti Mehmood Abad</t>
  </si>
  <si>
    <t>Jindu Misson</t>
  </si>
  <si>
    <t>MUHAMMAD ILYAS</t>
  </si>
  <si>
    <t>DERA HABAT</t>
  </si>
  <si>
    <t>POST OFFICE RANG PUR</t>
  </si>
  <si>
    <t>RANG PUR</t>
  </si>
  <si>
    <t>Zaffa Hussain</t>
  </si>
  <si>
    <t>GHS RASOOL PUR</t>
  </si>
  <si>
    <t>Govt. High School Rasoolpur</t>
  </si>
  <si>
    <t>Rafi Naseer</t>
  </si>
  <si>
    <t>mouza Rasoolpur p/o uch sharif</t>
  </si>
  <si>
    <t>bakhtiari</t>
  </si>
  <si>
    <t>muhammad ilyas</t>
  </si>
  <si>
    <t>rasool Pur, mandi Ahmad Abad, okara</t>
  </si>
  <si>
    <t>Permanand</t>
  </si>
  <si>
    <t>Amjad Ali Shah</t>
  </si>
  <si>
    <t>GHS SAHIWAL</t>
  </si>
  <si>
    <t>JINNAH ROAD SAHIWAL</t>
  </si>
  <si>
    <t>old Civil Line</t>
  </si>
  <si>
    <t>City Sahiwal</t>
  </si>
  <si>
    <t>NAVEED AZMAT</t>
  </si>
  <si>
    <t>JHANG ROAD SAHIWAL</t>
  </si>
  <si>
    <t>SAHIWAL-II</t>
  </si>
  <si>
    <t>TARIQ MAHMOOD</t>
  </si>
  <si>
    <t>GHS SAID PUR</t>
  </si>
  <si>
    <t>siadpur</t>
  </si>
  <si>
    <t>Mian road siadpur</t>
  </si>
  <si>
    <t>saidpur</t>
  </si>
  <si>
    <t>chack jogo</t>
  </si>
  <si>
    <t>Shahid Mahmood Bhatti</t>
  </si>
  <si>
    <t>P/O Nawan Kot tehsil Liaqat Pur Rahim Yar Khan</t>
  </si>
  <si>
    <t>Bahaar Khaki</t>
  </si>
  <si>
    <t>GHS SHAHZADA</t>
  </si>
  <si>
    <t>shahzada</t>
  </si>
  <si>
    <t>p/O kahna nau, village shahzada lahore</t>
  </si>
  <si>
    <t>Shahzada</t>
  </si>
  <si>
    <t>Fazal Elahi</t>
  </si>
  <si>
    <t>vpo shahzada</t>
  </si>
  <si>
    <t>Ejaz Hussain KHan</t>
  </si>
  <si>
    <t>GHS SIAL</t>
  </si>
  <si>
    <t>sial p.o sial</t>
  </si>
  <si>
    <t>sial</t>
  </si>
  <si>
    <t>Liquat Ali</t>
  </si>
  <si>
    <t>ghs sial tehsile tandlianwala dist. fsd</t>
  </si>
  <si>
    <t>Bala Khan</t>
  </si>
  <si>
    <t>GHS SULTAN PUR</t>
  </si>
  <si>
    <t>sultan pur</t>
  </si>
  <si>
    <t>mouza sultan pur jhang</t>
  </si>
  <si>
    <t>syed haider husnain zaidi</t>
  </si>
  <si>
    <t>sultanpur</t>
  </si>
  <si>
    <t>village and post office sultanpur tehsil hassan abdal attock</t>
  </si>
  <si>
    <t>ASHRAF KHAN</t>
  </si>
  <si>
    <t>PO SULTAN PUR</t>
  </si>
  <si>
    <t>saif ullah khan</t>
  </si>
  <si>
    <t>GHS THATHI</t>
  </si>
  <si>
    <t>THATHI</t>
  </si>
  <si>
    <t>GOVT. HIGH SCHOOL THATHI TEH&amp; DISTT MIANWALI</t>
  </si>
  <si>
    <t>THATHi</t>
  </si>
  <si>
    <t>DHER UMAID ALI SHAH</t>
  </si>
  <si>
    <t>mian shahid ali shah</t>
  </si>
  <si>
    <t>VILL&amp;PO THATHI TEHSIL GUJAR KHAN RAWALPINDI</t>
  </si>
  <si>
    <t>GULBAHAR KHAN</t>
  </si>
  <si>
    <t>GHSS NARA</t>
  </si>
  <si>
    <t>GOVT BOYS HIGHER SECONDARY SCHOOL NARA TEHSIL JAND DISTT ATTOCK</t>
  </si>
  <si>
    <t>MUHAMMAD ASKAR</t>
  </si>
  <si>
    <t>H.Sec.</t>
  </si>
  <si>
    <t>village and p.o nara</t>
  </si>
  <si>
    <t>Malik  Shahzad Khan</t>
  </si>
  <si>
    <t>BOOR</t>
  </si>
  <si>
    <t>GMMS BASTI KUMHARAN</t>
  </si>
  <si>
    <t>CHOWK NADIR SHAHEED-MALE</t>
  </si>
  <si>
    <t>Lalo Wala</t>
  </si>
  <si>
    <t>Khan pur</t>
  </si>
  <si>
    <t>Basti Kumharan</t>
  </si>
  <si>
    <t>Azeem Shah</t>
  </si>
  <si>
    <t>Muhammad Akram</t>
  </si>
  <si>
    <t>sMosque</t>
  </si>
  <si>
    <t>choudry</t>
  </si>
  <si>
    <t>gps basti kumharan</t>
  </si>
  <si>
    <t>Basti Rana Gul Bahar</t>
  </si>
  <si>
    <t>qadir pur</t>
  </si>
  <si>
    <t>Muhammad Safder</t>
  </si>
  <si>
    <t>GMMS RASHID ABAD</t>
  </si>
  <si>
    <t>MACHKA - MALE</t>
  </si>
  <si>
    <t>Bhara</t>
  </si>
  <si>
    <t>basti Malik M Ashraf Mouza Bhara TEH Sadiq Abad district Rahim yar khan</t>
  </si>
  <si>
    <t>Basti Malik M Ashraf</t>
  </si>
  <si>
    <t>Machka</t>
  </si>
  <si>
    <t>Maqbool Ahmad</t>
  </si>
  <si>
    <t>CITY-LQP-MALE</t>
  </si>
  <si>
    <t>Gmms Rashidabad, Near Boys degree college</t>
  </si>
  <si>
    <t>City Liaquatpur</t>
  </si>
  <si>
    <t>Muhammad Anwer</t>
  </si>
  <si>
    <t>GMPS ABDULLAH PUR</t>
  </si>
  <si>
    <t>p.o.chakjani thsil p.d.khan.dist jhelum</t>
  </si>
  <si>
    <t>Nahdia Parveen</t>
  </si>
  <si>
    <t>MANDHAL - FEMALE</t>
  </si>
  <si>
    <t>moza abdullah pur po januwala</t>
  </si>
  <si>
    <t>Nasreen Fatima</t>
  </si>
  <si>
    <t>GMPS ALLAH ABAD</t>
  </si>
  <si>
    <t>MASOOM SHAH - FEMALE</t>
  </si>
  <si>
    <t>Allahabad colony burewala</t>
  </si>
  <si>
    <t>javeria aziz</t>
  </si>
  <si>
    <t>village Allahabad teh bhera district sargodha</t>
  </si>
  <si>
    <t>Kalyanpur</t>
  </si>
  <si>
    <t>Nasira Parvin</t>
  </si>
  <si>
    <t>GMPS BAGH WALA</t>
  </si>
  <si>
    <t>Bagh Wala</t>
  </si>
  <si>
    <t>Bagh Wala Chak #268jb Jhang</t>
  </si>
  <si>
    <t>Chak #268jb</t>
  </si>
  <si>
    <t>Kot Sai Sing</t>
  </si>
  <si>
    <t>Mazhar Hussain</t>
  </si>
  <si>
    <t>WAHNDO - FEMALE</t>
  </si>
  <si>
    <t>Baghwala</t>
  </si>
  <si>
    <t>baghwala</t>
  </si>
  <si>
    <t>Kotli Nawab</t>
  </si>
  <si>
    <t>Shaheen Qamar</t>
  </si>
  <si>
    <t>GMPS BAGLA</t>
  </si>
  <si>
    <t>Bagla</t>
  </si>
  <si>
    <t>vill bagla p.o.matore teh kahuta dist rwp</t>
  </si>
  <si>
    <t>sidra mehtab</t>
  </si>
  <si>
    <t>GULEHRA GALI - FEMALE</t>
  </si>
  <si>
    <t>Village Bagla post office Gulehra Gali Teh Murree District Rawalpindi</t>
  </si>
  <si>
    <t>Kausar yasmeen</t>
  </si>
  <si>
    <t>GMPS BAHOWAL</t>
  </si>
  <si>
    <t>Bahowal</t>
  </si>
  <si>
    <t>Village Bahowal p o Chechian Teh &amp; Distt Gujrat</t>
  </si>
  <si>
    <t>Rizwana Sharif</t>
  </si>
  <si>
    <t>MALIKWAL-V-FEMALE</t>
  </si>
  <si>
    <t>BAHOWAL</t>
  </si>
  <si>
    <t>WARA ALAM SHAH</t>
  </si>
  <si>
    <t>GMPS BALHAR</t>
  </si>
  <si>
    <t>Balhar</t>
  </si>
  <si>
    <t>Village Balhar post offic Nara.</t>
  </si>
  <si>
    <t>Saima Gul</t>
  </si>
  <si>
    <t>C. NO.II MALIKWAL - FEMALE</t>
  </si>
  <si>
    <t>village Balhar P/O Haria station Teh malakwal diss M.B.Din</t>
  </si>
  <si>
    <t>Majhi</t>
  </si>
  <si>
    <t>Muneeba Nawaz</t>
  </si>
  <si>
    <t>GMPS BANIAN</t>
  </si>
  <si>
    <t>RAIKA MAIRA -FEMALE</t>
  </si>
  <si>
    <t>Banian</t>
  </si>
  <si>
    <t>village banian post office rupper kalan teh, distt rawalpindi</t>
  </si>
  <si>
    <t>Shabnum Zia</t>
  </si>
  <si>
    <t>BARA GHAR - FEMALE</t>
  </si>
  <si>
    <t>village Banian Po Bara Ghar Teh&amp;Distt Nankana Sahib</t>
  </si>
  <si>
    <t>Machora</t>
  </si>
  <si>
    <t>HUMAIRA NAAZ</t>
  </si>
  <si>
    <t>GMPS BANTH</t>
  </si>
  <si>
    <t>MANDRA - FEMALE</t>
  </si>
  <si>
    <t>Banth</t>
  </si>
  <si>
    <t>Village Banth Teshil Gujar Khan District Rawalpindi</t>
  </si>
  <si>
    <t>Kaliam Awan</t>
  </si>
  <si>
    <t>Nabila Ramzan</t>
  </si>
  <si>
    <t>vpo banth teh sohawa distt jhelum</t>
  </si>
  <si>
    <t>Shumaila Perveen</t>
  </si>
  <si>
    <t>GMPS BAQA PUR</t>
  </si>
  <si>
    <t>DHENSAR PAIEN - FEMALE</t>
  </si>
  <si>
    <t>post office Wahndo village Baqa pur the Kamonki</t>
  </si>
  <si>
    <t>Chack Ramdas Nou</t>
  </si>
  <si>
    <t>Liaqat Ali</t>
  </si>
  <si>
    <t>Baqapur</t>
  </si>
  <si>
    <t>govt model primary school baqa pur</t>
  </si>
  <si>
    <t>Musa Pur</t>
  </si>
  <si>
    <t>Samreen  Asghar</t>
  </si>
  <si>
    <t>GMPS BARYAR</t>
  </si>
  <si>
    <t>p/o Kang chalokay Tehsil Sambrial Distt Sialkot</t>
  </si>
  <si>
    <t>Dhailam Balgun</t>
  </si>
  <si>
    <t>Nabila Anwar</t>
  </si>
  <si>
    <t>GHAKKAR 2 - FEMALE</t>
  </si>
  <si>
    <t>baryar</t>
  </si>
  <si>
    <t>vil baryar Teh wzd dist gujranwala</t>
  </si>
  <si>
    <t>Kot inayat khan</t>
  </si>
  <si>
    <t>Shazia Sharif</t>
  </si>
  <si>
    <t>village baryar tehsil daska di strict sialkot</t>
  </si>
  <si>
    <t>Jahrawala</t>
  </si>
  <si>
    <t>Shabana kousar</t>
  </si>
  <si>
    <t>GMPS BASRA</t>
  </si>
  <si>
    <t>BASRA</t>
  </si>
  <si>
    <t>VILLAGE: BASRA, P/O: JHAWARIAN, TEHSIL SHAH PUR. DISTT SARGODHA</t>
  </si>
  <si>
    <t>KHAWAJA ABAD</t>
  </si>
  <si>
    <t>Basra</t>
  </si>
  <si>
    <t>basra p.o chawinda</t>
  </si>
  <si>
    <t>Alhar</t>
  </si>
  <si>
    <t>Rukhsana Kousar</t>
  </si>
  <si>
    <t>GMPS BASTI QAZIAN</t>
  </si>
  <si>
    <t>SHORKOT CITY - FEMALE</t>
  </si>
  <si>
    <t>Shorkot Janubi</t>
  </si>
  <si>
    <t>Basti Qazian pattan road shorkot</t>
  </si>
  <si>
    <t>Basti Qazian</t>
  </si>
  <si>
    <t>Rukhsana Sharif</t>
  </si>
  <si>
    <t>Gul Mhmd Lar</t>
  </si>
  <si>
    <t>GMPSBASTIQAZIAN Mrkz khanbela Female tehsl lqt pur District Ryk</t>
  </si>
  <si>
    <t>BASTIQAZIAN</t>
  </si>
  <si>
    <t>Kotla Dolat</t>
  </si>
  <si>
    <t>Syeda Gamo Bibi</t>
  </si>
  <si>
    <t>GMPS BHULLAR</t>
  </si>
  <si>
    <t>KANDAN SIAN - FEMALE</t>
  </si>
  <si>
    <t>Bhullar</t>
  </si>
  <si>
    <t>Bhullar p/o Tahkra mehy teh daska disst. 
sialkot</t>
  </si>
  <si>
    <t>Sumera Rani</t>
  </si>
  <si>
    <t>Danish Adopted School</t>
  </si>
  <si>
    <t>GMPS CHAK GILLAN</t>
  </si>
  <si>
    <t>GHAKKAR 4 - FEMALE</t>
  </si>
  <si>
    <t>Chak Gillan</t>
  </si>
  <si>
    <t>chak gillan p/o/box mitranwali teh wzbd dist grw</t>
  </si>
  <si>
    <t>Chack Gillan</t>
  </si>
  <si>
    <t>chack gillan</t>
  </si>
  <si>
    <t>Mandiala Tega</t>
  </si>
  <si>
    <t>Miss Anmbreen Tahira</t>
  </si>
  <si>
    <t>HUNDAL - FEMALE</t>
  </si>
  <si>
    <t>GMPS Chak Gillan,P/O Ladhar,Tehsil and District ,Sialkot.</t>
  </si>
  <si>
    <t>Partanwali</t>
  </si>
  <si>
    <t>GMPS CHAK QAZI</t>
  </si>
  <si>
    <t>RAKH CHARGAH - FEMALE</t>
  </si>
  <si>
    <t>mps chak Qazi</t>
  </si>
  <si>
    <t>Rakh Chargha</t>
  </si>
  <si>
    <t>Fakhar Un Nisa Naseem</t>
  </si>
  <si>
    <t>village  Chak Qazi</t>
  </si>
  <si>
    <t>Moman Kalan</t>
  </si>
  <si>
    <t>Subia Ashraf  Cheema</t>
  </si>
  <si>
    <t>GMPS CHAK SADA</t>
  </si>
  <si>
    <t>AHMAD NAGER 1 - FEMALE</t>
  </si>
  <si>
    <t>Kalaskay</t>
  </si>
  <si>
    <t>village chack sada</t>
  </si>
  <si>
    <t>Chack Sada</t>
  </si>
  <si>
    <t>Kalasky</t>
  </si>
  <si>
    <t>Zaima Farah</t>
  </si>
  <si>
    <t>URA - FEMALE</t>
  </si>
  <si>
    <t>Chak Sada</t>
  </si>
  <si>
    <t>Chak sada</t>
  </si>
  <si>
    <t>Sayddianwali</t>
  </si>
  <si>
    <t>GMPS CHAKORA</t>
  </si>
  <si>
    <t>KAKRALI-V-FEMALE</t>
  </si>
  <si>
    <t>Chakora</t>
  </si>
  <si>
    <t>Chakora po Bhota Teh kharian</t>
  </si>
  <si>
    <t>Bhurch</t>
  </si>
  <si>
    <t>Rukhshanda Naheed</t>
  </si>
  <si>
    <t>Post office Dinga village Chakora teh Kharian distt Gujrat</t>
  </si>
  <si>
    <t>Tapyala</t>
  </si>
  <si>
    <t>Naila Riaz</t>
  </si>
  <si>
    <t>GMPS CHUR CHAK</t>
  </si>
  <si>
    <t>chour chak</t>
  </si>
  <si>
    <t>village chour chak</t>
  </si>
  <si>
    <t>machrala</t>
  </si>
  <si>
    <t>saima Tabassum</t>
  </si>
  <si>
    <t>Chuhar Chak</t>
  </si>
  <si>
    <t>village chuhar Chak</t>
  </si>
  <si>
    <t>Ballagan</t>
  </si>
  <si>
    <t>Farhat Bano</t>
  </si>
  <si>
    <t>GMPS DARKHAN WALA</t>
  </si>
  <si>
    <t>Ganwain</t>
  </si>
  <si>
    <t>Basti Darkhan wala Mouza Ganwain</t>
  </si>
  <si>
    <t>DARKHAN WALA</t>
  </si>
  <si>
    <t>Mouza GANWAIN</t>
  </si>
  <si>
    <t>Abdul Latif</t>
  </si>
  <si>
    <t>Aloor Wala</t>
  </si>
  <si>
    <t>Basti Aloor Wala, P/O Qadir Pur Rawan</t>
  </si>
  <si>
    <t>Basti Aloor Wala</t>
  </si>
  <si>
    <t>Qadir Pur Ran Sharqi</t>
  </si>
  <si>
    <t>Fouzia Bano</t>
  </si>
  <si>
    <t>GMPS DHAPAI</t>
  </si>
  <si>
    <t>EMINABAD - FEMALE</t>
  </si>
  <si>
    <t>dhapai</t>
  </si>
  <si>
    <t>post office dhapai eminabad tehsil kamoki grw</t>
  </si>
  <si>
    <t>kotli nawab</t>
  </si>
  <si>
    <t>Asima Aslam</t>
  </si>
  <si>
    <t>GHALLIAN - FEMALE</t>
  </si>
  <si>
    <t>Kotli Loharan</t>
  </si>
  <si>
    <t>Dhapai village kotli loharan sialkot.</t>
  </si>
  <si>
    <t>Kharota Syedan</t>
  </si>
  <si>
    <t>GMPS DHARIWAL</t>
  </si>
  <si>
    <t>KOT ISHAQ â€“ FEMALE</t>
  </si>
  <si>
    <t>Dhariwal</t>
  </si>
  <si>
    <t>Kot Ishaq</t>
  </si>
  <si>
    <t>Naz Fatima</t>
  </si>
  <si>
    <t>TANDA II - FEMALE</t>
  </si>
  <si>
    <t>village Dhariwal post office bhagowal kalan tehsil district Gujrat</t>
  </si>
  <si>
    <t>Kassoki</t>
  </si>
  <si>
    <t>Asma Kanwal</t>
  </si>
  <si>
    <t>GMPS DHOK GUJRAN</t>
  </si>
  <si>
    <t>Dhok Gujran</t>
  </si>
  <si>
    <t>Dhok Gujran Tehsil Sohawa District Jhelum</t>
  </si>
  <si>
    <t>Nadia Nazir</t>
  </si>
  <si>
    <t>from near house</t>
  </si>
  <si>
    <t>GMPS DILAWAR</t>
  </si>
  <si>
    <t>Dilawar</t>
  </si>
  <si>
    <t>Moza Dilawar Dak khana Farooka</t>
  </si>
  <si>
    <t>Kot Mosa Khan</t>
  </si>
  <si>
    <t>GMPS Dilawar</t>
  </si>
  <si>
    <t>Rashida Rahim</t>
  </si>
  <si>
    <t>GMPS FAROOQ ABAD</t>
  </si>
  <si>
    <t>Lal Bhatti</t>
  </si>
  <si>
    <t>basti cheema wali moza Lal Bhatti post office Qaimpur</t>
  </si>
  <si>
    <t>Basti Cheema Wali</t>
  </si>
  <si>
    <t>Sheikh Wahan</t>
  </si>
  <si>
    <t>Rukhsana Tabassum</t>
  </si>
  <si>
    <t>LUDDAY WALA - FEMALE</t>
  </si>
  <si>
    <t>Lak</t>
  </si>
  <si>
    <t>farooqabad p/o lak</t>
  </si>
  <si>
    <t>GMPS FATEH GARH</t>
  </si>
  <si>
    <t>BEGOWALA - FEMALE</t>
  </si>
  <si>
    <t>Fateh Garh</t>
  </si>
  <si>
    <t>Fateh Garh teh:Sambrial dist Sialkot</t>
  </si>
  <si>
    <t>Begowala</t>
  </si>
  <si>
    <t>Beenish Wazir</t>
  </si>
  <si>
    <t>Khadim Hussain</t>
  </si>
  <si>
    <t>GMPS FATEH PUR</t>
  </si>
  <si>
    <t>fateh pur Chatha p/o Ali pur Chatha district Gujranwala tehsil wazirabad</t>
  </si>
  <si>
    <t>Rashida Naz</t>
  </si>
  <si>
    <t>ALHAR - FEMALE</t>
  </si>
  <si>
    <t>same</t>
  </si>
  <si>
    <t>SAMINA RAUF</t>
  </si>
  <si>
    <t>fateh pur</t>
  </si>
  <si>
    <t>kohali</t>
  </si>
  <si>
    <t>Sadia Mushtaq</t>
  </si>
  <si>
    <t>GMPS FAZAL ABAD</t>
  </si>
  <si>
    <t>Takht Mehal</t>
  </si>
  <si>
    <t>Basti Fazal Abad</t>
  </si>
  <si>
    <t>Farhat Jabeen</t>
  </si>
  <si>
    <t>GMPS fazalabad Markaz gadiala teh. Sambrial distt:Sailkot</t>
  </si>
  <si>
    <t>UZMA KHALIL</t>
  </si>
  <si>
    <t>GMPS GANGAL</t>
  </si>
  <si>
    <t>Gangal</t>
  </si>
  <si>
    <t>village Gangal p o Nakrali rwp</t>
  </si>
  <si>
    <t>Trahiya</t>
  </si>
  <si>
    <t>bore with electric motor</t>
  </si>
  <si>
    <t>CHOUNTRA-FEMALE</t>
  </si>
  <si>
    <t>village gangal p.o tatral</t>
  </si>
  <si>
    <t>Mehnaz Begum</t>
  </si>
  <si>
    <t>gangal p/o mehrajkay Tensil  pusrur sialkot</t>
  </si>
  <si>
    <t>Sidra Mushtaq</t>
  </si>
  <si>
    <t>GMPS GIDH PUR</t>
  </si>
  <si>
    <t>KACHI MAND - FEMALE</t>
  </si>
  <si>
    <t>Gidh Pur</t>
  </si>
  <si>
    <t>village gidh pur p\ o phuklian</t>
  </si>
  <si>
    <t>Phuklian</t>
  </si>
  <si>
    <t>Shagufta Nasreen</t>
  </si>
  <si>
    <t>Gidhpur</t>
  </si>
  <si>
    <t>gidhpur P.O.Box Bakhyan wala Daska sialkot</t>
  </si>
  <si>
    <t>Al0 Mahar</t>
  </si>
  <si>
    <t>Khalida Gulam Rasool</t>
  </si>
  <si>
    <t>GMPS GILLAN WALA</t>
  </si>
  <si>
    <t>Gillanwala</t>
  </si>
  <si>
    <t>village  gillanwala tehsil pasrur  distt sialkot  post office gadgore</t>
  </si>
  <si>
    <t>Gadgore</t>
  </si>
  <si>
    <t>Saba Younus</t>
  </si>
  <si>
    <t>GMPS GOPI PUR</t>
  </si>
  <si>
    <t>GopiPur</t>
  </si>
  <si>
    <t>Sallhokey</t>
  </si>
  <si>
    <t>Abida Nasreen</t>
  </si>
  <si>
    <t>Gopi Pur</t>
  </si>
  <si>
    <t>GMPS Gopi pur</t>
  </si>
  <si>
    <t>Sehjo Kala</t>
  </si>
  <si>
    <t>Akhtar Bano</t>
  </si>
  <si>
    <t>GMPS GORALI</t>
  </si>
  <si>
    <t>WAZIRABAD CITY 4 - FEMALE</t>
  </si>
  <si>
    <t>Gorali</t>
  </si>
  <si>
    <t>vill. Gurali p/o Kathore Teh. Wazirabad Distt. Gujranwala</t>
  </si>
  <si>
    <t>Vill Gorali</t>
  </si>
  <si>
    <t>Mansurwali</t>
  </si>
  <si>
    <t>Muniba Samreen</t>
  </si>
  <si>
    <t>Village gorali tehsil kamoki district gujranwala</t>
  </si>
  <si>
    <t>Sohawa Dehilwan</t>
  </si>
  <si>
    <t>Munawar Sultana</t>
  </si>
  <si>
    <t>GMPS HAFIZ ABAD</t>
  </si>
  <si>
    <t>FEMALE-19</t>
  </si>
  <si>
    <t>Soda</t>
  </si>
  <si>
    <t>hafizabad tehsil chishtian</t>
  </si>
  <si>
    <t>Sidra Arshad</t>
  </si>
  <si>
    <t>hafizabad,tehsil bhera district sargodha</t>
  </si>
  <si>
    <t>Jhammat Ranjiawala</t>
  </si>
  <si>
    <t>Muhammad Bashir</t>
  </si>
  <si>
    <t>GMPS HARAR</t>
  </si>
  <si>
    <t>KARIANWALA III - FEMALE</t>
  </si>
  <si>
    <t>Harar</t>
  </si>
  <si>
    <t>village harar p/ o karianwala Tehsile gujrat</t>
  </si>
  <si>
    <t>Hazara Mughlan</t>
  </si>
  <si>
    <t>KAMOKE CITY 1 - FEMALE</t>
  </si>
  <si>
    <t>village harar post office kamonke</t>
  </si>
  <si>
    <t>Nandpur</t>
  </si>
  <si>
    <t>shazia shaheen</t>
  </si>
  <si>
    <t>GMPS HAYAT PUR</t>
  </si>
  <si>
    <t>KHANPUR - FEMALE</t>
  </si>
  <si>
    <t>HAYAT PUR</t>
  </si>
  <si>
    <t>P/O: Jhawarian, Tehsil: Shah Pur, Distt: Sargodha</t>
  </si>
  <si>
    <t>KALRA</t>
  </si>
  <si>
    <t>Hayatpur</t>
  </si>
  <si>
    <t>gmpshayatpur tehsil kot momin district sargodha</t>
  </si>
  <si>
    <t>Lakseen</t>
  </si>
  <si>
    <t>Muhammad Sheraz Amjad</t>
  </si>
  <si>
    <t>GMPS HAYAT WALA</t>
  </si>
  <si>
    <t>Abba Khel</t>
  </si>
  <si>
    <t>P/O Hayat Wala</t>
  </si>
  <si>
    <t>Zaitoon Akhtar</t>
  </si>
  <si>
    <t>Hayatwala</t>
  </si>
  <si>
    <t>hayatwala Teh sahiwal District Sargodha</t>
  </si>
  <si>
    <t>Bhochra Kohna</t>
  </si>
  <si>
    <t>Muhammad Bakhsh</t>
  </si>
  <si>
    <t>GMPS HUSSAIN PUR</t>
  </si>
  <si>
    <t>RANDHIR - FEMALE</t>
  </si>
  <si>
    <t>Hussain PUR</t>
  </si>
  <si>
    <t>village  Hussain Pur P.O. begowala teh sambrial distt sialkot</t>
  </si>
  <si>
    <t>Syeda Nafeesa Shabbir</t>
  </si>
  <si>
    <t>Rajoya Sadat</t>
  </si>
  <si>
    <t>Hussain pur rajoya Sadat chiniot</t>
  </si>
  <si>
    <t>Rajoya</t>
  </si>
  <si>
    <t>GMPS JARA</t>
  </si>
  <si>
    <t>Jara</t>
  </si>
  <si>
    <t>gmps Jara  post office Rupper Kalan Rwp</t>
  </si>
  <si>
    <t>Sadia Ajaib</t>
  </si>
  <si>
    <t>CHOHAL - FEMALE</t>
  </si>
  <si>
    <t>Dera Jara</t>
  </si>
  <si>
    <t>jara post office dera jara tehsil sahiwal district sargodha</t>
  </si>
  <si>
    <t>Tanzila Hayat</t>
  </si>
  <si>
    <t>GMPS KAKAY WALI</t>
  </si>
  <si>
    <t>Kakeywali</t>
  </si>
  <si>
    <t>V.Kakeywali Sambrial</t>
  </si>
  <si>
    <t>MalkhanWala</t>
  </si>
  <si>
    <t>Ghazala Akhtar</t>
  </si>
  <si>
    <t>CORPROTION - FEMALE</t>
  </si>
  <si>
    <t>Kakewali</t>
  </si>
  <si>
    <t>Village kakewali PO Cantt Teh &amp; Dist Sialkot</t>
  </si>
  <si>
    <t>Talwara Mughlan</t>
  </si>
  <si>
    <t>Muhammad Arshad Bhatti</t>
  </si>
  <si>
    <t>GMPS KALAS</t>
  </si>
  <si>
    <t>RAMAN -FEMALE</t>
  </si>
  <si>
    <t>vill kalas P/O sayyed</t>
  </si>
  <si>
    <t>Sayyed</t>
  </si>
  <si>
    <t>Saima Noreen</t>
  </si>
  <si>
    <t>KAKRALI-IV-FEMALE</t>
  </si>
  <si>
    <t>village kalas P/O  Nagrian district gujrat tehsil kharian</t>
  </si>
  <si>
    <t>GMPS KARPAL PUR</t>
  </si>
  <si>
    <t>QADIR PUR RAN - FEMALE</t>
  </si>
  <si>
    <t>Kirpal Pur</t>
  </si>
  <si>
    <t>Ghulam Abbas</t>
  </si>
  <si>
    <t>ADAM KAY NAGRA - FEMALE</t>
  </si>
  <si>
    <t>Karpalpur</t>
  </si>
  <si>
    <t>Banbajwa</t>
  </si>
  <si>
    <t>Afshan Naheed</t>
  </si>
  <si>
    <t>GMPS KATTOWAL</t>
  </si>
  <si>
    <t>Kattowal</t>
  </si>
  <si>
    <t>Village kattowal teh malakwal district Mahdi bhauddin</t>
  </si>
  <si>
    <t>Haria</t>
  </si>
  <si>
    <t>Allah Ditta</t>
  </si>
  <si>
    <t>KUTHIALA SHEIKHAN -III- FEMALE</t>
  </si>
  <si>
    <t>Village kattowal P/O Rattowal tehsil&amp; disst M.B.Din</t>
  </si>
  <si>
    <t>Makkeywal</t>
  </si>
  <si>
    <t>Farzana Kousar</t>
  </si>
  <si>
    <t>GMPS KHALID ABAD</t>
  </si>
  <si>
    <t>GUJRAT EAST - MALE</t>
  </si>
  <si>
    <t>khalid abad</t>
  </si>
  <si>
    <t>khalid abad gujrat</t>
  </si>
  <si>
    <t>Sardar Pura</t>
  </si>
  <si>
    <t>Abdul Majid</t>
  </si>
  <si>
    <t>koriyana</t>
  </si>
  <si>
    <t>khalida abad jhang</t>
  </si>
  <si>
    <t>khalidabad</t>
  </si>
  <si>
    <t>sheikh chohar</t>
  </si>
  <si>
    <t>GMPS KINGAR WALI</t>
  </si>
  <si>
    <t>TATLY AALI 1 - FEMALE</t>
  </si>
  <si>
    <t>Kingerwali</t>
  </si>
  <si>
    <t>kingerwali p.o box ghumanwala teh noshehra virkan distt Gujranwala</t>
  </si>
  <si>
    <t>Ghumanwala</t>
  </si>
  <si>
    <t>Saiqa dilawar</t>
  </si>
  <si>
    <t>Kinger Wali</t>
  </si>
  <si>
    <t>post office qiam pur ,village kinger wali tehsil kamoke district grw</t>
  </si>
  <si>
    <t>Akbar Ghanoke</t>
  </si>
  <si>
    <t>Waris Ali</t>
  </si>
  <si>
    <t>GMPS KOLAR</t>
  </si>
  <si>
    <t>AKRRIAN WALA- FEMALE</t>
  </si>
  <si>
    <t>Kolar</t>
  </si>
  <si>
    <t>mouza kolar tehanddistt,jhang</t>
  </si>
  <si>
    <t>Dhori Wala</t>
  </si>
  <si>
    <t>Mushtaq Ahmad</t>
  </si>
  <si>
    <t>village kolar tehsil wazirabad distt gujranwala</t>
  </si>
  <si>
    <t>Manzoraabad</t>
  </si>
  <si>
    <t>Rubina Akhtar</t>
  </si>
  <si>
    <t>GMPS KOT NATHU</t>
  </si>
  <si>
    <t>Kot Nathu</t>
  </si>
  <si>
    <t>kot nathu p/o sohdhra tahsil wzd</t>
  </si>
  <si>
    <t>Shazia Arif</t>
  </si>
  <si>
    <t>kotnathu</t>
  </si>
  <si>
    <t>Kotnathu</t>
  </si>
  <si>
    <t>Jasoki</t>
  </si>
  <si>
    <t>Gulshan Naveed</t>
  </si>
  <si>
    <t>GMPS LALU WALA</t>
  </si>
  <si>
    <t>Kot Jano</t>
  </si>
  <si>
    <t>Rubina Adulmajeed</t>
  </si>
  <si>
    <t>GMPS LIAQAT ABAD</t>
  </si>
  <si>
    <t>HAJI PUR - FEMALE</t>
  </si>
  <si>
    <t>liaqat abad</t>
  </si>
  <si>
    <t>Liaqat Abad</t>
  </si>
  <si>
    <t>Ayesha Fareed</t>
  </si>
  <si>
    <t>PURANA BHALWAL - FEMALE</t>
  </si>
  <si>
    <t>liaqat abad bhalwal</t>
  </si>
  <si>
    <t>Purana Bhalwal</t>
  </si>
  <si>
    <t>RUKHSANA KOUSAR</t>
  </si>
  <si>
    <t>GMPS MUHAMMAD PURA</t>
  </si>
  <si>
    <t>muhammad pura</t>
  </si>
  <si>
    <t>Abidabad</t>
  </si>
  <si>
    <t>Hanifa Latif</t>
  </si>
  <si>
    <t>GMPS NAWAN PIND</t>
  </si>
  <si>
    <t>GMPS Nawan pind post office Nizamabad wazirabad</t>
  </si>
  <si>
    <t>RIZWANA KOUSER</t>
  </si>
  <si>
    <t>Pipnakha</t>
  </si>
  <si>
    <t>Farzana Aziz</t>
  </si>
  <si>
    <t>GMPS NOOR PUR</t>
  </si>
  <si>
    <t>Matti Tal</t>
  </si>
  <si>
    <t>Basti Noor Pur Matti tal Multan</t>
  </si>
  <si>
    <t>Razia Parveen</t>
  </si>
  <si>
    <t>PHARIAN WALI -I- FEMALE</t>
  </si>
  <si>
    <t>post office pahrianwali village noor pur the phalia dist  m.b.din</t>
  </si>
  <si>
    <t>Pahrianwali</t>
  </si>
  <si>
    <t>Nasir Masood</t>
  </si>
  <si>
    <t>village noorpur p.o.box naka khurd teh &amp; distt jhelum</t>
  </si>
  <si>
    <t>Naka Khurd</t>
  </si>
  <si>
    <t>Sana Manzoor</t>
  </si>
  <si>
    <t>GMPS QADIR ABAD</t>
  </si>
  <si>
    <t>Qadir Abad</t>
  </si>
  <si>
    <t>g.m.p.s qadir abad ratta tibba</t>
  </si>
  <si>
    <t>Qadir Wah</t>
  </si>
  <si>
    <t>Farzana Kausar</t>
  </si>
  <si>
    <t>Kotlikhudai</t>
  </si>
  <si>
    <t>basti mashori</t>
  </si>
  <si>
    <t>Bastimashori</t>
  </si>
  <si>
    <t>Sahanwala</t>
  </si>
  <si>
    <t>Farhat Aslam</t>
  </si>
  <si>
    <t>Qadirabad</t>
  </si>
  <si>
    <t>village qadirabad p/o chobara Tehsil pasrur district sialkot</t>
  </si>
  <si>
    <t>Dhulamkahlwan</t>
  </si>
  <si>
    <t>Sehrish Nawaz</t>
  </si>
  <si>
    <t>GMPS QADIR PUR</t>
  </si>
  <si>
    <t>QADIR PUR - FEMALE</t>
  </si>
  <si>
    <t>Qadir Pur Bhakhsha</t>
  </si>
  <si>
    <t>Ubaida Iram</t>
  </si>
  <si>
    <t>Sakaser Bar</t>
  </si>
  <si>
    <t>Robina Saeed</t>
  </si>
  <si>
    <t>GMPS RAI PUR</t>
  </si>
  <si>
    <t>JAJIAL - FEMALE</t>
  </si>
  <si>
    <t>Rai Pur</t>
  </si>
  <si>
    <t>vill rai pur p/O  padhri</t>
  </si>
  <si>
    <t>Jijial</t>
  </si>
  <si>
    <t>Shamsa Kanwal</t>
  </si>
  <si>
    <t>Raipur</t>
  </si>
  <si>
    <t>village Rai Pur p/o Uggoki tehsil &amp; distt sialkot</t>
  </si>
  <si>
    <t>Moman kalan</t>
  </si>
  <si>
    <t>Robina Sadia</t>
  </si>
  <si>
    <t>GMPS RASOOL ABAD</t>
  </si>
  <si>
    <t>Kalu Wala</t>
  </si>
  <si>
    <t>GMPS Rasoolabd gojira road jhang</t>
  </si>
  <si>
    <t>Chak Ghumnana</t>
  </si>
  <si>
    <t>Mohammad Azam</t>
  </si>
  <si>
    <t>Ghumnana</t>
  </si>
  <si>
    <t>basti rasoolabad madoki road</t>
  </si>
  <si>
    <t>Razia Bagum</t>
  </si>
  <si>
    <t>GMPS RUKAN ABAD</t>
  </si>
  <si>
    <t>BILLI WALA - FEMALE</t>
  </si>
  <si>
    <t>Rukan Abad</t>
  </si>
  <si>
    <t>Govt Model primary school Rukan abad</t>
  </si>
  <si>
    <t>Lar</t>
  </si>
  <si>
    <t>GMPS Rukan Abad</t>
  </si>
  <si>
    <t>Adam Kay Nagra</t>
  </si>
  <si>
    <t>Rukhsana Kausar</t>
  </si>
  <si>
    <t>GMPS SADAN WALI</t>
  </si>
  <si>
    <t>ALI PUR CHATHA 2 - FEMALE</t>
  </si>
  <si>
    <t>Sadhanwali</t>
  </si>
  <si>
    <t>sadhanwali p/o Ali Pur Chatha Teh.wazirabad Dist.Gujranwala</t>
  </si>
  <si>
    <t>Sayed Nagar</t>
  </si>
  <si>
    <t>Wakila Hanif</t>
  </si>
  <si>
    <t>Sadhan Wali</t>
  </si>
  <si>
    <t>GMPS  sadhan wali teh wazirabad distt Gujranwala</t>
  </si>
  <si>
    <t>Joura Sian</t>
  </si>
  <si>
    <t>Amarah Bibi</t>
  </si>
  <si>
    <t>GMPS SAGHRAY WALA</t>
  </si>
  <si>
    <t>Saghraywala</t>
  </si>
  <si>
    <t>Saghraywala Post Office Chak miana Tehsil Kotmomin District Sargodha</t>
  </si>
  <si>
    <t>Ghari Kala</t>
  </si>
  <si>
    <t>Sadia Batool</t>
  </si>
  <si>
    <t>Saghray Wala</t>
  </si>
  <si>
    <t>GMPS Saghrey wala</t>
  </si>
  <si>
    <t>Kanwayn Wala</t>
  </si>
  <si>
    <t>GMPS SHAH HUSSAIN</t>
  </si>
  <si>
    <t>Koriana</t>
  </si>
  <si>
    <t>basti shah Hussain</t>
  </si>
  <si>
    <t>Shah Hussain</t>
  </si>
  <si>
    <t>Sheikh Chohar</t>
  </si>
  <si>
    <t>Tanveer Zahra</t>
  </si>
  <si>
    <t>village shah hussain teh pasrur dist sialkot</t>
  </si>
  <si>
    <t>Sumera Riasat</t>
  </si>
  <si>
    <t>BeerBaran</t>
  </si>
  <si>
    <t>shah hussain Teh Bhera Disst sargodha</t>
  </si>
  <si>
    <t>Shsh Hussain</t>
  </si>
  <si>
    <t>Rakhcharagah</t>
  </si>
  <si>
    <t>Muhammad Anwar</t>
  </si>
  <si>
    <t>GMPS SHAH PUR</t>
  </si>
  <si>
    <t>DAULAT NAGAR-III-FEMALE</t>
  </si>
  <si>
    <t>GMPS Shahpur</t>
  </si>
  <si>
    <t>Tamseela Parveen</t>
  </si>
  <si>
    <t>RATALI VIRKAN  - FEMALE</t>
  </si>
  <si>
    <t>tehsil nshra virkan shahpur</t>
  </si>
  <si>
    <t>Majuchk</t>
  </si>
  <si>
    <t>Yasmeen Akram</t>
  </si>
  <si>
    <t>TIBBA SHA BEHLOL - FEMALE</t>
  </si>
  <si>
    <t>Thathi Behlol Pur</t>
  </si>
  <si>
    <t>Abida</t>
  </si>
  <si>
    <t>Village Shah Pur Post Office Pul Bajwan Area Bajwat Sialkot</t>
  </si>
  <si>
    <t>Shah Pura</t>
  </si>
  <si>
    <t>village shahpura. post office bucheki.</t>
  </si>
  <si>
    <t>Lurka</t>
  </si>
  <si>
    <t>Uzma Jabeen</t>
  </si>
  <si>
    <t>GMPS SHEIKHAN WALA</t>
  </si>
  <si>
    <t>HAFIZ ABAD - FEMALE</t>
  </si>
  <si>
    <t>Chak Mubarak</t>
  </si>
  <si>
    <t>gmps sheikhanwala</t>
  </si>
  <si>
    <t>Gmps sheikhanwala</t>
  </si>
  <si>
    <t>Chawa</t>
  </si>
  <si>
    <t>Sana Iqbal</t>
  </si>
  <si>
    <t>GmPS SHEIKHAN WALA</t>
  </si>
  <si>
    <t>Jhammat</t>
  </si>
  <si>
    <t>chak shiekhan wala tehsil shahpur district sargodha</t>
  </si>
  <si>
    <t>Sheikhanwala</t>
  </si>
  <si>
    <t>Saleem Abad</t>
  </si>
  <si>
    <t>Ghulam Murtaza</t>
  </si>
  <si>
    <t>GMPS SULTAN PUR</t>
  </si>
  <si>
    <t>KOT MOMIN EAST-II - FEMALE</t>
  </si>
  <si>
    <t>Sultanpurmela</t>
  </si>
  <si>
    <t>sultampurmela teh kotmomin dist sargodha</t>
  </si>
  <si>
    <t>Sultanpurmala</t>
  </si>
  <si>
    <t>Mela</t>
  </si>
  <si>
    <t>Nuzhat Sultana</t>
  </si>
  <si>
    <t>TARANDA SAWAY KHAN - FEMALE</t>
  </si>
  <si>
    <t>basti Sultan pur</t>
  </si>
  <si>
    <t>Ameen Garh</t>
  </si>
  <si>
    <t>Asifa Akhter</t>
  </si>
  <si>
    <t>GMPS TAHIR ABAD</t>
  </si>
  <si>
    <t>RAJANPUR (N) - FEMALE</t>
  </si>
  <si>
    <t>RAJANPUR SHARQI</t>
  </si>
  <si>
    <t>CHOWK ALLAH ABAD AQILPUR ROAD RAJANPUR</t>
  </si>
  <si>
    <t>NO</t>
  </si>
  <si>
    <t>Fatima Zahra</t>
  </si>
  <si>
    <t>MUKHIANA - FEMALE</t>
  </si>
  <si>
    <t>Chak Koriana Shumali</t>
  </si>
  <si>
    <t>Gmps tahirabad chak koriana shumali tehsil ,&amp;district jhang</t>
  </si>
  <si>
    <t>Tahir Abad</t>
  </si>
  <si>
    <t>Asyia Iqbal</t>
  </si>
  <si>
    <t>GMPS WARYAM</t>
  </si>
  <si>
    <t>BASSALI - FEMALE</t>
  </si>
  <si>
    <t>Waryama</t>
  </si>
  <si>
    <t>waryama p/o waryama  Rawalpindi</t>
  </si>
  <si>
    <t>Banda</t>
  </si>
  <si>
    <t>Ismat Jabeen</t>
  </si>
  <si>
    <t>BHEROWAL - FEMALE</t>
  </si>
  <si>
    <t>Waryam</t>
  </si>
  <si>
    <t>Gmps waryam</t>
  </si>
  <si>
    <t>Bherowal</t>
  </si>
  <si>
    <t>Suraiya Begum</t>
  </si>
  <si>
    <t>GMPS ZAFAR ABAD</t>
  </si>
  <si>
    <t>BUKHTIARI - FEMALE</t>
  </si>
  <si>
    <t>Bala Jhulan</t>
  </si>
  <si>
    <t>basti sadat mouza bala jhulan</t>
  </si>
  <si>
    <t>Sadiq Abad</t>
  </si>
  <si>
    <t>sumaira iqbal</t>
  </si>
  <si>
    <t>Zafarabad</t>
  </si>
  <si>
    <t>zafarabad tahsile nowshera virkan District Gujranwala</t>
  </si>
  <si>
    <t>Saima Azam</t>
  </si>
  <si>
    <t>GPS 42/10-R, KHANEWAL</t>
  </si>
  <si>
    <t>KACHA KHUH - MALE</t>
  </si>
  <si>
    <t>4210r J C</t>
  </si>
  <si>
    <t>chak no.42\10r j c khanewal</t>
  </si>
  <si>
    <t>4210r</t>
  </si>
  <si>
    <t>41/10r</t>
  </si>
  <si>
    <t>Muhammad Tariq</t>
  </si>
  <si>
    <t>42/10-R T&amp;D KHANEWAL</t>
  </si>
  <si>
    <t>chak no 42/10-R</t>
  </si>
  <si>
    <t>41/10-R</t>
  </si>
  <si>
    <t>Mohammad Ashraf</t>
  </si>
  <si>
    <t>GPS 5-MARLA SCHEME</t>
  </si>
  <si>
    <t>RODU SULTAN - MALE</t>
  </si>
  <si>
    <t>Jaboana</t>
  </si>
  <si>
    <t>Chak  marla scheme jaboana</t>
  </si>
  <si>
    <t>Chak 5marla Scheme Jaboana</t>
  </si>
  <si>
    <t>Muhammad Zakria Khan</t>
  </si>
  <si>
    <t>SHEIKH WAHAN - MALE</t>
  </si>
  <si>
    <t>Syed Imam Shah</t>
  </si>
  <si>
    <t>Chack Saleem Abad KPT  BWP</t>
  </si>
  <si>
    <t>Chack Saleem Abad</t>
  </si>
  <si>
    <t>GPS 71 WB</t>
  </si>
  <si>
    <t>SARGANA  - MALE</t>
  </si>
  <si>
    <t>71/wb</t>
  </si>
  <si>
    <t>chak no 71/wb</t>
  </si>
  <si>
    <t>Arzoo Fida</t>
  </si>
  <si>
    <t>Muhammad Khurshid</t>
  </si>
  <si>
    <t>GPS AALI WAHAN</t>
  </si>
  <si>
    <t>MANDHAL- MALE</t>
  </si>
  <si>
    <t>Aaliwahan</t>
  </si>
  <si>
    <t>basti talwala moza aaliwahan,teh ape</t>
  </si>
  <si>
    <t>Talwala</t>
  </si>
  <si>
    <t>Hafiz Muhammad Arbi Janbaz</t>
  </si>
  <si>
    <t>aaliwahan p/o hatheji</t>
  </si>
  <si>
    <t>Hafiz Muhammad Jamil</t>
  </si>
  <si>
    <t>GPS ABBAS NAGAR</t>
  </si>
  <si>
    <t>172/TDA MALE</t>
  </si>
  <si>
    <t>Bahader Gamoo Sehool</t>
  </si>
  <si>
    <t>Basti Nohan Bahader Gamoo Sehool Chak No 172TDA</t>
  </si>
  <si>
    <t>Nohan</t>
  </si>
  <si>
    <t>172/TDA</t>
  </si>
  <si>
    <t>Hafiz Muhammad Zubair</t>
  </si>
  <si>
    <t>EMINABAD - MALE</t>
  </si>
  <si>
    <t>Village Abbas nagar tensile and disst gujranwala</t>
  </si>
  <si>
    <t>Adhoray</t>
  </si>
  <si>
    <t>BWN-XIV-MALE</t>
  </si>
  <si>
    <t>Sadiq Nagar</t>
  </si>
  <si>
    <t>Abbas Nagar BWN</t>
  </si>
  <si>
    <t>Shoaib Ur Rehman</t>
  </si>
  <si>
    <t>SHAHDRA - MALE</t>
  </si>
  <si>
    <t>Abbas Nagar shahdara Lahore</t>
  </si>
  <si>
    <t>Qaiser Town</t>
  </si>
  <si>
    <t>Ijaz Ahmad</t>
  </si>
  <si>
    <t>DOKOTA - MALE</t>
  </si>
  <si>
    <t>chak no 205/wb</t>
  </si>
  <si>
    <t>basti abas nagar tehsil mailsi district vehari</t>
  </si>
  <si>
    <t>Abas Nagar</t>
  </si>
  <si>
    <t>151/wb</t>
  </si>
  <si>
    <t>Zahid Iqbal</t>
  </si>
  <si>
    <t>GPS ABBAS PUR</t>
  </si>
  <si>
    <t>KOT SHAKIR - MALE</t>
  </si>
  <si>
    <t>Abbas pur moza sangra</t>
  </si>
  <si>
    <t>Thal Janobi</t>
  </si>
  <si>
    <t>Ammad Aslam Alyana</t>
  </si>
  <si>
    <t>PERMIT - MALE</t>
  </si>
  <si>
    <t>Basti Khoyan moza sumra</t>
  </si>
  <si>
    <t>Basti Khoyan</t>
  </si>
  <si>
    <t>sumra</t>
  </si>
  <si>
    <t>Zahoor Ahmad</t>
  </si>
  <si>
    <t>GPS ADAM WALA</t>
  </si>
  <si>
    <t>BASTI MALANA MALE</t>
  </si>
  <si>
    <t>basti malana</t>
  </si>
  <si>
    <t>adam wala. basti malana</t>
  </si>
  <si>
    <t>adam wala</t>
  </si>
  <si>
    <t>bast malana</t>
  </si>
  <si>
    <t>SHAH GARH- MALE</t>
  </si>
  <si>
    <t>Nohenwali</t>
  </si>
  <si>
    <t>GPS Adam wala</t>
  </si>
  <si>
    <t>Adamwala</t>
  </si>
  <si>
    <t>Muhammad Ismail</t>
  </si>
  <si>
    <t>GPS AFZAL ABAD</t>
  </si>
  <si>
    <t>AASNI - MALE</t>
  </si>
  <si>
    <t>Bhag</t>
  </si>
  <si>
    <t>GPS  Afzalabad Janobi</t>
  </si>
  <si>
    <t>Dheghan</t>
  </si>
  <si>
    <t>Mumtaz Hussain Akbar Baloch</t>
  </si>
  <si>
    <t>DAIRA DIN PANNAH-II- MALE</t>
  </si>
  <si>
    <t>Daira Din Panah Mustaqil</t>
  </si>
  <si>
    <t>chah nirali wala daira din panah</t>
  </si>
  <si>
    <t>MC Daira din Pannah</t>
  </si>
  <si>
    <t>ghulam abbas</t>
  </si>
  <si>
    <t>ROJHAN - MALE</t>
  </si>
  <si>
    <t>Wah Machak</t>
  </si>
  <si>
    <t>basti wali Muhammad khan dolani rojhan</t>
  </si>
  <si>
    <t>Basti Wali Muhammad Khan</t>
  </si>
  <si>
    <t>Kan Khas</t>
  </si>
  <si>
    <t>Mehboob Ahmed</t>
  </si>
  <si>
    <t>GPS AHMAD ABAD</t>
  </si>
  <si>
    <t>MALIKWAL -II- MALE</t>
  </si>
  <si>
    <t>chak Ahmad Abad remount depo mona</t>
  </si>
  <si>
    <t>chak amad abad</t>
  </si>
  <si>
    <t>pind makko</t>
  </si>
  <si>
    <t>Mustansar Tassaddiq</t>
  </si>
  <si>
    <t>GPS AHMAD KHAN WALA</t>
  </si>
  <si>
    <t>WESANDAY WALI- MALE</t>
  </si>
  <si>
    <t>Ghazanarfar garh</t>
  </si>
  <si>
    <t>basti and moza Ghazanfar garh</t>
  </si>
  <si>
    <t>Muhammad Bilal</t>
  </si>
  <si>
    <t>Tibba Musqatil Sharqi</t>
  </si>
  <si>
    <t>Bakhir Wala p/o Daira Din Panah</t>
  </si>
  <si>
    <t>bakhir wala daira din panah</t>
  </si>
  <si>
    <t>tibba</t>
  </si>
  <si>
    <t>Abdul Majeed</t>
  </si>
  <si>
    <t>GPS AHMAD NAGAR</t>
  </si>
  <si>
    <t>gps ahmad nagar</t>
  </si>
  <si>
    <t>Rao Muhammad Aslam</t>
  </si>
  <si>
    <t>NALLA MOSANI - MALE</t>
  </si>
  <si>
    <t>Pakhiwar</t>
  </si>
  <si>
    <t>busti Ahmed nagar moza pakhiwar teh Liaqat pur</t>
  </si>
  <si>
    <t>Ahmed Nagar</t>
  </si>
  <si>
    <t>Ghooka</t>
  </si>
  <si>
    <t>Muhammad Rafiq Bhatti</t>
  </si>
  <si>
    <t>GPS AHMAD WALA</t>
  </si>
  <si>
    <t>G.M RAJA - MALE</t>
  </si>
  <si>
    <t>Doulloana Gharbi</t>
  </si>
  <si>
    <t>chah ahmad wala Moza doulloana</t>
  </si>
  <si>
    <t>IRSHAD HUSSAIN KHAN</t>
  </si>
  <si>
    <t>AEO (M) LALIAN NO.36</t>
  </si>
  <si>
    <t>AHMAD WALA TEHSIL LALIAN DISTRICT CHINIOT</t>
  </si>
  <si>
    <t>AHMADWALA</t>
  </si>
  <si>
    <t>Ahmad Ali</t>
  </si>
  <si>
    <t>REHAN WALA-MALE</t>
  </si>
  <si>
    <t>Ahmad Wala p/o mandi faizabad tehsile n district nankana sahib</t>
  </si>
  <si>
    <t>Jawaharpur</t>
  </si>
  <si>
    <t>Nisar Ahmad</t>
  </si>
  <si>
    <t>GPS AHMED ABAD</t>
  </si>
  <si>
    <t>MUZAFAR PUR-MALE</t>
  </si>
  <si>
    <t>SHADIA</t>
  </si>
  <si>
    <t>VLLAGE AHMED ABAD</t>
  </si>
  <si>
    <t>AHMED ABAD</t>
  </si>
  <si>
    <t>MUHAMMAD AMJAD MALIK</t>
  </si>
  <si>
    <t>SOUTH - MALE</t>
  </si>
  <si>
    <t>GPS Ahmad abad near chungi no 14</t>
  </si>
  <si>
    <t>Itifaq Pura</t>
  </si>
  <si>
    <t>Sajjad Hussain</t>
  </si>
  <si>
    <t>GPS AKAL GARH</t>
  </si>
  <si>
    <t>MCD-19-MALE</t>
  </si>
  <si>
    <t>Akal Garh</t>
  </si>
  <si>
    <t>mozah akal garh tehsil PO khas minchinabad</t>
  </si>
  <si>
    <t>Thori Wala</t>
  </si>
  <si>
    <t>Rohana</t>
  </si>
  <si>
    <t>Muhammad Shahzad</t>
  </si>
  <si>
    <t>TALWANDI BHINDRAN-MALE</t>
  </si>
  <si>
    <t>village Akal Garh p/o Baddomalhi dist. Narowal</t>
  </si>
  <si>
    <t>GPS AKBAR ABAD</t>
  </si>
  <si>
    <t>AEO (M) LALIAN NO.35</t>
  </si>
  <si>
    <t>Thathi Bala Raja</t>
  </si>
  <si>
    <t>Basti Akbar abad</t>
  </si>
  <si>
    <t>Pir Punja</t>
  </si>
  <si>
    <t>muhammad masood ul Hassan</t>
  </si>
  <si>
    <t>SHEIKHUPURA-IX - MALE</t>
  </si>
  <si>
    <t>Near Qaberstan kot Jugjeet sing MANANWALA</t>
  </si>
  <si>
    <t>kot Jugjeet singh</t>
  </si>
  <si>
    <t>carpal singh</t>
  </si>
  <si>
    <t>KHALID NAVEED</t>
  </si>
  <si>
    <t>GPS AKHTAR ABAD</t>
  </si>
  <si>
    <t>HAMAITIAN - MALE</t>
  </si>
  <si>
    <t>QADIR BUKHSH CHANNAR</t>
  </si>
  <si>
    <t>AKHTAR ABAD NEAR CIVIL HOSPITAL BAHAWALPUR</t>
  </si>
  <si>
    <t>AKHTAR ABAD</t>
  </si>
  <si>
    <t>CITY 5</t>
  </si>
  <si>
    <t>Altaf Hussain Chattha</t>
  </si>
  <si>
    <t>GPS ALI MUHAMMAD</t>
  </si>
  <si>
    <t>RONGHAN-I-MALE</t>
  </si>
  <si>
    <t>Patra</t>
  </si>
  <si>
    <t>Mouza Patra Roonghan</t>
  </si>
  <si>
    <t>Tuman Leghari Zareen</t>
  </si>
  <si>
    <t>Muhammad Sultan</t>
  </si>
  <si>
    <t>GPS ALI PUR</t>
  </si>
  <si>
    <t>BHABHRA - MALE</t>
  </si>
  <si>
    <t>Ali Pur,Bangla Jhol Pur,Tehsil Kotmomin Dist. Sargodha</t>
  </si>
  <si>
    <t>Wan Miana</t>
  </si>
  <si>
    <t>M Pervez Akhtar</t>
  </si>
  <si>
    <t>Ali Pur dakhle thirchak teh kallar kahar distt chakwal</t>
  </si>
  <si>
    <t>Thirchack</t>
  </si>
  <si>
    <t>Sakina Deepak</t>
  </si>
  <si>
    <t>DIAL -MALE</t>
  </si>
  <si>
    <t>vpo Alipur Teh Sohawa Distt Jhelum</t>
  </si>
  <si>
    <t>KOHALI</t>
  </si>
  <si>
    <t>MUHAMMAD ISHFAQ</t>
  </si>
  <si>
    <t>Moter</t>
  </si>
  <si>
    <t>GPS ALI WALA</t>
  </si>
  <si>
    <t>ALI RAJAN - MALE</t>
  </si>
  <si>
    <t>Sergani Thal</t>
  </si>
  <si>
    <t>GPS Ali Wala moza sergani tehsil karor distt layyah.</t>
  </si>
  <si>
    <t>Sergani Thal Aliwala Wala</t>
  </si>
  <si>
    <t>Ali Rajan</t>
  </si>
  <si>
    <t>Elahi Baksh</t>
  </si>
  <si>
    <t>Ali Wala</t>
  </si>
  <si>
    <t>basti ali wala</t>
  </si>
  <si>
    <t>Muhammad Amin</t>
  </si>
  <si>
    <t>GPS ALLAH ABAD</t>
  </si>
  <si>
    <t>DANA IBRAHIM-MALE</t>
  </si>
  <si>
    <t>Mouza Allah Abad, Tehsil and District Vehari</t>
  </si>
  <si>
    <t>Muhammad Rafiq Sajid</t>
  </si>
  <si>
    <t>WEGOWAL - MALE</t>
  </si>
  <si>
    <t>Mangowalkhurd</t>
  </si>
  <si>
    <t>Allahabad Shahpur Sargodha</t>
  </si>
  <si>
    <t>SADAR MALE</t>
  </si>
  <si>
    <t>Dera Garbi</t>
  </si>
  <si>
    <t>Alla a bad colony,  d. g. khan</t>
  </si>
  <si>
    <t>Dera gazi Khan</t>
  </si>
  <si>
    <t>Model Town</t>
  </si>
  <si>
    <t>Muhammad Ayoub</t>
  </si>
  <si>
    <t>DHALLOO-MALE</t>
  </si>
  <si>
    <t>basti Ellah Abad Mailsi Vehari</t>
  </si>
  <si>
    <t>Ellah Abad</t>
  </si>
  <si>
    <t>Alan Pur</t>
  </si>
  <si>
    <t>Muhammad Maqsood</t>
  </si>
  <si>
    <t>GPS ALLAH BAKHSH WALA</t>
  </si>
  <si>
    <t>Panah Khral Sharqi</t>
  </si>
  <si>
    <t>moza panah khral sharqi 172 TDA</t>
  </si>
  <si>
    <t>Karri Wala</t>
  </si>
  <si>
    <t>172 TDA</t>
  </si>
  <si>
    <t>Muhammad Irshad</t>
  </si>
  <si>
    <t>CHAK MUBARAK - MALE</t>
  </si>
  <si>
    <t>Allah Bakhsh wala</t>
  </si>
  <si>
    <t>Ansar Nazir</t>
  </si>
  <si>
    <t>GPS AMIN KOT</t>
  </si>
  <si>
    <t>MND-VIII-MALE</t>
  </si>
  <si>
    <t>Qaimpur jhangi</t>
  </si>
  <si>
    <t>Basti amin kot moza qaimpur jhangi</t>
  </si>
  <si>
    <t>Basti Amin kot</t>
  </si>
  <si>
    <t>Mohammad Azhar</t>
  </si>
  <si>
    <t>BASIR PUR - MALE</t>
  </si>
  <si>
    <t>ram pur</t>
  </si>
  <si>
    <t>amin kot basirpur</t>
  </si>
  <si>
    <t>amin kot</t>
  </si>
  <si>
    <t>kani pur</t>
  </si>
  <si>
    <t>Tayyab Ali</t>
  </si>
  <si>
    <t>GPS ARI KORA SHAH</t>
  </si>
  <si>
    <t>GHAZI GHAT-II- MALE</t>
  </si>
  <si>
    <t>Panwsr Janobi</t>
  </si>
  <si>
    <t>Basti Ari Koray Shah Moza Pawar Jaanobi</t>
  </si>
  <si>
    <t>Arii Koray Shah</t>
  </si>
  <si>
    <t>PANWAR JANOBI</t>
  </si>
  <si>
    <t>BASTI PEER WALA, MOZA PANWAR JANOBI,TEHSIL KOT ADDU, DISST MUZAFFARGARH</t>
  </si>
  <si>
    <t>PEER WALA</t>
  </si>
  <si>
    <t>SHAHID RAZA</t>
  </si>
  <si>
    <t>GPS ARSHAD ABAD</t>
  </si>
  <si>
    <t>NOOR WAH-MALE</t>
  </si>
  <si>
    <t>30p</t>
  </si>
  <si>
    <t>basti Arshad Abad 30 p</t>
  </si>
  <si>
    <t>Basti Arshad Abad</t>
  </si>
  <si>
    <t>Muhammad Shoaib</t>
  </si>
  <si>
    <t>MANGLOTI - MALE</t>
  </si>
  <si>
    <t>Basti Gunjpur Mubarakpur</t>
  </si>
  <si>
    <t>Ghulam Qasim</t>
  </si>
  <si>
    <t>Sajhar</t>
  </si>
  <si>
    <t>Moza Sajhar P/O Machhiwal Teh. 18 Hazari Jhang</t>
  </si>
  <si>
    <t>Charian Wala</t>
  </si>
  <si>
    <t>Chak 7/1 Thal Janobi</t>
  </si>
  <si>
    <t>Altaf Hussain Malik</t>
  </si>
  <si>
    <t>karor nashaib</t>
  </si>
  <si>
    <t>basti khiara karor nashaib</t>
  </si>
  <si>
    <t>Basti khiara</t>
  </si>
  <si>
    <t>Thal jandi</t>
  </si>
  <si>
    <t>GPS ASADULLAH PUR</t>
  </si>
  <si>
    <t>SOOIAN WALA - MALE</t>
  </si>
  <si>
    <t>Asadullah pur</t>
  </si>
  <si>
    <t>Allodin  Kalan</t>
  </si>
  <si>
    <t>Arshad Zaman</t>
  </si>
  <si>
    <t>BUNGA HAYAT - MALE</t>
  </si>
  <si>
    <t>Asadullah Pur post office chak bedi</t>
  </si>
  <si>
    <t>GPS ASHRAF SHAH</t>
  </si>
  <si>
    <t>MAILSI WEST - MALE</t>
  </si>
  <si>
    <t>Ashraf Shah</t>
  </si>
  <si>
    <t>Ali Wah</t>
  </si>
  <si>
    <t>Shahid Aleem</t>
  </si>
  <si>
    <t>PACCA LARRAN - MALE</t>
  </si>
  <si>
    <t>Ikram wali mori Basti Arrain Maoza Ashraf Shah</t>
  </si>
  <si>
    <t>Arain</t>
  </si>
  <si>
    <t>Kotla Daolat</t>
  </si>
  <si>
    <t>Imtiaz Khan</t>
  </si>
  <si>
    <t>GPS ASLAM ABAD</t>
  </si>
  <si>
    <t>BAKHAR WAH MALE</t>
  </si>
  <si>
    <t>Baker Wah</t>
  </si>
  <si>
    <t>muza bakher sab post office basit aslam abad</t>
  </si>
  <si>
    <t>Javed Ahmed</t>
  </si>
  <si>
    <t>GPS ASTANA</t>
  </si>
  <si>
    <t>AEO (M) LALIAN NO.34</t>
  </si>
  <si>
    <t>Astana</t>
  </si>
  <si>
    <t>Astana lalian tehsil lalian district Chiniot</t>
  </si>
  <si>
    <t>Jabana</t>
  </si>
  <si>
    <t>Ghulam Fareed</t>
  </si>
  <si>
    <t>WASU ASTANA - MALE</t>
  </si>
  <si>
    <t>Wasu Astana</t>
  </si>
  <si>
    <t>Mouza Wasu astana tehsil 18 Hazari district jhang</t>
  </si>
  <si>
    <t>Muhammad Mehdi Usmani</t>
  </si>
  <si>
    <t>GPS AWANAN WALA SHUMALI</t>
  </si>
  <si>
    <t>RODI - MALE</t>
  </si>
  <si>
    <t>Ghulama</t>
  </si>
  <si>
    <t>awanawala shumali P/O Rodi Teh. Kalur Kot Disst. Bhakkar</t>
  </si>
  <si>
    <t>Awanawala Shumali</t>
  </si>
  <si>
    <t>Ghulama 1</t>
  </si>
  <si>
    <t>Ahmad Hussain Saqib</t>
  </si>
  <si>
    <t>JHAMAT SHUMALI - MALE</t>
  </si>
  <si>
    <t>Gooda</t>
  </si>
  <si>
    <t>Gps awananwala shumali p/o jhammat shumali tehseel darya khan district bhakkar</t>
  </si>
  <si>
    <t>Awananwala Shumali</t>
  </si>
  <si>
    <t>Barranga</t>
  </si>
  <si>
    <t>Summer Abbass</t>
  </si>
  <si>
    <t>GPS AZEEM ABAD</t>
  </si>
  <si>
    <t>JATOI CITY- MALE</t>
  </si>
  <si>
    <t>Bait Suleman</t>
  </si>
  <si>
    <t>basti azeemabad mouza bait suleman tehsil jatoi district muzaffargarh</t>
  </si>
  <si>
    <t>Azeemabad</t>
  </si>
  <si>
    <t>MC JATOI</t>
  </si>
  <si>
    <t>Faiz Abbas</t>
  </si>
  <si>
    <t>Fazal Wah</t>
  </si>
  <si>
    <t>moza fazal wah basti azeemabad vri</t>
  </si>
  <si>
    <t>Azeem Abad</t>
  </si>
  <si>
    <t>GPS AZHAR ABAD</t>
  </si>
  <si>
    <t>MAILSI EAST - MALE</t>
  </si>
  <si>
    <t>Murad Abad</t>
  </si>
  <si>
    <t>Azher Abad Tes Mailsi Dist Vehari</t>
  </si>
  <si>
    <t>Azher Abad</t>
  </si>
  <si>
    <t>Dahmaki</t>
  </si>
  <si>
    <t>Muhammad Younus</t>
  </si>
  <si>
    <t>P.A.REHMAN - MALE</t>
  </si>
  <si>
    <t>Bastilal</t>
  </si>
  <si>
    <t>GOVT BOYS PRIMARY SCHOOL BASTI AZHARABAD, NEAR GARH  MORE</t>
  </si>
  <si>
    <t>Azharabad</t>
  </si>
  <si>
    <t>Kapoori</t>
  </si>
  <si>
    <t>Manzoor Hussain Shahid</t>
  </si>
  <si>
    <t>GPS AZIZ ABAD</t>
  </si>
  <si>
    <t>BUREWALA EAST - MALE</t>
  </si>
  <si>
    <t>AZIZABAD</t>
  </si>
  <si>
    <t>azizabad Burewala</t>
  </si>
  <si>
    <t>AZiZABAD</t>
  </si>
  <si>
    <t>Ward # 2</t>
  </si>
  <si>
    <t>Muhammad Ajmal Shahid</t>
  </si>
  <si>
    <t>KOLOI WALA - MALE</t>
  </si>
  <si>
    <t>Nawan Shahr</t>
  </si>
  <si>
    <t>moza nawan shahr union council noshehra Gharbi post office Dajal Tehsil Jampur district rajanpur</t>
  </si>
  <si>
    <t>Nawan shahr</t>
  </si>
  <si>
    <t>Noshehra Gharbi</t>
  </si>
  <si>
    <t>Wazeer Ahmad</t>
  </si>
  <si>
    <t>basti Aziz abad,bait suleman jatoi</t>
  </si>
  <si>
    <t>Mc Jatoi</t>
  </si>
  <si>
    <t>Mahboob Fareed</t>
  </si>
  <si>
    <t>RASOOL PUR - MALE</t>
  </si>
  <si>
    <t>Seelra</t>
  </si>
  <si>
    <t>basti Aziz Abad p/o saleem abad</t>
  </si>
  <si>
    <t>Qamber Shah</t>
  </si>
  <si>
    <t>Muhammad Kaleem</t>
  </si>
  <si>
    <t>TARANDA MUHAMMAD PANAH - MALE</t>
  </si>
  <si>
    <t>basti aziz abad mouza sangla tranda muhammad panah teh. liaquat pur dist. rahim yar khan</t>
  </si>
  <si>
    <t>Tranda Muhammad Panah</t>
  </si>
  <si>
    <t>Saeed Khan</t>
  </si>
  <si>
    <t>RUSTAM SARGANA-MALE</t>
  </si>
  <si>
    <t>Chak Aziz Abad</t>
  </si>
  <si>
    <t>Muhammad Yaqub</t>
  </si>
  <si>
    <t>SADAR NORTH MALE</t>
  </si>
  <si>
    <t>Chorhatta Sindh Janobi</t>
  </si>
  <si>
    <t>Aziz abad colony near amjad khosa house chorhatta dgkhan</t>
  </si>
  <si>
    <t>Chorhatta Sindh Janobi No 3</t>
  </si>
  <si>
    <t>GPS BAGH WALA</t>
  </si>
  <si>
    <t>MIR PUR BHAGAL-I- MALE</t>
  </si>
  <si>
    <t>Chak No 556/TDA</t>
  </si>
  <si>
    <t>Chak No 556/TDA Tehsil Kot Adu Distt M Garh</t>
  </si>
  <si>
    <t>Chak No 567/TDA</t>
  </si>
  <si>
    <t>Kashif Ali</t>
  </si>
  <si>
    <t>MARI ALLAH BACHAYA - MALE</t>
  </si>
  <si>
    <t>Mondi lar</t>
  </si>
  <si>
    <t>Basti Baghwala p/o Mari Allah bachaya.teh.khanpur</t>
  </si>
  <si>
    <t>MariAllah bachaya</t>
  </si>
  <si>
    <t>Rab Nawaz</t>
  </si>
  <si>
    <t>KOTLA GANMOON- MALE</t>
  </si>
  <si>
    <t>SHAHER SULTAN</t>
  </si>
  <si>
    <t>BASTI BAGHWALA</t>
  </si>
  <si>
    <t>BAGHWALA</t>
  </si>
  <si>
    <t>Muhammad Usman</t>
  </si>
  <si>
    <t>GPS BAGHIANA KHURD</t>
  </si>
  <si>
    <t>PHOOL NAGAR SADAR- MALE</t>
  </si>
  <si>
    <t>Bughiana Khurd</t>
  </si>
  <si>
    <t>GPS Bughaina Khurd</t>
  </si>
  <si>
    <t>Bughiana Kalan</t>
  </si>
  <si>
    <t>Khalil Ahmed</t>
  </si>
  <si>
    <t>TALWANDI - MALE</t>
  </si>
  <si>
    <t>Baghiana Khurd</t>
  </si>
  <si>
    <t>Baghiana Khurd P/O Talwandi Tehsil Chunian Distt. Kasur</t>
  </si>
  <si>
    <t>Nazir Ahmad</t>
  </si>
  <si>
    <t>GPS BAGHOON</t>
  </si>
  <si>
    <t>basti baghoon post office kot samaba rahim yar khan</t>
  </si>
  <si>
    <t>baghoon</t>
  </si>
  <si>
    <t>kot samaba</t>
  </si>
  <si>
    <t>ghulam murtaza</t>
  </si>
  <si>
    <t>GPS BAHADAR WALA</t>
  </si>
  <si>
    <t>Bahadar Baloach</t>
  </si>
  <si>
    <t>Mouza Bahadar Baloach Tehsil Mailsi</t>
  </si>
  <si>
    <t>Dhamakki</t>
  </si>
  <si>
    <t>Samee Ullah Khan</t>
  </si>
  <si>
    <t>SHAH SADAR DIN EAST MALE</t>
  </si>
  <si>
    <t>Pakki</t>
  </si>
  <si>
    <t>Mian Ibrahim</t>
  </si>
  <si>
    <t>Muhammad Naeem Shahzad</t>
  </si>
  <si>
    <t>YAZMAN</t>
  </si>
  <si>
    <t>LATAN SANGHAR - MALE</t>
  </si>
  <si>
    <t>Bahadar Wala</t>
  </si>
  <si>
    <t>basti bahadar wala qaimpur</t>
  </si>
  <si>
    <t>Chak 75 Db</t>
  </si>
  <si>
    <t>Sarfraz Ahmed</t>
  </si>
  <si>
    <t>GPS BAHADAR WALI</t>
  </si>
  <si>
    <t>AZIZ ABAD-I- MALE</t>
  </si>
  <si>
    <t>pattal monda sharqi</t>
  </si>
  <si>
    <t>chah Bahadur wali, mauza pattal Munda sharqi, near  rngpur , tehsil kot addu , district Muzaffargarh.</t>
  </si>
  <si>
    <t>Chah Bahadur Wali</t>
  </si>
  <si>
    <t>Muhammad Nasir Khan</t>
  </si>
  <si>
    <t>CTN-XI-MALE</t>
  </si>
  <si>
    <t>Mari Shoque  Shah</t>
  </si>
  <si>
    <t>basti bahadar wali</t>
  </si>
  <si>
    <t>Bahadar Wali</t>
  </si>
  <si>
    <t>Mari Shoque Shah</t>
  </si>
  <si>
    <t>Gohar Iqbal</t>
  </si>
  <si>
    <t>GPS BAIG PUR</t>
  </si>
  <si>
    <t>GHARMALA - MALE</t>
  </si>
  <si>
    <t>Baig Pur</t>
  </si>
  <si>
    <t>govt primary school baig pur jhelum</t>
  </si>
  <si>
    <t>Baig pur</t>
  </si>
  <si>
    <t>Gharmala</t>
  </si>
  <si>
    <t>Misbah Shaheen</t>
  </si>
  <si>
    <t>KHAI HITHAR - MALE</t>
  </si>
  <si>
    <t>Sanda Kalan</t>
  </si>
  <si>
    <t>Shahid mahmood</t>
  </si>
  <si>
    <t>GPS BAIT MALANA</t>
  </si>
  <si>
    <t>DOUNA MALE</t>
  </si>
  <si>
    <t>Nari Janubi</t>
  </si>
  <si>
    <t>Nari janubi</t>
  </si>
  <si>
    <t>Nari Janoobi</t>
  </si>
  <si>
    <t>Manzoor Hussain</t>
  </si>
  <si>
    <t>GPS BALA</t>
  </si>
  <si>
    <t>JHELUM - MALE</t>
  </si>
  <si>
    <t>Bala Gujran</t>
  </si>
  <si>
    <t>p.o. kashmir colony bala gujran jhelum</t>
  </si>
  <si>
    <t>Bala</t>
  </si>
  <si>
    <t>Nauman Akram</t>
  </si>
  <si>
    <t>HARNOLI SOUTH-MALE</t>
  </si>
  <si>
    <t>village and p.o. bala</t>
  </si>
  <si>
    <t>Wichven bala</t>
  </si>
  <si>
    <t>Abdul Ghaffar</t>
  </si>
  <si>
    <t>GPS BANIAN</t>
  </si>
  <si>
    <t>KUNJAH  I - MALE</t>
  </si>
  <si>
    <t>Baniyaa</t>
  </si>
  <si>
    <t>Vill.Baniyaan Kunjah teh&amp;distt.Gujrat</t>
  </si>
  <si>
    <t>Suleman Rasool</t>
  </si>
  <si>
    <t>KUNJAH-IV-MALE</t>
  </si>
  <si>
    <t>vill banian p.o gorsian tehsil and disst Gujarat</t>
  </si>
  <si>
    <t>Fiaz Hussain Shah</t>
  </si>
  <si>
    <t>JALALA - MALE</t>
  </si>
  <si>
    <t>village  banian</t>
  </si>
  <si>
    <t>Jalala</t>
  </si>
  <si>
    <t>Tauseef Ahmad</t>
  </si>
  <si>
    <t>GPS BAQA PUR</t>
  </si>
  <si>
    <t>GEHLAN HITHAR - MALE</t>
  </si>
  <si>
    <t>Baqa PUR</t>
  </si>
  <si>
    <t>Govt P/S Baqa Pur Markaz Gehlan Hithar.Tehsil Chunian.Disstt Kasur.Punjab.</t>
  </si>
  <si>
    <t>Baqa Pur SHAMALI</t>
  </si>
  <si>
    <t>Gehlan Hithar</t>
  </si>
  <si>
    <t>Saleem Akhtar</t>
  </si>
  <si>
    <t>BWP GHALWAN - MALE</t>
  </si>
  <si>
    <t>Mauza Baqapur</t>
  </si>
  <si>
    <t>mauza baqapur po batheji tehsil ape district bwp</t>
  </si>
  <si>
    <t>Bwp Ghalwan</t>
  </si>
  <si>
    <t>Muhammad Makkei</t>
  </si>
  <si>
    <t>GPS BARA</t>
  </si>
  <si>
    <t>PAKPATTAN 2 - MALE</t>
  </si>
  <si>
    <t>bara</t>
  </si>
  <si>
    <t>moza bara</t>
  </si>
  <si>
    <t>kalayana</t>
  </si>
  <si>
    <t>NIAZ AHMAD</t>
  </si>
  <si>
    <t>HAZRO 1 - MALE</t>
  </si>
  <si>
    <t>Bara</t>
  </si>
  <si>
    <t>govt primary school bara</t>
  </si>
  <si>
    <t>Haroon</t>
  </si>
  <si>
    <t>Muhammad Ansar Khan</t>
  </si>
  <si>
    <t>GPS BARA DARI</t>
  </si>
  <si>
    <t>ALI PUR CHATTHA - MALE</t>
  </si>
  <si>
    <t>Bara daril</t>
  </si>
  <si>
    <t>Village Bara dari,  p/o Ali pur chattha</t>
  </si>
  <si>
    <t>Bara Dari</t>
  </si>
  <si>
    <t>MUHAMMAD BILAL KHAN BHATTI</t>
  </si>
  <si>
    <t>GPS BARAN</t>
  </si>
  <si>
    <t>THATTI JALAL - MALE</t>
  </si>
  <si>
    <t>Baran</t>
  </si>
  <si>
    <t>baran sahiwal sargodha</t>
  </si>
  <si>
    <t>Muhammad Aslam Hayat</t>
  </si>
  <si>
    <t>SHAKARGARH-MALE</t>
  </si>
  <si>
    <t>baran</t>
  </si>
  <si>
    <t>Gulzar ahmed</t>
  </si>
  <si>
    <t>GPS BARAY WALA</t>
  </si>
  <si>
    <t>MAHNI - MALE</t>
  </si>
  <si>
    <t>Karloo wala</t>
  </si>
  <si>
    <t>GPS Baraywala Mankera District Bhakkar</t>
  </si>
  <si>
    <t>Baraywala</t>
  </si>
  <si>
    <t>Asghar Ali</t>
  </si>
  <si>
    <t>DAGGAR REHTAS - MALE</t>
  </si>
  <si>
    <t>post office karari Kot Tehsil and District Bhakkar</t>
  </si>
  <si>
    <t>Anayatullah</t>
  </si>
  <si>
    <t>GPS BAROS ABAD</t>
  </si>
  <si>
    <t>WANG  - MALE</t>
  </si>
  <si>
    <t>Baros abad</t>
  </si>
  <si>
    <t>baros abad Wang</t>
  </si>
  <si>
    <t>Fayyaz Hussain</t>
  </si>
  <si>
    <t>MURGHAI - MALE</t>
  </si>
  <si>
    <t>Kotla Merran</t>
  </si>
  <si>
    <t>GPS BORS ABAD</t>
  </si>
  <si>
    <t>Malik Zari Faram</t>
  </si>
  <si>
    <t>Murghai</t>
  </si>
  <si>
    <t>Tahir Mahmood</t>
  </si>
  <si>
    <t>GPS BARWAL</t>
  </si>
  <si>
    <t>LESSAR KALAN - MALE</t>
  </si>
  <si>
    <t>village and post office barwal</t>
  </si>
  <si>
    <t>Barwal</t>
  </si>
  <si>
    <t>Rambri</t>
  </si>
  <si>
    <t>Imtiaz Ali</t>
  </si>
  <si>
    <t>DHOLAR-MALE</t>
  </si>
  <si>
    <t>Chokaira</t>
  </si>
  <si>
    <t>Village Gulshan Barwal, PO Bilalabad, Tehsil Talagang, Distt Chakwal</t>
  </si>
  <si>
    <t>Gulshan Barwal</t>
  </si>
  <si>
    <t>Jasial</t>
  </si>
  <si>
    <t>Nabeela Masood</t>
  </si>
  <si>
    <t>GPS BASHIR ABAD</t>
  </si>
  <si>
    <t>NONARI - MALE</t>
  </si>
  <si>
    <t>Dhoor Koot</t>
  </si>
  <si>
    <t>basti jaanwar dhoorkoo</t>
  </si>
  <si>
    <t>Basti Jannwar</t>
  </si>
  <si>
    <t>Muhammad Usman Hussain Aun</t>
  </si>
  <si>
    <t>Dargahi Shah</t>
  </si>
  <si>
    <t>Chah Noor Wala Mouza Dargahi Shah Tehsil 18 hazari District Jhang</t>
  </si>
  <si>
    <t>Muhammad Munawar Khan</t>
  </si>
  <si>
    <t>GPS BASHIR WALA</t>
  </si>
  <si>
    <t>Rakh Tibba</t>
  </si>
  <si>
    <t>jahangir abad rakh tiba mustaqil</t>
  </si>
  <si>
    <t>Jahangir Abad</t>
  </si>
  <si>
    <t>Tibba</t>
  </si>
  <si>
    <t>Khalil Ahmad</t>
  </si>
  <si>
    <t>KARAM DAD QURESHI- MALE</t>
  </si>
  <si>
    <t>Gul Khakh</t>
  </si>
  <si>
    <t>basti kanber wala</t>
  </si>
  <si>
    <t>Kanber Wala</t>
  </si>
  <si>
    <t>Sharif Chachra</t>
  </si>
  <si>
    <t>Muhammad Tahseen Khan</t>
  </si>
  <si>
    <t>GPS BASIRA</t>
  </si>
  <si>
    <t>KOT ADU-I- MALE</t>
  </si>
  <si>
    <t>Chaudhary</t>
  </si>
  <si>
    <t>chah baseera  moza chaudhary kot addu</t>
  </si>
  <si>
    <t>Chudhry</t>
  </si>
  <si>
    <t>Muhammad Shahid</t>
  </si>
  <si>
    <t>BASEERA- MALE</t>
  </si>
  <si>
    <t>Basira Muzaffar Garh</t>
  </si>
  <si>
    <t>DURAB PUR - MALE</t>
  </si>
  <si>
    <t>Shehni Shumali</t>
  </si>
  <si>
    <t>Basti basira p/o khan bela jalal pur peer wala</t>
  </si>
  <si>
    <t>Basti Basira</t>
  </si>
  <si>
    <t>Shehni</t>
  </si>
  <si>
    <t>GPS BASTI ADAM</t>
  </si>
  <si>
    <t>GUJRAT-II-MALE</t>
  </si>
  <si>
    <t>Basti more jhangi union council allurid. Tensil kot addu District Muzaffargarh</t>
  </si>
  <si>
    <t>More Jhangi</t>
  </si>
  <si>
    <t>Alu Rid</t>
  </si>
  <si>
    <t>Muhammad Aamir Shazad</t>
  </si>
  <si>
    <t>Gps basti Adam mouza khokhar uc alu rid</t>
  </si>
  <si>
    <t>Bastiadam</t>
  </si>
  <si>
    <t>Alu rid</t>
  </si>
  <si>
    <t>Hafiz Mazhar Hussain</t>
  </si>
  <si>
    <t>GPS BASTI ARAIN</t>
  </si>
  <si>
    <t>MUHAMMAD PANAH - MALE</t>
  </si>
  <si>
    <t>Bedana Gharbi</t>
  </si>
  <si>
    <t>basti arrain</t>
  </si>
  <si>
    <t>23 Hasilpur Old</t>
  </si>
  <si>
    <t>Tajamal Hussain</t>
  </si>
  <si>
    <t>ALLAH ABAD - MALE</t>
  </si>
  <si>
    <t>Goth Mahi</t>
  </si>
  <si>
    <t>Mohallah Zargran P/O Allahabad Tehsil Liaquatpur District Rahim Yar Khan</t>
  </si>
  <si>
    <t>Syed Ahmad Fraz</t>
  </si>
  <si>
    <t>NOORPUR NAURANGA - MALE</t>
  </si>
  <si>
    <t>Khuad Bakhsh</t>
  </si>
  <si>
    <t>Basti sontara moza khada bukhsh chener</t>
  </si>
  <si>
    <t>Basti Sontara</t>
  </si>
  <si>
    <t>Wahi Husain</t>
  </si>
  <si>
    <t>SAHU WALA MALE</t>
  </si>
  <si>
    <t>Sanjh Isra</t>
  </si>
  <si>
    <t>p/o sanjh isra basti qazi The.Karor Dist.Lyh.</t>
  </si>
  <si>
    <t>Sahu Wala</t>
  </si>
  <si>
    <t>Abdul Qayum</t>
  </si>
  <si>
    <t>GPS BASTI AWAN</t>
  </si>
  <si>
    <t>JAMPUR - MALE</t>
  </si>
  <si>
    <t>Moza tatar wala jampur</t>
  </si>
  <si>
    <t>Chah Noor Shah Wala</t>
  </si>
  <si>
    <t>Ghulam Siddique</t>
  </si>
  <si>
    <t>FAZIL PUR - MALE</t>
  </si>
  <si>
    <t>Kotla Khan Muhammad Fazil pur District rajan</t>
  </si>
  <si>
    <t>Kotla khan Muhammad Fazil pur district rajan pur</t>
  </si>
  <si>
    <t>Kotla Khan Muhammad</t>
  </si>
  <si>
    <t>Rakh Kotla Khan Muhammad Fazil</t>
  </si>
  <si>
    <t>Nizakat Niaz</t>
  </si>
  <si>
    <t>Chak Mohsin Khan</t>
  </si>
  <si>
    <t>GPS basti awan maoza chak mohsin Khan Khan garh</t>
  </si>
  <si>
    <t>Abdul Aziz</t>
  </si>
  <si>
    <t>GPS BASTI BAHAR SHAH</t>
  </si>
  <si>
    <t>KAMOKE SADAR - MALE</t>
  </si>
  <si>
    <t>Bahar Shah</t>
  </si>
  <si>
    <t>Muhallah Bahar Shah kmk</t>
  </si>
  <si>
    <t>Kamoke</t>
  </si>
  <si>
    <t>SLAMAT PURA</t>
  </si>
  <si>
    <t>Mukhtar Ahmad</t>
  </si>
  <si>
    <t>BASEERA MALE</t>
  </si>
  <si>
    <t>Sheenh Wala</t>
  </si>
  <si>
    <t>basti bahar shah</t>
  </si>
  <si>
    <t>Basti Bahar Shah</t>
  </si>
  <si>
    <t>Baseera</t>
  </si>
  <si>
    <t>SHAHID IMRAN</t>
  </si>
  <si>
    <t>GPS BASTI BALOCH</t>
  </si>
  <si>
    <t>KHANPUR - MALE</t>
  </si>
  <si>
    <t>Mangraja</t>
  </si>
  <si>
    <t>Basti harnani balouch mouza mangraja p/o noorpur nouranga tehsil and district bahawalpur</t>
  </si>
  <si>
    <t>Basti Harnani Balouch</t>
  </si>
  <si>
    <t>Gothmehrab</t>
  </si>
  <si>
    <t>Muhammed Aamir Bashir</t>
  </si>
  <si>
    <t>SHAH WALI - MALE</t>
  </si>
  <si>
    <t>Gadanaar</t>
  </si>
  <si>
    <t>basti Haji Ghulam Rasool u/c shahwali</t>
  </si>
  <si>
    <t>Basti Haji Ghulam Rasool</t>
  </si>
  <si>
    <t>Gada Nar</t>
  </si>
  <si>
    <t>GPS BASTI BALOCHAN</t>
  </si>
  <si>
    <t>KOT KHALIFA - MALE</t>
  </si>
  <si>
    <t>punnun jholan</t>
  </si>
  <si>
    <t>basti balochan pannu jhullan</t>
  </si>
  <si>
    <t>basti balochan</t>
  </si>
  <si>
    <t>sadiq abad</t>
  </si>
  <si>
    <t>Mohammad Imran Munir</t>
  </si>
  <si>
    <t>GOTH BAJAN</t>
  </si>
  <si>
    <t>BASTI BALOCHAN NEAR RAILWAY STATION BAHAWALPUR</t>
  </si>
  <si>
    <t>BASTI BALOCHAN</t>
  </si>
  <si>
    <t>Muhammad khalid</t>
  </si>
  <si>
    <t>MASJID WATER USED</t>
  </si>
  <si>
    <t>basti bada aasni tehsil rajanpur</t>
  </si>
  <si>
    <t>Muhammad Arshad</t>
  </si>
  <si>
    <t>Basti Balochan mouza sumra</t>
  </si>
  <si>
    <t>Karari</t>
  </si>
  <si>
    <t>Mirza Muhammad Rashid</t>
  </si>
  <si>
    <t>KOTLA MUSA KHAN - MALE</t>
  </si>
  <si>
    <t>Kotla Sultan Ahmed</t>
  </si>
  <si>
    <t>p/o kotla musa khan</t>
  </si>
  <si>
    <t>kotla musa khan</t>
  </si>
  <si>
    <t>Attique Ur Rehman</t>
  </si>
  <si>
    <t>KHAN PUR BAGGA SHER- MALE</t>
  </si>
  <si>
    <t>Khan Pur Shumali</t>
  </si>
  <si>
    <t>p/o Khan pur bagga sher the.&amp; distt. M.Garh</t>
  </si>
  <si>
    <t>Basti Balouchan</t>
  </si>
  <si>
    <t>M Attiq Ur Rehman</t>
  </si>
  <si>
    <t>JANOO WALA - MALE</t>
  </si>
  <si>
    <t>Mubarak Pur</t>
  </si>
  <si>
    <t>Near Madni cotton facrory janowala road</t>
  </si>
  <si>
    <t>HAZOOR BAKHSH</t>
  </si>
  <si>
    <t>GPS BASTI BARA</t>
  </si>
  <si>
    <t>JINDOO MISSION - MALE</t>
  </si>
  <si>
    <t>No Abad</t>
  </si>
  <si>
    <t>Basti Bara Moza No Abad Tehsil Bahawalpur Sadar</t>
  </si>
  <si>
    <t>Basti Bara</t>
  </si>
  <si>
    <t>Marhi Shaikh Shajra</t>
  </si>
  <si>
    <t>Muhammad Ilyas</t>
  </si>
  <si>
    <t>water filtration plant</t>
  </si>
  <si>
    <t>TALIRI-MALE</t>
  </si>
  <si>
    <t>Noor Kubra</t>
  </si>
  <si>
    <t>Basti Bara Mouza Noor Kubra</t>
  </si>
  <si>
    <t>MUHAMMAD SAQIB RAZA</t>
  </si>
  <si>
    <t>GPS BASTI BHATTIAN</t>
  </si>
  <si>
    <t>Kharwala</t>
  </si>
  <si>
    <t>basti bhattian</t>
  </si>
  <si>
    <t>Mud Peer Wah</t>
  </si>
  <si>
    <t>MEHARABAD - MALE</t>
  </si>
  <si>
    <t>Wahi Mulan Fazil</t>
  </si>
  <si>
    <t>govt p/s basti bhattian Wahi Mola fazil.</t>
  </si>
  <si>
    <t>Basti Bhattian</t>
  </si>
  <si>
    <t>Chak No 49m</t>
  </si>
  <si>
    <t>Muhammad Akram Shahid</t>
  </si>
  <si>
    <t>GPS BASTI BOHAR</t>
  </si>
  <si>
    <t>D MALEJAMAL KHAN JANUBI MALE</t>
  </si>
  <si>
    <t>Darkhawst Jamal Khan</t>
  </si>
  <si>
    <t>darkhast jamal khan Basti Bohar</t>
  </si>
  <si>
    <t>Basti Bohar</t>
  </si>
  <si>
    <t>Darkhwast Jamal Khan Janobi</t>
  </si>
  <si>
    <t>NOORPUR MACHHI WALA - MALE</t>
  </si>
  <si>
    <t>Basti Bohar, tehsil &amp; District, Rajanpur</t>
  </si>
  <si>
    <t>Kotla Esan</t>
  </si>
  <si>
    <t>Nasir Mahmood</t>
  </si>
  <si>
    <t>GPS BASTI BOSAN</t>
  </si>
  <si>
    <t>LANGAR SRAI- MALE</t>
  </si>
  <si>
    <t>Bayt Bakri Wala</t>
  </si>
  <si>
    <t>Muhammad Mazahar</t>
  </si>
  <si>
    <t>CHICHAWATANI</t>
  </si>
  <si>
    <t>CHICHAWATNI SADAR A-MALE</t>
  </si>
  <si>
    <t>Hayatabad</t>
  </si>
  <si>
    <t>Street no 14. Hayat abad chichawatni</t>
  </si>
  <si>
    <t>Urban 1</t>
  </si>
  <si>
    <t>Mudassar Abbas</t>
  </si>
  <si>
    <t>GPS BASTI BUZDAR</t>
  </si>
  <si>
    <t>AALI WALA-MALE</t>
  </si>
  <si>
    <t>CHAK QABOOL Shah</t>
  </si>
  <si>
    <t>Chah Dittu Wala TEH:Kot Chhutta, Disst:DGkhan</t>
  </si>
  <si>
    <t>Dittu Wala</t>
  </si>
  <si>
    <t>D MALEJAMAL KHAN DARMIANI MALE</t>
  </si>
  <si>
    <t>D J K Drmiyani</t>
  </si>
  <si>
    <t>basti buzdar D J K darmiyani</t>
  </si>
  <si>
    <t>D J K darmiyani</t>
  </si>
  <si>
    <t>Bilal Ahmed</t>
  </si>
  <si>
    <t>GPS BASTI CHACHRAN</t>
  </si>
  <si>
    <t>WAH KOHNA - MALE</t>
  </si>
  <si>
    <t>Wah Faqeran</t>
  </si>
  <si>
    <t>basti chachran</t>
  </si>
  <si>
    <t>Basti Chachran</t>
  </si>
  <si>
    <t>114p</t>
  </si>
  <si>
    <t>Muzaffar Ahmed Shahzad</t>
  </si>
  <si>
    <t>CHANNI GOTH - MALE</t>
  </si>
  <si>
    <t>Lalo Naich</t>
  </si>
  <si>
    <t>Basti Chachran Moza Lol Naich Chani Goth</t>
  </si>
  <si>
    <t>Abdul Jabbar</t>
  </si>
  <si>
    <t>GPS BASTI CHAN</t>
  </si>
  <si>
    <t>GHAZI GHAT-I- MALE</t>
  </si>
  <si>
    <t>haji shah basti chan</t>
  </si>
  <si>
    <t>Basti Chan</t>
  </si>
  <si>
    <t>Mursaleen Nasir</t>
  </si>
  <si>
    <t>ADHI KOT (MALE)</t>
  </si>
  <si>
    <t>Chan</t>
  </si>
  <si>
    <t>V.P.O Chan Basti Hamida Abad Tehsil Noor Pur Thal Distt. Khushab</t>
  </si>
  <si>
    <t>Adhi Kot</t>
  </si>
  <si>
    <t>Nasrullah</t>
  </si>
  <si>
    <t>water supply</t>
  </si>
  <si>
    <t>GPS BASTI CHANDIA</t>
  </si>
  <si>
    <t>basti chandia moza dolat pour teh and dist m garh</t>
  </si>
  <si>
    <t>Basti Chandia</t>
  </si>
  <si>
    <t>Muhammad SABIR</t>
  </si>
  <si>
    <t>DIBBI SHAH- MALE</t>
  </si>
  <si>
    <t>Bait Zaini</t>
  </si>
  <si>
    <t>basti chandia Moza Bait Zaini P/O Gujrat Tehsil Kotaddu District Muzaffargarh</t>
  </si>
  <si>
    <t>Gujrat</t>
  </si>
  <si>
    <t>Muhammad Faheem</t>
  </si>
  <si>
    <t>GPS BASTI GHULAM AKBAR</t>
  </si>
  <si>
    <t>SAHAN WALA - MALE</t>
  </si>
  <si>
    <t>Kotla Khan Mohammad Mohammad</t>
  </si>
  <si>
    <t>GPS Basti Ghulam akber</t>
  </si>
  <si>
    <t>Mohammad</t>
  </si>
  <si>
    <t>Zafar Iqbal</t>
  </si>
  <si>
    <t>NOOR WALA-MALE</t>
  </si>
  <si>
    <t>Bait Bhattar</t>
  </si>
  <si>
    <t>Basti Akber Bosan, Moza Bait Bhattar, P/O Taranda M Panah, Tehsil Liaquat Pur, Distt Rahim Yar Khan</t>
  </si>
  <si>
    <t>Akber Bosan</t>
  </si>
  <si>
    <t>Noor Wala</t>
  </si>
  <si>
    <t>GPS BASTI GHULAM HUSSAIN</t>
  </si>
  <si>
    <t>MOHIB SHAH - MALE</t>
  </si>
  <si>
    <t>Gaddan Wala</t>
  </si>
  <si>
    <t>mouza gaddan wala thesil jampur distrect rajnpur</t>
  </si>
  <si>
    <t>Basti Ghulam Hussain</t>
  </si>
  <si>
    <t>Allhabad Grbi</t>
  </si>
  <si>
    <t>Ghulam jaffar</t>
  </si>
  <si>
    <t>M Pur No 2</t>
  </si>
  <si>
    <t>Basti ghulam Hussain m pur No 2</t>
  </si>
  <si>
    <t>Muhammad Umar</t>
  </si>
  <si>
    <t>Tong</t>
  </si>
  <si>
    <t>basti manzoor khan jatai</t>
  </si>
  <si>
    <t>Basti Manzoor Khan</t>
  </si>
  <si>
    <t>Waqas Hassan</t>
  </si>
  <si>
    <t>GPS BASTI HABIB</t>
  </si>
  <si>
    <t>TUBB MALE</t>
  </si>
  <si>
    <t>Lahnga</t>
  </si>
  <si>
    <t>Tehsiltaunsa post office Hairo Sharqi</t>
  </si>
  <si>
    <t>MozaLahnga</t>
  </si>
  <si>
    <t>Bindi</t>
  </si>
  <si>
    <t>Riaz ahmad</t>
  </si>
  <si>
    <t>HASSAN SHAH- MALE</t>
  </si>
  <si>
    <t>Dagar Yar Shah Gharbi</t>
  </si>
  <si>
    <t>dirkhana wala bsti habib,panjgirain,darya khan</t>
  </si>
  <si>
    <t>Basti Habib DirkhanawalaBasti Habib</t>
  </si>
  <si>
    <t>Panjgirain</t>
  </si>
  <si>
    <t>Munawar Hussain</t>
  </si>
  <si>
    <t>MULLAN WALI - MALE</t>
  </si>
  <si>
    <t>Basti Habib</t>
  </si>
  <si>
    <t>Basti habib notak nashaib teh and disttbhakkar</t>
  </si>
  <si>
    <t>Dhandla</t>
  </si>
  <si>
    <t>Ilahi Bakhsh</t>
  </si>
  <si>
    <t>GPS BASTI HAJANA</t>
  </si>
  <si>
    <t>WADOOR MALE</t>
  </si>
  <si>
    <t>Gadai</t>
  </si>
  <si>
    <t>basti hajana gadai gharbi P/O khas DGKhan</t>
  </si>
  <si>
    <t>Basti Hajana</t>
  </si>
  <si>
    <t>Gadai Gharbi</t>
  </si>
  <si>
    <t>Abdul Waheed</t>
  </si>
  <si>
    <t>KOTLA ANDROON - MALE</t>
  </si>
  <si>
    <t>Kotli Khudai</t>
  </si>
  <si>
    <t>basti hajana mauza kotli khudai teh/distt Rajanpur</t>
  </si>
  <si>
    <t>MEHAR PUR- MALE</t>
  </si>
  <si>
    <t>Raqba Noor Khan</t>
  </si>
  <si>
    <t>basti hajana, raqba Noor khan, khangarh, m.garh</t>
  </si>
  <si>
    <t>Gaire Wahen</t>
  </si>
  <si>
    <t>Ali Murad</t>
  </si>
  <si>
    <t>GPS BASTI ISRAN</t>
  </si>
  <si>
    <t>MULLAN WALI</t>
  </si>
  <si>
    <t>Basti isran u/c Mullan wali T/D Bhakkar</t>
  </si>
  <si>
    <t>Basti Isran</t>
  </si>
  <si>
    <t>Mullan Wali</t>
  </si>
  <si>
    <t>Waqas Ur Rehman</t>
  </si>
  <si>
    <t>GPS BASTI KHOKHAR</t>
  </si>
  <si>
    <t>DARYA KHAN - MALE</t>
  </si>
  <si>
    <t>KOHAWAR KALAN NASHAIB</t>
  </si>
  <si>
    <t>BASTI KHOKHAR  TEHSIL #DARYA KHAN DISTRICT# BHAKKAR</t>
  </si>
  <si>
    <t>BASTI KHOKHAR</t>
  </si>
  <si>
    <t>MAJOKA</t>
  </si>
  <si>
    <t>Abid Hussain</t>
  </si>
  <si>
    <t>KACHI SHAHANI NO 1- MALE</t>
  </si>
  <si>
    <t>basti khokhar p/o kaniry teh &amp; dist bhakkar</t>
  </si>
  <si>
    <t>Bisti Khokhar</t>
  </si>
  <si>
    <t>Dolat Wala</t>
  </si>
  <si>
    <t>Muhammad Gulfam</t>
  </si>
  <si>
    <t>SIAL - MALE</t>
  </si>
  <si>
    <t>Binda Bahoo Shah</t>
  </si>
  <si>
    <t>Govt primary school Basti khokhar</t>
  </si>
  <si>
    <t>Baddyani</t>
  </si>
  <si>
    <t>Muhammad Anees</t>
  </si>
  <si>
    <t>GPS BASTI KHOKHRAN</t>
  </si>
  <si>
    <t>MND-XI-MALE</t>
  </si>
  <si>
    <t>Ardan wala</t>
  </si>
  <si>
    <t>Basti Khokhran Tehsil Minchinabad</t>
  </si>
  <si>
    <t>Per Ghar</t>
  </si>
  <si>
    <t>Muhammad Yasin</t>
  </si>
  <si>
    <t>M.P LAMMA-MALE</t>
  </si>
  <si>
    <t>Kot Mehtab</t>
  </si>
  <si>
    <t>moza kot mahtab basti khokhran</t>
  </si>
  <si>
    <t>Khokhran</t>
  </si>
  <si>
    <t>Jam Arz Muhammad</t>
  </si>
  <si>
    <t>GPS BASTI KHOSA</t>
  </si>
  <si>
    <t>MAMOORI MALE</t>
  </si>
  <si>
    <t>Basti khosa</t>
  </si>
  <si>
    <t>qaim wala p/o mamoori tehsi and dist.dera ghazi khan</t>
  </si>
  <si>
    <t>basti khosa</t>
  </si>
  <si>
    <t>Mujahid Hussain</t>
  </si>
  <si>
    <t>RAMIN MALE</t>
  </si>
  <si>
    <t>bahadur ghur</t>
  </si>
  <si>
    <t>gps basti khosa p/o kotmubarak teh&amp;dist d.g.khan</t>
  </si>
  <si>
    <t>Basti Darwish Lashari</t>
  </si>
  <si>
    <t>Bahadur Ghur</t>
  </si>
  <si>
    <t>Shafqat Hussain</t>
  </si>
  <si>
    <t>KOT CHUTTA CITY MALE</t>
  </si>
  <si>
    <t>Kot Chutta No 1</t>
  </si>
  <si>
    <t>Chan khan walakot chutta no 1 u/c basti jam</t>
  </si>
  <si>
    <t>Basti Jam</t>
  </si>
  <si>
    <t>Wahid Bakhsh</t>
  </si>
  <si>
    <t>GPS BASTI KHUDA BAKHSH</t>
  </si>
  <si>
    <t>RONGHAN-II-MALE</t>
  </si>
  <si>
    <t>Laisora</t>
  </si>
  <si>
    <t>Basti Khuda Baksh</t>
  </si>
  <si>
    <t>Tumman Leghari Zarren No 97</t>
  </si>
  <si>
    <t>star khan</t>
  </si>
  <si>
    <t>MND-I-MALE</t>
  </si>
  <si>
    <t>Khuda Baksh Sakhi Talab</t>
  </si>
  <si>
    <t>Muhammad Javed</t>
  </si>
  <si>
    <t>GPS BASTI KORAI</t>
  </si>
  <si>
    <t>KOTLA NASEER - MALE</t>
  </si>
  <si>
    <t>Wang 2</t>
  </si>
  <si>
    <t>basti korai</t>
  </si>
  <si>
    <t>Kotla Bhawan</t>
  </si>
  <si>
    <t>Rakh Daima head Hamid</t>
  </si>
  <si>
    <t>Hazoor Bakhsh</t>
  </si>
  <si>
    <t>GPS BASTI KUMHARAN</t>
  </si>
  <si>
    <t>karor Nashaib</t>
  </si>
  <si>
    <t>basti kumharan tehsil karor district layyah</t>
  </si>
  <si>
    <t>Thal Jandi</t>
  </si>
  <si>
    <t>Muhammad Asif Khan</t>
  </si>
  <si>
    <t>UMMER PUR- MALE</t>
  </si>
  <si>
    <t>Makhan Baela</t>
  </si>
  <si>
    <t>haji Moor basti kumharan</t>
  </si>
  <si>
    <t>Rohillan Wali</t>
  </si>
  <si>
    <t>GPS BASTI LAL KHAN</t>
  </si>
  <si>
    <t>JHANG SADAR - MALE</t>
  </si>
  <si>
    <t>sarwar colony</t>
  </si>
  <si>
    <t>Sarwar Colony</t>
  </si>
  <si>
    <t>Ameer Abdullah Umar</t>
  </si>
  <si>
    <t>SHIKAR PUR - MALE</t>
  </si>
  <si>
    <t>Rakh Sahan Wala</t>
  </si>
  <si>
    <t>gps basti laal khan</t>
  </si>
  <si>
    <t>Basti Laal Khan</t>
  </si>
  <si>
    <t>Noshera Sharqi</t>
  </si>
  <si>
    <t>Basheer Ahmad</t>
  </si>
  <si>
    <t>GPS BASTI LAR</t>
  </si>
  <si>
    <t>SABAEY WALA- MALE</t>
  </si>
  <si>
    <t>Jugmal</t>
  </si>
  <si>
    <t>basti lar moza jugmal teh jatoi</t>
  </si>
  <si>
    <t>Basti Lar</t>
  </si>
  <si>
    <t>Sabaey Wala</t>
  </si>
  <si>
    <t>Riaz Ahmad Qureshi</t>
  </si>
  <si>
    <t>KANDH SHARIF- MALE</t>
  </si>
  <si>
    <t>Basti Arif</t>
  </si>
  <si>
    <t>Basti Kamil wala mouza basti arif</t>
  </si>
  <si>
    <t>Basti Kamil Wala</t>
  </si>
  <si>
    <t>Jhalarien</t>
  </si>
  <si>
    <t>Sanaullah</t>
  </si>
  <si>
    <t>GPS BASTI LASHARI</t>
  </si>
  <si>
    <t>Moza Lashari Tehsil 18 Hazari Distt Jhang</t>
  </si>
  <si>
    <t>Kot Murad</t>
  </si>
  <si>
    <t>CHAK NO.67/ML - MALE</t>
  </si>
  <si>
    <t>Dagger Kotli</t>
  </si>
  <si>
    <t>basti Lashari P/O Dagger Kotli Shumali Tehsil Mankera District Bhakkar</t>
  </si>
  <si>
    <t>MUHAMMAD SHAHJAHAN</t>
  </si>
  <si>
    <t>GPS BASTI MOCHIAN</t>
  </si>
  <si>
    <t>Qadir Bux  Baloch</t>
  </si>
  <si>
    <t>Basti Mochian Qadir Bus Baloch Khan Pur Nornga</t>
  </si>
  <si>
    <t>Basti Mochian</t>
  </si>
  <si>
    <t>Wahi Hussain</t>
  </si>
  <si>
    <t>Sumiya Jamil</t>
  </si>
  <si>
    <t>GPS BASTI MOHANA</t>
  </si>
  <si>
    <t>UCH SHAREEF - MALE</t>
  </si>
  <si>
    <t>Basti mohna  mozha muhammad pur uch sharif</t>
  </si>
  <si>
    <t>Basti Mohna</t>
  </si>
  <si>
    <t>Ban Wala</t>
  </si>
  <si>
    <t>Bashir Javed</t>
  </si>
  <si>
    <t>Mela Chacha</t>
  </si>
  <si>
    <t>basti mohana tehsil Jatoi district muzaffar garh p/o belay wala</t>
  </si>
  <si>
    <t>Belay Wala</t>
  </si>
  <si>
    <t>Munir Ahmad</t>
  </si>
  <si>
    <t>GPS BASTI MOLVIAN</t>
  </si>
  <si>
    <t>Bait Wasawa Shumali</t>
  </si>
  <si>
    <t>Basti Molvian</t>
  </si>
  <si>
    <t>Wasawa Shumali</t>
  </si>
  <si>
    <t>Ghulam Yasin</t>
  </si>
  <si>
    <t>BULAQI WALI - MALE</t>
  </si>
  <si>
    <t>GPS basti molvian</t>
  </si>
  <si>
    <t>Darshan Jee</t>
  </si>
  <si>
    <t>GPS BASTI MUHAMMAD AKRAM</t>
  </si>
  <si>
    <t>TRANDA GURGAGE-MALE</t>
  </si>
  <si>
    <t>Tranda Gorgaje</t>
  </si>
  <si>
    <t>mouza chapri chtan shah basti noor deen gabol</t>
  </si>
  <si>
    <t>Basti Noor Deen Gabol</t>
  </si>
  <si>
    <t>Muhammad Tahir Anwar</t>
  </si>
  <si>
    <t>GPS BASTI MURAD</t>
  </si>
  <si>
    <t>CHOTI BALA MALE</t>
  </si>
  <si>
    <t>chaknangar</t>
  </si>
  <si>
    <t>GPS basti murad chaknangar choti bala</t>
  </si>
  <si>
    <t>Basti Murad</t>
  </si>
  <si>
    <t>choti bala</t>
  </si>
  <si>
    <t>Muhammad Nasir</t>
  </si>
  <si>
    <t>chah Muhammad wala shah sadar din  dera ghazi khan</t>
  </si>
  <si>
    <t>GPS BASTI NAZAR MUHAMMAD</t>
  </si>
  <si>
    <t>Shahr Nindo Khan</t>
  </si>
  <si>
    <t>Basti Nazar Muhammad shahr Nindo Khan Tehsil and District Rajan Pur</t>
  </si>
  <si>
    <t>Basti Nazar Muhammad  Muhammad</t>
  </si>
  <si>
    <t>Bangla Dehigan</t>
  </si>
  <si>
    <t>Saif Ullah</t>
  </si>
  <si>
    <t>GPS BASTI NONARI</t>
  </si>
  <si>
    <t>GOATH MAHI</t>
  </si>
  <si>
    <t>GPS Basti Nonari Goath Mahi Allah Abad Liaquat Pur</t>
  </si>
  <si>
    <t>BASTI NONARI</t>
  </si>
  <si>
    <t>Muhammad  Zafar Iqbal</t>
  </si>
  <si>
    <t>DERA MASTI - MALE</t>
  </si>
  <si>
    <t>DERA MASTI</t>
  </si>
  <si>
    <t>RAMAN</t>
  </si>
  <si>
    <t>Athar Sohail</t>
  </si>
  <si>
    <t>GPS BASTI PITAFI</t>
  </si>
  <si>
    <t>JAKHARR MALE</t>
  </si>
  <si>
    <t>sarishta nasheeb</t>
  </si>
  <si>
    <t>sarishta nasheeb basti pitafi</t>
  </si>
  <si>
    <t>basti pitafi</t>
  </si>
  <si>
    <t>sarishta thal jandi</t>
  </si>
  <si>
    <t>Iftikhar Ahmad</t>
  </si>
  <si>
    <t>Khokhar Isra</t>
  </si>
  <si>
    <t>GPS Basti Pitafi Khokhar Isra Nasheeb</t>
  </si>
  <si>
    <t>Basti Pitafi</t>
  </si>
  <si>
    <t>Imdad Hussain</t>
  </si>
  <si>
    <t>GPS BASTI RANJHA</t>
  </si>
  <si>
    <t>HAVELI LAKHA - MALE</t>
  </si>
  <si>
    <t>Berbal Ranjha</t>
  </si>
  <si>
    <t>basti Ranjha</t>
  </si>
  <si>
    <t>Basti Ranjha</t>
  </si>
  <si>
    <t>Fareedpur Suhag</t>
  </si>
  <si>
    <t>muhammad shahid saleem</t>
  </si>
  <si>
    <t>KALA  MALE</t>
  </si>
  <si>
    <t>Govt Praimry School Basti Ranjha Markaz Kala DG.Khan</t>
  </si>
  <si>
    <t>Basti  Ranjha</t>
  </si>
  <si>
    <t>GPS BASTI RINDAN</t>
  </si>
  <si>
    <t>Boole Wala</t>
  </si>
  <si>
    <t>basti rindan</t>
  </si>
  <si>
    <t>GPS BASTI SANDILA</t>
  </si>
  <si>
    <t>MANA AHMADANI-MALE</t>
  </si>
  <si>
    <t>chaaa Chaoroy wala</t>
  </si>
  <si>
    <t>Charroy Wala</t>
  </si>
  <si>
    <t>Arra Jaffar</t>
  </si>
  <si>
    <t>Muhammad Yousaf</t>
  </si>
  <si>
    <t>GPS BASTI SHAHANI</t>
  </si>
  <si>
    <t>chak no 1</t>
  </si>
  <si>
    <t>Govt. Primary school basti shahani tehsil kot chutta dist d g khan</t>
  </si>
  <si>
    <t>Basti shahani</t>
  </si>
  <si>
    <t>KHURUM SHAHZAD</t>
  </si>
  <si>
    <t>Chak Shahani moza sanjh isra</t>
  </si>
  <si>
    <t>Chak Shahani</t>
  </si>
  <si>
    <t>Imtiaz Hussain</t>
  </si>
  <si>
    <t>GPS BASTI SHER MUHAMMAD</t>
  </si>
  <si>
    <t>RAKHI MUNH-M</t>
  </si>
  <si>
    <t>Jhandaily</t>
  </si>
  <si>
    <t>rakhi gaaj p/o khar fort minro</t>
  </si>
  <si>
    <t>Tuman Leghari Bala</t>
  </si>
  <si>
    <t>KANDANI-MALE</t>
  </si>
  <si>
    <t>P.O kandani Maoza Hussain Abad Tehsil liaqatpur</t>
  </si>
  <si>
    <t>Siddique Ahmad Saeedi</t>
  </si>
  <si>
    <t>GPS BEHARI PUR</t>
  </si>
  <si>
    <t>JAMSHER KHURD - MALE</t>
  </si>
  <si>
    <t>Behari pur</t>
  </si>
  <si>
    <t>Muhammad Saif Anjum</t>
  </si>
  <si>
    <t>BHALOWALI - MALE</t>
  </si>
  <si>
    <t>Beharipur</t>
  </si>
  <si>
    <t>Muhammad Afzal</t>
  </si>
  <si>
    <t>GPS BHADAL</t>
  </si>
  <si>
    <t>SADDAR - MALE</t>
  </si>
  <si>
    <t>Bhadal</t>
  </si>
  <si>
    <t>Bhadal PO Khas Tehsil &amp; District Sialkot</t>
  </si>
  <si>
    <t>Pakki Kotli</t>
  </si>
  <si>
    <t>CHANGI - MALE</t>
  </si>
  <si>
    <t>bhadal po bhagat pure tah daska</t>
  </si>
  <si>
    <t>Bhagat Pure</t>
  </si>
  <si>
    <t>Noor Ahmad</t>
  </si>
  <si>
    <t>GPS BHADDA</t>
  </si>
  <si>
    <t>BUKHTIARI - MALE</t>
  </si>
  <si>
    <t>Sadiqabad</t>
  </si>
  <si>
    <t>basti bhadda uc Sadiqabad</t>
  </si>
  <si>
    <t>Bhadda</t>
  </si>
  <si>
    <t>Ijaz Ahmed</t>
  </si>
  <si>
    <t>GHALLOO-MALE</t>
  </si>
  <si>
    <t>Moza Bhadda,Mitroo,P/O Mitroo,Mailsi,Vehari</t>
  </si>
  <si>
    <t>195/WB</t>
  </si>
  <si>
    <t>Muhammad Shoaib Iqbal</t>
  </si>
  <si>
    <t>GPS BHANATTI</t>
  </si>
  <si>
    <t>GULEHRA GALI - MALE</t>
  </si>
  <si>
    <t>Bhanatti</t>
  </si>
  <si>
    <t>Po Dhanda Tehseel Murree</t>
  </si>
  <si>
    <t>Habib Ur Rehman</t>
  </si>
  <si>
    <t>BEOR - MALE</t>
  </si>
  <si>
    <t>Jawra</t>
  </si>
  <si>
    <t>jawra bhanatti tehsil kahuta district Rawalpindi</t>
  </si>
  <si>
    <t>Shahroom</t>
  </si>
  <si>
    <t>GPS BHANGI WALA</t>
  </si>
  <si>
    <t>SINAWAN-II- MALE</t>
  </si>
  <si>
    <t>Patti Ghulam Ali Gharbi</t>
  </si>
  <si>
    <t>shaery Wala pa to ghulam Ali gharbi teh.kot adu</t>
  </si>
  <si>
    <t>Shaery Wala</t>
  </si>
  <si>
    <t>Patti Ghulam Ali</t>
  </si>
  <si>
    <t>Ghulam yasin</t>
  </si>
  <si>
    <t>Lal Mir</t>
  </si>
  <si>
    <t>chah fateh Ali wala  moza lal mir</t>
  </si>
  <si>
    <t>Fateh Ali Wala</t>
  </si>
  <si>
    <t>Farooq Ahmed Sajid</t>
  </si>
  <si>
    <t>GPS BHASEEN</t>
  </si>
  <si>
    <t>NOOR PUR SETHI-MALE</t>
  </si>
  <si>
    <t>bhaseen</t>
  </si>
  <si>
    <t>gps bhaseen vpo paharkhan</t>
  </si>
  <si>
    <t>miani</t>
  </si>
  <si>
    <t>BHASEEN - MALE</t>
  </si>
  <si>
    <t>Bhasin</t>
  </si>
  <si>
    <t>Muhammad Ahmad</t>
  </si>
  <si>
    <t>GPS BHATTA</t>
  </si>
  <si>
    <t>MND-VII-MALE</t>
  </si>
  <si>
    <t>Kabotri</t>
  </si>
  <si>
    <t>Basti bahtta</t>
  </si>
  <si>
    <t>Hafiz Mohammed Azam Raza</t>
  </si>
  <si>
    <t>INJRA - MALE</t>
  </si>
  <si>
    <t>post office bhatta tehsil jand district attock</t>
  </si>
  <si>
    <t>Shahid Marwat</t>
  </si>
  <si>
    <t>arrange water</t>
  </si>
  <si>
    <t>GPS BHATTIAN</t>
  </si>
  <si>
    <t>LEHTRAR -MALE</t>
  </si>
  <si>
    <t>Village Bhattian P\o kahuti Bazar</t>
  </si>
  <si>
    <t>SAHLAN</t>
  </si>
  <si>
    <t>BASTI BHATTIAN MOZA SAHLAN BAHAWALPUR</t>
  </si>
  <si>
    <t>BASTI BHATTIAN</t>
  </si>
  <si>
    <t>Shaukat Ali</t>
  </si>
  <si>
    <t>Property Of Any Other Institution Besides The Municipal Institution</t>
  </si>
  <si>
    <t>SAHUKA - MALE</t>
  </si>
  <si>
    <t>Moza Bhatti, P/O Sahuka, Tehsil Burewala, District Vehari</t>
  </si>
  <si>
    <t>Sahuka</t>
  </si>
  <si>
    <t>Abrar Hussain</t>
  </si>
  <si>
    <t>GPS BHATTIAN WALA</t>
  </si>
  <si>
    <t>FEROZWALA-II - MALE</t>
  </si>
  <si>
    <t>Bhattianwala</t>
  </si>
  <si>
    <t>Gps Bhattianwala</t>
  </si>
  <si>
    <t>Momanpura</t>
  </si>
  <si>
    <t>Yasir Ali</t>
  </si>
  <si>
    <t>Muradabad</t>
  </si>
  <si>
    <t>Basti bhuttian wala .Tehsil and district Muzaffargarh</t>
  </si>
  <si>
    <t>Bhuttian wala</t>
  </si>
  <si>
    <t>Mohsin Fareed</t>
  </si>
  <si>
    <t>GPS BHAWAN SHAH</t>
  </si>
  <si>
    <t>PAKPATTAN 3 - MALE</t>
  </si>
  <si>
    <t>Bhawan Shah</t>
  </si>
  <si>
    <t>bhawan shah</t>
  </si>
  <si>
    <t>Pacca Sidhar</t>
  </si>
  <si>
    <t>Muhammad Zaheer Ud Din</t>
  </si>
  <si>
    <t>BWN-XV-MALE</t>
  </si>
  <si>
    <t>Chak bhawan shah P/O Gulab Ali.Teh &amp; Distt Bahawal Nagar</t>
  </si>
  <si>
    <t>Muhammad Shakir</t>
  </si>
  <si>
    <t>CHOHAL - MALE</t>
  </si>
  <si>
    <t>bhawan shah p/o dera jara sahiwal sargodha</t>
  </si>
  <si>
    <t>Bhuchra Kohna</t>
  </si>
  <si>
    <t>Muhammad Bahoo</t>
  </si>
  <si>
    <t>GPS BHIKHI KHURD</t>
  </si>
  <si>
    <t>MIDH RANJHA-II - MALE</t>
  </si>
  <si>
    <t>Bhiki Khokran Wali</t>
  </si>
  <si>
    <t>Bhikhi Khokharanwali</t>
  </si>
  <si>
    <t>Jallamakhdoom</t>
  </si>
  <si>
    <t>Shamasulhasan</t>
  </si>
  <si>
    <t>SALAM - MALE</t>
  </si>
  <si>
    <t>BHIKHI KHURD</t>
  </si>
  <si>
    <t>BHIKHI KHURD TEHSIL BHALWAL DISTRICT SARGODHA</t>
  </si>
  <si>
    <t>ABDAL</t>
  </si>
  <si>
    <t>GPS BHINDAY WALI</t>
  </si>
  <si>
    <t>ALI PUR-II- MALE</t>
  </si>
  <si>
    <t>Mudwala</t>
  </si>
  <si>
    <t>Basti Mudwala u/c Yakiwali Ali pur M.garh</t>
  </si>
  <si>
    <t>Yakiwali</t>
  </si>
  <si>
    <t>Muhammad Ajmal</t>
  </si>
  <si>
    <t>Bhunday wali</t>
  </si>
  <si>
    <t>Mouza bhunday wali Tehsil &amp; District Muzaffar Garh</t>
  </si>
  <si>
    <t>Bhunday Wali</t>
  </si>
  <si>
    <t>Aluday Wali</t>
  </si>
  <si>
    <t>Abdul Lateef</t>
  </si>
  <si>
    <t>GPS BHUBHAR</t>
  </si>
  <si>
    <t>DHUMMAN-MALE</t>
  </si>
  <si>
    <t>Bhubhar</t>
  </si>
  <si>
    <t>VPO Bhubhar Tehsil &amp; Distt. Chakw
Al</t>
  </si>
  <si>
    <t>Jand Awan</t>
  </si>
  <si>
    <t>Usba Hassan</t>
  </si>
  <si>
    <t>GPS BONGA BALOCHAN</t>
  </si>
  <si>
    <t>MND-XVI-MALE</t>
  </si>
  <si>
    <t>bonga bolachain</t>
  </si>
  <si>
    <t>moza bonga bolachain merkz 16 mcd</t>
  </si>
  <si>
    <t>fidai shah</t>
  </si>
  <si>
    <t>Ahmed Yar  Khan</t>
  </si>
  <si>
    <t>Farhat Abbas</t>
  </si>
  <si>
    <t>GPS BORIAN WALA</t>
  </si>
  <si>
    <t>VINNI - MALE</t>
  </si>
  <si>
    <t>Borianwala</t>
  </si>
  <si>
    <t>Vinni</t>
  </si>
  <si>
    <t>Muhammad Kashif Raza</t>
  </si>
  <si>
    <t>LAR - MALE</t>
  </si>
  <si>
    <t>Manghy Hatti</t>
  </si>
  <si>
    <t>basti Borianwala mouza manghy hatti p / o Lar Multan</t>
  </si>
  <si>
    <t>Qasba Chaharam</t>
  </si>
  <si>
    <t>Ghazanfar Abbas</t>
  </si>
  <si>
    <t>GPS BRAHMAN ABAD</t>
  </si>
  <si>
    <t>BARKI - MALE</t>
  </si>
  <si>
    <t>Brehaman Abad</t>
  </si>
  <si>
    <t>berhaman abad Barki road Lahore cantt</t>
  </si>
  <si>
    <t>Berhaman Abad</t>
  </si>
  <si>
    <t>Muhammad Shabeer</t>
  </si>
  <si>
    <t>BHANGALI - MALE</t>
  </si>
  <si>
    <t>Brahmanabad</t>
  </si>
  <si>
    <t>Village Brahmanabad Lahore cantt</t>
  </si>
  <si>
    <t>Barhmanabad</t>
  </si>
  <si>
    <t>Tera</t>
  </si>
  <si>
    <t>Shabbir Ahmed</t>
  </si>
  <si>
    <t>GPS BUDHAY WALA</t>
  </si>
  <si>
    <t>KOT ADU-II- MALE</t>
  </si>
  <si>
    <t>pirhar gharbi mustaqil</t>
  </si>
  <si>
    <t>bhudday wala</t>
  </si>
  <si>
    <t>Pirhar Gharbi</t>
  </si>
  <si>
    <t>Muhammad Asif</t>
  </si>
  <si>
    <t>VIJH - MALE</t>
  </si>
  <si>
    <t>Budhay Wala</t>
  </si>
  <si>
    <t>village budhay wala p.o Ahmad pur teh sahiwal dist sargodha</t>
  </si>
  <si>
    <t>Budhay wala</t>
  </si>
  <si>
    <t>Radhan</t>
  </si>
  <si>
    <t>Safia Rani</t>
  </si>
  <si>
    <t>GPS BUTTER</t>
  </si>
  <si>
    <t>AHMADABAD - MALE</t>
  </si>
  <si>
    <t>Buttar</t>
  </si>
  <si>
    <t>buttar p/o kotli Muhammad siddique tehsil&amp;distt narowal</t>
  </si>
  <si>
    <t>Domala</t>
  </si>
  <si>
    <t>Muhammad Mudassar</t>
  </si>
  <si>
    <t>GPS CANAL COLONY</t>
  </si>
  <si>
    <t>SUKH PUR - MALE</t>
  </si>
  <si>
    <t>City Depalpur</t>
  </si>
  <si>
    <t>canal colony Haveli road Depalpur okara</t>
  </si>
  <si>
    <t>Canal Colony</t>
  </si>
  <si>
    <t>Mazhar Abad</t>
  </si>
  <si>
    <t>KHAN MUHAMMAD WALA - MALE</t>
  </si>
  <si>
    <t>Canal Colony Chak Qazi</t>
  </si>
  <si>
    <t>canal colony</t>
  </si>
  <si>
    <t>Rakh Charagah</t>
  </si>
  <si>
    <t>Muhammad Wakeel</t>
  </si>
  <si>
    <t>KHUDIAN CITY - MALE</t>
  </si>
  <si>
    <t>canal colony rural part khudian khas kasur</t>
  </si>
  <si>
    <t>Baroon Khudian</t>
  </si>
  <si>
    <t>Muhammad Rizwan Qamar</t>
  </si>
  <si>
    <t>GPS CHAK 283 GB</t>
  </si>
  <si>
    <t>RUDALA MANDI - MALE</t>
  </si>
  <si>
    <t>chak no 283 gb E</t>
  </si>
  <si>
    <t>rurala road</t>
  </si>
  <si>
    <t>chak no 283 gb</t>
  </si>
  <si>
    <t>Muhammad  Imran</t>
  </si>
  <si>
    <t>Ssmundar</t>
  </si>
  <si>
    <t>Chak No 283 GB</t>
  </si>
  <si>
    <t>Chak No 283 gb</t>
  </si>
  <si>
    <t>Irshad Akhtar</t>
  </si>
  <si>
    <t>GPS CHAK 365 GB</t>
  </si>
  <si>
    <t>SAMMI DI JHOK-MALE</t>
  </si>
  <si>
    <t>CHAK NO. 365 GB EAST JARANWALA FAISALABAD</t>
  </si>
  <si>
    <t>CHAK NO 365 GB EAST JARANWALA FAISALABAD</t>
  </si>
  <si>
    <t>CHAK NO 364 GB</t>
  </si>
  <si>
    <t>SOHAIL AKHTAR</t>
  </si>
  <si>
    <t>gps 365 GB west</t>
  </si>
  <si>
    <t>365 Gb W</t>
  </si>
  <si>
    <t>364 Gb</t>
  </si>
  <si>
    <t>Mushtaq  Ahmad</t>
  </si>
  <si>
    <t>GPS CHAK BAIG</t>
  </si>
  <si>
    <t>MOUTRA - MALE</t>
  </si>
  <si>
    <t>Chak  Baig</t>
  </si>
  <si>
    <t>chak baig</t>
  </si>
  <si>
    <t>Muhammed Arshad</t>
  </si>
  <si>
    <t>GPS CHAK KALA</t>
  </si>
  <si>
    <t>Chak Kala</t>
  </si>
  <si>
    <t>village Chak Kala</t>
  </si>
  <si>
    <t>Mongher</t>
  </si>
  <si>
    <t>Muhammad Sajjad Sarwar</t>
  </si>
  <si>
    <t>J.P.JATTAN III - MALE</t>
  </si>
  <si>
    <t>chak kala</t>
  </si>
  <si>
    <t>Sook Kalan</t>
  </si>
  <si>
    <t>Nadeem Zia</t>
  </si>
  <si>
    <t>GPS CHAK MUGHAL</t>
  </si>
  <si>
    <t>LAL SAGOO-MALE</t>
  </si>
  <si>
    <t>moza chak mughal p/o dokota</t>
  </si>
  <si>
    <t>Muhammad Javaid</t>
  </si>
  <si>
    <t>GPS CHAK NO 296 HR</t>
  </si>
  <si>
    <t>FTS-XII-MALE</t>
  </si>
  <si>
    <t>296HR</t>
  </si>
  <si>
    <t>Mujahid Iqbal</t>
  </si>
  <si>
    <t>GPS CHAK NO. 2/4-L</t>
  </si>
  <si>
    <t>OKARA SADAR - MALE</t>
  </si>
  <si>
    <t>2/4L</t>
  </si>
  <si>
    <t>Shamsiya Colony</t>
  </si>
  <si>
    <t>Muhammad Shafi</t>
  </si>
  <si>
    <t>Chak No 2/4 L</t>
  </si>
  <si>
    <t>chak no 2/4L</t>
  </si>
  <si>
    <t>Muhammad sharif Qamar</t>
  </si>
  <si>
    <t>GPS CHAK NO. 28</t>
  </si>
  <si>
    <t>MIANA GONDAL-II - MALE</t>
  </si>
  <si>
    <t>Chak 28</t>
  </si>
  <si>
    <t>chak 28 tahsel malakwal dstrict mandi bahu din</t>
  </si>
  <si>
    <t>Mona Sydan</t>
  </si>
  <si>
    <t>Ram Ji Lal</t>
  </si>
  <si>
    <t>MURIDKE-VII - MALE</t>
  </si>
  <si>
    <t>Chak No 28 UCC</t>
  </si>
  <si>
    <t>Chak No 28 UCC P/O Kuthyala Virkan Tehsil Muridke District Sheikhupura.</t>
  </si>
  <si>
    <t>Kuthyala Virkan</t>
  </si>
  <si>
    <t>Karamat Ali Bhatti</t>
  </si>
  <si>
    <t>GPS CHAK NO. 92/6-R</t>
  </si>
  <si>
    <t>HND-7-MALE</t>
  </si>
  <si>
    <t>92/6-R Dera</t>
  </si>
  <si>
    <t>Chak no 92/6-R Dera Narh Singh</t>
  </si>
  <si>
    <t>Chak No 92/6-R Dera</t>
  </si>
  <si>
    <t>94/6R</t>
  </si>
  <si>
    <t>Sadia Murtaza</t>
  </si>
  <si>
    <t>92/6R</t>
  </si>
  <si>
    <t>Chak No. 92/6R</t>
  </si>
  <si>
    <t>Night Aziz</t>
  </si>
  <si>
    <t>GPS CHAK NO.62/4-R</t>
  </si>
  <si>
    <t>HND-11-MALE</t>
  </si>
  <si>
    <t>Chak No.63/4.R Teh.Haroonabad Distt.Bahawalnagar</t>
  </si>
  <si>
    <t>63/4R</t>
  </si>
  <si>
    <t>23/3R</t>
  </si>
  <si>
    <t>Muhammad Asim Waqas</t>
  </si>
  <si>
    <t>62/4R</t>
  </si>
  <si>
    <t>Chak no 62/4R</t>
  </si>
  <si>
    <t>GPS CHAK NOON</t>
  </si>
  <si>
    <t>mighyana</t>
  </si>
  <si>
    <t>buchy wala</t>
  </si>
  <si>
    <t>chaknoon</t>
  </si>
  <si>
    <t>hasnana</t>
  </si>
  <si>
    <t>Mohammad nadeem iqbal</t>
  </si>
  <si>
    <t>MANDI SHAH JEWENA - MALE</t>
  </si>
  <si>
    <t>GPS Chak Noon</t>
  </si>
  <si>
    <t>Kari Wala</t>
  </si>
  <si>
    <t>muhammad zeeshan aslam</t>
  </si>
  <si>
    <t>GPS CHAKORA</t>
  </si>
  <si>
    <t>PHARIAN WALI - MALE</t>
  </si>
  <si>
    <t>Village Chakora PO Pahrian Wali Phalia MB Din</t>
  </si>
  <si>
    <t>Ranseeky</t>
  </si>
  <si>
    <t>Muhammad Rizwan Ishtiaq ashtiaq</t>
  </si>
  <si>
    <t>Kallar Kahar</t>
  </si>
  <si>
    <t>chakora vpo kallar kahar teh.kallar kahar distt chakwal</t>
  </si>
  <si>
    <t>Muhammad Razaq</t>
  </si>
  <si>
    <t>GPS CHAKRA</t>
  </si>
  <si>
    <t>CHAK AMRU- MALE</t>
  </si>
  <si>
    <t>Chakra</t>
  </si>
  <si>
    <t>Village Chakra P/O Lessar Kalan</t>
  </si>
  <si>
    <t>Sarjal</t>
  </si>
  <si>
    <t>Abdulrehman</t>
  </si>
  <si>
    <t>RWP CANTT-MALE</t>
  </si>
  <si>
    <t>GPS Chakra</t>
  </si>
  <si>
    <t>Girja</t>
  </si>
  <si>
    <t>Sughra Parveen</t>
  </si>
  <si>
    <t>GPS CHAND</t>
  </si>
  <si>
    <t>PASRUR - MALE</t>
  </si>
  <si>
    <t>Chand</t>
  </si>
  <si>
    <t>GPS Chand</t>
  </si>
  <si>
    <t>Balagan</t>
  </si>
  <si>
    <t>Ali Raza</t>
  </si>
  <si>
    <t>GPS CHANDA</t>
  </si>
  <si>
    <t>Chanda</t>
  </si>
  <si>
    <t>chanda  po  chheena  bhakkar</t>
  </si>
  <si>
    <t>Mullanwali</t>
  </si>
  <si>
    <t>Gul Hassan</t>
  </si>
  <si>
    <t>Chanda PO Chakk dolaa Tehsil Zafarwal District Narowal</t>
  </si>
  <si>
    <t>GPS CHANDAN WALA</t>
  </si>
  <si>
    <t>Chak No 3</t>
  </si>
  <si>
    <t>chah chandan wala, maouza chak no. 3 , kot chuuta, dera ghazi khan</t>
  </si>
  <si>
    <t>Chandan Wala</t>
  </si>
  <si>
    <t>Mohsin Shafique</t>
  </si>
  <si>
    <t>GPS CHANDIA</t>
  </si>
  <si>
    <t>ZAHIR PIR - MALE</t>
  </si>
  <si>
    <t>Chandia</t>
  </si>
  <si>
    <t>Basti Jam Ghulam Hassan pahore</t>
  </si>
  <si>
    <t>Basti Jam Ghulam Hassan Pahore</t>
  </si>
  <si>
    <t>Fiaz Ahmad</t>
  </si>
  <si>
    <t>YOUSAF SHAH NO 1- MALE</t>
  </si>
  <si>
    <t>Gps Chandia Bhakkar</t>
  </si>
  <si>
    <t>Basti Kheeva Chandia</t>
  </si>
  <si>
    <t>Ehsan Ullah</t>
  </si>
  <si>
    <t>GPS CHANGAN WALI</t>
  </si>
  <si>
    <t>GHAKHAR 1 - MALE</t>
  </si>
  <si>
    <t>CHANGANWALI</t>
  </si>
  <si>
    <t>GPS CHANGANWALI</t>
  </si>
  <si>
    <t>Sohail Asif</t>
  </si>
  <si>
    <t>J.P.JATTAN I - MALE</t>
  </si>
  <si>
    <t>Changan Wali</t>
  </si>
  <si>
    <t>village changan wali sain di post office jalal pur jattan  tehseel disst. gujrat</t>
  </si>
  <si>
    <t>Changan Wali Shamali</t>
  </si>
  <si>
    <t>Chopala</t>
  </si>
  <si>
    <t>Jamshaid Muhiuddin</t>
  </si>
  <si>
    <t>water pump of nearby Masjid</t>
  </si>
  <si>
    <t>GPS CHARAGH SHAH WALA</t>
  </si>
  <si>
    <t>Shein Wala</t>
  </si>
  <si>
    <t>Charagh Shah Wala mouza Shein. Wala teh,karor district layyah</t>
  </si>
  <si>
    <t>Charagh Shah Wala</t>
  </si>
  <si>
    <t>MUHAMMAD QAYYUM</t>
  </si>
  <si>
    <t>OLAKH THAL KALAN - MALE</t>
  </si>
  <si>
    <t>Olakh Thal Kalan</t>
  </si>
  <si>
    <t>basti charagh shah wala</t>
  </si>
  <si>
    <t>Olakh Thal kalan</t>
  </si>
  <si>
    <t>Syed Muhammad Umair  Shah</t>
  </si>
  <si>
    <t>GPS CHATTAY WALA</t>
  </si>
  <si>
    <t>Tibba Mustaqil</t>
  </si>
  <si>
    <t>chatty Wala pull hzara makaz daira din panah</t>
  </si>
  <si>
    <t>Chatty Wala Pul Hzara</t>
  </si>
  <si>
    <t>Muhammad Ismaeel</t>
  </si>
  <si>
    <t>Daulatpur</t>
  </si>
  <si>
    <t>basti chattay wala, daulatpur, m.garh</t>
  </si>
  <si>
    <t>Chattay Wala</t>
  </si>
  <si>
    <t>Nohan Walay</t>
  </si>
  <si>
    <t>GPS CHHAB</t>
  </si>
  <si>
    <t>KATHA SAGRAL (NORTH) (MALE)</t>
  </si>
  <si>
    <t>Padhrar</t>
  </si>
  <si>
    <t>chhab padhrar teh and distt. khushab</t>
  </si>
  <si>
    <t>Chhab</t>
  </si>
  <si>
    <t>Tariq Hussain</t>
  </si>
  <si>
    <t>CHHEB - MALE</t>
  </si>
  <si>
    <t>Narrah Taraf Narrah</t>
  </si>
  <si>
    <t>vpo chhab tehsil Jand district Attock</t>
  </si>
  <si>
    <t>Shazia Mussarat</t>
  </si>
  <si>
    <t>GPS CHIT KALROO</t>
  </si>
  <si>
    <t>Chit Kalroo</t>
  </si>
  <si>
    <t>chit Kalroo</t>
  </si>
  <si>
    <t>BAKAINI</t>
  </si>
  <si>
    <t>Tauqeer Ahmed</t>
  </si>
  <si>
    <t>BAKHRI AHMED KHAN - MALE</t>
  </si>
  <si>
    <t>Bait Dabli</t>
  </si>
  <si>
    <t>basti truri bait dabli bakhri Ahmad kham</t>
  </si>
  <si>
    <t>Bakhri Ahmad</t>
  </si>
  <si>
    <t>Manzoor Ahmed</t>
  </si>
  <si>
    <t>GPS DAAG</t>
  </si>
  <si>
    <t>LARRI MALE</t>
  </si>
  <si>
    <t>daag</t>
  </si>
  <si>
    <t>basti daag trible area</t>
  </si>
  <si>
    <t>MITHWAN</t>
  </si>
  <si>
    <t>riaz ahmed</t>
  </si>
  <si>
    <t>self base</t>
  </si>
  <si>
    <t>RETRA MALE</t>
  </si>
  <si>
    <t>Wani</t>
  </si>
  <si>
    <t>gps daag basti bohar</t>
  </si>
  <si>
    <t>Umar Farooq</t>
  </si>
  <si>
    <t>GPS DAD WALA</t>
  </si>
  <si>
    <t>Ameer Kalasra  Gharbi</t>
  </si>
  <si>
    <t>dad wala</t>
  </si>
  <si>
    <t>Chak No 172/TDA</t>
  </si>
  <si>
    <t>Mazahir Iqbal</t>
  </si>
  <si>
    <t>SINAWAN-I- MALE</t>
  </si>
  <si>
    <t>Patti Daya Chokha</t>
  </si>
  <si>
    <t>chah Hussain wala Patti daya  chockha</t>
  </si>
  <si>
    <t>Chah Hussain Wala</t>
  </si>
  <si>
    <t>Patti Daya  Chockha</t>
  </si>
  <si>
    <t>Abid hussain</t>
  </si>
  <si>
    <t>GPS DAHAR</t>
  </si>
  <si>
    <t>jahan pur dahar</t>
  </si>
  <si>
    <t>Village Dahar P/O bhera tehsil bhera dist sargodha</t>
  </si>
  <si>
    <t>Dahar</t>
  </si>
  <si>
    <t>Rakh chragah</t>
  </si>
  <si>
    <t>BARTHI MALE</t>
  </si>
  <si>
    <t>Basti dahar trible area distt dgkhan</t>
  </si>
  <si>
    <t>Barthi</t>
  </si>
  <si>
    <t>zulfiqar ali</t>
  </si>
  <si>
    <t>pond</t>
  </si>
  <si>
    <t>QADIR ABAD-MALE</t>
  </si>
  <si>
    <t>dahar tehsil depalpur district okara</t>
  </si>
  <si>
    <t>Guddar Malkana</t>
  </si>
  <si>
    <t>Amanat Ali</t>
  </si>
  <si>
    <t>GPS DARKHAN WALA</t>
  </si>
  <si>
    <t>KOT HAIBAT MALE</t>
  </si>
  <si>
    <t>kot habit</t>
  </si>
  <si>
    <t>chah darkhan wala kot habit</t>
  </si>
  <si>
    <t>darkhan wala</t>
  </si>
  <si>
    <t>Khalid Mahmood</t>
  </si>
  <si>
    <t>basti qasim Khan jiskani p/o murghai tehsil &amp; district Rajanpur</t>
  </si>
  <si>
    <t>Darkhan wala</t>
  </si>
  <si>
    <t>Dhinghen</t>
  </si>
  <si>
    <t>Muhammad Ali</t>
  </si>
  <si>
    <t>Mahboob Wala</t>
  </si>
  <si>
    <t>Darkhan wala moza mahboob wala p/o Basira  M.garh</t>
  </si>
  <si>
    <t>Darkhan Wala</t>
  </si>
  <si>
    <t>Ali Dah</t>
  </si>
  <si>
    <t>Muhammad Ibrahim</t>
  </si>
  <si>
    <t>NAZIK NAGAR - MALE</t>
  </si>
  <si>
    <t>Thaklan Shumali</t>
  </si>
  <si>
    <t>besti darkhan wala mouza thaklan shumali uc krm Ali wala p/o havali Lang jalal pur pir wala multan</t>
  </si>
  <si>
    <t>Karm Ali Wala</t>
  </si>
  <si>
    <t>Falak shair</t>
  </si>
  <si>
    <t>GPS DARYA</t>
  </si>
  <si>
    <t>HAZRO 2 - MALE</t>
  </si>
  <si>
    <t>village and P/O Darya Tehsil Hazro District Attock</t>
  </si>
  <si>
    <t>Musa Kudlathi</t>
  </si>
  <si>
    <t>Said Rasool</t>
  </si>
  <si>
    <t>NANKANA CITY 1-MALE</t>
  </si>
  <si>
    <t>Village  Darya Teh&amp;Distt Nankana Sahib</t>
  </si>
  <si>
    <t>Dhary  Da Wara</t>
  </si>
  <si>
    <t>Amir Munir</t>
  </si>
  <si>
    <t>GPS DERA BHATTIAN</t>
  </si>
  <si>
    <t>SHEIKHUPURA-VII - MALE</t>
  </si>
  <si>
    <t>Bahiryanwala</t>
  </si>
  <si>
    <t>Dera bhattian near bahiryanwala</t>
  </si>
  <si>
    <t>Dera Bhattian</t>
  </si>
  <si>
    <t>Muhammad Safdar</t>
  </si>
  <si>
    <t>SANGLA HILL SHARQI - MALE</t>
  </si>
  <si>
    <t>Dhera Bhattian</t>
  </si>
  <si>
    <t>Village Dera Bhattian P.O Marrar Chak 42/RB Teh:Sangla Hill Distt:Nankana Sahib.</t>
  </si>
  <si>
    <t>Roriwala Chak No 41</t>
  </si>
  <si>
    <t>Babar Shabbir</t>
  </si>
  <si>
    <t>GPS DERA CHANGRAN</t>
  </si>
  <si>
    <t>SHEIKHUPURA-XII - MALE</t>
  </si>
  <si>
    <t>DERA CHANGRA P/O LAGAR</t>
  </si>
  <si>
    <t>LAGAR</t>
  </si>
  <si>
    <t>Dera Changran</t>
  </si>
  <si>
    <t>dera changran(khtiala virkan). tehsil muridke dist sheikhupura</t>
  </si>
  <si>
    <t>Kuthiala Virkan</t>
  </si>
  <si>
    <t>Khutiala Virkan</t>
  </si>
  <si>
    <t>Tahir Ali Shah</t>
  </si>
  <si>
    <t>SHEIKHUPURA-VI - MALE</t>
  </si>
  <si>
    <t>Ranikey Minara Sheikhupura</t>
  </si>
  <si>
    <t>Ranikey Minara</t>
  </si>
  <si>
    <t>Kurlkey</t>
  </si>
  <si>
    <t>Zahid Naseeb</t>
  </si>
  <si>
    <t>GPS DERA FATEH MUHAMMAD</t>
  </si>
  <si>
    <t>KOT MOMIN WEST-II - MALE</t>
  </si>
  <si>
    <t>lalliani</t>
  </si>
  <si>
    <t>village &amp; post office lalliani</t>
  </si>
  <si>
    <t>Lalliani</t>
  </si>
  <si>
    <t>Muhammad Hafeez Yaqoob</t>
  </si>
  <si>
    <t>TARKU ADA MALE</t>
  </si>
  <si>
    <t>Chak no 372 tda choubara layyah</t>
  </si>
  <si>
    <t>Chak No 372 T D A</t>
  </si>
  <si>
    <t>Muhammad Munir</t>
  </si>
  <si>
    <t>GPS DERA GHULAM HUSSAIN</t>
  </si>
  <si>
    <t>NOOR PUR (NORTH) (MALE)</t>
  </si>
  <si>
    <t>Adhi Sargal</t>
  </si>
  <si>
    <t>Dera hulam hussain shah vpo Adhi Sargal Tehsil Noor Pur Thal District Khushab</t>
  </si>
  <si>
    <t>Farooq Ahmad</t>
  </si>
  <si>
    <t>CHAK 4-SB - MALE</t>
  </si>
  <si>
    <t>DEOWAL</t>
  </si>
  <si>
    <t>MUHAMMAD ASLAM</t>
  </si>
  <si>
    <t>KARLU WALA - MALE</t>
  </si>
  <si>
    <t>sadh wala</t>
  </si>
  <si>
    <t>P/O GOHAR WALA MOZA SADH WALA</t>
  </si>
  <si>
    <t>Dera Deendar</t>
  </si>
  <si>
    <t>KARLU WALA</t>
  </si>
  <si>
    <t>Azmat Sher</t>
  </si>
  <si>
    <t>GPS DERA GUJRAN</t>
  </si>
  <si>
    <t>Bahalike</t>
  </si>
  <si>
    <t>Goverment primary school Dera Gujran</t>
  </si>
  <si>
    <t>Zulfiqar Ghous</t>
  </si>
  <si>
    <t>Nangal Sahdan</t>
  </si>
  <si>
    <t>Nangal sahdan</t>
  </si>
  <si>
    <t>Hussain Poor</t>
  </si>
  <si>
    <t>Hafiz Tahir mahmood</t>
  </si>
  <si>
    <t>SHEIKHUPURA-X - MALE</t>
  </si>
  <si>
    <t>deragujran</t>
  </si>
  <si>
    <t>dera gujran chack 08 tehsil/district sheikhupura</t>
  </si>
  <si>
    <t>dera gujran chack 8</t>
  </si>
  <si>
    <t>Kurlkay Androon</t>
  </si>
  <si>
    <t>maqsood ahmad</t>
  </si>
  <si>
    <t>GPS DERA MANGAL SINGH</t>
  </si>
  <si>
    <t>Sawanke</t>
  </si>
  <si>
    <t>Dera mangal Singh</t>
  </si>
  <si>
    <t>Dera  Mangal Singh</t>
  </si>
  <si>
    <t>Asad Raza</t>
  </si>
  <si>
    <t>GPS DERA MASJID WALA</t>
  </si>
  <si>
    <t>Dera Masjid Wala</t>
  </si>
  <si>
    <t>dera masjid Wala</t>
  </si>
  <si>
    <t>36 Khanpur Nabipur</t>
  </si>
  <si>
    <t>Muhammad Maqbool</t>
  </si>
  <si>
    <t>SHEIKHUPURA-II - MALE</t>
  </si>
  <si>
    <t>Dera Masjidwala</t>
  </si>
  <si>
    <t>dera masjid wala post office hardev</t>
  </si>
  <si>
    <t>Hardev</t>
  </si>
  <si>
    <t>GPS DERA MIANA</t>
  </si>
  <si>
    <t>Dodha</t>
  </si>
  <si>
    <t>Dera Miana Tehsiel kotmomin Dist. Sargodha</t>
  </si>
  <si>
    <t>Dera Miana</t>
  </si>
  <si>
    <t>Tehreem Arshad</t>
  </si>
  <si>
    <t>MBDIN -IV - MALE</t>
  </si>
  <si>
    <t>dera miana</t>
  </si>
  <si>
    <t>Sahna</t>
  </si>
  <si>
    <t>Muhammad Irfan</t>
  </si>
  <si>
    <t>GPS DERA MUHAMMAD ASHRAF</t>
  </si>
  <si>
    <t>Dera Ashraf</t>
  </si>
  <si>
    <t>dera ziadaabad gojra,teh.malakwal,distt.m.b.din</t>
  </si>
  <si>
    <t>CHANI HANJRANWAN - MALE</t>
  </si>
  <si>
    <t>Kolo Tarar</t>
  </si>
  <si>
    <t>GPS Dera Muhammad Ashraf</t>
  </si>
  <si>
    <t>Dera Noor Muhammad</t>
  </si>
  <si>
    <t>Mehreen Habibullah</t>
  </si>
  <si>
    <t>GPS DERA MUHAMMAD KHAN</t>
  </si>
  <si>
    <t>RANG PUR BAGHOOR (MALE)</t>
  </si>
  <si>
    <t>Rang Pur Baghore</t>
  </si>
  <si>
    <t>Dera zMuhammad Khan PO Rangpur pur Tehsil Noor pur thal khushab</t>
  </si>
  <si>
    <t>Khaliqabad District Khushab</t>
  </si>
  <si>
    <t>Dera Muhammad khan</t>
  </si>
  <si>
    <t>Muhammad Gulzar</t>
  </si>
  <si>
    <t>GPS DERA MUHAMMAD SHER</t>
  </si>
  <si>
    <t>QUAIDABAD</t>
  </si>
  <si>
    <t>OKHLI MOHLA (MALE)</t>
  </si>
  <si>
    <t>Okhlimohla</t>
  </si>
  <si>
    <t>VPO Okhlimohla Tehsil Qaidabad District Khushab</t>
  </si>
  <si>
    <t>MITHA KHOOH (MALE)</t>
  </si>
  <si>
    <t>uttra</t>
  </si>
  <si>
    <t>Gps Dera Muhammad Sher</t>
  </si>
  <si>
    <t>uttra janubi</t>
  </si>
  <si>
    <t>Kashif Nadeem</t>
  </si>
  <si>
    <t>GPS DERA TARARAN</t>
  </si>
  <si>
    <t>C. NO.III MBDIN - MALE</t>
  </si>
  <si>
    <t>Dera TARARAN</t>
  </si>
  <si>
    <t>post office mangat GPS DERA TARARAN tehsil &amp; district mandi bahauddin</t>
  </si>
  <si>
    <t>Mangat # -  1111111111d///////////////////////////</t>
  </si>
  <si>
    <t>Mangat  --------2-2-24-24-242-2421-24215-242153532-2-24-24-242-2421-24215-242153532-2-24-24-242-2421</t>
  </si>
  <si>
    <t>Awais Khalid</t>
  </si>
  <si>
    <t>GPS DHAMIAL</t>
  </si>
  <si>
    <t>BEWAL-MALE</t>
  </si>
  <si>
    <t>Dhamial</t>
  </si>
  <si>
    <t>p.o. bewal dhamial</t>
  </si>
  <si>
    <t>Bewal</t>
  </si>
  <si>
    <t>ADIALA -MALE</t>
  </si>
  <si>
    <t>GPS village dhamial</t>
  </si>
  <si>
    <t>GPS DHAMTHAL</t>
  </si>
  <si>
    <t>DHAMTHAL - MALE</t>
  </si>
  <si>
    <t>main road narowal zafarwal nazd porana kbrastan Dhamthal</t>
  </si>
  <si>
    <t>Rehmatullah</t>
  </si>
  <si>
    <t>KARIANWALA-III-MALE</t>
  </si>
  <si>
    <t>Village Dhamthal p/o Karianwala Teh&amp;Distt. Gujrat</t>
  </si>
  <si>
    <t>IMRAN ULLAH</t>
  </si>
  <si>
    <t>GPS DHINGANA</t>
  </si>
  <si>
    <t>JHOK MAHAR - MALE</t>
  </si>
  <si>
    <t>RAQBA  DHINGANA</t>
  </si>
  <si>
    <t>RAQBA DHINGANA P/O DAJAL TEH.JAMPUR DISTT.RAJANPUR</t>
  </si>
  <si>
    <t>BASTI AHMED BUX</t>
  </si>
  <si>
    <t>RAKH AZMAT WALLA</t>
  </si>
  <si>
    <t>Muhammad Ahsan Rauf</t>
  </si>
  <si>
    <t>GPS DHODHA</t>
  </si>
  <si>
    <t>Shamman</t>
  </si>
  <si>
    <t>Tootan Wala Mouza Shamman</t>
  </si>
  <si>
    <t>Tootan Wala</t>
  </si>
  <si>
    <t>Muhammad Fayyaz</t>
  </si>
  <si>
    <t>GPS  dhoda post office  Dhoda Teh chakwal distt chakwal</t>
  </si>
  <si>
    <t>Malik khan</t>
  </si>
  <si>
    <t>GPS DHOK AWAN</t>
  </si>
  <si>
    <t>Dhoke Awan</t>
  </si>
  <si>
    <t>dhakhli ratta Sharif p.o ratta tehsil kallar kahar distt chakwal</t>
  </si>
  <si>
    <t>Ratta Sharif</t>
  </si>
  <si>
    <t>Shahid Mahmood</t>
  </si>
  <si>
    <t>SOHAN-MALE</t>
  </si>
  <si>
    <t>dhoke awan</t>
  </si>
  <si>
    <t>Madukalas</t>
  </si>
  <si>
    <t>Babar Nadeem Kayani</t>
  </si>
  <si>
    <t>GPS DHOK FATEH SHAH</t>
  </si>
  <si>
    <t>Dhok Fateh Shah</t>
  </si>
  <si>
    <t>Dhok Fateh Shah, Thirchak. P/O : Kallar Kahar, District : Chakwal.</t>
  </si>
  <si>
    <t>Thirchak</t>
  </si>
  <si>
    <t>Muhammad Shoaib Riaz</t>
  </si>
  <si>
    <t>TAMMAN-MALE</t>
  </si>
  <si>
    <t>Dk Fateh Shah</t>
  </si>
  <si>
    <t>v&amp; Po Dk Fateh Shah Teh Talagang Distt Chakwal</t>
  </si>
  <si>
    <t>Dher Mond</t>
  </si>
  <si>
    <t>BASHIR AHMAD</t>
  </si>
  <si>
    <t>GPS DHOK GONDAL</t>
  </si>
  <si>
    <t>DULLAH-MALE</t>
  </si>
  <si>
    <t>village dhoke gondal post office Dullah</t>
  </si>
  <si>
    <t>Asma Batool</t>
  </si>
  <si>
    <t>GPS DHOK KUND</t>
  </si>
  <si>
    <t>NAMAL-MALE</t>
  </si>
  <si>
    <t>Namal</t>
  </si>
  <si>
    <t>Dhok kund namal mianwali</t>
  </si>
  <si>
    <t>Dhok Kund</t>
  </si>
  <si>
    <t>Muhammad Imran Khan</t>
  </si>
  <si>
    <t>KHUNDA - MALE</t>
  </si>
  <si>
    <t>Chontra</t>
  </si>
  <si>
    <t>dhok kund tehsil jand district attock</t>
  </si>
  <si>
    <t>Sumble Nisa</t>
  </si>
  <si>
    <t>GPS DHOK LARI</t>
  </si>
  <si>
    <t>LANGAR - MALE</t>
  </si>
  <si>
    <t>Dhoke Larri</t>
  </si>
  <si>
    <t>Dhoke larri bhal p o Gulyal Tehsil Jand District Attock</t>
  </si>
  <si>
    <t>Chhapri</t>
  </si>
  <si>
    <t>MUHAMMAD ABID SHAH</t>
  </si>
  <si>
    <t>CHAKWAL-I-MALE</t>
  </si>
  <si>
    <t>Dk Lari</t>
  </si>
  <si>
    <t>post office mehro village dk.lari chakwal</t>
  </si>
  <si>
    <t>Maingon</t>
  </si>
  <si>
    <t>Iftikhar Ahmed</t>
  </si>
  <si>
    <t>GPS DHOK MIAL</t>
  </si>
  <si>
    <t>Lakiya dhok Mial chakrala</t>
  </si>
  <si>
    <t>Lakiya Mial</t>
  </si>
  <si>
    <t>Shafi Ullah Khan</t>
  </si>
  <si>
    <t>KHARPA - MALE</t>
  </si>
  <si>
    <t>dhok mial</t>
  </si>
  <si>
    <t>Dhok Mail</t>
  </si>
  <si>
    <t>Muhammad Ishfaq</t>
  </si>
  <si>
    <t>SAGHAR-MALE</t>
  </si>
  <si>
    <t>Bhagtal</t>
  </si>
  <si>
    <t>Dk MIAL VPO BHAGTAL TEHSIL TALAGANG DISTRICT CHAKWAL</t>
  </si>
  <si>
    <t>Peerah Fatehal</t>
  </si>
  <si>
    <t>Razia Bi Bi</t>
  </si>
  <si>
    <t>GPS DHOK MOHRI</t>
  </si>
  <si>
    <t>VPO Khunda Village Dhk Mohri , khunda , Jand</t>
  </si>
  <si>
    <t>Dhk Mohri</t>
  </si>
  <si>
    <t>Water Supply</t>
  </si>
  <si>
    <t>BALKASSAR-MALE</t>
  </si>
  <si>
    <t>Dhok Mohri</t>
  </si>
  <si>
    <t>Dhok Mohri Dakhli Bikhari kalan Distt &amp; Teh CHAKWAL</t>
  </si>
  <si>
    <t>Bikhari Kalan</t>
  </si>
  <si>
    <t>Adeela Saman</t>
  </si>
  <si>
    <t>GPS DHOK MUHAMMAD KHAN</t>
  </si>
  <si>
    <t>TALAGANG-MALE</t>
  </si>
  <si>
    <t>Dk Faqeer</t>
  </si>
  <si>
    <t>vop Pira Fatehal Tehsil Talagang District Chakwal</t>
  </si>
  <si>
    <t>Pira Fatehal</t>
  </si>
  <si>
    <t>Dhok M Khan</t>
  </si>
  <si>
    <t>Gps Dhok Muhammad khan Chowkhandi</t>
  </si>
  <si>
    <t>Chowkhandi</t>
  </si>
  <si>
    <t>M Akhter Hussain</t>
  </si>
  <si>
    <t>GPS DHOLAN</t>
  </si>
  <si>
    <t>CHANDALA - MALE</t>
  </si>
  <si>
    <t>Village Dholan tehsil Kamoke district Gujranwala</t>
  </si>
  <si>
    <t>Village Dholan Post Office Sair Tehsil Zafarwal District  Narowal</t>
  </si>
  <si>
    <t>Jastiwala Uncha</t>
  </si>
  <si>
    <t>ATTA ULLAH</t>
  </si>
  <si>
    <t>GPS DHOOP SARI</t>
  </si>
  <si>
    <t>BHEDIAN KALAN - MALE</t>
  </si>
  <si>
    <t>Kasur</t>
  </si>
  <si>
    <t>Hafiz Sadaqat Ali</t>
  </si>
  <si>
    <t>DHUP SARI</t>
  </si>
  <si>
    <t>TIBBI HAMBOO</t>
  </si>
  <si>
    <t>mirza muhammad mohsin</t>
  </si>
  <si>
    <t>Dheray Da Wara</t>
  </si>
  <si>
    <t>Muhammad Adnan Izhar</t>
  </si>
  <si>
    <t>GPS DHORAY WALA</t>
  </si>
  <si>
    <t>JHOK UTTRA-MALE</t>
  </si>
  <si>
    <t>Haji Kamand</t>
  </si>
  <si>
    <t>GPS Dhoray wala mouza haji kamand tehsil kot chutta</t>
  </si>
  <si>
    <t>Dhoray Wala</t>
  </si>
  <si>
    <t>Ghosabad</t>
  </si>
  <si>
    <t>Lashari Colony ghosabad tehsil kot chutta district d.g.khan</t>
  </si>
  <si>
    <t>Lashari Colony</t>
  </si>
  <si>
    <t>Muhammad Ayaz</t>
  </si>
  <si>
    <t>GPS DHUP SARI</t>
  </si>
  <si>
    <t>WAHNDO - MALE</t>
  </si>
  <si>
    <t>Village Dhop Sari Markaz Wahndo Teh Kamoke</t>
  </si>
  <si>
    <t>Dhup sari</t>
  </si>
  <si>
    <t>Nangal Dona Singh</t>
  </si>
  <si>
    <t>Mian Fazal E Subhan</t>
  </si>
  <si>
    <t>MOCHH-MALE</t>
  </si>
  <si>
    <t>Dhupsari</t>
  </si>
  <si>
    <t>mohala kabeer khel mochh</t>
  </si>
  <si>
    <t>DHUPSARI</t>
  </si>
  <si>
    <t>Dillewali</t>
  </si>
  <si>
    <t>Rahmat Ullah</t>
  </si>
  <si>
    <t>Bilal Park</t>
  </si>
  <si>
    <t>GPS Dhup sari bilal park kamoke</t>
  </si>
  <si>
    <t>Habib Pura Kamoke</t>
  </si>
  <si>
    <t>Syed Abid Hussain</t>
  </si>
  <si>
    <t>GPS DODAY WALA</t>
  </si>
  <si>
    <t>SHEIKH UMMER- MALE</t>
  </si>
  <si>
    <t>bait angra</t>
  </si>
  <si>
    <t>moza bait angra</t>
  </si>
  <si>
    <t>sheikh umer</t>
  </si>
  <si>
    <t>Mohsin zameer</t>
  </si>
  <si>
    <t>Patti Sami</t>
  </si>
  <si>
    <t>patti sami terko adda tehsil choubara district layyah</t>
  </si>
  <si>
    <t>Ghulam Farid</t>
  </si>
  <si>
    <t>GPS DOGA</t>
  </si>
  <si>
    <t>doga gujrat</t>
  </si>
  <si>
    <t>Zubaida Perveen</t>
  </si>
  <si>
    <t>KHARIAN I - MALE</t>
  </si>
  <si>
    <t>village doga tehsil kharian district Gujrat</t>
  </si>
  <si>
    <t>JUNAID IQBAL</t>
  </si>
  <si>
    <t>GPS DOGAR WALA</t>
  </si>
  <si>
    <t>MCD-09-MALE</t>
  </si>
  <si>
    <t>Dogar Walla</t>
  </si>
  <si>
    <t>basti dogar Walla moza dogar Walla tehsil Minchin abad district bahawalnagar</t>
  </si>
  <si>
    <t>Matt Walla</t>
  </si>
  <si>
    <t>Muhammad Azam Tariq</t>
  </si>
  <si>
    <t>PattiDaya Chokha</t>
  </si>
  <si>
    <t>cha Dig wals</t>
  </si>
  <si>
    <t>cha Dig Wala</t>
  </si>
  <si>
    <t>Muhammad Mehboob</t>
  </si>
  <si>
    <t>GPS DOULAT PURA</t>
  </si>
  <si>
    <t>SHEIKHUPURA-XIX - MALE</t>
  </si>
  <si>
    <t>Doulat Pura</t>
  </si>
  <si>
    <t>Gps doulat pura</t>
  </si>
  <si>
    <t>Muhammad Ahsan Ullah</t>
  </si>
  <si>
    <t>NANKANA CITY 2-MALE</t>
  </si>
  <si>
    <t>Doulat pura chak#573 GB tehsil and district nankana sahib</t>
  </si>
  <si>
    <t>Machhrala</t>
  </si>
  <si>
    <t>Safdar Ali Nafees</t>
  </si>
  <si>
    <t>GPS DUR PUR</t>
  </si>
  <si>
    <t>BHELI - MALE</t>
  </si>
  <si>
    <t>babani</t>
  </si>
  <si>
    <t>Basti durpur tehsil khairpur tamewali district bahawalpur</t>
  </si>
  <si>
    <t>Basti durpur</t>
  </si>
  <si>
    <t>behli</t>
  </si>
  <si>
    <t>Muhammad Iqbal</t>
  </si>
  <si>
    <t>TIBBA EAST - MALE</t>
  </si>
  <si>
    <t>Dur Pur</t>
  </si>
  <si>
    <t>basti attullah mouza durpur p/o tibba</t>
  </si>
  <si>
    <t>Dur Pur/Attaullah</t>
  </si>
  <si>
    <t>Manzoor Hussain Sajid</t>
  </si>
  <si>
    <t>GPS FAIZ ABAD</t>
  </si>
  <si>
    <t>NOOR PUR - MALE</t>
  </si>
  <si>
    <t>Raqba Nowshera NOWSHERA</t>
  </si>
  <si>
    <t>Nowshera gharbi p/o dajal teh jampur dist rajanpur</t>
  </si>
  <si>
    <t>Nawa Shahar</t>
  </si>
  <si>
    <t>Muhammad Pur No2</t>
  </si>
  <si>
    <t>nizd yaary wali daaf po box muhammad pur tehsil Jampur District Rajanpur</t>
  </si>
  <si>
    <t>Yaary Wali Daaf</t>
  </si>
  <si>
    <t>Muhammad Pur No 2</t>
  </si>
  <si>
    <t>Muhammad Asgher</t>
  </si>
  <si>
    <t>CTN-VI-MALE</t>
  </si>
  <si>
    <t>Basti Faizabad Mari ada Chishtian</t>
  </si>
  <si>
    <t>MARI SHOK SHAH</t>
  </si>
  <si>
    <t>Awais Maqsood</t>
  </si>
  <si>
    <t>THUL HAMZA - MALE</t>
  </si>
  <si>
    <t>Thul Hamza</t>
  </si>
  <si>
    <t>GPS Faiz abad p/o thul Hamza  Tehsil liaqat pur district Rahim yar khan.</t>
  </si>
  <si>
    <t>Munshi Kamaal Din</t>
  </si>
  <si>
    <t>DASHTI</t>
  </si>
  <si>
    <t>M Ahmed Siddiqi</t>
  </si>
  <si>
    <t>MEHREY WALA - MALE</t>
  </si>
  <si>
    <t>basti Miani mehray wala</t>
  </si>
  <si>
    <t>BASTI Miani</t>
  </si>
  <si>
    <t>Shahid Hussain</t>
  </si>
  <si>
    <t>DERA BAKHA - MALE</t>
  </si>
  <si>
    <t>Chak No 29 BC</t>
  </si>
  <si>
    <t>Basti Faiz abad chak no 29 BC</t>
  </si>
  <si>
    <t>Chak No 12 BC</t>
  </si>
  <si>
    <t>Ghulam Mustafa</t>
  </si>
  <si>
    <t>Kotla Sayd Khan</t>
  </si>
  <si>
    <t>GPS  FAIZ ABAD</t>
  </si>
  <si>
    <t>Basti Hassan Shah</t>
  </si>
  <si>
    <t>MALKANI</t>
  </si>
  <si>
    <t>GPS FAIZABAD</t>
  </si>
  <si>
    <t>TIBBI QAISRANI</t>
  </si>
  <si>
    <t>Abdul Lateef Qaisrani</t>
  </si>
  <si>
    <t>C. NO.II MBDIN - MALE</t>
  </si>
  <si>
    <t>GPS faiz abad</t>
  </si>
  <si>
    <t>Mbdin</t>
  </si>
  <si>
    <t>Safdar Iqbal</t>
  </si>
  <si>
    <t>PATTI BILANDA - MALE</t>
  </si>
  <si>
    <t>Patti Bilanda</t>
  </si>
  <si>
    <t>GPS FAQIR WALA</t>
  </si>
  <si>
    <t>KACHI SHAHANI NO.2 - MALE</t>
  </si>
  <si>
    <t>Razai Shah Shumali</t>
  </si>
  <si>
    <t>panwaranwala</t>
  </si>
  <si>
    <t>Pir Ashab</t>
  </si>
  <si>
    <t>Abdul Qadir</t>
  </si>
  <si>
    <t>KHANPUR MALE</t>
  </si>
  <si>
    <t>Basti Fauja</t>
  </si>
  <si>
    <t>Leghari Wala P/O Basti Fauja</t>
  </si>
  <si>
    <t>Leghari Wala</t>
  </si>
  <si>
    <t>Raham Ali</t>
  </si>
  <si>
    <t>GPS FAQIR WALI</t>
  </si>
  <si>
    <t>Faqir Wali</t>
  </si>
  <si>
    <t>Basti Khosa Moza faqir wali Center Tunsa Barrage</t>
  </si>
  <si>
    <t>Basti Khosa</t>
  </si>
  <si>
    <t>Zeeshan Ahmad</t>
  </si>
  <si>
    <t>mouza faqeer wali tehsil kot adu district Muzafar garh</t>
  </si>
  <si>
    <t>Irfan Sikunder</t>
  </si>
  <si>
    <t>GPS FAQIRAN WALI</t>
  </si>
  <si>
    <t>KALASWALA - MALE</t>
  </si>
  <si>
    <t>village Faqiranwali p/o Basi Wala Tehsil pasrur District Sialkot</t>
  </si>
  <si>
    <t>BUDHA GORAYA - MALE</t>
  </si>
  <si>
    <t>Faqeeran Wali</t>
  </si>
  <si>
    <t>faqeeran wali P/O Buddha Goraya teh  Daska distt sialkot</t>
  </si>
  <si>
    <t>Manawar khan</t>
  </si>
  <si>
    <t>GPS FARID ABAD</t>
  </si>
  <si>
    <t>NAWAN KOT - MALE</t>
  </si>
  <si>
    <t>Basti fareed abad</t>
  </si>
  <si>
    <t>Ghulam Arbi Saeedi</t>
  </si>
  <si>
    <t>DAJAL - MALE</t>
  </si>
  <si>
    <t>Talshumali</t>
  </si>
  <si>
    <t>p/o dajal tehseel jampur district rajanpur</t>
  </si>
  <si>
    <t>Basti Diraja</t>
  </si>
  <si>
    <t>Tal Shumali</t>
  </si>
  <si>
    <t>Muhammad Imran</t>
  </si>
  <si>
    <t>Rakh Azmat Wala</t>
  </si>
  <si>
    <t>Rakh Azmat wala farid abad Tehsil Jampur District Rajanpur</t>
  </si>
  <si>
    <t>Chah Farid Abad</t>
  </si>
  <si>
    <t>Rakh Azmat</t>
  </si>
  <si>
    <t>RAB NAWAZ</t>
  </si>
  <si>
    <t>MND-20-MALE</t>
  </si>
  <si>
    <t>Faridabad</t>
  </si>
  <si>
    <t>faridabad</t>
  </si>
  <si>
    <t>Tobabalochan</t>
  </si>
  <si>
    <t>Muhammad Javed Iqbal</t>
  </si>
  <si>
    <t>GPS FAROOQ ABAD</t>
  </si>
  <si>
    <t>LITRA MALE</t>
  </si>
  <si>
    <t>GPS farooq abad litra</t>
  </si>
  <si>
    <t>Muhammad Hafeez</t>
  </si>
  <si>
    <t>AHMAD MOHANA- MALE</t>
  </si>
  <si>
    <t>Qutab Ambrend</t>
  </si>
  <si>
    <t>shah jamal</t>
  </si>
  <si>
    <t>Shah Jamal</t>
  </si>
  <si>
    <t>SHAHJAMAL</t>
  </si>
  <si>
    <t>Farooq Aabad</t>
  </si>
  <si>
    <t>Farooq Aabad P/O Talwandi P/C 55020</t>
  </si>
  <si>
    <t>talwandi</t>
  </si>
  <si>
    <t>CHABBA PURANA - MALE</t>
  </si>
  <si>
    <t>Farooq Abad (Purana Bhalwal)Teh.Bhalwal Distt.Sargodha</t>
  </si>
  <si>
    <t>Muhammad Zafarullah</t>
  </si>
  <si>
    <t>SAMINA-M</t>
  </si>
  <si>
    <t>Basti Bhai</t>
  </si>
  <si>
    <t>Nai wala basti Bhai Dgkhan</t>
  </si>
  <si>
    <t>Nai Wala</t>
  </si>
  <si>
    <t>Sabranachan</t>
  </si>
  <si>
    <t>Darya Khan Daggar</t>
  </si>
  <si>
    <t>Mohallah Farooq Abad darya khan tehsil Darya khan district bhakkar</t>
  </si>
  <si>
    <t>Mohallah Farooq Abad Darya Khan</t>
  </si>
  <si>
    <t>M C Darya Khan</t>
  </si>
  <si>
    <t>Imtiaz Ali Shah</t>
  </si>
  <si>
    <t>GPS FARZAND ALI</t>
  </si>
  <si>
    <t>Basti Mian karram qureshi Moza goth Mahi Allah a bad lqp</t>
  </si>
  <si>
    <t>Mian Muhammad Karam Qureshi</t>
  </si>
  <si>
    <t>Raees Bashir Ahmad</t>
  </si>
  <si>
    <t>KULAB - MALE</t>
  </si>
  <si>
    <t>Sojhla Tanwari</t>
  </si>
  <si>
    <t>dera farzand sojhla tanwari</t>
  </si>
  <si>
    <t>Dera Farzand</t>
  </si>
  <si>
    <t>Khurum Pur</t>
  </si>
  <si>
    <t>GPS FATEH GARH</t>
  </si>
  <si>
    <t>MND-XVII-MALE</t>
  </si>
  <si>
    <t>fateh garh</t>
  </si>
  <si>
    <t>Garia Abad</t>
  </si>
  <si>
    <t>CORPORATION - MALE</t>
  </si>
  <si>
    <t>FatehGarh Sialkot</t>
  </si>
  <si>
    <t>Fateh garh</t>
  </si>
  <si>
    <t>FatehGarh</t>
  </si>
  <si>
    <t>Mazaffar Ali Shah</t>
  </si>
  <si>
    <t>Filter</t>
  </si>
  <si>
    <t>GPS FATEH MUHAMMAD WALA</t>
  </si>
  <si>
    <t>Dibbi Shah</t>
  </si>
  <si>
    <t>Basti Gaman Mullan mouza Dibbi shah, tehsil kot adu, M. Gsrh</t>
  </si>
  <si>
    <t>Gaman Mulla</t>
  </si>
  <si>
    <t>Mohammad Zahid</t>
  </si>
  <si>
    <t>ALI PUR-I- MALE</t>
  </si>
  <si>
    <t>fateh Muhammad Wala Ali Wali Ali pur</t>
  </si>
  <si>
    <t>Fateh Muhammad Wala</t>
  </si>
  <si>
    <t>MUHAMMAD DILAWAR</t>
  </si>
  <si>
    <t>T.T.SINGH</t>
  </si>
  <si>
    <t>KAMALIA</t>
  </si>
  <si>
    <t>KAMALIA CITY MALE</t>
  </si>
  <si>
    <t>chah fateh Muhammad wala</t>
  </si>
  <si>
    <t>Chah Fateh Muhammad Wala</t>
  </si>
  <si>
    <t>Baroun Kamalia</t>
  </si>
  <si>
    <t>Muhammad Latif</t>
  </si>
  <si>
    <t>GPS FATEH PUR</t>
  </si>
  <si>
    <t>Govt primary School  Fatehpur</t>
  </si>
  <si>
    <t>Bhagat Pur</t>
  </si>
  <si>
    <t>Muhammad Khalid</t>
  </si>
  <si>
    <t>GPS FAZAL ABAD</t>
  </si>
  <si>
    <t>HINJRAI-II- MALE</t>
  </si>
  <si>
    <t>Hinjrai Ghair Mustaqil Sharqi</t>
  </si>
  <si>
    <t>basti Qureshi wali hanjrai ghair mustaqil sharqi</t>
  </si>
  <si>
    <t>Qureshi</t>
  </si>
  <si>
    <t>Hanjari 2</t>
  </si>
  <si>
    <t>ATIQ UR REHMAN</t>
  </si>
  <si>
    <t>GEHMAL PIR-MALE</t>
  </si>
  <si>
    <t>Khan Wah</t>
  </si>
  <si>
    <t>basti bhattia chk#94/NP tehsil khanpur distt.RYk</t>
  </si>
  <si>
    <t>Bhatian</t>
  </si>
  <si>
    <t>94/NP</t>
  </si>
  <si>
    <t>Muhammad Nadeem Khan</t>
  </si>
  <si>
    <t>Lakhani</t>
  </si>
  <si>
    <t>GPS Fazal abad,Basti Mahraan , postoffice khan Bela, tehsil Liaqat pur, District RY Khan.</t>
  </si>
  <si>
    <t>Basti Mahraan</t>
  </si>
  <si>
    <t>GPS FAZAL PURA</t>
  </si>
  <si>
    <t>FEROZWALA-III - MALE</t>
  </si>
  <si>
    <t>Manoo Abad</t>
  </si>
  <si>
    <t>manoo abad</t>
  </si>
  <si>
    <t>Fazal Pura</t>
  </si>
  <si>
    <t>Shamke</t>
  </si>
  <si>
    <t>Fozia Tabasum</t>
  </si>
  <si>
    <t>SAMBRIAL - MALE</t>
  </si>
  <si>
    <t>Mohallah Fazalpura sambrial district sialkot</t>
  </si>
  <si>
    <t>Sambrial</t>
  </si>
  <si>
    <t>Darussalam</t>
  </si>
  <si>
    <t>Muhammad Saleh</t>
  </si>
  <si>
    <t>GPS FAZIL ABAD</t>
  </si>
  <si>
    <t>Kotla Sher Muhammad</t>
  </si>
  <si>
    <t>GPS, FAZILABAD</t>
  </si>
  <si>
    <t>KOTLA SHER MUHAMMAD KACHA</t>
  </si>
  <si>
    <t>SIKHANI WALA</t>
  </si>
  <si>
    <t>Nazakat Ali</t>
  </si>
  <si>
    <t>Perhar Munda</t>
  </si>
  <si>
    <t>chak no 588/TDA post office chowk sarwar shaheed tehsil kot addu district muzaffar garh</t>
  </si>
  <si>
    <t>Chak 588/TDA</t>
  </si>
  <si>
    <t>Faqeer Ahmad</t>
  </si>
  <si>
    <t>GPS FAZIL WALA</t>
  </si>
  <si>
    <t>CHUCHAK - MALE</t>
  </si>
  <si>
    <t>Fazalwala</t>
  </si>
  <si>
    <t>moza Fazalwala</t>
  </si>
  <si>
    <t>Bazida</t>
  </si>
  <si>
    <t>Syed Muhammad Rizwan  Naqvi</t>
  </si>
  <si>
    <t>KHUDAI- MALE</t>
  </si>
  <si>
    <t>Basti Fareed  Abad, Near Sarwar Wala Muzaffargarh</t>
  </si>
  <si>
    <t>Safdar Hussain</t>
  </si>
  <si>
    <t>GPS GAGA</t>
  </si>
  <si>
    <t>DASKA -    MALE</t>
  </si>
  <si>
    <t>GAGA KALAN</t>
  </si>
  <si>
    <t>GPS GAGA DASKA SIALKOT</t>
  </si>
  <si>
    <t>YOUNAS-ABAD</t>
  </si>
  <si>
    <t>Muhammad Tanveer Mughal</t>
  </si>
  <si>
    <t>Gaga</t>
  </si>
  <si>
    <t>Village gaga Post office Same Gaga Tehsil lahore Cantt District Lahore</t>
  </si>
  <si>
    <t>Malik Muhammad Naeem</t>
  </si>
  <si>
    <t>GPS GANGA PUR</t>
  </si>
  <si>
    <t>MANGTAN WALA - MALE</t>
  </si>
  <si>
    <t>Ganga Pur</t>
  </si>
  <si>
    <t>Ganga pur Markaz mangta wala tehsil &amp; dist Nankana sahab</t>
  </si>
  <si>
    <t>Buchikipar</t>
  </si>
  <si>
    <t>Javaid Iqbal</t>
  </si>
  <si>
    <t>Naval Ram</t>
  </si>
  <si>
    <t>moza naval ram chak ganga pur Mcd</t>
  </si>
  <si>
    <t>Behka Wala</t>
  </si>
  <si>
    <t>Muhammad Ishfaq Wahga</t>
  </si>
  <si>
    <t>GPS GARHI</t>
  </si>
  <si>
    <t>RANGLI - MALE</t>
  </si>
  <si>
    <t>Garhi</t>
  </si>
  <si>
    <t>VPO Garhi Tehsil Jand District Attock</t>
  </si>
  <si>
    <t>AMIR AFZAL FRAZ</t>
  </si>
  <si>
    <t>KOTLI SAID AMIR - MALE</t>
  </si>
  <si>
    <t>p/o Gondal vill Garhi</t>
  </si>
  <si>
    <t>Mohammad Rashid</t>
  </si>
  <si>
    <t>GPS GHAREEB ABAD</t>
  </si>
  <si>
    <t>GUJRAT- MALE</t>
  </si>
  <si>
    <t>Khuhawar</t>
  </si>
  <si>
    <t>basti ghreeb abad near PSO dippo mehmood kot tehsil kot addu dist muzaffar garh</t>
  </si>
  <si>
    <t>muhammad saleem  akhtar</t>
  </si>
  <si>
    <t>GPS GHAZI KHANANA</t>
  </si>
  <si>
    <t>KHERO DEH - MALE</t>
  </si>
  <si>
    <t>Khairodeh</t>
  </si>
  <si>
    <t>basti Nawazabad moaza Khero Deh tehsil Hasilpur  distict  bahawalpur</t>
  </si>
  <si>
    <t>Nawazabad</t>
  </si>
  <si>
    <t>Khero Ghazi Khanana</t>
  </si>
  <si>
    <t>Hafiz Muhammad Yousaf</t>
  </si>
  <si>
    <t>LUDDEN - MALE</t>
  </si>
  <si>
    <t>Ghazi Khanana</t>
  </si>
  <si>
    <t>Aliuddin</t>
  </si>
  <si>
    <t>Muhammad Nazir</t>
  </si>
  <si>
    <t>GPS GHAZI PUR</t>
  </si>
  <si>
    <t>SHARAQPUR-II - MALE</t>
  </si>
  <si>
    <t>VILLAGE GHAZIPUR Tehsil Sharaqpur Distt.Sheikhuora.</t>
  </si>
  <si>
    <t>Sehjowal</t>
  </si>
  <si>
    <t>KACHI MUHAMMAD KHAN-MALE</t>
  </si>
  <si>
    <t>Allah Abad road, Ghazi pur, Tech. Liaquat pur, Distt. Rahim Yar Khan.</t>
  </si>
  <si>
    <t>Tranda Gorgage</t>
  </si>
  <si>
    <t>Hafiz Farooq Ahmed</t>
  </si>
  <si>
    <t>GPS GHOUS PURA</t>
  </si>
  <si>
    <t>BWN-II-MALE</t>
  </si>
  <si>
    <t>Ghous Pur</t>
  </si>
  <si>
    <t>basti ghulam rasool, moza ghous pur, p/o jhulan araein bahawalnagar</t>
  </si>
  <si>
    <t>Jhullan Arian</t>
  </si>
  <si>
    <t>Munawar Saeed</t>
  </si>
  <si>
    <t>MUHAMMAD-PUR-B-MALE</t>
  </si>
  <si>
    <t>Rakh Mirdad</t>
  </si>
  <si>
    <t>ghous pura sahiwal</t>
  </si>
  <si>
    <t>Ghoul Pura</t>
  </si>
  <si>
    <t>99/6R</t>
  </si>
  <si>
    <t>abdul salam</t>
  </si>
  <si>
    <t>GPS GHULAM QADAR</t>
  </si>
  <si>
    <t>GALOOR MASU KHAN-MALE</t>
  </si>
  <si>
    <t>Adam Arain</t>
  </si>
  <si>
    <t>P/O Rukan pur  Teh and distt Rahim Yar khan</t>
  </si>
  <si>
    <t>Abdul Qadri Jatoi</t>
  </si>
  <si>
    <t>Gloor Massu  Khan</t>
  </si>
  <si>
    <t>Muhammad Ramzan</t>
  </si>
  <si>
    <t>Rakh Shah  Gharh</t>
  </si>
  <si>
    <t>G/PS Ghulam Qaqir jatoi</t>
  </si>
  <si>
    <t>Basti Ghulam Qader Jatoi</t>
  </si>
  <si>
    <t>Ghulam Muhammad Arshad</t>
  </si>
  <si>
    <t>GPS GHULAM QADIR</t>
  </si>
  <si>
    <t>Chak Chandka</t>
  </si>
  <si>
    <t>basti zahor deen rojhan</t>
  </si>
  <si>
    <t>Basti Zahor Deen</t>
  </si>
  <si>
    <t>Kacha Chuhan</t>
  </si>
  <si>
    <t>GPS GHUMAN</t>
  </si>
  <si>
    <t>Sori</t>
  </si>
  <si>
    <t>moza sori p/of yaro thuman Khosa Tribal Area dg Khan</t>
  </si>
  <si>
    <t>Sori Ghuman</t>
  </si>
  <si>
    <t>Muhammad Mosa</t>
  </si>
  <si>
    <t>other</t>
  </si>
  <si>
    <t>J.P.JATTAN II - MALE</t>
  </si>
  <si>
    <t>Ghuman</t>
  </si>
  <si>
    <t>village ghuman p/o box hunjra teh dist Gujrat.</t>
  </si>
  <si>
    <t>Chak Manju</t>
  </si>
  <si>
    <t>Muhammad Ramiz Anwar</t>
  </si>
  <si>
    <t>GPS GILLAN WALA</t>
  </si>
  <si>
    <t>GILLAN WALA - MALE</t>
  </si>
  <si>
    <t>GILLAN WALA</t>
  </si>
  <si>
    <t>Kot Sandrus</t>
  </si>
  <si>
    <t>Ahsaan Habib</t>
  </si>
  <si>
    <t>village giillanwala po gujrat</t>
  </si>
  <si>
    <t>Shahid Raza</t>
  </si>
  <si>
    <t>GPS GOBIND PURA</t>
  </si>
  <si>
    <t>village gobind pura po budha goraya</t>
  </si>
  <si>
    <t>Matto Bhaikay</t>
  </si>
  <si>
    <t>GPS GOHAR ABAD</t>
  </si>
  <si>
    <t>MUHAMMAD NAGAR 2 - MALE</t>
  </si>
  <si>
    <t>Gohar Abad</t>
  </si>
  <si>
    <t>jamu bodula</t>
  </si>
  <si>
    <t>Jamu Bodla</t>
  </si>
  <si>
    <t>Muhammad Shahbaz</t>
  </si>
  <si>
    <t>Chak Kehal</t>
  </si>
  <si>
    <t>Basti Ameen Khan Mouza Chak kehal</t>
  </si>
  <si>
    <t>Basti Ameen Khan</t>
  </si>
  <si>
    <t>Abdul Haq Zia</t>
  </si>
  <si>
    <t>GPS GONDAL</t>
  </si>
  <si>
    <t>KAMRA - MALE</t>
  </si>
  <si>
    <t>vpo gondal</t>
  </si>
  <si>
    <t>Kamra</t>
  </si>
  <si>
    <t>Farhan Iqbal</t>
  </si>
  <si>
    <t>TANDA I- MALE</t>
  </si>
  <si>
    <t>gps gondal village gondal P/O chak kamala tehsil@distt Gujrat</t>
  </si>
  <si>
    <t>Chak Kamala</t>
  </si>
  <si>
    <t>Gondal Post Office Same Tehsil Shahpur District Sargodha</t>
  </si>
  <si>
    <t>GPS GOPANG WALA</t>
  </si>
  <si>
    <t>Rakh Chhaouni</t>
  </si>
  <si>
    <t>GOPANG WALA , RAKH CHHAOUNI P/O DRAHAMA, DERA GHAZI KHAN.</t>
  </si>
  <si>
    <t>GOPANG WALA</t>
  </si>
  <si>
    <t>Sabra Nachaan</t>
  </si>
  <si>
    <t>Elahi Bakhsh</t>
  </si>
  <si>
    <t>NAWAN JANUBI MALE</t>
  </si>
  <si>
    <t>Nawan Janubl</t>
  </si>
  <si>
    <t>basti gopang wala</t>
  </si>
  <si>
    <t>Gopang wala</t>
  </si>
  <si>
    <t>Nawan</t>
  </si>
  <si>
    <t>GPS GORALA</t>
  </si>
  <si>
    <t>village and p/o gorala gujrat</t>
  </si>
  <si>
    <t>DANDIAN - MALE</t>
  </si>
  <si>
    <t>Govt.Primary School Gorala Tehsil Kamoki District Gujranwala</t>
  </si>
  <si>
    <t>GPS GORSIAN</t>
  </si>
  <si>
    <t>Gorsi</t>
  </si>
  <si>
    <t>gorsi</t>
  </si>
  <si>
    <t>Raman</t>
  </si>
  <si>
    <t>Tehmina Saba</t>
  </si>
  <si>
    <t>GPS GOTH BAHAR</t>
  </si>
  <si>
    <t>ISRANI - MALE</t>
  </si>
  <si>
    <t>Bhoretha</t>
  </si>
  <si>
    <t>Basti goth bahar</t>
  </si>
  <si>
    <t>Goth Bahar</t>
  </si>
  <si>
    <t>BAHAWALGARH - MALE</t>
  </si>
  <si>
    <t>Jamrani wah</t>
  </si>
  <si>
    <t>basti goth bahar</t>
  </si>
  <si>
    <t>Jamrani Wah</t>
  </si>
  <si>
    <t>GPS GOTH GHANNI</t>
  </si>
  <si>
    <t>GHANI PUR</t>
  </si>
  <si>
    <t>GOTH GHANI NEAR RAILWAY STATION BAHAWALPUR</t>
  </si>
  <si>
    <t>GOTH GHANI</t>
  </si>
  <si>
    <t>Malik Muhammad Tariq</t>
  </si>
  <si>
    <t>JAMAL CHANNAR - MALE</t>
  </si>
  <si>
    <t>GOVERNMENT PRIMARY SCHOOL GOTH GHANI, MAZRKAZ JAMAL CHANNAR, BAHAWALPUR SADAR</t>
  </si>
  <si>
    <t>JAMAL CHANNAR</t>
  </si>
  <si>
    <t>ABDUL MAJEED</t>
  </si>
  <si>
    <t>GPS GUD PUR</t>
  </si>
  <si>
    <t>CHACHRAN SHARIF - MALE</t>
  </si>
  <si>
    <t>Waghwan</t>
  </si>
  <si>
    <t>basti Gud pur Mouza waghwan p/o langiwar Tehsil Khan pur district Rahim yar khan</t>
  </si>
  <si>
    <t>Gud Pur</t>
  </si>
  <si>
    <t>Fiaz Ahmed</t>
  </si>
  <si>
    <t>Chack  Jhelareen</t>
  </si>
  <si>
    <t>Basti  Gud  Pur  Po  Lohar  Wala  DGKhan</t>
  </si>
  <si>
    <t>Basti  Gud Pur</t>
  </si>
  <si>
    <t>Basti  Khosa</t>
  </si>
  <si>
    <t>Khaliq Dad</t>
  </si>
  <si>
    <t>CHOHAR PUR- MALE</t>
  </si>
  <si>
    <t>Gudpur</t>
  </si>
  <si>
    <t>Basti moza Gudpur sial</t>
  </si>
  <si>
    <t>Ganga</t>
  </si>
  <si>
    <t>Muhammad Ameen</t>
  </si>
  <si>
    <t>GPS GUJRAN WALA</t>
  </si>
  <si>
    <t>Rakh Mahni</t>
  </si>
  <si>
    <t>Gujran Wala Rakh Mahni Tehsil Mankera District Bhakkar</t>
  </si>
  <si>
    <t>Gujran Wala</t>
  </si>
  <si>
    <t>Mahni</t>
  </si>
  <si>
    <t>Faiz Muhammad</t>
  </si>
  <si>
    <t>CHOUBARA-I - MALE</t>
  </si>
  <si>
    <t>Patti drgahi</t>
  </si>
  <si>
    <t>chah Ahmad wala</t>
  </si>
  <si>
    <t>choubara</t>
  </si>
  <si>
    <t>abdul qayyum</t>
  </si>
  <si>
    <t>GPS GUL PUR</t>
  </si>
  <si>
    <t>SUKHAIL - MALE</t>
  </si>
  <si>
    <t>Theri Zabti</t>
  </si>
  <si>
    <t>GPS Gul Pur, Basti Manithal, Moza Theri Zabti, Ahmed Pur East</t>
  </si>
  <si>
    <t>Basti Manithal</t>
  </si>
  <si>
    <t>Imran Nawaz</t>
  </si>
  <si>
    <t>CTN-XII-MALE</t>
  </si>
  <si>
    <t>maharshrif</t>
  </si>
  <si>
    <t>kalo  arain moza maharshrif CTN</t>
  </si>
  <si>
    <t>kalo Arain</t>
  </si>
  <si>
    <t>Maharahrif</t>
  </si>
  <si>
    <t>Ahmed Khan</t>
  </si>
  <si>
    <t>GPS GUL WALA</t>
  </si>
  <si>
    <t>Paharpur Nashib</t>
  </si>
  <si>
    <t>Chah Gulwala paharpur Nashib Tehsil and District Layyah</t>
  </si>
  <si>
    <t>Bait Wasava Shumali</t>
  </si>
  <si>
    <t>Amanullah</t>
  </si>
  <si>
    <t>gadai sharki</t>
  </si>
  <si>
    <t>bastisoharani</t>
  </si>
  <si>
    <t>gadai sherqi</t>
  </si>
  <si>
    <t>Namat Ullah</t>
  </si>
  <si>
    <t>GPS GULLAY WALA</t>
  </si>
  <si>
    <t>Jungle Rukanpura</t>
  </si>
  <si>
    <t>Rukanpura</t>
  </si>
  <si>
    <t>Gullay Wala</t>
  </si>
  <si>
    <t>LITTEN - MALE</t>
  </si>
  <si>
    <t>Kooria</t>
  </si>
  <si>
    <t>Chah Gullay Bhatti Wala</t>
  </si>
  <si>
    <t>Litten</t>
  </si>
  <si>
    <t>GPS GUNIAN WALA</t>
  </si>
  <si>
    <t>SANGLA HILL GHARBI - MALE</t>
  </si>
  <si>
    <t>Sangla Hill</t>
  </si>
  <si>
    <t>ghuniannwala chak 21</t>
  </si>
  <si>
    <t>Ghunianwala</t>
  </si>
  <si>
    <t>Marr  Balochan</t>
  </si>
  <si>
    <t>Mehboob alam</t>
  </si>
  <si>
    <t>WAZIRABAD SADAR 2 - MALE</t>
  </si>
  <si>
    <t>GUNIANWALA</t>
  </si>
  <si>
    <t>GPS GUNIANWALA</t>
  </si>
  <si>
    <t>MANSOOR WALI</t>
  </si>
  <si>
    <t>GPS HABIB ABAD</t>
  </si>
  <si>
    <t>Burray wala</t>
  </si>
  <si>
    <t>burray wala p/o dajal teh jampur district rajah pur</t>
  </si>
  <si>
    <t>Burray Wala</t>
  </si>
  <si>
    <t>Allah Detta</t>
  </si>
  <si>
    <t>GPS HABIB KHAILAN WALA</t>
  </si>
  <si>
    <t>GUNJIAL (MALE)</t>
  </si>
  <si>
    <t>Uttrs</t>
  </si>
  <si>
    <t>Gps habib khalian wala</t>
  </si>
  <si>
    <t>Uttra</t>
  </si>
  <si>
    <t>GPS HAFEEZ ABAD</t>
  </si>
  <si>
    <t>GIYAMAL - MALE</t>
  </si>
  <si>
    <t>Giyamal</t>
  </si>
  <si>
    <t>Allah diwaya fareedi tehsil rojhan</t>
  </si>
  <si>
    <t>Basti Allah Dewaya</t>
  </si>
  <si>
    <t>Syed Najaf Ali Shah</t>
  </si>
  <si>
    <t>BWN-XII-MALE</t>
  </si>
  <si>
    <t>Sadiqnagar</t>
  </si>
  <si>
    <t>Gps.Hafeez abad, Basti Jattanwali Moza  Sadiqnagar BWN</t>
  </si>
  <si>
    <t>Jattanwali</t>
  </si>
  <si>
    <t>Khalid Javed</t>
  </si>
  <si>
    <t>THATHA GURMANI- MALE</t>
  </si>
  <si>
    <t>Bharihog</t>
  </si>
  <si>
    <t>gurmani station p/o gurmani kot adu m garh</t>
  </si>
  <si>
    <t>Gurmani</t>
  </si>
  <si>
    <t>GPS HAFIZ ABAD</t>
  </si>
  <si>
    <t>SARDAR LAL KHAN MALE</t>
  </si>
  <si>
    <t>Khairy Wala</t>
  </si>
  <si>
    <t>ada hafiz aba</t>
  </si>
  <si>
    <t>Irshad Hussain</t>
  </si>
  <si>
    <t>MAHAND SHARIF - MALE</t>
  </si>
  <si>
    <t>Mahand</t>
  </si>
  <si>
    <t>Basti Hafizabad mouza Mouza mahand chanigoth thesil Ahmad put east district bahawalpur</t>
  </si>
  <si>
    <t>GPS HAFIZ WALA</t>
  </si>
  <si>
    <t>JAMALI (MALE)</t>
  </si>
  <si>
    <t>Pelowance</t>
  </si>
  <si>
    <t>v.p.o pelowance</t>
  </si>
  <si>
    <t>Amir Bakhsh</t>
  </si>
  <si>
    <t>BANGLA BASANT - MALE</t>
  </si>
  <si>
    <t>Boher Mailsi</t>
  </si>
  <si>
    <t>moza Boher Mailsi tehsil dunyapur district lodhran</t>
  </si>
  <si>
    <t>Moza Boher Mailsi</t>
  </si>
  <si>
    <t>Dunyapur Rural</t>
  </si>
  <si>
    <t>Muhammad Zubair</t>
  </si>
  <si>
    <t>HAFIZ WALA EAST-MALE</t>
  </si>
  <si>
    <t>Gps hafizwala teh piplan distt mianwali</t>
  </si>
  <si>
    <t>Chak No 7ml</t>
  </si>
  <si>
    <t>Qamar Subhani</t>
  </si>
  <si>
    <t>GPS HAIDER ABAD</t>
  </si>
  <si>
    <t>GPS haiderabad</t>
  </si>
  <si>
    <t>Chak Haiderabad</t>
  </si>
  <si>
    <t>Bawa Bareet</t>
  </si>
  <si>
    <t>rashid iqbal</t>
  </si>
  <si>
    <t>HAJI PUR  - MALE</t>
  </si>
  <si>
    <t>Sonwah</t>
  </si>
  <si>
    <t>moza sonwah</t>
  </si>
  <si>
    <t>Basti Kandal</t>
  </si>
  <si>
    <t>Bakharpur</t>
  </si>
  <si>
    <t>Shoaib Ali</t>
  </si>
  <si>
    <t>GPS HAJI PUR</t>
  </si>
  <si>
    <t>THUL KHAIR MUHAMMAD-MALE</t>
  </si>
  <si>
    <t>Mouza Haji Pur Tehsil and District Rahim Yar Khan</t>
  </si>
  <si>
    <t>GPS HAJI WALA</t>
  </si>
  <si>
    <t>KARORPACCA - MALE</t>
  </si>
  <si>
    <t>Chahan Muhammad Shareef muhammad shareef</t>
  </si>
  <si>
    <t>haji wala mouza chahan muhammad shareef teh. kehror pakka distt. lodhran</t>
  </si>
  <si>
    <t>haji wala</t>
  </si>
  <si>
    <t>fareed abad</t>
  </si>
  <si>
    <t>Jamshaid Khan</t>
  </si>
  <si>
    <t>NOTAK - MALE</t>
  </si>
  <si>
    <t>haji wala notak dagar</t>
  </si>
  <si>
    <t>notak</t>
  </si>
  <si>
    <t>Muhammad Sibtain</t>
  </si>
  <si>
    <t>GPS HAMAL WALI</t>
  </si>
  <si>
    <t>BEROT MALE</t>
  </si>
  <si>
    <t>Hamal Wali</t>
  </si>
  <si>
    <t>Hamal wali</t>
  </si>
  <si>
    <t>MUHAMMAD AKBAR</t>
  </si>
  <si>
    <t>Rakh Jhoke Bodo</t>
  </si>
  <si>
    <t>Basti Hamal wali union jhoke bodo</t>
  </si>
  <si>
    <t>JHOK BODO</t>
  </si>
  <si>
    <t>Fazal ur rehman</t>
  </si>
  <si>
    <t>GPS HAMID PUR</t>
  </si>
  <si>
    <t>DHANOTE - MALE</t>
  </si>
  <si>
    <t>Gps Hamid pur</t>
  </si>
  <si>
    <t>Haji Basti</t>
  </si>
  <si>
    <t>Rapper</t>
  </si>
  <si>
    <t>Dilshad Ali</t>
  </si>
  <si>
    <t>GPS HARAR</t>
  </si>
  <si>
    <t>villege harrar po same skt</t>
  </si>
  <si>
    <t>Mubarak Ahmed</t>
  </si>
  <si>
    <t>CHAKWAL-II-MALE</t>
  </si>
  <si>
    <t>Harrar Tehsil &amp; District Chakwal</t>
  </si>
  <si>
    <t>Chakumra</t>
  </si>
  <si>
    <t>Hafeeza Mudassar</t>
  </si>
  <si>
    <t>GPS HASSAN ABAD</t>
  </si>
  <si>
    <t>Kondi</t>
  </si>
  <si>
    <t>gps hassan abad moza kondi</t>
  </si>
  <si>
    <t>Hassan Abad</t>
  </si>
  <si>
    <t>Sami Ud Din Awan</t>
  </si>
  <si>
    <t>HASSAN ABAD</t>
  </si>
  <si>
    <t>VILLAGE HASSAN ABAD P/O BARKI LAHORE CANTT</t>
  </si>
  <si>
    <t>LIDHAR</t>
  </si>
  <si>
    <t>GPS HASSAN WALA</t>
  </si>
  <si>
    <t>AHAMDANI MALE</t>
  </si>
  <si>
    <t>jhnghi pir mehmood</t>
  </si>
  <si>
    <t>MND-IV-MALE</t>
  </si>
  <si>
    <t>Basti Hassan Wala, McLeod Gunj, Tehsil Minchinabad, District Bahawalnagar</t>
  </si>
  <si>
    <t>GPS HAVELI CHAK MUSIAN</t>
  </si>
  <si>
    <t>Kot Raja</t>
  </si>
  <si>
    <t>Haveli chak musian kot Raja</t>
  </si>
  <si>
    <t>Haveli Chak Musian</t>
  </si>
  <si>
    <t>Khuram Shehzad</t>
  </si>
  <si>
    <t>RATTA PUR - MALE</t>
  </si>
  <si>
    <t>Mateela</t>
  </si>
  <si>
    <t>haveli chak musian mateela Teh. kot moman disst sargodha</t>
  </si>
  <si>
    <t>Haveli chak musian</t>
  </si>
  <si>
    <t>Mazhar iqbal</t>
  </si>
  <si>
    <t>GPS HAYAT PUR</t>
  </si>
  <si>
    <t>Hayat Pur</t>
  </si>
  <si>
    <t>GPS HAYAT PUR TEHSIL RENALA KHURD DISTRICT OKARA</t>
  </si>
  <si>
    <t>BAMA BALA</t>
  </si>
  <si>
    <t>Muhammad Altaf Hussain</t>
  </si>
  <si>
    <t>BHUTAJI - MALE</t>
  </si>
  <si>
    <t>Khanwah</t>
  </si>
  <si>
    <t>basti hayat pur tehsil district lodhran</t>
  </si>
  <si>
    <t>Khanwah Ghalwan</t>
  </si>
  <si>
    <t>Muhammad Aslam Badar</t>
  </si>
  <si>
    <t>TIRKHAN WALA - MALE</t>
  </si>
  <si>
    <t>TIRKHAN WALA</t>
  </si>
  <si>
    <t>GPS HAYAT PUR MOZA TIRKHAN WALA DAKKHANA NEHANG TEHSIL SAHIWAL DIST.SARGODHA</t>
  </si>
  <si>
    <t>JAHNIAN SHAH</t>
  </si>
  <si>
    <t>GPS HAZARA</t>
  </si>
  <si>
    <t>Pandat Hazara</t>
  </si>
  <si>
    <t>chak pandat hazara near sulmanki Minchinabad main road</t>
  </si>
  <si>
    <t>Lala Amar Singh</t>
  </si>
  <si>
    <t>Muhammad Zeeshan</t>
  </si>
  <si>
    <t>S.A.GIR III - MALE</t>
  </si>
  <si>
    <t>Hazara</t>
  </si>
  <si>
    <t>Village Hazara P.O.Bulani Tehsil S A Gir District Gujrat.</t>
  </si>
  <si>
    <t>Baisa</t>
  </si>
  <si>
    <t>Shabbir Hussain</t>
  </si>
  <si>
    <t>nawan shahar hazara mauza hazara</t>
  </si>
  <si>
    <t>Nawan Shaher</t>
  </si>
  <si>
    <t>Javed Akhtar</t>
  </si>
  <si>
    <t>GPS HOOT WALA</t>
  </si>
  <si>
    <t>EHSAN PUR-I- MALE</t>
  </si>
  <si>
    <t>Rakh Ehsan Pur</t>
  </si>
  <si>
    <t>Ehsan pur</t>
  </si>
  <si>
    <t>Mudasir Mahmood Nizami</t>
  </si>
  <si>
    <t>JAMAN SHAH - MALE</t>
  </si>
  <si>
    <t>149 A TDA</t>
  </si>
  <si>
    <t>Jamman Shah</t>
  </si>
  <si>
    <t>Irshad Hussain Khan</t>
  </si>
  <si>
    <t>GPS HUSSAIN ABAD</t>
  </si>
  <si>
    <t>CHASHMA BARRAGE EAST-MALE</t>
  </si>
  <si>
    <t>Piplan Kacha</t>
  </si>
  <si>
    <t>GPS HUSSAIN ABAD  markaz Chashma tehsil piplan Mianwali</t>
  </si>
  <si>
    <t>Hussainabad</t>
  </si>
  <si>
    <t>Katcha Gujrat</t>
  </si>
  <si>
    <t>AEO (M) BHOWANA NO.43</t>
  </si>
  <si>
    <t>Hid</t>
  </si>
  <si>
    <t>hussain abad moza hid tehsil bhowana dist cht</t>
  </si>
  <si>
    <t>Idlana</t>
  </si>
  <si>
    <t>Khalil Abad</t>
  </si>
  <si>
    <t>Jan Muhammad Wala</t>
  </si>
  <si>
    <t>HussainAbad</t>
  </si>
  <si>
    <t>VPO Munara tehsil kallar kahar  district chakwal</t>
  </si>
  <si>
    <t>Munara</t>
  </si>
  <si>
    <t>Qaisar Farooq</t>
  </si>
  <si>
    <t>Chack Ladan</t>
  </si>
  <si>
    <t>p/o shadan Lund basti Hussain abad d.g.khan</t>
  </si>
  <si>
    <t>Saeed Ahmad</t>
  </si>
  <si>
    <t>Jattu Wala</t>
  </si>
  <si>
    <t>GPS Hussain abad bahawal Nagar</t>
  </si>
  <si>
    <t>Baste Hussain Abad</t>
  </si>
  <si>
    <t>Rab Nwaz Pura</t>
  </si>
  <si>
    <t>Naghmana zakria</t>
  </si>
  <si>
    <t>PINDI GHEB - MALE</t>
  </si>
  <si>
    <t>Gangawali</t>
  </si>
  <si>
    <t>hussain abad</t>
  </si>
  <si>
    <t>Qurban Hussain</t>
  </si>
  <si>
    <t>GPS IBRAHIM ABAD</t>
  </si>
  <si>
    <t>WADANA - MALE</t>
  </si>
  <si>
    <t>Ibrahim Abad</t>
  </si>
  <si>
    <t>gps Ibrahim abad</t>
  </si>
  <si>
    <t>Ahsan Ali</t>
  </si>
  <si>
    <t>SHAH JAMAL- MALE</t>
  </si>
  <si>
    <t>Kacha Kinjhir</t>
  </si>
  <si>
    <t>basti perhar Moza kacha Kinjhir p/o shah jamal,district Muzaffar Garh</t>
  </si>
  <si>
    <t>Basti Perhar</t>
  </si>
  <si>
    <t>Muhammad Tufail</t>
  </si>
  <si>
    <t>GPS IQBAL ABAD</t>
  </si>
  <si>
    <t>Kalyar Wala</t>
  </si>
  <si>
    <t>Mouza kalyar wala p/o Rodu Sultan</t>
  </si>
  <si>
    <t>Iqbal Abad</t>
  </si>
  <si>
    <t>Fakhar Ilyas</t>
  </si>
  <si>
    <t>GPS IQBAL NAGAR</t>
  </si>
  <si>
    <t>village Iqbal nagar post office Talwandi bhindran tehsil and district Narowal</t>
  </si>
  <si>
    <t>Datewal</t>
  </si>
  <si>
    <t>Shahbaz Ahmad</t>
  </si>
  <si>
    <t>JAGEER GABOL - MALE</t>
  </si>
  <si>
    <t>Chak Kot Zuberi</t>
  </si>
  <si>
    <t>Chak zuberi near pul uc jahanpur district Rajanpur</t>
  </si>
  <si>
    <t>Zahid Hussain</t>
  </si>
  <si>
    <t>CHAK CHATHA - MALE</t>
  </si>
  <si>
    <t>GPS Iqbal Naqar</t>
  </si>
  <si>
    <t>gps iqbal nagar tehsil and district hafizabad</t>
  </si>
  <si>
    <t>Iqbal Naqar</t>
  </si>
  <si>
    <t>Mangat Neenha</t>
  </si>
  <si>
    <t>Arif Hussain Haidry</t>
  </si>
  <si>
    <t>Kotla Androon</t>
  </si>
  <si>
    <t>GPS Iqbal Nagar</t>
  </si>
  <si>
    <t>Mud Rannoja</t>
  </si>
  <si>
    <t>Sahan Wala</t>
  </si>
  <si>
    <t>PUBBER WALA - MALE</t>
  </si>
  <si>
    <t>Pubar Wala</t>
  </si>
  <si>
    <t>bhumb road iqbal nagar</t>
  </si>
  <si>
    <t>Muhammad Abdullah Abid</t>
  </si>
  <si>
    <t>GPS ISLAM PURA</t>
  </si>
  <si>
    <t>MANDIALA TEGA - MALE</t>
  </si>
  <si>
    <t>village islam pura.post office mandiala tega teh kamonke distt.Gujranwala'</t>
  </si>
  <si>
    <t>Mandiala Tegha</t>
  </si>
  <si>
    <t>Muhammad Nadeem</t>
  </si>
  <si>
    <t>DEPALPUR - MALE</t>
  </si>
  <si>
    <t>Qila Jawind Singh</t>
  </si>
  <si>
    <t>Tariq Shahzad</t>
  </si>
  <si>
    <t>WAZIDI - MALE</t>
  </si>
  <si>
    <t>Midh Paragana</t>
  </si>
  <si>
    <t>post office kalas tehsil bhera dist sargodha</t>
  </si>
  <si>
    <t>Mazhar Inayat</t>
  </si>
  <si>
    <t>MND-XII-MALE</t>
  </si>
  <si>
    <t>kabotri</t>
  </si>
  <si>
    <t>Sikandar Pura</t>
  </si>
  <si>
    <t>Kabootri</t>
  </si>
  <si>
    <t>Mohammad Shafi Tabassum</t>
  </si>
  <si>
    <t>SHAM KOT - MALE</t>
  </si>
  <si>
    <t>Jamshare Kalan</t>
  </si>
  <si>
    <t>shamkot nau p/o shamkot nau the. chunian distric kasur</t>
  </si>
  <si>
    <t>Shahzad Rafique</t>
  </si>
  <si>
    <t>KAMHAN - MALE</t>
  </si>
  <si>
    <t>ISLAM Pura</t>
  </si>
  <si>
    <t>Islam pura kahna nau Lahore</t>
  </si>
  <si>
    <t>Islamic Pura</t>
  </si>
  <si>
    <t>Hallo Ki</t>
  </si>
  <si>
    <t>SHEIKHUPURA-XI - MALE</t>
  </si>
  <si>
    <t>Bhikhi</t>
  </si>
  <si>
    <t>village islampura moza bhikhi d/t sheikhupura</t>
  </si>
  <si>
    <t>Muhammed Faiz Ul Hassan</t>
  </si>
  <si>
    <t>FEROZWALA-I - MALE</t>
  </si>
  <si>
    <t>Wandala Dial Shah</t>
  </si>
  <si>
    <t>Mustafa Abad wandala  road shahdara</t>
  </si>
  <si>
    <t>Iftikhar Ali</t>
  </si>
  <si>
    <t>Village islam Pura</t>
  </si>
  <si>
    <t>Khatiala Virkan</t>
  </si>
  <si>
    <t>MUHAMMAD SHAFIQ</t>
  </si>
  <si>
    <t>Moza Islampura P/O Nawab Pur Tehseel Shah Pur District Sargodha</t>
  </si>
  <si>
    <t>Muhammad Saleem  Mukhtar</t>
  </si>
  <si>
    <t>SAFDARABAD-I - MALE</t>
  </si>
  <si>
    <t>Mohalla Islampura</t>
  </si>
  <si>
    <t>GPS Islampura Mohalla Islampura Markaz Khanqah Dogran Tehsil Safdarabad District Sheikhupura</t>
  </si>
  <si>
    <t>Khanqah Dogran</t>
  </si>
  <si>
    <t>Shafqat Naeem</t>
  </si>
  <si>
    <t>SHEIKHUPURA-XXI - MALE</t>
  </si>
  <si>
    <t>Warn</t>
  </si>
  <si>
    <t>Got primary school Dera Islam Pura</t>
  </si>
  <si>
    <t>Dera Islam Pura</t>
  </si>
  <si>
    <t>GPS ISLAM WALA</t>
  </si>
  <si>
    <t>NANKANA SHARQI - MALE</t>
  </si>
  <si>
    <t>GPS ISLAM WALA  THATHA  BAHADUR SINGH</t>
  </si>
  <si>
    <t>Thatha Bahadur Singh</t>
  </si>
  <si>
    <t>Barkhurdar</t>
  </si>
  <si>
    <t>NAEEM ULLAH KHAN</t>
  </si>
  <si>
    <t>KOT BAHADAR - MALE</t>
  </si>
  <si>
    <t>chah sahjhar wala mouza Islam wala tehsil ahmad pur sial (jhang)</t>
  </si>
  <si>
    <t>Islam Wala Chah Sahjhar Wala</t>
  </si>
  <si>
    <t>Muzaffar Ali</t>
  </si>
  <si>
    <t>GPS ISMAIL WALA</t>
  </si>
  <si>
    <t>chah ranjhay Wala moza drigh kot adu m.garh</t>
  </si>
  <si>
    <t>Ranjhay Wala</t>
  </si>
  <si>
    <t>Khalid Hussain</t>
  </si>
  <si>
    <t>Peelowince</t>
  </si>
  <si>
    <t>Gps ismailwala Markaz jamali tehsil noorpoor Dist.khushab</t>
  </si>
  <si>
    <t>Peelowaince</t>
  </si>
  <si>
    <t>Peelowaice</t>
  </si>
  <si>
    <t>Sarfraz</t>
  </si>
  <si>
    <t>KHANSAR NO.2 - MALE</t>
  </si>
  <si>
    <t>Bhakkar Urban</t>
  </si>
  <si>
    <t>Ismail Wala bhakkar</t>
  </si>
  <si>
    <t>Ismail Wala</t>
  </si>
  <si>
    <t>Bhakkar-2</t>
  </si>
  <si>
    <t>Muhammad Tayyab</t>
  </si>
  <si>
    <t>GPS JADAY WALA</t>
  </si>
  <si>
    <t>JHANGAR MAHRA- MALE</t>
  </si>
  <si>
    <t>Mahra Sharqi</t>
  </si>
  <si>
    <t>moza mahra sharqi Tehsil and District Muzaffar garh</t>
  </si>
  <si>
    <t>MEHMOOD KOT-I- MALE</t>
  </si>
  <si>
    <t>basti JADAY WALA mouza panwar shumali</t>
  </si>
  <si>
    <t>JADAY Wala</t>
  </si>
  <si>
    <t>Mahmood Kot</t>
  </si>
  <si>
    <t>Sajid Hussain</t>
  </si>
  <si>
    <t>GPS JAGGAN WALA</t>
  </si>
  <si>
    <t>MOWAN - MALE</t>
  </si>
  <si>
    <t>Jagganwala</t>
  </si>
  <si>
    <t>Jagganwala p/o sukheki mandi thesil pindi bhatti hafizabad</t>
  </si>
  <si>
    <t>Kot Sarwar</t>
  </si>
  <si>
    <t>Faisal Abbas</t>
  </si>
  <si>
    <t>THATHA KALIAN - MALE</t>
  </si>
  <si>
    <t>Jagganwala Hafizabad</t>
  </si>
  <si>
    <t>Ward 49</t>
  </si>
  <si>
    <t>GPS JAL WALA</t>
  </si>
  <si>
    <t>Jalwala</t>
  </si>
  <si>
    <t>Jalwala Wasandaywali Tehsill/ district muzafargarh</t>
  </si>
  <si>
    <t>Ghazanfar Garh</t>
  </si>
  <si>
    <t>Mazhar Abbas</t>
  </si>
  <si>
    <t>basti tahli wala p/o basira teh &amp; disst muzaffargarh</t>
  </si>
  <si>
    <t>Safdar Hussain Khan</t>
  </si>
  <si>
    <t>Ghazipur Dasti</t>
  </si>
  <si>
    <t>basti bitharh maoza Ghazi pur dasti Muzaffargarh</t>
  </si>
  <si>
    <t>Bitharh</t>
  </si>
  <si>
    <t>Deenpur</t>
  </si>
  <si>
    <t>Tauqeer Ahmad</t>
  </si>
  <si>
    <t>water plant</t>
  </si>
  <si>
    <t>GPS JALAL ABAD</t>
  </si>
  <si>
    <t>SAMA SATTA - MALE</t>
  </si>
  <si>
    <t>Shir Garwan</t>
  </si>
  <si>
    <t>moaza sher garwan jalal abad sma satta</t>
  </si>
  <si>
    <t>Sama Satta</t>
  </si>
  <si>
    <t>Arslan Mahmmod khan</t>
  </si>
  <si>
    <t>Gps jalalabad post office Rukkan tensile Malkwal district m b din</t>
  </si>
  <si>
    <t>Rukkan</t>
  </si>
  <si>
    <t>Syed Sajjad Hussain Shah</t>
  </si>
  <si>
    <t>Jalal abad</t>
  </si>
  <si>
    <t>basti jalal abad p.o jaggat pur m.garh</t>
  </si>
  <si>
    <t>Jaggat pur</t>
  </si>
  <si>
    <t>Muhammad Tufail Qasim</t>
  </si>
  <si>
    <t>GPS JALAL PUR</t>
  </si>
  <si>
    <t>KOT SAMABA - MALE</t>
  </si>
  <si>
    <t>MOZA JALAL PUR</t>
  </si>
  <si>
    <t>moza jalal pur besti jalal pur</t>
  </si>
  <si>
    <t>BASTI JALAL PUR</t>
  </si>
  <si>
    <t>SERDAR GER</t>
  </si>
  <si>
    <t>abdul samad</t>
  </si>
  <si>
    <t>Jalal pur</t>
  </si>
  <si>
    <t>GPS JALAL SHAH</t>
  </si>
  <si>
    <t>JALAL SHAH - MALE</t>
  </si>
  <si>
    <t>Jalal Shah</t>
  </si>
  <si>
    <t>moza jalal shah po bangla jevan shah arifwala</t>
  </si>
  <si>
    <t>Traggarh</t>
  </si>
  <si>
    <t>GPS jalal shah traggarh Multan</t>
  </si>
  <si>
    <t>Muhammad Akram Javed</t>
  </si>
  <si>
    <t>GPS JAMAL PUR</t>
  </si>
  <si>
    <t>THATHA BHATTIAN-MALE</t>
  </si>
  <si>
    <t>Jamal Pur Post Office Syedwla Tehsil &amp; District Nankana Sahib</t>
  </si>
  <si>
    <t>Dec-68</t>
  </si>
  <si>
    <t>sibght Ullah</t>
  </si>
  <si>
    <t>KOT NAINAN - MALE</t>
  </si>
  <si>
    <t>Jamal pur p/o kot nainan Teh: Shakargarh. Narowal</t>
  </si>
  <si>
    <t>GPS JAMAL PURA</t>
  </si>
  <si>
    <t>RAIWIND - MALE</t>
  </si>
  <si>
    <t>Jamal Pura</t>
  </si>
  <si>
    <t>jamal pura p/o raiwind</t>
  </si>
  <si>
    <t>Jodhu Dheer</t>
  </si>
  <si>
    <t>Zahid Mumtaz Khan</t>
  </si>
  <si>
    <t>FEROZWALA-IV - MALE</t>
  </si>
  <si>
    <t>GPS Jamal Pora</t>
  </si>
  <si>
    <t>Jamal Pora</t>
  </si>
  <si>
    <t>Lubanwala</t>
  </si>
  <si>
    <t>Muhammad Waqas Ali</t>
  </si>
  <si>
    <t>GPS JAND WALA</t>
  </si>
  <si>
    <t>SULTAN COLONY- MALE</t>
  </si>
  <si>
    <t>chak no 137/ml</t>
  </si>
  <si>
    <t>chak no 137/ml tehsil kot adu</t>
  </si>
  <si>
    <t>Zulfqarabad</t>
  </si>
  <si>
    <t>Muhammad Usman kulachi</t>
  </si>
  <si>
    <t>Patti Khairan</t>
  </si>
  <si>
    <t>GPS JANDALA</t>
  </si>
  <si>
    <t>KOT MOMIN EAST-II - MALE</t>
  </si>
  <si>
    <t>Bucha Kalan</t>
  </si>
  <si>
    <t>Dera jandala,Bucha kalan Tehsil Kotmomin District Sargodha</t>
  </si>
  <si>
    <t>Jandala</t>
  </si>
  <si>
    <t>Muhammad Aslam Zahid</t>
  </si>
  <si>
    <t>Aliot</t>
  </si>
  <si>
    <t>village Jandala post office potha teh murree dis  Rawalpindi</t>
  </si>
  <si>
    <t>Rahat Bano Abbasi</t>
  </si>
  <si>
    <t>GPS JANDI WALA</t>
  </si>
  <si>
    <t>DHINGANA - MALE</t>
  </si>
  <si>
    <t>r/o Jandiwala p/o Dhingana</t>
  </si>
  <si>
    <t>Jandiwala</t>
  </si>
  <si>
    <t>DHINGANA</t>
  </si>
  <si>
    <t>Muhammad Atif Shahzad</t>
  </si>
  <si>
    <t>Chowki Masti Khan</t>
  </si>
  <si>
    <t>GPS Jandi Wala. Mouza. Chowki Masti Khan. Teh Kahrore Pakka. Distt. Lodhran</t>
  </si>
  <si>
    <t>Jandi Wala</t>
  </si>
  <si>
    <t>GPS JANGLA</t>
  </si>
  <si>
    <t>JATOI RURAL- MALE</t>
  </si>
  <si>
    <t>Wains</t>
  </si>
  <si>
    <t>basti jangla  mouza wains tehsil Jatoi district M.garh</t>
  </si>
  <si>
    <t>Basti JANGLA</t>
  </si>
  <si>
    <t>Shahzad Hussain Shah</t>
  </si>
  <si>
    <t>BHOBHRA - MALE</t>
  </si>
  <si>
    <t>Janglay</t>
  </si>
  <si>
    <t>GPS  Jangla</t>
  </si>
  <si>
    <t>Kassisay</t>
  </si>
  <si>
    <t>Muhammad Tahir</t>
  </si>
  <si>
    <t>GPS JAWA</t>
  </si>
  <si>
    <t>TRET - MALE</t>
  </si>
  <si>
    <t>village jawa po bansragali tehsil murree district rawalpindi</t>
  </si>
  <si>
    <t>Ghoragali</t>
  </si>
  <si>
    <t>Muhammad Jalil</t>
  </si>
  <si>
    <t>through pipe line</t>
  </si>
  <si>
    <t>PUNJAR - MALE</t>
  </si>
  <si>
    <t>village. jawa p.o. jawa tehsil kahuta district rawalpindi</t>
  </si>
  <si>
    <t>Khadiot</t>
  </si>
  <si>
    <t>Shafat Hussain</t>
  </si>
  <si>
    <t>other1</t>
  </si>
  <si>
    <t>GPS JAWALI</t>
  </si>
  <si>
    <t>KOTLA NARANG SARANG - MALE</t>
  </si>
  <si>
    <t>Serishta Thal</t>
  </si>
  <si>
    <t>Basti Jawali. chalk No 160TDA. Layyah</t>
  </si>
  <si>
    <t>Chalk No 160TDA</t>
  </si>
  <si>
    <t>chah jawali moza patti Ghulam Ali gharbi tehsil Kot Addu m garh</t>
  </si>
  <si>
    <t>Jawali</t>
  </si>
  <si>
    <t>Patti Ghulam Ali 12</t>
  </si>
  <si>
    <t>GPS JHANDA</t>
  </si>
  <si>
    <t>GUJAR KHAN -MALE</t>
  </si>
  <si>
    <t>GBPS Jhanda Teh Gujar Khan Distt Rawalpindi</t>
  </si>
  <si>
    <t>Gujar Khan City</t>
  </si>
  <si>
    <t>Nabila Tabassum</t>
  </si>
  <si>
    <t>Boring</t>
  </si>
  <si>
    <t>CHINJI-MALE</t>
  </si>
  <si>
    <t>Kotehra</t>
  </si>
  <si>
    <t>vpo dk jhanda</t>
  </si>
  <si>
    <t>Dk Jhanda</t>
  </si>
  <si>
    <t>T M KHAN</t>
  </si>
  <si>
    <t>Salma Safdar</t>
  </si>
  <si>
    <t>GPS JHANGI</t>
  </si>
  <si>
    <t>DUSRI-MALE</t>
  </si>
  <si>
    <t>Jhangi</t>
  </si>
  <si>
    <t>village jhangi</t>
  </si>
  <si>
    <t>Sobia Basheer</t>
  </si>
  <si>
    <t>Kot Chhajji</t>
  </si>
  <si>
    <t>vpo kot chajji tehsil jand district attock</t>
  </si>
  <si>
    <t>Saghri</t>
  </si>
  <si>
    <t>Asif Mehmood</t>
  </si>
  <si>
    <t>GPS JHANGI WALA</t>
  </si>
  <si>
    <t>jhangi Ram</t>
  </si>
  <si>
    <t>Gps jhangi wala tehsil Mankera</t>
  </si>
  <si>
    <t>jhangi wala</t>
  </si>
  <si>
    <t>Haqnawaz</t>
  </si>
  <si>
    <t>Dibbi Sha</t>
  </si>
  <si>
    <t>basti lohach mouza dibbi shah teh. kot addu dist. muzaffargarh</t>
  </si>
  <si>
    <t>Basti Lohach</t>
  </si>
  <si>
    <t>GPS JHAR BHAR</t>
  </si>
  <si>
    <t>YOUSAF SHAH NO.2 - MALE</t>
  </si>
  <si>
    <t>Choni South</t>
  </si>
  <si>
    <t>jhar bhar,U.c yousaf shah,Bhakkar</t>
  </si>
  <si>
    <t>Jhar Bhar</t>
  </si>
  <si>
    <t>Yousaf Shah</t>
  </si>
  <si>
    <t>Sammar Abbas Khan</t>
  </si>
  <si>
    <t>GPS JHOKE HAJI</t>
  </si>
  <si>
    <t>ANGRA - MALE</t>
  </si>
  <si>
    <t>Khichi</t>
  </si>
  <si>
    <t>jhoke haji Wali</t>
  </si>
  <si>
    <t>Jhoke Haji</t>
  </si>
  <si>
    <t>Kharral</t>
  </si>
  <si>
    <t>Muhammad  Sajid</t>
  </si>
  <si>
    <t>GPS JHUGIAN SIAL</t>
  </si>
  <si>
    <t>Kalra</t>
  </si>
  <si>
    <t>jhugian Sial N Tehsil Shahpur District Sargodha</t>
  </si>
  <si>
    <t>Jhugian Sial N</t>
  </si>
  <si>
    <t>Tariq Mahmood Anjum</t>
  </si>
  <si>
    <t>Jhugian Sial</t>
  </si>
  <si>
    <t>jhugian sial po box mankey wala</t>
  </si>
  <si>
    <t>M Ramzan</t>
  </si>
  <si>
    <t>GPS JUND WALA</t>
  </si>
  <si>
    <t>MND-X-MALE</t>
  </si>
  <si>
    <t>Jund Wala</t>
  </si>
  <si>
    <t>Chack Jund Wala Tehsil Minchinabad Disttrict Bahawalnagar</t>
  </si>
  <si>
    <t>Mut Wala</t>
  </si>
  <si>
    <t>Muhammad Hussain Azad</t>
  </si>
  <si>
    <t>GPS KALAR WALI</t>
  </si>
  <si>
    <t>Mian Wali Qurashian</t>
  </si>
  <si>
    <t>p/o sardar garh muza kalar wali</t>
  </si>
  <si>
    <t>Kalar Wali</t>
  </si>
  <si>
    <t>Sajjad Ahmad</t>
  </si>
  <si>
    <t>ALI KHARAK (A) - MALE</t>
  </si>
  <si>
    <t>mud peer wah</t>
  </si>
  <si>
    <t>Mud Perr Wah</t>
  </si>
  <si>
    <t>Farahn Fayyaz</t>
  </si>
  <si>
    <t>GPS KALAY WALA</t>
  </si>
  <si>
    <t>Kalay wala</t>
  </si>
  <si>
    <t>kalay wala</t>
  </si>
  <si>
    <t>Kalay Wala</t>
  </si>
  <si>
    <t>LADHAY WALA CHEEMA</t>
  </si>
  <si>
    <t>Numan Amin</t>
  </si>
  <si>
    <t>NAWAN SHUMALI MALE</t>
  </si>
  <si>
    <t>Nawan Shomali</t>
  </si>
  <si>
    <t>kalay wala mouza nawan shomali p/o choti zareen teh.kot chutta   Distr  D.g khan.</t>
  </si>
  <si>
    <t>GPS KALO WALI</t>
  </si>
  <si>
    <t>Kalo Wali</t>
  </si>
  <si>
    <t>VPO kalowali The&amp;Distt M B Din</t>
  </si>
  <si>
    <t>Kandhan Wala</t>
  </si>
  <si>
    <t>Naveed Arshad</t>
  </si>
  <si>
    <t>BADIANA - MALE</t>
  </si>
  <si>
    <t>Kalowali</t>
  </si>
  <si>
    <t>Village kalowali</t>
  </si>
  <si>
    <t>Robina Khushi</t>
  </si>
  <si>
    <t>GPS KALOO WALA</t>
  </si>
  <si>
    <t>TRAG SHARIF-MALE</t>
  </si>
  <si>
    <t>China Pora</t>
  </si>
  <si>
    <t>Qately wala isa khel mianwali po Trag</t>
  </si>
  <si>
    <t>Qately Wala</t>
  </si>
  <si>
    <t>Kalur Sharif</t>
  </si>
  <si>
    <t>GPS KALRA</t>
  </si>
  <si>
    <t>KPT CITY - MALE</t>
  </si>
  <si>
    <t>Mouza Kalra Tehsil Khairpur Tamewali District Bahawalpur</t>
  </si>
  <si>
    <t>Path an Wala Kalra</t>
  </si>
  <si>
    <t>Gaddan</t>
  </si>
  <si>
    <t>MUHAMMAD MUSTAQEEM</t>
  </si>
  <si>
    <t>village and post office kalra tehsil shahpur district sargodha</t>
  </si>
  <si>
    <t>Muhammad Zafar Iqbal</t>
  </si>
  <si>
    <t>GPS KALRI</t>
  </si>
  <si>
    <t>village  kalri  adyala road rwp</t>
  </si>
  <si>
    <t>Kalial</t>
  </si>
  <si>
    <t>M   yousaf</t>
  </si>
  <si>
    <t>BASSALI MALE</t>
  </si>
  <si>
    <t>village kalri, p.o .bassali rwp.</t>
  </si>
  <si>
    <t>Bassali</t>
  </si>
  <si>
    <t>KALRI-MALE</t>
  </si>
  <si>
    <t>kalri</t>
  </si>
  <si>
    <t>Thamewali</t>
  </si>
  <si>
    <t>Muhammad Altaf</t>
  </si>
  <si>
    <t>GPS KAMAL PUR</t>
  </si>
  <si>
    <t>GHUINKE - MALE</t>
  </si>
  <si>
    <t>village kamalpur</t>
  </si>
  <si>
    <t>Sahjokala</t>
  </si>
  <si>
    <t>Javed Iqbal</t>
  </si>
  <si>
    <t>BHOPALWALA - MALE</t>
  </si>
  <si>
    <t>kamal pur  p/o sahowala teh sambrial sialkot</t>
  </si>
  <si>
    <t>Sahowala</t>
  </si>
  <si>
    <t>GPS KAMAL WALA</t>
  </si>
  <si>
    <t>Kabeer Pur</t>
  </si>
  <si>
    <t>Basti kamal wala mouza kabeer pur p/o khan garh tehsil &amp; dist. muzaffar garh</t>
  </si>
  <si>
    <t>Kamal Wala</t>
  </si>
  <si>
    <t>GPS KANDAY WALA</t>
  </si>
  <si>
    <t>Kot Habbit</t>
  </si>
  <si>
    <t>government primary school kanday wala</t>
  </si>
  <si>
    <t>Kanday wala</t>
  </si>
  <si>
    <t>Yasir Amin</t>
  </si>
  <si>
    <t>MAHAL KUSHAK- MALE</t>
  </si>
  <si>
    <t>Basti kanday wala P/0 kanday wala</t>
  </si>
  <si>
    <t>Ashar Khan Dasti</t>
  </si>
  <si>
    <t>Fatumal</t>
  </si>
  <si>
    <t>Basti Kanday wala mouza Fatumal Tehsil Kot Adu District Muzaffar Garh</t>
  </si>
  <si>
    <t>Kanday Wala</t>
  </si>
  <si>
    <t>Hafiz Muhammad Yousuf</t>
  </si>
  <si>
    <t>CHAH MEHMODAY WALA BASTI MALANA</t>
  </si>
  <si>
    <t>MEHMODAY WALA</t>
  </si>
  <si>
    <t>Rao Muhammad Nauman Saddique</t>
  </si>
  <si>
    <t>GPS KANG</t>
  </si>
  <si>
    <t>village kang p/o malook pur teh.and distt. narowal</t>
  </si>
  <si>
    <t>MUHAMMAD IKRAM</t>
  </si>
  <si>
    <t>v.p.o kang</t>
  </si>
  <si>
    <t>Dhillam Blaghun</t>
  </si>
  <si>
    <t>GPS KANWAN</t>
  </si>
  <si>
    <t>HASSANABDAL - MALE</t>
  </si>
  <si>
    <t>Kanwan</t>
  </si>
  <si>
    <t>village kanwan p/o Bhallar jogi Tehsil Hassan abdal District Attok</t>
  </si>
  <si>
    <t>Bhallar</t>
  </si>
  <si>
    <t>Andar Kanwan</t>
  </si>
  <si>
    <t>Post Office Kot Qaisrani, Kanwan Bore</t>
  </si>
  <si>
    <t>Kanwan Bore</t>
  </si>
  <si>
    <t>Birot</t>
  </si>
  <si>
    <t>Allah Nawaz</t>
  </si>
  <si>
    <t>GPS KANYAL</t>
  </si>
  <si>
    <t>S.A.GIR I - MALE</t>
  </si>
  <si>
    <t>Kanyal</t>
  </si>
  <si>
    <t>village kanyal post office qasba karyali tehsil sarai alamgir district gujrat</t>
  </si>
  <si>
    <t>Qasba Karyali</t>
  </si>
  <si>
    <t>Allah Dittah</t>
  </si>
  <si>
    <t>JHOKE QALANDER BAKHSH-MALE</t>
  </si>
  <si>
    <t>Basti kanyal p/o jhok Qalandar Bux tehsil darya khan distt bhakkar</t>
  </si>
  <si>
    <t>Punjgrain nasheeb</t>
  </si>
  <si>
    <t>Sayyid Kamran Hussain</t>
  </si>
  <si>
    <t>GPS KARIM ABAD</t>
  </si>
  <si>
    <t>HARRAND - MALE</t>
  </si>
  <si>
    <t>Kotli Jamal</t>
  </si>
  <si>
    <t>GPS Karim Abad Basti ikhtayar Khan uc tibbi lundan tehsil jampur district Rajan Pur</t>
  </si>
  <si>
    <t>Basti Ikhtiar Khan</t>
  </si>
  <si>
    <t>Tibbi Lundan</t>
  </si>
  <si>
    <t>Siraj Ahmed</t>
  </si>
  <si>
    <t>MUSLIM ABAD-MALE</t>
  </si>
  <si>
    <t>Mud Manthar</t>
  </si>
  <si>
    <t>Basti Karim Abad Mauza Mud Manthar P/O Rajan Pur Kalan Teh&amp;District Rahim Yar Khan</t>
  </si>
  <si>
    <t>Muslim Abad</t>
  </si>
  <si>
    <t>Muhammad Majid</t>
  </si>
  <si>
    <t>GPS KHAIR PUR</t>
  </si>
  <si>
    <t>khair pur</t>
  </si>
  <si>
    <t>village khair pur</t>
  </si>
  <si>
    <t>Nabipur piran</t>
  </si>
  <si>
    <t>Muhammad Razwan</t>
  </si>
  <si>
    <t>AMIN GARH - MALE</t>
  </si>
  <si>
    <t>Basti khair pur Mao Mubarakh Road Rahim yar khan</t>
  </si>
  <si>
    <t>Amin Garh</t>
  </si>
  <si>
    <t>Muhammad Yaseen</t>
  </si>
  <si>
    <t>GPS KHAIRA</t>
  </si>
  <si>
    <t>Khairha</t>
  </si>
  <si>
    <t>mouza khairha&amp;</t>
  </si>
  <si>
    <t>Riaz Hussain</t>
  </si>
  <si>
    <t>GPS KHAKHAN WALA</t>
  </si>
  <si>
    <t>RODA (NORTH) (MALE)</t>
  </si>
  <si>
    <t>Near Dera Dulay Wala Roda District Khushab</t>
  </si>
  <si>
    <t>Dera Dulay Wala Roda</t>
  </si>
  <si>
    <t>Hasnain Raza</t>
  </si>
  <si>
    <t>GPS Khakhanwala Roda Thesil and Districts Khushab</t>
  </si>
  <si>
    <t>Muhammad Ayub Sabir</t>
  </si>
  <si>
    <t>GPS KHALID ABAD</t>
  </si>
  <si>
    <t>SHAHER SULTAN CITY- MALE</t>
  </si>
  <si>
    <t>Hamzay Wali</t>
  </si>
  <si>
    <t>Basti Sheer khan Mouza Hamzay Wali Tehsil Jatoi Distt. M.Garh.</t>
  </si>
  <si>
    <t>Basti Shaer Khan</t>
  </si>
  <si>
    <t>MUHAMMAD ISMAIL</t>
  </si>
  <si>
    <t>MANGA - MALE</t>
  </si>
  <si>
    <t>MANGA</t>
  </si>
  <si>
    <t>Tariq abad manga mandi lahore</t>
  </si>
  <si>
    <t>Syed Asif Abbas</t>
  </si>
  <si>
    <t>GPS KHALIL ABAD</t>
  </si>
  <si>
    <t>Ranjha</t>
  </si>
  <si>
    <t>Basti kamil wala</t>
  </si>
  <si>
    <t>Mushtaq ahmad</t>
  </si>
  <si>
    <t>TUL SHUMALI NO. 1 - MALE</t>
  </si>
  <si>
    <t>basti minhas tal shumali</t>
  </si>
  <si>
    <t>Basti Minhas</t>
  </si>
  <si>
    <t>Abdul Ghafoor</t>
  </si>
  <si>
    <t>MUHAMMAD PUR - MALE</t>
  </si>
  <si>
    <t>chak godha</t>
  </si>
  <si>
    <t>Basti wajar chak godha</t>
  </si>
  <si>
    <t>CHAK GODHA</t>
  </si>
  <si>
    <t>Muhammad pur No1</t>
  </si>
  <si>
    <t>Shahid Abbas</t>
  </si>
  <si>
    <t>KHURRAM PUR - MALE</t>
  </si>
  <si>
    <t>Noshehra</t>
  </si>
  <si>
    <t>moza manik Noshehra basti kumharaan</t>
  </si>
  <si>
    <t>Kumhran</t>
  </si>
  <si>
    <t>Kotla Musa Khan</t>
  </si>
  <si>
    <t>Younis Ali</t>
  </si>
  <si>
    <t>Rama</t>
  </si>
  <si>
    <t>agha pur head sangla markhaz dera masti bwp</t>
  </si>
  <si>
    <t>Agha Pur</t>
  </si>
  <si>
    <t>Fahad Khurram</t>
  </si>
  <si>
    <t>GPS KHALTI</t>
  </si>
  <si>
    <t>Basti Jam Doda Dudi Muza Khalti P/O Rukan Pur Tehsil &amp; Distt. Rahim Yar Khan</t>
  </si>
  <si>
    <t>Jam Doda Dudi</t>
  </si>
  <si>
    <t>Thul Khair Muhammad Muhammad</t>
  </si>
  <si>
    <t>Irshad Ahmad</t>
  </si>
  <si>
    <t>THUL ALI MUHAMMAD - MALE</t>
  </si>
  <si>
    <t>Tibi Lundan</t>
  </si>
  <si>
    <t>Basti Khalti U /C Tibbi Lundan Tehsil Jampur Distt.Rajanpur</t>
  </si>
  <si>
    <t>Syed Shahanshah Hussain</t>
  </si>
  <si>
    <t>Local Community</t>
  </si>
  <si>
    <t>GPS KHAN MUHAMMAD WALA</t>
  </si>
  <si>
    <t>JAMALI</t>
  </si>
  <si>
    <t>Gps khan muhammad wala</t>
  </si>
  <si>
    <t>Jamali</t>
  </si>
  <si>
    <t>KHANSAR NO 1 - MALE</t>
  </si>
  <si>
    <t>KHANSAR</t>
  </si>
  <si>
    <t>Khan MUHAMMAD wala  Bhakkar</t>
  </si>
  <si>
    <t>Khan MUHAMMAD WALA</t>
  </si>
  <si>
    <t>Safdar Khan</t>
  </si>
  <si>
    <t>GPS KHAN PUR</t>
  </si>
  <si>
    <t>khan pur moza kot shakir the 18 hazari district jhang</t>
  </si>
  <si>
    <t>7/2 Thal Sumali</t>
  </si>
  <si>
    <t>Saleem Ahmad</t>
  </si>
  <si>
    <t>DHUMMAN-II-MALE</t>
  </si>
  <si>
    <t>VPO Khanpur</t>
  </si>
  <si>
    <t>Dhuman</t>
  </si>
  <si>
    <t>GPS KHAN WALA</t>
  </si>
  <si>
    <t>wigha mall</t>
  </si>
  <si>
    <t>moza wahi wigha mall Lodhran</t>
  </si>
  <si>
    <t>sherpur</t>
  </si>
  <si>
    <t>Muhammad Jaffar</t>
  </si>
  <si>
    <t>basti talbani khanwala adda ahmed pur khairpur</t>
  </si>
  <si>
    <t>Talbani Khan Wala</t>
  </si>
  <si>
    <t>Chak 75 db</t>
  </si>
  <si>
    <t>Ejaz Hussain</t>
  </si>
  <si>
    <t>HAJI GHAZI MALE</t>
  </si>
  <si>
    <t>Chotala</t>
  </si>
  <si>
    <t>Moza Chotala Tehsil &amp; Disstrict DG KHAN</t>
  </si>
  <si>
    <t>Sabra Nacha</t>
  </si>
  <si>
    <t>MUHAMMAD IMTIAZ</t>
  </si>
  <si>
    <t>NOR KUBRA- MALE</t>
  </si>
  <si>
    <t>Nor Kubra</t>
  </si>
  <si>
    <t>p/o Basira Tehseel and District M Garh</t>
  </si>
  <si>
    <t>KHAN WALA</t>
  </si>
  <si>
    <t>GUL WALA</t>
  </si>
  <si>
    <t>Rashid Ahmad</t>
  </si>
  <si>
    <t>Darkhast Jamal Khan Shumali</t>
  </si>
  <si>
    <t>basti gull muhammad chandia</t>
  </si>
  <si>
    <t>Basti Gull Muhammad</t>
  </si>
  <si>
    <t>DJK Gharbi</t>
  </si>
  <si>
    <t>Hafiz Muhammad Mosa</t>
  </si>
  <si>
    <t>Water pump and Hand pump</t>
  </si>
  <si>
    <t>GPS KHAN WALI</t>
  </si>
  <si>
    <t>Pirhargharbi Gharbi</t>
  </si>
  <si>
    <t>mastoiwala pirhargharbi</t>
  </si>
  <si>
    <t>Mastoi Wala</t>
  </si>
  <si>
    <t>KUNJAH-III-MALE</t>
  </si>
  <si>
    <t>Khanwali</t>
  </si>
  <si>
    <t>village khanwali Gujrat</t>
  </si>
  <si>
    <t>Ghakran kalan</t>
  </si>
  <si>
    <t>Waqar Haider</t>
  </si>
  <si>
    <t>GPS KHAN ZAMAN WALA</t>
  </si>
  <si>
    <t>MIANWALI RURAL-MALE</t>
  </si>
  <si>
    <t>Maharn wala Teh &amp; dist Mianwali</t>
  </si>
  <si>
    <t>Shahbazkhel</t>
  </si>
  <si>
    <t>Tufail Ahmed</t>
  </si>
  <si>
    <t>CHHIDRU-MALE</t>
  </si>
  <si>
    <t>Musa Khel</t>
  </si>
  <si>
    <t>G/p/S  Khan Zaman wala</t>
  </si>
  <si>
    <t>Khan Zaman Wala</t>
  </si>
  <si>
    <t>Abdul Karim Khan</t>
  </si>
  <si>
    <t>GPS KHARAK</t>
  </si>
  <si>
    <t>MINHALA-MALE</t>
  </si>
  <si>
    <t>KHARAK</t>
  </si>
  <si>
    <t>village kharak wahga border tehsil shalimar lahore</t>
  </si>
  <si>
    <t>Mohammad Yaqoob</t>
  </si>
  <si>
    <t>KAMOKE CITY - MALE</t>
  </si>
  <si>
    <t>Village kharak Tehsil Kamoke District Gujranwala</t>
  </si>
  <si>
    <t>Mari Khurd</t>
  </si>
  <si>
    <t>Gulzada Khan</t>
  </si>
  <si>
    <t>GPS KHARAL WALA</t>
  </si>
  <si>
    <t>PARANKE - MALE</t>
  </si>
  <si>
    <t>Kharal Wala</t>
  </si>
  <si>
    <t>Bhobhra</t>
  </si>
  <si>
    <t>Sana Ullah</t>
  </si>
  <si>
    <t>Panah Kharal Sharqi</t>
  </si>
  <si>
    <t>Moza panah kharal sharqi p/o peer juggi</t>
  </si>
  <si>
    <t>GPS KHARKAN</t>
  </si>
  <si>
    <t>SHAH JEWANA-MALE</t>
  </si>
  <si>
    <t>Kharkan</t>
  </si>
  <si>
    <t>Mouza Kharkan</t>
  </si>
  <si>
    <t>Chund Bharwana</t>
  </si>
  <si>
    <t>AEO (M) LALIAN NO.33</t>
  </si>
  <si>
    <t>muhala naseer Abad chenab nagar tehsil lalian district chiniot</t>
  </si>
  <si>
    <t>Mohammad Ali</t>
  </si>
  <si>
    <t>GPS KHATANA</t>
  </si>
  <si>
    <t>Dhaman</t>
  </si>
  <si>
    <t>GBPS Khatana Dhaman Syadan Adyala Rd RWP</t>
  </si>
  <si>
    <t>Dhaman Syadan</t>
  </si>
  <si>
    <t>Bashir Ahmed</t>
  </si>
  <si>
    <t>Khatana</t>
  </si>
  <si>
    <t>Village Khatana Post Karianwala Gujrat</t>
  </si>
  <si>
    <t>ajnala</t>
  </si>
  <si>
    <t>Syed Sajjad Haider</t>
  </si>
  <si>
    <t>GPS KHICHIAN</t>
  </si>
  <si>
    <t>chini khichi</t>
  </si>
  <si>
    <t>khichian chenab nagar teh. Lalian</t>
  </si>
  <si>
    <t>khichian</t>
  </si>
  <si>
    <t>MC Chenab Nagar</t>
  </si>
  <si>
    <t>Falak Sher Shakir</t>
  </si>
  <si>
    <t>Khichian</t>
  </si>
  <si>
    <t>po box kandwal</t>
  </si>
  <si>
    <t>GPS KHIZAR ABAD</t>
  </si>
  <si>
    <t>CHUNG - MALE</t>
  </si>
  <si>
    <t>Khizar Abad</t>
  </si>
  <si>
    <t>khizar abad defence road Multan road</t>
  </si>
  <si>
    <t>Izmir Town</t>
  </si>
  <si>
    <t>Azmat Ali</t>
  </si>
  <si>
    <t>KHAIR PUR-II- MALE</t>
  </si>
  <si>
    <t>Muradpur Janobi</t>
  </si>
  <si>
    <t>Basti Khizar Abad Moza Muradpur Janobi Tehsil Alipur District Muzaffar Garh</t>
  </si>
  <si>
    <t>GPS KHOKHAR WALA</t>
  </si>
  <si>
    <t>Bassti Bohir wali</t>
  </si>
  <si>
    <t>Basti Bohhir Wali</t>
  </si>
  <si>
    <t>Qaiser Naeem</t>
  </si>
  <si>
    <t>Ali pur janubi</t>
  </si>
  <si>
    <t>gps khokhar wala moza ali pur janubi muzaffar garh</t>
  </si>
  <si>
    <t>basti khokhar wala</t>
  </si>
  <si>
    <t>murad abad</t>
  </si>
  <si>
    <t>Moza Khokhar p/o Khan Garh Tehsil &amp; District  MuzaffarGarh</t>
  </si>
  <si>
    <t>Garay Wahin</t>
  </si>
  <si>
    <t>Wajid Hussain</t>
  </si>
  <si>
    <t>GPS KHUNDA</t>
  </si>
  <si>
    <t>QUTAB SHAHANA-A-MALE</t>
  </si>
  <si>
    <t>Moza Khunda Tehsil and District Sahiwal</t>
  </si>
  <si>
    <t>Mubashra Nazneen</t>
  </si>
  <si>
    <t>GPS KHURA</t>
  </si>
  <si>
    <t>post office khura tehsil naushera district khushab.</t>
  </si>
  <si>
    <t>Waqar Ahmad</t>
  </si>
  <si>
    <t>C.S. SHAH-MALE</t>
  </si>
  <si>
    <t>GPS Khoora , Tehsil Choa Saidan Shah , district chakwal</t>
  </si>
  <si>
    <t>Saloi</t>
  </si>
  <si>
    <t>ICI water scheme</t>
  </si>
  <si>
    <t>GPS KHURSHID ABAD</t>
  </si>
  <si>
    <t>DHOKE KASIB -I- MALE</t>
  </si>
  <si>
    <t>Chillianwala</t>
  </si>
  <si>
    <t>khurshidabad</t>
  </si>
  <si>
    <t>GPS KIKAR WALA</t>
  </si>
  <si>
    <t>BABBAR - MALE</t>
  </si>
  <si>
    <t>Kiker Wala</t>
  </si>
  <si>
    <t>vilage.Kiker wala nowshera virkan</t>
  </si>
  <si>
    <t>Phama Sira</t>
  </si>
  <si>
    <t>Amjad Shehzad</t>
  </si>
  <si>
    <t>Jamali Khurd</t>
  </si>
  <si>
    <t>kikar wala 18 hazari jhang</t>
  </si>
  <si>
    <t>Anas Haleem Khan</t>
  </si>
  <si>
    <t>GPS KOHALA</t>
  </si>
  <si>
    <t>Kohala</t>
  </si>
  <si>
    <t>kohala Teh Sohawa Dist Jhelum</t>
  </si>
  <si>
    <t>Umer nawaz</t>
  </si>
  <si>
    <t>watercooler</t>
  </si>
  <si>
    <t>kohala</t>
  </si>
  <si>
    <t>village and post office kohala muree</t>
  </si>
  <si>
    <t>dewal</t>
  </si>
  <si>
    <t>Abdul Khaliq</t>
  </si>
  <si>
    <t>GPS KOT ABDULLAH</t>
  </si>
  <si>
    <t>MURIDKE-I - MALE</t>
  </si>
  <si>
    <t>village kot abdullah p/o ghandowal district sheikhupura tehsil murdkey</t>
  </si>
  <si>
    <t>Nangal Boucher</t>
  </si>
  <si>
    <t>Rashid Mahmood</t>
  </si>
  <si>
    <t>BUCHEKI EAST-MALE</t>
  </si>
  <si>
    <t>Kot Abdullah P/O Bucheki</t>
  </si>
  <si>
    <t>Mora</t>
  </si>
  <si>
    <t>GPS KOT AHMAD SHAH</t>
  </si>
  <si>
    <t>SADHOKE - MALE</t>
  </si>
  <si>
    <t>KOT AHMADSHAH</t>
  </si>
  <si>
    <t>VILLAGE KOT AHMAD SHAH  TEHSIL KAMOKE</t>
  </si>
  <si>
    <t>KOT AHMAD SHAH</t>
  </si>
  <si>
    <t>SADHOKE</t>
  </si>
  <si>
    <t>Azmat Qadeer</t>
  </si>
  <si>
    <t>kot ahmed shah</t>
  </si>
  <si>
    <t>MBDIN III</t>
  </si>
  <si>
    <t>filter</t>
  </si>
  <si>
    <t>GPS KOT ASSA SINGH</t>
  </si>
  <si>
    <t>GOHAR CHAK 8 - MALE</t>
  </si>
  <si>
    <t>Kandhu Khara</t>
  </si>
  <si>
    <t>Gps kot Assa Singh</t>
  </si>
  <si>
    <t>Kot Assa Singh</t>
  </si>
  <si>
    <t>Shaukat ali</t>
  </si>
  <si>
    <t>KHUDIAN SADAR - MALE</t>
  </si>
  <si>
    <t>Kot Assa Sing</t>
  </si>
  <si>
    <t>kot assa sing</t>
  </si>
  <si>
    <t>Olakh Hittar</t>
  </si>
  <si>
    <t>GPS KOT BOOTA SINGH</t>
  </si>
  <si>
    <t>Kot Boota Singh</t>
  </si>
  <si>
    <t>Govt Primary School Kot Boota Singh</t>
  </si>
  <si>
    <t>Nabi Pur Piran</t>
  </si>
  <si>
    <t>kot  boota singh</t>
  </si>
  <si>
    <t>Kot Sandras</t>
  </si>
  <si>
    <t>shoukat ali awan</t>
  </si>
  <si>
    <t>GPS KOT CHOUDRIAN</t>
  </si>
  <si>
    <t>kot chaudrian</t>
  </si>
  <si>
    <t>kot chaudrian tehsil chunian kasur</t>
  </si>
  <si>
    <t>deo sial</t>
  </si>
  <si>
    <t>Muhammad Ehsan</t>
  </si>
  <si>
    <t>Kot Choudhrian</t>
  </si>
  <si>
    <t>vpo kot chaudhrian</t>
  </si>
  <si>
    <t>Kot Chaudhrian</t>
  </si>
  <si>
    <t>Gulistan Khan</t>
  </si>
  <si>
    <t>elect motor</t>
  </si>
  <si>
    <t>GPS KOT GHULAM MUHAMMAD</t>
  </si>
  <si>
    <t>SHEIKHUPURA-XX - MALE</t>
  </si>
  <si>
    <t>Kot Ghulam Muhammad Muhammad</t>
  </si>
  <si>
    <t>kot Ghulam Muhammad PO gajiana Nau Sheikhupura</t>
  </si>
  <si>
    <t>Gajiana Nau</t>
  </si>
  <si>
    <t>Shahzada Shoaib Ahmad</t>
  </si>
  <si>
    <t>Kot Ghulam M</t>
  </si>
  <si>
    <t>Village Kot Ghulam Muhammad</t>
  </si>
  <si>
    <t>Adam K Nagra</t>
  </si>
  <si>
    <t>Shahnawaz Ahmed</t>
  </si>
  <si>
    <t>GPS KOT GHULAM RASOOL</t>
  </si>
  <si>
    <t>MAKEN -MALE</t>
  </si>
  <si>
    <t>post office Helan village Kot Ghulam Rasool Teh Phalia Distt M B din</t>
  </si>
  <si>
    <t>Chak Mano</t>
  </si>
  <si>
    <t>village kot ghulam rasool bucheki road nankana sahib</t>
  </si>
  <si>
    <t>Rizwan Ali</t>
  </si>
  <si>
    <t>tubewell</t>
  </si>
  <si>
    <t>GPS KOT HUKAM SINGH</t>
  </si>
  <si>
    <t>MALKA HANS - MALE</t>
  </si>
  <si>
    <t>Kot Hukam Singh</t>
  </si>
  <si>
    <t>GPS kot Hukam Singh</t>
  </si>
  <si>
    <t>Sundhay Khan</t>
  </si>
  <si>
    <t>GPS KOT IBRAHIM</t>
  </si>
  <si>
    <t>KOT NAWAN - MALE</t>
  </si>
  <si>
    <t>Kot Ibrahim</t>
  </si>
  <si>
    <t>kot Ibrahim Hafiz abad</t>
  </si>
  <si>
    <t>Hafiz Muhammad  Asadullah</t>
  </si>
  <si>
    <t>GPS KOT JALAL DIN</t>
  </si>
  <si>
    <t>Kot Jalal Din</t>
  </si>
  <si>
    <t>kot Jalal Din p/o Sham kot Nau Tehsil Chunian Distt. Kasur</t>
  </si>
  <si>
    <t>Jamsher Kalan</t>
  </si>
  <si>
    <t>GPS KOT KABIR</t>
  </si>
  <si>
    <t>Kot Kabir</t>
  </si>
  <si>
    <t>muaza Kot Kabir p/o Miran Pur The Mailsi Vehari</t>
  </si>
  <si>
    <t>KAKKI NOU - MALE</t>
  </si>
  <si>
    <t>Rakh Kotla</t>
  </si>
  <si>
    <t>colony kot kabir mouza rakh kotla</t>
  </si>
  <si>
    <t>Kotla Muhammad Zareef Khan</t>
  </si>
  <si>
    <t>Nadeem Ahmad Ghauri</t>
  </si>
  <si>
    <t>GPS KOT MIANA</t>
  </si>
  <si>
    <t>AEO (M) CHINIOT NO.37</t>
  </si>
  <si>
    <t>KOT MIANA</t>
  </si>
  <si>
    <t>Salary</t>
  </si>
  <si>
    <t>SHEZADHA MUHAMMAD ZEESHAN</t>
  </si>
  <si>
    <t>GPS KOT MIRZA</t>
  </si>
  <si>
    <t>WARYAM WALA-MALE</t>
  </si>
  <si>
    <t>Moza Kotmirza</t>
  </si>
  <si>
    <t>Kotmirza P/o chak no h93/jb teh.shorkot dist. jhang</t>
  </si>
  <si>
    <t>Kotmirza</t>
  </si>
  <si>
    <t>chak no 493/jb</t>
  </si>
  <si>
    <t>Badar Muneer</t>
  </si>
  <si>
    <t>Government primary school kotmirza</t>
  </si>
  <si>
    <t>Jhanb</t>
  </si>
  <si>
    <t>Abdul Satar</t>
  </si>
  <si>
    <t>GPS KOT MUBARAK</t>
  </si>
  <si>
    <t>MITHE WALI MALE</t>
  </si>
  <si>
    <t>Kotani</t>
  </si>
  <si>
    <t>basti Kot Mubarak tehsil Taunsa district dg khan</t>
  </si>
  <si>
    <t>KOTANI</t>
  </si>
  <si>
    <t>faiz muhammad</t>
  </si>
  <si>
    <t>Hafiz Muhammad Riaz</t>
  </si>
  <si>
    <t>KOT MUBARAK MALE</t>
  </si>
  <si>
    <t>Ghulam Jilani</t>
  </si>
  <si>
    <t>GPS KOT MUHAMMAD HUSSAIN</t>
  </si>
  <si>
    <t>MANDI FAIZABAD - MALE</t>
  </si>
  <si>
    <t>Harry</t>
  </si>
  <si>
    <t>kot Muhammad Hussain Tahsil&amp;Distt Nankana.</t>
  </si>
  <si>
    <t>Kot Muhammad Hussain</t>
  </si>
  <si>
    <t>Ganaishpur</t>
  </si>
  <si>
    <t>Moza Kot Muhammad Hussain</t>
  </si>
  <si>
    <t>Kot Ghulam Qadir</t>
  </si>
  <si>
    <t>Muhammad Aslam Sabir</t>
  </si>
  <si>
    <t>GPS KOT MURAD</t>
  </si>
  <si>
    <t>JHANG CITY - MALE</t>
  </si>
  <si>
    <t>Pakkay Wala</t>
  </si>
  <si>
    <t>kot murad</t>
  </si>
  <si>
    <t>Muhammad Zia Ulah</t>
  </si>
  <si>
    <t>18-HAZARI - MALE</t>
  </si>
  <si>
    <t>KOTMURAD</t>
  </si>
  <si>
    <t>MUZA KOTMURAD P/O PAHAR PUR TEHSIL 18-HAZARI JHANG</t>
  </si>
  <si>
    <t>MUHAMMAD MURTAZA KHAN</t>
  </si>
  <si>
    <t>GPS KOT SHAH MUHAMMAD</t>
  </si>
  <si>
    <t>WAZIRABAD SADAR 1 - MALE</t>
  </si>
  <si>
    <t>gps kot shah Muhammad</t>
  </si>
  <si>
    <t>Kot Shah Muhammad   Muhammad</t>
  </si>
  <si>
    <t>Gahkka Mitter</t>
  </si>
  <si>
    <t>Usama Bilal</t>
  </si>
  <si>
    <t>GUJRANWALA SADAR 4 - MALE</t>
  </si>
  <si>
    <t>Kot Shah Muham</t>
  </si>
  <si>
    <t>Kot Shah Muhammad QDS GRW</t>
  </si>
  <si>
    <t>chack uggo</t>
  </si>
  <si>
    <t>Amanat Masih Bhatti</t>
  </si>
  <si>
    <t>GPS KOT SHAHAN</t>
  </si>
  <si>
    <t>Kotshahan</t>
  </si>
  <si>
    <t>Moza kotshahan tehsil khanpur</t>
  </si>
  <si>
    <t>Jhoran</t>
  </si>
  <si>
    <t>Muhammad Aslam Tabsum</t>
  </si>
  <si>
    <t>GUJRANWALA CITY</t>
  </si>
  <si>
    <t>GUJRANWALA CITY 4 - MALE</t>
  </si>
  <si>
    <t>Kot Shahan</t>
  </si>
  <si>
    <t>GPS Kot Shahan P/O Secondary Education Board Teh. &amp; Distt. Grw.</t>
  </si>
  <si>
    <t>Lohianwala</t>
  </si>
  <si>
    <t>GPS KOT SHEHBAZ</t>
  </si>
  <si>
    <t>MAU MUBARAK-MALE</t>
  </si>
  <si>
    <t>kot shahbaz</t>
  </si>
  <si>
    <t>Kot Shahbaz</t>
  </si>
  <si>
    <t>Bulaqiwali</t>
  </si>
  <si>
    <t>ulfat ali</t>
  </si>
  <si>
    <t>GEHLAN HITHAR</t>
  </si>
  <si>
    <t>KOT SHAHBAZ GEHLAN HITHAR P/O SAME TEH. CHUNIAN DISTT KASUR</t>
  </si>
  <si>
    <t>Abdul Naeem Bhutta</t>
  </si>
  <si>
    <t>GPS KOT SULEMAN</t>
  </si>
  <si>
    <t>BAGGA CHAK NO.2-MALE</t>
  </si>
  <si>
    <t>Kotsuleman</t>
  </si>
  <si>
    <t>government primary school kot Suleman tehsil dist nankana sahib</t>
  </si>
  <si>
    <t>Chak No 3 GB</t>
  </si>
  <si>
    <t>Bhawan Pura 4</t>
  </si>
  <si>
    <t>Muhammad Khalil</t>
  </si>
  <si>
    <t>Dogra</t>
  </si>
  <si>
    <t>dogra</t>
  </si>
  <si>
    <t>Lal Hussain</t>
  </si>
  <si>
    <t>GPS KOT YAQOOB</t>
  </si>
  <si>
    <t>Rehan Wala</t>
  </si>
  <si>
    <t>kot yaqoob mandi Faizabad</t>
  </si>
  <si>
    <t>Kot yaqoob</t>
  </si>
  <si>
    <t>Muhammad Nawaz</t>
  </si>
  <si>
    <t>MURIDKE-VI - MALE</t>
  </si>
  <si>
    <t>Kot Yaqoob</t>
  </si>
  <si>
    <t>GPS Kot Yaqoob</t>
  </si>
  <si>
    <t>Nangal Kaswala</t>
  </si>
  <si>
    <t>Mustafa Ali</t>
  </si>
  <si>
    <t>GPS KOT ZULFIQAR</t>
  </si>
  <si>
    <t>WARNI - MALE</t>
  </si>
  <si>
    <t>Kot Zulfiqar</t>
  </si>
  <si>
    <t>basti chamb blochan p/o Tranda sway khan Teh.RYk</t>
  </si>
  <si>
    <t>Chamb Blochan</t>
  </si>
  <si>
    <t>Mao Mubarak</t>
  </si>
  <si>
    <t>MUKHTAR AHMAD</t>
  </si>
  <si>
    <t>SATELLITE TOWN - MALE</t>
  </si>
  <si>
    <t>Mitha Lak Deh</t>
  </si>
  <si>
    <t>kot Zulifqar Ali Dakhli Mitha Lak Deh Sargodha</t>
  </si>
  <si>
    <t>Kot Zulifqar Ali</t>
  </si>
  <si>
    <t>Mithalak Deh</t>
  </si>
  <si>
    <t>GPS KOTLA BAKHSH</t>
  </si>
  <si>
    <t>SEET PUR-II- MALE</t>
  </si>
  <si>
    <t>Khan Garh Doma</t>
  </si>
  <si>
    <t>mouza kotla bakhsh p/o Malik arain tehseel Ali pur dist muzaffar garh</t>
  </si>
  <si>
    <t>Kotla Bakhsh</t>
  </si>
  <si>
    <t>Khangarh Dooma</t>
  </si>
  <si>
    <t>Kotla Bakhsh No1</t>
  </si>
  <si>
    <t>Muhammad Shoaib Farooq</t>
  </si>
  <si>
    <t>GPS KOTLI GUJRAN</t>
  </si>
  <si>
    <t>Kotli Gujran</t>
  </si>
  <si>
    <t>village kotli Gujran</t>
  </si>
  <si>
    <t>Kali Soba Khan</t>
  </si>
  <si>
    <t>Syed SOHAIB YOUSAF</t>
  </si>
  <si>
    <t>GPS KUDLATHI</t>
  </si>
  <si>
    <t>SYED  WALA GHARBI - MALE</t>
  </si>
  <si>
    <t>village kudlathi Tehsil and District Nankana Sahib.</t>
  </si>
  <si>
    <t>Mehr Pur</t>
  </si>
  <si>
    <t>Shamaoon Bahadar</t>
  </si>
  <si>
    <t>SHEIKHUPURA-I - MALE</t>
  </si>
  <si>
    <t>Kadhlathi</t>
  </si>
  <si>
    <t>village kudlathi</t>
  </si>
  <si>
    <t>adeeba khan</t>
  </si>
  <si>
    <t>GPS KUNDRALA</t>
  </si>
  <si>
    <t>SAGHRI - MALE</t>
  </si>
  <si>
    <t>Kundrala</t>
  </si>
  <si>
    <t>boo kundralla.teh Jand  .d!attached attock</t>
  </si>
  <si>
    <t>Kundralla</t>
  </si>
  <si>
    <t>JalWal</t>
  </si>
  <si>
    <t>Zaheer Ahmed</t>
  </si>
  <si>
    <t>SEET PUR-I- MALE</t>
  </si>
  <si>
    <t>KUNDRALAL</t>
  </si>
  <si>
    <t>MOUZA KUNDRALA</t>
  </si>
  <si>
    <t>KUNDRALA</t>
  </si>
  <si>
    <t>LATI</t>
  </si>
  <si>
    <t>Bilal Din</t>
  </si>
  <si>
    <t>Dhoke Kundrala, vpo jhatla teh talagang distt chakwal</t>
  </si>
  <si>
    <t>Natasha Sadia</t>
  </si>
  <si>
    <t>GPS KURAR</t>
  </si>
  <si>
    <t>CHAUNTRA - MALE</t>
  </si>
  <si>
    <t>Kurar</t>
  </si>
  <si>
    <t>village  Kurar post office parial district Rawalpindi</t>
  </si>
  <si>
    <t>Hafiz Yasir Mehmood</t>
  </si>
  <si>
    <t>RATALI VIRKAN - MALE</t>
  </si>
  <si>
    <t>Kurar tehsil nowshara virkan disst Gujranwala</t>
  </si>
  <si>
    <t>Herdo Ratali</t>
  </si>
  <si>
    <t>Ather Nazir</t>
  </si>
  <si>
    <t>GPS LAGHARI</t>
  </si>
  <si>
    <t>JURA KALAN (EAST) (MALE)</t>
  </si>
  <si>
    <t>Laghari</t>
  </si>
  <si>
    <t>vpo laghari, tehseel noor pur thal , district khushab.</t>
  </si>
  <si>
    <t>Manzoor Qadir</t>
  </si>
  <si>
    <t>Moza laghari markaz kot bahadar Teh AP Sial Distt Jhang</t>
  </si>
  <si>
    <t>Kot Bahadar</t>
  </si>
  <si>
    <t>Muhammad Sajid</t>
  </si>
  <si>
    <t>GPS LAKHA</t>
  </si>
  <si>
    <t>Kotly Murad</t>
  </si>
  <si>
    <t>GPS Lakha</t>
  </si>
  <si>
    <t>Basti Khawja</t>
  </si>
  <si>
    <t>lakha p/o  luddan teh &amp;distt vehari</t>
  </si>
  <si>
    <t>GPS LAL SHAH</t>
  </si>
  <si>
    <t>QABOOLA 2 - MALE</t>
  </si>
  <si>
    <t>Lal Shah</t>
  </si>
  <si>
    <t>lal shah p/o Noora rath Arifwala Pakpattan</t>
  </si>
  <si>
    <t>Noora Rath</t>
  </si>
  <si>
    <t>Zafar Ali Niazi</t>
  </si>
  <si>
    <t>GULANI-MALE</t>
  </si>
  <si>
    <t>BASTI CHOHAN moza lal shah</t>
  </si>
  <si>
    <t>Basty CHOHAN</t>
  </si>
  <si>
    <t>GULANI</t>
  </si>
  <si>
    <t>Ubaid Ullah Khan</t>
  </si>
  <si>
    <t>GPS LANGAH</t>
  </si>
  <si>
    <t>BINDI MALE</t>
  </si>
  <si>
    <t>Langah</t>
  </si>
  <si>
    <t>GPS Langah Mauza Langah</t>
  </si>
  <si>
    <t>Makwal Kalan</t>
  </si>
  <si>
    <t>NowAbad</t>
  </si>
  <si>
    <t>Moza Nouabad Basti Langah</t>
  </si>
  <si>
    <t>Murad Pur Jonubi</t>
  </si>
  <si>
    <t>GPS LASHARI WALA</t>
  </si>
  <si>
    <t>SAHARAN 452/TDA-MALE</t>
  </si>
  <si>
    <t>Lashari Wala</t>
  </si>
  <si>
    <t>GPS LASHARI WALA CH NO 377/TDA</t>
  </si>
  <si>
    <t>377/TDA</t>
  </si>
  <si>
    <t>Saharan 452</t>
  </si>
  <si>
    <t>Muhammad Zeshan</t>
  </si>
  <si>
    <t>Pirhar Gharbi Ghair Mustaqil</t>
  </si>
  <si>
    <t>Basti lashari,Moza pirhar gharbi,tehsil kot addu,distt. muzaffargarh</t>
  </si>
  <si>
    <t>Nazar Hussain</t>
  </si>
  <si>
    <t>GPS LIAQAT ABAD</t>
  </si>
  <si>
    <t>PIPLAN-MALE</t>
  </si>
  <si>
    <t>piplan paka</t>
  </si>
  <si>
    <t>f2 officer colony liaqatabad piplan</t>
  </si>
  <si>
    <t>liaqatabad</t>
  </si>
  <si>
    <t>mc piplan</t>
  </si>
  <si>
    <t>Samee Ullah</t>
  </si>
  <si>
    <t>BANGLA HIDAYAT - MALE</t>
  </si>
  <si>
    <t>Dera Dildar</t>
  </si>
  <si>
    <t>basti Shah Muhammad lalani.dera dildar rojhan</t>
  </si>
  <si>
    <t>Basti Shah Muhammad lalani</t>
  </si>
  <si>
    <t>Hamad Khalil Pitafi</t>
  </si>
  <si>
    <t>SHEIKHUPURA-XIII - MALE</t>
  </si>
  <si>
    <t>Liaqatabad</t>
  </si>
  <si>
    <t>Karpal Singh</t>
  </si>
  <si>
    <t>GPS LITRA</t>
  </si>
  <si>
    <t>LitrA</t>
  </si>
  <si>
    <t>litra p/o vehova tehsil taunsa district DGKhAn</t>
  </si>
  <si>
    <t>Mushtaq Ahmed</t>
  </si>
  <si>
    <t>GPS LODHRAN WALA</t>
  </si>
  <si>
    <t>KALLUAN WALA-MALE</t>
  </si>
  <si>
    <t>Khanuwala</t>
  </si>
  <si>
    <t>lodhranwala p/o awanawala teh isakhel disst mianwali</t>
  </si>
  <si>
    <t>KALLUAN WALA</t>
  </si>
  <si>
    <t>MACHIWAL-MALE</t>
  </si>
  <si>
    <t>Lodhran Wala P/O kotshakir Tehsil 18 Hazari Distt. Jhang</t>
  </si>
  <si>
    <t>GPS LOHAR WALA</t>
  </si>
  <si>
    <t>chah bhambho mouza drigh tehseel kotaddu district muzaffargarh</t>
  </si>
  <si>
    <t>Bhumbhu</t>
  </si>
  <si>
    <t>Muhammad Waqas</t>
  </si>
  <si>
    <t>Chack No 554/TDA</t>
  </si>
  <si>
    <t>chak no 554/TDA the kot adu</t>
  </si>
  <si>
    <t>Chak No 554 TDA</t>
  </si>
  <si>
    <t>Mir Pur Bhagal</t>
  </si>
  <si>
    <t>Shukat Ali</t>
  </si>
  <si>
    <t>GPS LOHARAN WALA</t>
  </si>
  <si>
    <t>Loharanwala</t>
  </si>
  <si>
    <t>Lambre</t>
  </si>
  <si>
    <t>Muhammad Zahid</t>
  </si>
  <si>
    <t>RODA (SOUTH) (MALE)</t>
  </si>
  <si>
    <t>Village &amp;Post Office Roda Tehsil District Khushsb</t>
  </si>
  <si>
    <t>Muhammad Ahsan</t>
  </si>
  <si>
    <t>SULTAN KHEL-MALE</t>
  </si>
  <si>
    <t>village loharan wala p/o sultan khel Teh Essa Khel Mianwali</t>
  </si>
  <si>
    <t>Loharan Wala</t>
  </si>
  <si>
    <t>Zar Badshah</t>
  </si>
  <si>
    <t>GPS LOONI</t>
  </si>
  <si>
    <t>CHOWK PINDORI - MALE</t>
  </si>
  <si>
    <t>Looni Salyal</t>
  </si>
  <si>
    <t>village looni Salyal p.o and Teh kalar syedan dist rwp</t>
  </si>
  <si>
    <t>MC kallar syedan</t>
  </si>
  <si>
    <t>Farhana Saeed</t>
  </si>
  <si>
    <t>Shahnal</t>
  </si>
  <si>
    <t>Basti Looni Mouza Shahnal, Tehsile and District Lodhran</t>
  </si>
  <si>
    <t>Looni</t>
  </si>
  <si>
    <t>Shoukat Ali</t>
  </si>
  <si>
    <t>GPS LOT NO.15</t>
  </si>
  <si>
    <t>JANDAN WALA - MALE</t>
  </si>
  <si>
    <t>Rakh Khasore</t>
  </si>
  <si>
    <t>lot no 15,post office Khasore, kallur kot, bhk</t>
  </si>
  <si>
    <t>Lot no 15</t>
  </si>
  <si>
    <t>Fazil</t>
  </si>
  <si>
    <t>Nazar Abbas</t>
  </si>
  <si>
    <t>KATH - MALE</t>
  </si>
  <si>
    <t>Rakh Dgran Wali Janobi</t>
  </si>
  <si>
    <t>lot no  15 Tehsil Darya Khan District bhakkar</t>
  </si>
  <si>
    <t>Lot No 15</t>
  </si>
  <si>
    <t>Barkat Wala</t>
  </si>
  <si>
    <t>Amir Alam</t>
  </si>
  <si>
    <t>GPS MACHI WALA</t>
  </si>
  <si>
    <t>SADAR WEST MALE</t>
  </si>
  <si>
    <t>Basti Machi wala</t>
  </si>
  <si>
    <t>Machi Wala</t>
  </si>
  <si>
    <t>purchased from water provider</t>
  </si>
  <si>
    <t>KHAIR PUR-I- MALE</t>
  </si>
  <si>
    <t>Bait Burrah</t>
  </si>
  <si>
    <t>Gps machi wala p/o seet pur Ali pur M.garh</t>
  </si>
  <si>
    <t>Latti</t>
  </si>
  <si>
    <t>Muhammad Ishaq</t>
  </si>
  <si>
    <t>GPS MACHRALA</t>
  </si>
  <si>
    <t>KOTLI NAWAB - MALE</t>
  </si>
  <si>
    <t>Machala</t>
  </si>
  <si>
    <t>Qamar Shehzad</t>
  </si>
  <si>
    <t>JASLANI KHURD -  MALE</t>
  </si>
  <si>
    <t>Machralla</t>
  </si>
  <si>
    <t>GPSMACHRALLA Tehsil&amp; District Nankana sahib</t>
  </si>
  <si>
    <t>MACHRALLA</t>
  </si>
  <si>
    <t>GPS MADAD KHEL</t>
  </si>
  <si>
    <t>madad khel</t>
  </si>
  <si>
    <t>Madad Khel</t>
  </si>
  <si>
    <t>Sultankhel</t>
  </si>
  <si>
    <t>Muhammad Jamil Khan</t>
  </si>
  <si>
    <t>Lalu khel</t>
  </si>
  <si>
    <t>village Midad khel Teh&amp;Distt Mianwali</t>
  </si>
  <si>
    <t>Midad khel</t>
  </si>
  <si>
    <t>Yaro khel paka</t>
  </si>
  <si>
    <t>Ghulam Shabbir Shah</t>
  </si>
  <si>
    <t>GPS MAHTAM</t>
  </si>
  <si>
    <t>SHARAQPUR-I - MALE</t>
  </si>
  <si>
    <t>Village Mahtam Tehsil &amp; Post Office Sharaqpur District Sheikhupura</t>
  </si>
  <si>
    <t>Tredawali</t>
  </si>
  <si>
    <t>Muhammad Azam</t>
  </si>
  <si>
    <t>SHAMAS KAY - MALE</t>
  </si>
  <si>
    <t>mozha mahtam hujra</t>
  </si>
  <si>
    <t>Qurban Ali</t>
  </si>
  <si>
    <t>GPS MAJEED ABAD</t>
  </si>
  <si>
    <t>CHOWK SARWAR SHAHEED-III- MALE</t>
  </si>
  <si>
    <t>chack no 647/tda</t>
  </si>
  <si>
    <t>chak no 647/TDA</t>
  </si>
  <si>
    <t>647TDA</t>
  </si>
  <si>
    <t>632/TDA</t>
  </si>
  <si>
    <t>muhammad shafiq</t>
  </si>
  <si>
    <t>Mouza Qadir Pur, APE</t>
  </si>
  <si>
    <t>Basti Channar Kulyar</t>
  </si>
  <si>
    <t>Mudpeerwah</t>
  </si>
  <si>
    <t>Asrar Ahmed</t>
  </si>
  <si>
    <t>Bakhtiari</t>
  </si>
  <si>
    <t>Basti jhulan mouza Bakhtiari</t>
  </si>
  <si>
    <t>Jhullan</t>
  </si>
  <si>
    <t>Muhammad  Zeeshan Haider</t>
  </si>
  <si>
    <t>GPS MAJRA</t>
  </si>
  <si>
    <t>p/s majra</t>
  </si>
  <si>
    <t>M.Akram Sabir</t>
  </si>
  <si>
    <t>village majra po jalal por juttan gujrat</t>
  </si>
  <si>
    <t>Thimka Nafrian</t>
  </si>
  <si>
    <t>Zaka Ullah</t>
  </si>
  <si>
    <t>GPS MAKHAN BELA</t>
  </si>
  <si>
    <t>JAJJAH ABBASIAN - MALE</t>
  </si>
  <si>
    <t>Makhan Bela</t>
  </si>
  <si>
    <t>Moza makhan bela</t>
  </si>
  <si>
    <t>Jam Pur</t>
  </si>
  <si>
    <t>Mohammad Akram</t>
  </si>
  <si>
    <t>Makhan Bella</t>
  </si>
  <si>
    <t>basti Mohana near head punjnad moza makhan bella</t>
  </si>
  <si>
    <t>Makhanbela</t>
  </si>
  <si>
    <t>Damar Wala Janoobi</t>
  </si>
  <si>
    <t>Ashiq Hussain</t>
  </si>
  <si>
    <t>DHOOR KOT - MALE</t>
  </si>
  <si>
    <t>basti ameen shah mouza makhan bela post office uch sharif</t>
  </si>
  <si>
    <t>Basti Ameen Shah</t>
  </si>
  <si>
    <t>Bakhtiyari</t>
  </si>
  <si>
    <t>GPS MALAL</t>
  </si>
  <si>
    <t>MALAL - MALE</t>
  </si>
  <si>
    <t>Malal</t>
  </si>
  <si>
    <t>VPO Malal Tehsil Fateh Jang District Attock</t>
  </si>
  <si>
    <t>water Supply</t>
  </si>
  <si>
    <t>KARORE - MALE</t>
  </si>
  <si>
    <t>Dakhain</t>
  </si>
  <si>
    <t>vill mohra malal  p.o. karore tehsil kotli sattian dist rawalpindi</t>
  </si>
  <si>
    <t>Mohra Malal</t>
  </si>
  <si>
    <t>Karore</t>
  </si>
  <si>
    <t>Nafeesa Saleem</t>
  </si>
  <si>
    <t>GPS MALANA</t>
  </si>
  <si>
    <t>Malana</t>
  </si>
  <si>
    <t>lari malana</t>
  </si>
  <si>
    <t>Tarahia</t>
  </si>
  <si>
    <t>Saghir Ahmed</t>
  </si>
  <si>
    <t>MAKWAL KALAN MALE</t>
  </si>
  <si>
    <t>Basti Malana, U / C Makwal Kalan, Tehsil Taunsa Sharif, District D.G.Khan.</t>
  </si>
  <si>
    <t>Khalid Saif Ullah</t>
  </si>
  <si>
    <t>GPS MALIK ABAD</t>
  </si>
  <si>
    <t>Warah Gishkori</t>
  </si>
  <si>
    <t>GPS malik abad the&amp;disst layyah</t>
  </si>
  <si>
    <t>Kotla Haji Shah</t>
  </si>
  <si>
    <t>Malikabad</t>
  </si>
  <si>
    <t>MALIKABAD</t>
  </si>
  <si>
    <t>Muhammad Waheed</t>
  </si>
  <si>
    <t>Lomar Walla</t>
  </si>
  <si>
    <t>sipar no.3 nuion council hunjrai no. 2 moza lomar wala</t>
  </si>
  <si>
    <t>Lomar Wala</t>
  </si>
  <si>
    <t>Muhmmad Rizwan</t>
  </si>
  <si>
    <t>GPS MALIK PUR</t>
  </si>
  <si>
    <t>Bhaun</t>
  </si>
  <si>
    <t>Malikpura Bhaun</t>
  </si>
  <si>
    <t>GALI JAGEER - MALE</t>
  </si>
  <si>
    <t>Malik Pur, p.o. Ratwal, tehsil Fateh Jang, district Attock</t>
  </si>
  <si>
    <t>Gali Jagerr</t>
  </si>
  <si>
    <t>Fateh Khan</t>
  </si>
  <si>
    <t>GUJRAT WEST - MALE</t>
  </si>
  <si>
    <t>govt primary school malikpur</t>
  </si>
  <si>
    <t>Saira Abid</t>
  </si>
  <si>
    <t>MURIDKE-II - MALE</t>
  </si>
  <si>
    <t>Mehta Suja</t>
  </si>
  <si>
    <t>Imran Saeed</t>
  </si>
  <si>
    <t>GHAZI PUR-MALE</t>
  </si>
  <si>
    <t>Basti Malik Pur</t>
  </si>
  <si>
    <t>SOHAIL ANJUM</t>
  </si>
  <si>
    <t>JAN PUR - MALE</t>
  </si>
  <si>
    <t>moxa malik pur tehsil liaqatpur district rahimyarkhan punjab</t>
  </si>
  <si>
    <t>Janpur</t>
  </si>
  <si>
    <t>Syed Safdar Ali Zaidi</t>
  </si>
  <si>
    <t>malikpur</t>
  </si>
  <si>
    <t>LCB</t>
  </si>
  <si>
    <t>Muhammad Sharif Qadri</t>
  </si>
  <si>
    <t>Lali Pur</t>
  </si>
  <si>
    <t>Malik pur mouza lali pur P/O  Dokota</t>
  </si>
  <si>
    <t>Malik pur Mailsi</t>
  </si>
  <si>
    <t>Basti Joy Jon Wali</t>
  </si>
  <si>
    <t>Fadda</t>
  </si>
  <si>
    <t>Muhammad Shafiq</t>
  </si>
  <si>
    <t>GPS MALIK WALA</t>
  </si>
  <si>
    <t>KOLO TARAR - MALE</t>
  </si>
  <si>
    <t>EHSAN PUR-II- MALE</t>
  </si>
  <si>
    <t>Hunjrai Mustaqil Sherqi</t>
  </si>
  <si>
    <t>malik wala mauza hanjrai mustaqil sherqi ehsan pur</t>
  </si>
  <si>
    <t>Muhammad Zaman Aslam</t>
  </si>
  <si>
    <t>malik wala dunya pur district lodhran</t>
  </si>
  <si>
    <t>Dahi 41</t>
  </si>
  <si>
    <t>Hafiz Abdul Rauf</t>
  </si>
  <si>
    <t>QUAIDABAD (MALE)</t>
  </si>
  <si>
    <t>Gunjial</t>
  </si>
  <si>
    <t>Dera Hakeem Khelanwala, Gunjial, Tehsil Quaidadad, District Khushab</t>
  </si>
  <si>
    <t>MUHAMMAD AKRAM</t>
  </si>
  <si>
    <t>MALIKWALA</t>
  </si>
  <si>
    <t>Malikwala P/O Jahanabad Tehsil Shah-Pur District Sargodha</t>
  </si>
  <si>
    <t>Malikwala</t>
  </si>
  <si>
    <t>Jahanabad</t>
  </si>
  <si>
    <t>Basharat Ali Khan</t>
  </si>
  <si>
    <t>GPS MANAWAN</t>
  </si>
  <si>
    <t>NAUSHERA (MALE)</t>
  </si>
  <si>
    <t>Manawan</t>
  </si>
  <si>
    <t>Manawan, tehsil Naushera</t>
  </si>
  <si>
    <t>Sadeeq Abad</t>
  </si>
  <si>
    <t>Muhammad Aamer Shahzad</t>
  </si>
  <si>
    <t>FATEH GARH - MALE</t>
  </si>
  <si>
    <t>Manawan Bata pur Lahore</t>
  </si>
  <si>
    <t>Rana Mehboob Ali</t>
  </si>
  <si>
    <t>GPS MANDIALA</t>
  </si>
  <si>
    <t>SHAH GHARIB NO.1 - MALE</t>
  </si>
  <si>
    <t>Village Mandiala p/o kanjrur tehsil shakagarh district Narowal</t>
  </si>
  <si>
    <t>Ghona</t>
  </si>
  <si>
    <t>SEHOWAL - MALE</t>
  </si>
  <si>
    <t>Mandyala</t>
  </si>
  <si>
    <t>Mandyala Post Office Chobara Tehsil Pasrur Distt  Sialkot</t>
  </si>
  <si>
    <t>Shamas Ali</t>
  </si>
  <si>
    <t>GPS MANJA GHUNDI</t>
  </si>
  <si>
    <t>Rukhwan</t>
  </si>
  <si>
    <t>Village Manjaghundi P.O. Injra Teh. Jand Disstt. Attock</t>
  </si>
  <si>
    <t>Manjaghundi</t>
  </si>
  <si>
    <t>Mukhad</t>
  </si>
  <si>
    <t>Khan Bahadur Zafar</t>
  </si>
  <si>
    <t>Pos Bangi Khel Darmiyani</t>
  </si>
  <si>
    <t>GPS Manja Ghundi markaz tola bangikhel Tehsil esakhel District Mianwali</t>
  </si>
  <si>
    <t>Manja Ghundi</t>
  </si>
  <si>
    <t>M Asad Khan</t>
  </si>
  <si>
    <t>GPS MANSOOR ABAD</t>
  </si>
  <si>
    <t>CITY 2 - MALE</t>
  </si>
  <si>
    <t>Mansoorabad</t>
  </si>
  <si>
    <t>st #7 sadar Bazar mansoorabad</t>
  </si>
  <si>
    <t>Farooq abad  Mansoorabad</t>
  </si>
  <si>
    <t>Muhammad Boota</t>
  </si>
  <si>
    <t>plant</t>
  </si>
  <si>
    <t>Danday Wala</t>
  </si>
  <si>
    <t>Basti Mansoorabad,Moza Danday Wala,P/O Gurmani City,Tehsil Kot Addu,District Muzaffargarh</t>
  </si>
  <si>
    <t>Mansoor Abad</t>
  </si>
  <si>
    <t>mansoor abad post office kot Saleem skp</t>
  </si>
  <si>
    <t>Muraday Kilan</t>
  </si>
  <si>
    <t>Amara Chohdri</t>
  </si>
  <si>
    <t>GPS MANZOOR ABAD</t>
  </si>
  <si>
    <t>Ghanno Wali</t>
  </si>
  <si>
    <t>basti multani langah mouza ghanno wali tehsil ahmedpur</t>
  </si>
  <si>
    <t>Multani Langah</t>
  </si>
  <si>
    <t>M Faisal Khan</t>
  </si>
  <si>
    <t>basti hy danish near dgkhan airport</t>
  </si>
  <si>
    <t>Basti Hadyani</t>
  </si>
  <si>
    <t>Jan Muhammad</t>
  </si>
  <si>
    <t>Manzoorab M .B .Din</t>
  </si>
  <si>
    <t>Pindibahauddin</t>
  </si>
  <si>
    <t>Mangreja</t>
  </si>
  <si>
    <t>Moza Mangreja BWP Sadar</t>
  </si>
  <si>
    <t>ManzoorAbad</t>
  </si>
  <si>
    <t>Goath Mehrab</t>
  </si>
  <si>
    <t>Rashid Iqbal</t>
  </si>
  <si>
    <t>BWN-XIII-MALE</t>
  </si>
  <si>
    <t>Jhahney Wala</t>
  </si>
  <si>
    <t>Basti Saiyan wali,Dunga Bunga Bahawalnagar</t>
  </si>
  <si>
    <t>Basti Saiyan Wali</t>
  </si>
  <si>
    <t>Khaitraan Wala</t>
  </si>
  <si>
    <t>GPS MARI</t>
  </si>
  <si>
    <t>THEKAR MALE</t>
  </si>
  <si>
    <t>mari tribal area</t>
  </si>
  <si>
    <t>Thekar</t>
  </si>
  <si>
    <t>shaukat ali</t>
  </si>
  <si>
    <t>natural water flow</t>
  </si>
  <si>
    <t>VPO Mari tehsil &amp; district chakwal</t>
  </si>
  <si>
    <t>Bhikari Kalan</t>
  </si>
  <si>
    <t>Iffat Batool</t>
  </si>
  <si>
    <t>GPS MASOO WALA</t>
  </si>
  <si>
    <t>SHADAN LUND MALE</t>
  </si>
  <si>
    <t>Kala</t>
  </si>
  <si>
    <t>chah masoo wala</t>
  </si>
  <si>
    <t>Masso Wala</t>
  </si>
  <si>
    <t>Khan Pur Bhani</t>
  </si>
  <si>
    <t>basti bahry wali moza Khan pur bhani</t>
  </si>
  <si>
    <t>GPS MASOOD ABAD</t>
  </si>
  <si>
    <t>MONDKA- MALE</t>
  </si>
  <si>
    <t>Gairy Wahin</t>
  </si>
  <si>
    <t>liaqatabad khan garh muzaffargarh</t>
  </si>
  <si>
    <t>Pairey Wala</t>
  </si>
  <si>
    <t>Gairy wahin</t>
  </si>
  <si>
    <t>Hafiz Nazir Ahmad</t>
  </si>
  <si>
    <t>GPS MC D-BLOCK</t>
  </si>
  <si>
    <t>Burewala</t>
  </si>
  <si>
    <t>GPS MC. D   BLOCK. Burewala</t>
  </si>
  <si>
    <t>Main City</t>
  </si>
  <si>
    <t>Tariq  Zubair</t>
  </si>
  <si>
    <t>VEHARI - MALE</t>
  </si>
  <si>
    <t>D BLOCK</t>
  </si>
  <si>
    <t>D BLOCK VEHARI</t>
  </si>
  <si>
    <t>NIL</t>
  </si>
  <si>
    <t>MUNEEB ULLAH</t>
  </si>
  <si>
    <t>GPS MEHAR ABAD</t>
  </si>
  <si>
    <t>Basti meharabad mouza muhammadpur uch Sharif teh ahmadpur East  bahawalpur</t>
  </si>
  <si>
    <t>Meharabad</t>
  </si>
  <si>
    <t>ban Wala</t>
  </si>
  <si>
    <t>Shafiq Ahmad</t>
  </si>
  <si>
    <t>KOT GHAZI - MALE</t>
  </si>
  <si>
    <t>Mehar Abad</t>
  </si>
  <si>
    <t>Mehar abad</t>
  </si>
  <si>
    <t>Burj Masti</t>
  </si>
  <si>
    <t>Khurram Churera</t>
  </si>
  <si>
    <t>Qamar Zaman</t>
  </si>
  <si>
    <t>GPS MEHLU</t>
  </si>
  <si>
    <t>Mehlu</t>
  </si>
  <si>
    <t>Village Mehlu p/o Tanda Th distt gujrat</t>
  </si>
  <si>
    <t>Baro</t>
  </si>
  <si>
    <t>Bushra Naz</t>
  </si>
  <si>
    <t>GPS MEHMOOD ABAD</t>
  </si>
  <si>
    <t>mehmoodabad p/o  jpj district Gujrat</t>
  </si>
  <si>
    <t>Thatta Musa</t>
  </si>
  <si>
    <t>LALAZAR MALE</t>
  </si>
  <si>
    <t>GPS Mehmoodabad  layyah</t>
  </si>
  <si>
    <t>Mandi Town</t>
  </si>
  <si>
    <t>Muhammad  Rashid Rafi</t>
  </si>
  <si>
    <t>Mahmood Abad</t>
  </si>
  <si>
    <t>basti dayiat uc kulab</t>
  </si>
  <si>
    <t>Basti Dayiet</t>
  </si>
  <si>
    <t>Kulab</t>
  </si>
  <si>
    <t>Shabbir Ahmad</t>
  </si>
  <si>
    <t>GPS MEHMOOD WALA</t>
  </si>
  <si>
    <t>HASSU BALAIL -MALE</t>
  </si>
  <si>
    <t>fateh pur perati</t>
  </si>
  <si>
    <t>mehmood wala fateh pur perati p/o same A.p sial Jhang</t>
  </si>
  <si>
    <t>Mehmood wala</t>
  </si>
  <si>
    <t>Chas Mahmood Wala</t>
  </si>
  <si>
    <t>Mahmood Wala</t>
  </si>
  <si>
    <t>Muhammad Wasim Tariq</t>
  </si>
  <si>
    <t>GPS MEHRAY WALA</t>
  </si>
  <si>
    <t>Panah Kharal garbi</t>
  </si>
  <si>
    <t>chah mehry wala mouza panah kharal garbi p / o peer jaggi, layyah</t>
  </si>
  <si>
    <t>Chah mehry wala</t>
  </si>
  <si>
    <t>172 / TDA</t>
  </si>
  <si>
    <t>Maher Ahmad Bukhsh</t>
  </si>
  <si>
    <t>Daggar kotli</t>
  </si>
  <si>
    <t>GPS Mehray Wala</t>
  </si>
  <si>
    <t>Mehray wala</t>
  </si>
  <si>
    <t>Mohammad Imran</t>
  </si>
  <si>
    <t>KHERY WALA MALE</t>
  </si>
  <si>
    <t>Kharay wala</t>
  </si>
  <si>
    <t>chah Numbran wala Kharay wala chubara</t>
  </si>
  <si>
    <t>Numbran wala</t>
  </si>
  <si>
    <t>GPS MIAN WALA</t>
  </si>
  <si>
    <t>BANGLA YASMEEN -MALE</t>
  </si>
  <si>
    <t>Esa Wala Janobi</t>
  </si>
  <si>
    <t>chah  main wala moza ESA wala janobi</t>
  </si>
  <si>
    <t>Bangla Yasmin</t>
  </si>
  <si>
    <t>Abdul rehman</t>
  </si>
  <si>
    <t>BANDIAL (MALE)</t>
  </si>
  <si>
    <t>Golaywali</t>
  </si>
  <si>
    <t>p/o golaywali tehsil quaidabad district khushab</t>
  </si>
  <si>
    <t>Aman Ullah</t>
  </si>
  <si>
    <t>Sharista Thal</t>
  </si>
  <si>
    <t>GPS mian Wala qadeem chak no 157/TDA</t>
  </si>
  <si>
    <t>Chak No 157/TDA</t>
  </si>
  <si>
    <t>Chak No 164 A/ TDA</t>
  </si>
  <si>
    <t>HAQNAWAZ</t>
  </si>
  <si>
    <t>GPS MIANI</t>
  </si>
  <si>
    <t>village Sandra Badra Sialkot.</t>
  </si>
  <si>
    <t>Miani Tongra</t>
  </si>
  <si>
    <t>Basti tongra</t>
  </si>
  <si>
    <t>Basti Tongra</t>
  </si>
  <si>
    <t>Muhammad Bilal Chauhan</t>
  </si>
  <si>
    <t>GPS MITHA KHAN</t>
  </si>
  <si>
    <t>NOOR PUR (EAST) (MALE)</t>
  </si>
  <si>
    <t>pelowaince</t>
  </si>
  <si>
    <t>GPS Mitha Khan pelowaince</t>
  </si>
  <si>
    <t>GPS MOCHI WALA</t>
  </si>
  <si>
    <t>RUSTAM LIGHARI - MALE</t>
  </si>
  <si>
    <t>Hairo</t>
  </si>
  <si>
    <t>near pitafi  chowk basti ahmdani muza hairo</t>
  </si>
  <si>
    <t>hairo</t>
  </si>
  <si>
    <t>Farhad Ahmad</t>
  </si>
  <si>
    <t>Basti Mochi wala.UC Dona teh kot adu dist.M.garh</t>
  </si>
  <si>
    <t>Mochiwala</t>
  </si>
  <si>
    <t>mochiwala tehsil jatoi district Muzaffargarh</t>
  </si>
  <si>
    <t>Muhammad Naqash</t>
  </si>
  <si>
    <t>GPS MOHIB SHAH</t>
  </si>
  <si>
    <t>KOT SABZAL - MALE</t>
  </si>
  <si>
    <t>Mohib Shah</t>
  </si>
  <si>
    <t>Basti jam Gul Muhammad chohan p.o KOT SUBZAL Mohib moza mohib Shah</t>
  </si>
  <si>
    <t>Basti Jam Gul Muhammad</t>
  </si>
  <si>
    <t>KOT SUBZAL</t>
  </si>
  <si>
    <t>Pir Bukhsh</t>
  </si>
  <si>
    <t>GPS MOHRA AWAN</t>
  </si>
  <si>
    <t>DHUDIAL-MALE</t>
  </si>
  <si>
    <t>Mohra Awan</t>
  </si>
  <si>
    <t>vpo mohra awan teh &amp;distt chakwal</t>
  </si>
  <si>
    <t>shafqat hussain</t>
  </si>
  <si>
    <t>SOHAWA - MALE</t>
  </si>
  <si>
    <t>Dhudi Pari</t>
  </si>
  <si>
    <t>mohra awan Teh. Sohawa District Jhelum</t>
  </si>
  <si>
    <t>Pind Maty Khan</t>
  </si>
  <si>
    <t>waseem abbas</t>
  </si>
  <si>
    <t>GPS MOHRI</t>
  </si>
  <si>
    <t>ARA-MALE</t>
  </si>
  <si>
    <t>Mohri</t>
  </si>
  <si>
    <t>p/o Lehri Kakan teh Choa Saidin Shah Distt Chakwal</t>
  </si>
  <si>
    <t>Basharat</t>
  </si>
  <si>
    <t>Muhammad Hussain Ranjha</t>
  </si>
  <si>
    <t>Muhammad Qadeer</t>
  </si>
  <si>
    <t>GPS MOHSIN SHAH WALA</t>
  </si>
  <si>
    <t>Ramin</t>
  </si>
  <si>
    <t>basti brnani p/o Kala dgk</t>
  </si>
  <si>
    <t>Basti Barnani</t>
  </si>
  <si>
    <t>Ghulam Ali</t>
  </si>
  <si>
    <t>Khakhi Sharqi</t>
  </si>
  <si>
    <t>basti mohsin shah wala u c khakhi</t>
  </si>
  <si>
    <t>Mohsin Shah Wala</t>
  </si>
  <si>
    <t>Abdul Malik</t>
  </si>
  <si>
    <t>GPS MOMAN ABAD</t>
  </si>
  <si>
    <t>Khew</t>
  </si>
  <si>
    <t>GPS Momin Abad</t>
  </si>
  <si>
    <t>Momin Abad</t>
  </si>
  <si>
    <t>MUHAMMAD UZAIR HUSSAINI</t>
  </si>
  <si>
    <t>LATKI - MALE</t>
  </si>
  <si>
    <t>Duniya Pur</t>
  </si>
  <si>
    <t>basti moman abad markaz latki khan pur</t>
  </si>
  <si>
    <t>Moman Abad</t>
  </si>
  <si>
    <t>GPS MUHAMMAD ABAD</t>
  </si>
  <si>
    <t>Miani Ichha</t>
  </si>
  <si>
    <t>basti kalhora moza miani ichha</t>
  </si>
  <si>
    <t>Basti Kalhora</t>
  </si>
  <si>
    <t>Gul Muhammad Langah</t>
  </si>
  <si>
    <t>SANJAR PUR - MALE</t>
  </si>
  <si>
    <t>Baig Mahar</t>
  </si>
  <si>
    <t>GPS muhammad abad</t>
  </si>
  <si>
    <t>Muhammad Abad</t>
  </si>
  <si>
    <t>Kot Chhutta</t>
  </si>
  <si>
    <t>Muhammad abad chak no.2 kot chhutta</t>
  </si>
  <si>
    <t>Muhammad Afzal Baluch</t>
  </si>
  <si>
    <t>GPS MUHAMMAD PUR</t>
  </si>
  <si>
    <t>Pir Tanuu</t>
  </si>
  <si>
    <t>Qadir Pur Lar</t>
  </si>
  <si>
    <t>Tanveer Hussain</t>
  </si>
  <si>
    <t>Near by Factory</t>
  </si>
  <si>
    <t>Qadir Pur Dhakoo</t>
  </si>
  <si>
    <t>basti Muhammad pur kahror pakka</t>
  </si>
  <si>
    <t>Tibbi Wadan</t>
  </si>
  <si>
    <t>Muhammad Altaf Javed</t>
  </si>
  <si>
    <t>MUCHRAN - MALE</t>
  </si>
  <si>
    <t>Gulpur Talbani</t>
  </si>
  <si>
    <t>GPS Muhammadpur mouza gulpur tabani khair pur tamewali bwp</t>
  </si>
  <si>
    <t>Muhamnadpur</t>
  </si>
  <si>
    <t>Syed Muhammad Bilal Hamdani</t>
  </si>
  <si>
    <t>GPS MUHAMMAD PURA</t>
  </si>
  <si>
    <t>MURIDKE-III - MALE</t>
  </si>
  <si>
    <t>Muhalla Muhammad Pura  Muhammad Pura</t>
  </si>
  <si>
    <t>Muhalla Muhammad Pura</t>
  </si>
  <si>
    <t>MC Narang</t>
  </si>
  <si>
    <t>Arshad Ali</t>
  </si>
  <si>
    <t>JAMBER KALAN - MALE</t>
  </si>
  <si>
    <t>GPS MUHAMMADI SHARIF</t>
  </si>
  <si>
    <t>Kurak Muhammadi</t>
  </si>
  <si>
    <t>Qila Kangran road Muhammadi Sharif PO. same, Teh.Bhowana District Chiniot</t>
  </si>
  <si>
    <t>Muhammadi sharif</t>
  </si>
  <si>
    <t>Kurak Muhammadi Sharif</t>
  </si>
  <si>
    <t>Muhammad Yaqoob</t>
  </si>
  <si>
    <t>jamia Muhammadi Sharif</t>
  </si>
  <si>
    <t>Muhammadi Sharif</t>
  </si>
  <si>
    <t>Muhammad I Sharif</t>
  </si>
  <si>
    <t>Nasir Ali</t>
  </si>
  <si>
    <t>GPS MUHAMMADI WALA</t>
  </si>
  <si>
    <t>Muhammadi Wala</t>
  </si>
  <si>
    <t>gps muhammadi wala post office Narang Mandi teh Muridke diss Sheikhupura</t>
  </si>
  <si>
    <t>Ladheykey</t>
  </si>
  <si>
    <t>Farhat Bibi</t>
  </si>
  <si>
    <t>Sagla Hill</t>
  </si>
  <si>
    <t>huda sugar mills colony sangla hill</t>
  </si>
  <si>
    <t>M C Sangla Hill</t>
  </si>
  <si>
    <t>Bilal Mujahid</t>
  </si>
  <si>
    <t>GPS MUJAHID ABAD</t>
  </si>
  <si>
    <t>NUTKANI MALE</t>
  </si>
  <si>
    <t>Nutkani</t>
  </si>
  <si>
    <t>Basti Dhakna p/o Nutkani, Tehsil:Taunsa Sharif District: Dera Ghazi Khan</t>
  </si>
  <si>
    <t>khokhar Isra Thal</t>
  </si>
  <si>
    <t>Chak no. 100-A/TDA Near Rajan shah station Tehsil Karor lal eason District Layyah</t>
  </si>
  <si>
    <t>Chalk No 100-A/TDA</t>
  </si>
  <si>
    <t>GPS MULLAN WALI</t>
  </si>
  <si>
    <t>mullan wali</t>
  </si>
  <si>
    <t>Mullan Walli</t>
  </si>
  <si>
    <t>Abdul Jalil</t>
  </si>
  <si>
    <t>Basti Mullanwali Mouza Lalu Naich, P/O Channi Goth Tehsil Ahmad Pur East, Distt. Bahawalpur</t>
  </si>
  <si>
    <t>Aftab Rasool</t>
  </si>
  <si>
    <t>GPS MUMTAZ ABAD</t>
  </si>
  <si>
    <t>MEHRAB WALA - MALE</t>
  </si>
  <si>
    <t>Mehrab Wala</t>
  </si>
  <si>
    <t>Jinah colony Mumtaz Abad P/O Sadiq Garh Palace DNS</t>
  </si>
  <si>
    <t>Muhammad Abbas Haider</t>
  </si>
  <si>
    <t>DOULAT ABAD-MALE</t>
  </si>
  <si>
    <t>mumtaz abadp.orata tiba</t>
  </si>
  <si>
    <t>QADIR WAH</t>
  </si>
  <si>
    <t>Muhammad Adil Waqas Khalid</t>
  </si>
  <si>
    <t>Chukamar</t>
  </si>
  <si>
    <t>basti Mumtaz Abad p/o qasba gujrat</t>
  </si>
  <si>
    <t>Basti Mumtaz Abad</t>
  </si>
  <si>
    <t>Altaf Hussain</t>
  </si>
  <si>
    <t>GPS MURAD ALI</t>
  </si>
  <si>
    <t>Sandha</t>
  </si>
  <si>
    <t>New Sandha Colony</t>
  </si>
  <si>
    <t>New Sanda  Colony</t>
  </si>
  <si>
    <t>Hafiz Muhammad Aslam</t>
  </si>
  <si>
    <t>Murad Ali</t>
  </si>
  <si>
    <t>moza murad ali teh butrwala distt vehari</t>
  </si>
  <si>
    <t>Saldera Hithar</t>
  </si>
  <si>
    <t>GPS MURAD WALA</t>
  </si>
  <si>
    <t>murad wala</t>
  </si>
  <si>
    <t>Noory Wala</t>
  </si>
  <si>
    <t>Muhammad Qasim</t>
  </si>
  <si>
    <t>Moza Murad Wala PO khaas Mandi Shah Jewana</t>
  </si>
  <si>
    <t>Rub Nawaz</t>
  </si>
  <si>
    <t>JALBANI MALE</t>
  </si>
  <si>
    <t>Nari Dhumraya</t>
  </si>
  <si>
    <t>Murad wala Mouza Mari dhamraya p.o lot chutta  thesis kot chutta  didstric d g khan</t>
  </si>
  <si>
    <t>Muhammad Waseem</t>
  </si>
  <si>
    <t>HAVELI NASEER KHAN-MALE</t>
  </si>
  <si>
    <t>Chak Dasti</t>
  </si>
  <si>
    <t>basti dahana uc hawali naseer Khan lodhran</t>
  </si>
  <si>
    <t>Dahana</t>
  </si>
  <si>
    <t>Haveli Naseer Khan</t>
  </si>
  <si>
    <t>Sadaqat Ali</t>
  </si>
  <si>
    <t>GPS MUSLIM ABAD</t>
  </si>
  <si>
    <t>VEHOA MALE</t>
  </si>
  <si>
    <t>Vehoa Shumali</t>
  </si>
  <si>
    <t>basti Muslim abad p/o vehowa teh taunsa DG khan</t>
  </si>
  <si>
    <t>Vehowa Shumali</t>
  </si>
  <si>
    <t>Nemat Ullah</t>
  </si>
  <si>
    <t>destroy</t>
  </si>
  <si>
    <t>GPS MUSTAFA ABAD</t>
  </si>
  <si>
    <t>basti Gh.Mustafa Rang pur  u/c noshera sharqi</t>
  </si>
  <si>
    <t>Noshara Sharqi</t>
  </si>
  <si>
    <t>WARBURTON</t>
  </si>
  <si>
    <t>JASLANI</t>
  </si>
  <si>
    <t>KOT SARANG-MALE</t>
  </si>
  <si>
    <t>vpo mustafaabad</t>
  </si>
  <si>
    <t>Kotsarang</t>
  </si>
  <si>
    <t>C. NO.I MBDIN - MALE</t>
  </si>
  <si>
    <t>Mandi Bahauddin</t>
  </si>
  <si>
    <t>GPS Mustafa Abad Phalia Rd MB Din</t>
  </si>
  <si>
    <t>Imtiaz Ahmad</t>
  </si>
  <si>
    <t>GPS NABI PUR</t>
  </si>
  <si>
    <t>Moza Jahanpur p/o Nabipur Tehsil Ahmad Pur East District Bahawalpur</t>
  </si>
  <si>
    <t>Nabipur</t>
  </si>
  <si>
    <t>Khuram Pur</t>
  </si>
  <si>
    <t>Rana Bashir Ahmed</t>
  </si>
  <si>
    <t>nabi Pur village</t>
  </si>
  <si>
    <t>Syed Hasnain Raza</t>
  </si>
  <si>
    <t>GPS NADEEM ABAD</t>
  </si>
  <si>
    <t>BINDRA</t>
  </si>
  <si>
    <t>MOZA BINDRA NAWAZ COLONY BAHAWALPUR</t>
  </si>
  <si>
    <t>NAWAZ COLONY</t>
  </si>
  <si>
    <t>BWP CITY</t>
  </si>
  <si>
    <t>Ahmad Bilal Hashmat</t>
  </si>
  <si>
    <t>GPS NAGRI</t>
  </si>
  <si>
    <t>Nagri</t>
  </si>
  <si>
    <t>Vpo,Noor poor sethi</t>
  </si>
  <si>
    <t>Nagri  sethi</t>
  </si>
  <si>
    <t>Rehana Begum</t>
  </si>
  <si>
    <t>village &amp; post office bhilomar dhow nagri</t>
  </si>
  <si>
    <t>Bhilomar</t>
  </si>
  <si>
    <t>Razia Niaz</t>
  </si>
  <si>
    <t>GPS NAI WALA</t>
  </si>
  <si>
    <t>RURAL JANDAN WALA - MALE</t>
  </si>
  <si>
    <t>Jandanwala</t>
  </si>
  <si>
    <t>nizami wala</t>
  </si>
  <si>
    <t>Nizami Wala</t>
  </si>
  <si>
    <t>Ali Khail</t>
  </si>
  <si>
    <t>MUHAMMAD HANIF</t>
  </si>
  <si>
    <t>basti khandoya moza haji kamand</t>
  </si>
  <si>
    <t>Basti Khandoya</t>
  </si>
  <si>
    <t>Mubashir AHMAD</t>
  </si>
  <si>
    <t>gurmani sharki</t>
  </si>
  <si>
    <t>chah nai wala moza &amp;uc gurmani sharki</t>
  </si>
  <si>
    <t>nai wala</t>
  </si>
  <si>
    <t>Arif naeem</t>
  </si>
  <si>
    <t>Yara Sulah</t>
  </si>
  <si>
    <t>nai Wala koro bamb</t>
  </si>
  <si>
    <t>sukha Khan Mohsin</t>
  </si>
  <si>
    <t>Naiwala</t>
  </si>
  <si>
    <t>Naiwala Tehsil and District Sheikhupura</t>
  </si>
  <si>
    <t>Sham singh</t>
  </si>
  <si>
    <t>GPS NAICH</t>
  </si>
  <si>
    <t>DUNYAPUR - MALE</t>
  </si>
  <si>
    <t>Naich</t>
  </si>
  <si>
    <t>moza naich</t>
  </si>
  <si>
    <t>11m</t>
  </si>
  <si>
    <t>P.D.KHAN - MALE</t>
  </si>
  <si>
    <t>village naich p.o pind dadan khan</t>
  </si>
  <si>
    <t>Gujjar</t>
  </si>
  <si>
    <t>Muhammad Jameel</t>
  </si>
  <si>
    <t>GPS NAKKA KALAN</t>
  </si>
  <si>
    <t>DARA PUR - MALE</t>
  </si>
  <si>
    <t>Nakka Kalan</t>
  </si>
  <si>
    <t>vpo nakka kalan tehsil distt Jhelum</t>
  </si>
  <si>
    <t>Nakka Khurd</t>
  </si>
  <si>
    <t>Ehtesham Ul Haq</t>
  </si>
  <si>
    <t>Naka Kalan</t>
  </si>
  <si>
    <t>vpo naka kalan Teh. Pindi gheb Distt. Attock</t>
  </si>
  <si>
    <t>Naka kalan</t>
  </si>
  <si>
    <t>Maria Sharif</t>
  </si>
  <si>
    <t>Lal Khan</t>
  </si>
  <si>
    <t>GPS NAND PUR</t>
  </si>
  <si>
    <t>KOTLI LOHARAN - MALE</t>
  </si>
  <si>
    <t>nand pur  post office kotli loharan sialkot</t>
  </si>
  <si>
    <t>Nand Pur</t>
  </si>
  <si>
    <t>Bhartanwala</t>
  </si>
  <si>
    <t>Naseer Ahmed</t>
  </si>
  <si>
    <t>Bhagat pur</t>
  </si>
  <si>
    <t>Inayat Rasool</t>
  </si>
  <si>
    <t>GPS NARA</t>
  </si>
  <si>
    <t>LAWA-MALE</t>
  </si>
  <si>
    <t>Vpo Lawa tehsil Lawa moza Nara district chakwal</t>
  </si>
  <si>
    <t>Lawa</t>
  </si>
  <si>
    <t>Lawa Rural</t>
  </si>
  <si>
    <t>Dost Muhammad</t>
  </si>
  <si>
    <t>fountain</t>
  </si>
  <si>
    <t>GPS NASEER WALA</t>
  </si>
  <si>
    <t>Haji Ghazi Gharbi</t>
  </si>
  <si>
    <t>Chah naseer wala haji ghazi gharbi</t>
  </si>
  <si>
    <t>Chaha Naseer Wala</t>
  </si>
  <si>
    <t>Muhammad Jamal</t>
  </si>
  <si>
    <t>NASEER WALA</t>
  </si>
  <si>
    <t>VILLAGE &amp; P/O NASEER WALA TEHSIL PIPLAN DISTRICT MIANWALI</t>
  </si>
  <si>
    <t>ALU WALI</t>
  </si>
  <si>
    <t>Muhammad Izhaar Ahmad</t>
  </si>
  <si>
    <t>GPS NATHOKI</t>
  </si>
  <si>
    <t>Nathoki</t>
  </si>
  <si>
    <t>village nathoki p.o.box batapur</t>
  </si>
  <si>
    <t>Minhala</t>
  </si>
  <si>
    <t>Hassan Muhammad</t>
  </si>
  <si>
    <t>nathoki</t>
  </si>
  <si>
    <t>Riaz Ahmed</t>
  </si>
  <si>
    <t>GPS NAWAN KOT</t>
  </si>
  <si>
    <t>MIDH RANJHA-I - MALE</t>
  </si>
  <si>
    <t>Khumb Nau</t>
  </si>
  <si>
    <t>Nawan kot,  p/o Midh Ranjha, Tehsil: Kotmomin</t>
  </si>
  <si>
    <t>Midh Ranjha</t>
  </si>
  <si>
    <t>Atta Ullah</t>
  </si>
  <si>
    <t>Shahbazpur</t>
  </si>
  <si>
    <t>gps nawankot moza Shahbazpur u/c bhutta wahan teh.sdk.dist.ryk</t>
  </si>
  <si>
    <t>Nawankot</t>
  </si>
  <si>
    <t>Butta Wahan</t>
  </si>
  <si>
    <t>Muhammad Jumma Khan</t>
  </si>
  <si>
    <t>GPS NAWAZ ABAD</t>
  </si>
  <si>
    <t>KOT AZAM - MALE</t>
  </si>
  <si>
    <t>Mouza Narri</t>
  </si>
  <si>
    <t>Basti narri p/o kot Azam , GPS Nawaz Abad</t>
  </si>
  <si>
    <t>Basti Narri</t>
  </si>
  <si>
    <t>Kotla Qaim Khan</t>
  </si>
  <si>
    <t>Mighiana</t>
  </si>
  <si>
    <t>Government primary school nawazabad bhakar road jhang sadar.</t>
  </si>
  <si>
    <t>Muhammad Riaz Hussain</t>
  </si>
  <si>
    <t>Dar bar Shah Jalan Bukhari</t>
  </si>
  <si>
    <t>darbar shah Jalan Bukharin kariwala jhang</t>
  </si>
  <si>
    <t>Kariwala</t>
  </si>
  <si>
    <t>Azmat Nawaz</t>
  </si>
  <si>
    <t>GPS Nazar Abad</t>
  </si>
  <si>
    <t>THATHA GABOLAN MALE</t>
  </si>
  <si>
    <t>chack pai</t>
  </si>
  <si>
    <t>basti nazar abad moza chack pai tehsil kot chutta district d g khan</t>
  </si>
  <si>
    <t>nazar abad</t>
  </si>
  <si>
    <t>choti zarin</t>
  </si>
  <si>
    <t>Muhammad Aamir</t>
  </si>
  <si>
    <t>GPS NAZAR ABAD</t>
  </si>
  <si>
    <t>ANAR SHAH- MALE</t>
  </si>
  <si>
    <t>Dager Awan</t>
  </si>
  <si>
    <t>Dager Awan tehsil darya khan district bhakkar</t>
  </si>
  <si>
    <t>dagar wahgora</t>
  </si>
  <si>
    <t>Muhammad Azeem</t>
  </si>
  <si>
    <t>CHOWK SARWAR SHAHEED-II- MALE</t>
  </si>
  <si>
    <t>Chak 532/tda</t>
  </si>
  <si>
    <t>chak 532/tea tehsil kot adu district muzaffar garh</t>
  </si>
  <si>
    <t>Chak 532</t>
  </si>
  <si>
    <t>Zafar Jahanger</t>
  </si>
  <si>
    <t>GPS NAZEER ABAD</t>
  </si>
  <si>
    <t>Basti nazeer abad,moza mehrab wala ahmadpur east,bwp</t>
  </si>
  <si>
    <t>Nazeer Abad</t>
  </si>
  <si>
    <t>Mohammad Abuzar</t>
  </si>
  <si>
    <t>bindra 2</t>
  </si>
  <si>
    <t>GPS Nazeerabad</t>
  </si>
  <si>
    <t>nazeerabad</t>
  </si>
  <si>
    <t>Muhammad Hashim</t>
  </si>
  <si>
    <t>GPS NISHAN WALA</t>
  </si>
  <si>
    <t>HINJRAI-I- MALE</t>
  </si>
  <si>
    <t>Hanjrai Ghair Mustaqil Darmiani  Hanjrai Ghair Mustaqil Darmiani</t>
  </si>
  <si>
    <t>gpsnishanwali@gmail.com</t>
  </si>
  <si>
    <t>Basti Sheenh</t>
  </si>
  <si>
    <t>Muhammad Akash</t>
  </si>
  <si>
    <t>DAIRA DIN PANNAH-I- MALE</t>
  </si>
  <si>
    <t>bait Nishan Wala</t>
  </si>
  <si>
    <t>Mouza Nishan Wala UC Hanjrai Post Office D.D Panah</t>
  </si>
  <si>
    <t>Nishan Wala</t>
  </si>
  <si>
    <t>Ahsan Ullah</t>
  </si>
  <si>
    <t>GPS NIZAM ABAD</t>
  </si>
  <si>
    <t>KHANQAH SHARIF - MALE</t>
  </si>
  <si>
    <t>Sui Vehar</t>
  </si>
  <si>
    <t>basti nizam abad mouza sui vehar</t>
  </si>
  <si>
    <t>Basti Nizam Abad</t>
  </si>
  <si>
    <t>Jindo Mison</t>
  </si>
  <si>
    <t>Muhammad Umer Jamil</t>
  </si>
  <si>
    <t>GPS NONARI</t>
  </si>
  <si>
    <t>NANKANA SADAR - MALE</t>
  </si>
  <si>
    <t>Nonari</t>
  </si>
  <si>
    <t>Nonari, Teh. &amp; Distt. Nankana_sahib</t>
  </si>
  <si>
    <t>Sharien Jhangar</t>
  </si>
  <si>
    <t>Noor Hassan</t>
  </si>
  <si>
    <t>KHAIRPUR DAHA - MALE</t>
  </si>
  <si>
    <t>Basti Jam Allah Divaya Moza Nonari</t>
  </si>
  <si>
    <t>Jam Allah Divaya</t>
  </si>
  <si>
    <t>Muhammad sultan</t>
  </si>
  <si>
    <t>GPS NOOR ABAD</t>
  </si>
  <si>
    <t>Trag Ghrbi</t>
  </si>
  <si>
    <t>Wanda Buchan wala Trag Essa Khel Mianwali</t>
  </si>
  <si>
    <t>Trag Garbi</t>
  </si>
  <si>
    <t>Sanaullah Khan</t>
  </si>
  <si>
    <t>electric pump</t>
  </si>
  <si>
    <t>SAMTIA-MALE</t>
  </si>
  <si>
    <t>Buchiwala</t>
  </si>
  <si>
    <t>basti lashkarani noor abad</t>
  </si>
  <si>
    <t>Noor Abad</t>
  </si>
  <si>
    <t>Asad Mehmood anjam</t>
  </si>
  <si>
    <t>GPS NOOR PUR</t>
  </si>
  <si>
    <t>Pasu Perhar</t>
  </si>
  <si>
    <t>Basti noorpur</t>
  </si>
  <si>
    <t>Hamid khan</t>
  </si>
  <si>
    <t>JAMAL PUR - MALE</t>
  </si>
  <si>
    <t>Basti Noorpur</t>
  </si>
  <si>
    <t>Jamapur</t>
  </si>
  <si>
    <t>Abdul Razzaq Shah</t>
  </si>
  <si>
    <t>MND-V-MALE</t>
  </si>
  <si>
    <t>Puggle</t>
  </si>
  <si>
    <t>basti nor pur</t>
  </si>
  <si>
    <t>Nor Pur</t>
  </si>
  <si>
    <t>Shafiq Ahmed</t>
  </si>
  <si>
    <t>viilage $ po noorpur tehsil kallar kahar distt# chakwal</t>
  </si>
  <si>
    <t>Sidra Saeed</t>
  </si>
  <si>
    <t>village noorpur p/o noorpur via dhumn tehsil&amp;district chakwal</t>
  </si>
  <si>
    <t>Choa Gunj Ali Shah</t>
  </si>
  <si>
    <t>Iram Yasmeen</t>
  </si>
  <si>
    <t>GPS NOOR PUR ARIAN</t>
  </si>
  <si>
    <t>Noor Pur Arriyan</t>
  </si>
  <si>
    <t>Gps Noor Pur Arriyan</t>
  </si>
  <si>
    <t>village</t>
  </si>
  <si>
    <t>Faiz pur kalan</t>
  </si>
  <si>
    <t>Arif Ali</t>
  </si>
  <si>
    <t>BWN-III-MALE</t>
  </si>
  <si>
    <t>Mari Mian Sahib</t>
  </si>
  <si>
    <t>Noor pur Arian Mouza Mari Mian Sahib Bahawalnagar</t>
  </si>
  <si>
    <t>Noor Pur Arian</t>
  </si>
  <si>
    <t>Muhammad Saeed Shahid</t>
  </si>
  <si>
    <t>GPS NOOR SHAH</t>
  </si>
  <si>
    <t>basti khalifa Qadir pur teh. jatoi district muzaffargarh</t>
  </si>
  <si>
    <t>Basti Khalifa</t>
  </si>
  <si>
    <t>Muhammad Niaz Murtaza</t>
  </si>
  <si>
    <t>CHAK BAWA - MALE</t>
  </si>
  <si>
    <t>Haveli Lakha</t>
  </si>
  <si>
    <t>chak noor shah</t>
  </si>
  <si>
    <t>Nama Jindey Ka</t>
  </si>
  <si>
    <t>mouza Noor Shah</t>
  </si>
  <si>
    <t>Mouza Noor Shah</t>
  </si>
  <si>
    <t>Chak No 69/wb</t>
  </si>
  <si>
    <t>GPS NOTHEIN</t>
  </si>
  <si>
    <t>BASAL - MALE</t>
  </si>
  <si>
    <t>Nothein</t>
  </si>
  <si>
    <t>nothein teh. jand distt stock.</t>
  </si>
  <si>
    <t>ARSHAD KHAN</t>
  </si>
  <si>
    <t>SUKHEKI GOWAN - MALE</t>
  </si>
  <si>
    <t>Nuthein</t>
  </si>
  <si>
    <t>Village nuthein</t>
  </si>
  <si>
    <t>Nazia Batool</t>
  </si>
  <si>
    <t>GPS NUSRAT WALA</t>
  </si>
  <si>
    <t>BILAL WALA MALE</t>
  </si>
  <si>
    <t>Nawn kot</t>
  </si>
  <si>
    <t>Darbar MAI walayat</t>
  </si>
  <si>
    <t>Nusrat wala</t>
  </si>
  <si>
    <t>Nawan kot</t>
  </si>
  <si>
    <t>KAROR - MALE</t>
  </si>
  <si>
    <t>Laskani Wala</t>
  </si>
  <si>
    <t>Nusrat wala karor</t>
  </si>
  <si>
    <t>Village</t>
  </si>
  <si>
    <t>Iqbal Hussain</t>
  </si>
  <si>
    <t>Chak No212 T D A</t>
  </si>
  <si>
    <t>g p s  nusrat wala chak no  212  t d a thesil mankera disst bhakkar  p/o 67   l</t>
  </si>
  <si>
    <t>Chak No 212 T D A</t>
  </si>
  <si>
    <t>Dagar Kotli</t>
  </si>
  <si>
    <t>Bashir Ahmad</t>
  </si>
  <si>
    <t>GPS PANDORI</t>
  </si>
  <si>
    <t>Pandori</t>
  </si>
  <si>
    <t>GPS. Pandori Tehsil. &amp; Dist. Gujrat</t>
  </si>
  <si>
    <t>muhammad asif</t>
  </si>
  <si>
    <t>village Pandori</t>
  </si>
  <si>
    <t>Imrana Bibi</t>
  </si>
  <si>
    <t>GPS PASWAL</t>
  </si>
  <si>
    <t>LALAMUSA-I-MALE</t>
  </si>
  <si>
    <t>Paswal</t>
  </si>
  <si>
    <t>village paswal</t>
  </si>
  <si>
    <t>Choakri Sher Ghazi</t>
  </si>
  <si>
    <t>Faisal Mushtaq</t>
  </si>
  <si>
    <t>village paswal teh taxila, rwp</t>
  </si>
  <si>
    <t>Thatta Khalil</t>
  </si>
  <si>
    <t>saira yasmeen</t>
  </si>
  <si>
    <t>D-17 housing society</t>
  </si>
  <si>
    <t>GPS PATHAN KOT</t>
  </si>
  <si>
    <t>Yakay Ki</t>
  </si>
  <si>
    <t>GPS Pathan kot  teh Lalian  District Chiniot</t>
  </si>
  <si>
    <t>Dawar</t>
  </si>
  <si>
    <t>Naeem Ullah Qamar</t>
  </si>
  <si>
    <t>JHANG - MALE</t>
  </si>
  <si>
    <t>peroshahi</t>
  </si>
  <si>
    <t>village pathan kot p/o bahtar teh fateh jang attock</t>
  </si>
  <si>
    <t>pathan kot</t>
  </si>
  <si>
    <t>bahtar</t>
  </si>
  <si>
    <t>amna yousaf</t>
  </si>
  <si>
    <t>GPS PAWLI WALA</t>
  </si>
  <si>
    <t>PHAR PUR MALE</t>
  </si>
  <si>
    <t>Pahar Pur</t>
  </si>
  <si>
    <t>Chah Sohiya Wala 172 TDA  Road Pahar Pur Thal District Layyah</t>
  </si>
  <si>
    <t>Sohiya Wala</t>
  </si>
  <si>
    <t>Pahar Pur Thal</t>
  </si>
  <si>
    <t>Fiaz Hussain</t>
  </si>
  <si>
    <t>Mouza Sajhar</t>
  </si>
  <si>
    <t>7/1 Thales Janobi Sajhar</t>
  </si>
  <si>
    <t>GPS PEER WALA</t>
  </si>
  <si>
    <t>Raan</t>
  </si>
  <si>
    <t>pull raan wala mouza raan p/o qasba gujrat</t>
  </si>
  <si>
    <t>Ghamndi Wala</t>
  </si>
  <si>
    <t>Kausar parveen</t>
  </si>
  <si>
    <t>Samina Gharbi</t>
  </si>
  <si>
    <t>peerwala samina Gharbi dgkhan</t>
  </si>
  <si>
    <t>Peerwala</t>
  </si>
  <si>
    <t>Samina</t>
  </si>
  <si>
    <t>GPS PHULL WALA</t>
  </si>
  <si>
    <t>Yaroo</t>
  </si>
  <si>
    <t>Primary school phull Wala</t>
  </si>
  <si>
    <t>Phulwala, Moza Shikhani P/O Sitpur Teh. Alipur Distt. Muzaffargarh</t>
  </si>
  <si>
    <t>Phulwala</t>
  </si>
  <si>
    <t>Missan Kot</t>
  </si>
  <si>
    <t>Siffat Abbas Khan</t>
  </si>
  <si>
    <t>GPS PHULLU WALA</t>
  </si>
  <si>
    <t>Phullu wala p/o jhamat shumali tehsil darya khan bhakkar</t>
  </si>
  <si>
    <t>Phullu Wala</t>
  </si>
  <si>
    <t>Muhammad Farman</t>
  </si>
  <si>
    <t>Sarishta Thal Jandi</t>
  </si>
  <si>
    <t>chak No.161.A/TDA</t>
  </si>
  <si>
    <t>Chak No 161 A/TDA</t>
  </si>
  <si>
    <t>Rural Kotsultan</t>
  </si>
  <si>
    <t>MUHAMMAD ADEEL ASLAM</t>
  </si>
  <si>
    <t>GPS PINDI</t>
  </si>
  <si>
    <t>Pindi</t>
  </si>
  <si>
    <t>pindi teh.Chunian distt.kasur</t>
  </si>
  <si>
    <t>Rasul Pur</t>
  </si>
  <si>
    <t>Muhammad Iqbal Hassan</t>
  </si>
  <si>
    <t>GPS PINDI WALA</t>
  </si>
  <si>
    <t>Pindiwala</t>
  </si>
  <si>
    <t>Pindiwala, Teh, Sahiwal, District Sargodha</t>
  </si>
  <si>
    <t>Azmat Wala</t>
  </si>
  <si>
    <t>Muhammad  Shafi</t>
  </si>
  <si>
    <t>AJNALA - MALE</t>
  </si>
  <si>
    <t>chukera</t>
  </si>
  <si>
    <t>pindiwala dakhli chukera sargodha</t>
  </si>
  <si>
    <t>pindiwala</t>
  </si>
  <si>
    <t>Faiz Rasool</t>
  </si>
  <si>
    <t>GPS PIPLI</t>
  </si>
  <si>
    <t>vpo pipli district chakwal</t>
  </si>
  <si>
    <t>Mulazim Hussain</t>
  </si>
  <si>
    <t>MASSA KOTHA- MALE</t>
  </si>
  <si>
    <t>Basti Pipli Mouza Pipli Tehseel Kahror Pacca district Lodhran</t>
  </si>
  <si>
    <t>Mari Bhagu Khan</t>
  </si>
  <si>
    <t>Baqir Hussain</t>
  </si>
  <si>
    <t>GPS PIPLI WALA</t>
  </si>
  <si>
    <t>BEGOWALA - MALE</t>
  </si>
  <si>
    <t>pipliwLa</t>
  </si>
  <si>
    <t>pipliwala</t>
  </si>
  <si>
    <t>Kopra</t>
  </si>
  <si>
    <t>GUJRANWALA SADAR 2 - MALE</t>
  </si>
  <si>
    <t>Pipliwala</t>
  </si>
  <si>
    <t>Sansra Goraya</t>
  </si>
  <si>
    <t>Muhammad Hamid</t>
  </si>
  <si>
    <t>GPS PIR WALA</t>
  </si>
  <si>
    <t>Mohri Wala</t>
  </si>
  <si>
    <t>Shabir Abad ,chouk aloday wali p/o Aloudday wali</t>
  </si>
  <si>
    <t>Pir Wala</t>
  </si>
  <si>
    <t>Jhanday Wali</t>
  </si>
  <si>
    <t>Muhammad Shahid Imran</t>
  </si>
  <si>
    <t>JALALPUR PIRWALA - MALE</t>
  </si>
  <si>
    <t>Sabra</t>
  </si>
  <si>
    <t>chah molay wala moza sabra tehsil jalal pur pir wala district multan.</t>
  </si>
  <si>
    <t>Molay Wala</t>
  </si>
  <si>
    <t>Kanhoon</t>
  </si>
  <si>
    <t>Ahmad Mohana</t>
  </si>
  <si>
    <t>tahli Wala shah Jamal road</t>
  </si>
  <si>
    <t>Meer Haji</t>
  </si>
  <si>
    <t>GPS POTHA</t>
  </si>
  <si>
    <t>LEHRI - MALE</t>
  </si>
  <si>
    <t>potha</t>
  </si>
  <si>
    <t>Potha Teh .Sohawa Distt.Jhelum</t>
  </si>
  <si>
    <t>Potha</t>
  </si>
  <si>
    <t>feaching  near a house</t>
  </si>
  <si>
    <t>KALA BAGH-MALE</t>
  </si>
  <si>
    <t>Kuch Tunder Khel</t>
  </si>
  <si>
    <t>Gps Potha</t>
  </si>
  <si>
    <t>Kot Chandna</t>
  </si>
  <si>
    <t>Rahim GUL</t>
  </si>
  <si>
    <t>DINA - MALE</t>
  </si>
  <si>
    <t>GPS P0tha, PO Pandori, Tehsil DINA</t>
  </si>
  <si>
    <t>LOadhar</t>
  </si>
  <si>
    <t>gps potha post office dial teh sohawa dist helum</t>
  </si>
  <si>
    <t>Mehsam Noor Shahzadi</t>
  </si>
  <si>
    <t>GPS QABOOL WALA</t>
  </si>
  <si>
    <t>MUD BHOORA - MALE</t>
  </si>
  <si>
    <t>Ghunia</t>
  </si>
  <si>
    <t>Basti Qabool wala Mouza Ghunia P/o Mud mangla</t>
  </si>
  <si>
    <t>Qabool Wala</t>
  </si>
  <si>
    <t>Bhatta Sheikhan</t>
  </si>
  <si>
    <t>60-61 ML - MALE</t>
  </si>
  <si>
    <t>qabool wala</t>
  </si>
  <si>
    <t>Dagarshadah</t>
  </si>
  <si>
    <t>Bukhshan Arain</t>
  </si>
  <si>
    <t>Govt boys primary school Qabool wala</t>
  </si>
  <si>
    <t>Basti Qabool Wala</t>
  </si>
  <si>
    <t>Tibbi Gul Muhammad</t>
  </si>
  <si>
    <t>Ramsha Gul</t>
  </si>
  <si>
    <t>Kotla Rahm Ali Shah</t>
  </si>
  <si>
    <t>p/s Qaboolwala basti maken kotla rahm ali shah jatoi</t>
  </si>
  <si>
    <t>Maken</t>
  </si>
  <si>
    <t>Mujib Ul Rehman</t>
  </si>
  <si>
    <t>GPS QADAR PUR</t>
  </si>
  <si>
    <t>Mega Ara</t>
  </si>
  <si>
    <t>pathan kot teh sahiwal distt sargodha</t>
  </si>
  <si>
    <t>Kudlathi Ara</t>
  </si>
  <si>
    <t>Asif Iqbal</t>
  </si>
  <si>
    <t>Qadar Pur</t>
  </si>
  <si>
    <t>qadar pur v&amp;p.o bhilomar</t>
  </si>
  <si>
    <t>Rashid Hussain</t>
  </si>
  <si>
    <t>GPS QADIR ABAD</t>
  </si>
  <si>
    <t>Basti pull qadir abad moza qadir abad</t>
  </si>
  <si>
    <t>Pull Qadir Abad</t>
  </si>
  <si>
    <t>Basti Adil Arrain,Mouza Lakhani,P/o Khan Bela,Teh.Liaquat Pur,Distt.Rahim Yar Khan</t>
  </si>
  <si>
    <t>Basti Adil Arrain</t>
  </si>
  <si>
    <t>Kotla Doulat</t>
  </si>
  <si>
    <t>JAMPUR (N) N0. 1 - MALE</t>
  </si>
  <si>
    <t>Basti Chhena</t>
  </si>
  <si>
    <t>qadir abad near basti chena</t>
  </si>
  <si>
    <t>CITY HAFIZABAD - MALE</t>
  </si>
  <si>
    <t>Mohalla Qadirabad Qadirabad</t>
  </si>
  <si>
    <t>Mollah qadirabad Hafizabad</t>
  </si>
  <si>
    <t>Hafizabad W</t>
  </si>
  <si>
    <t>Mohammad Jameel</t>
  </si>
  <si>
    <t>WEESLAN</t>
  </si>
  <si>
    <t>BASTI QADIR ABAD BAHAWALPUR</t>
  </si>
  <si>
    <t>BASTI QADIR ABAD</t>
  </si>
  <si>
    <t>CITY 1</t>
  </si>
  <si>
    <t>govt primary school qadirabad</t>
  </si>
  <si>
    <t>Banwala</t>
  </si>
  <si>
    <t>GPS QADIR PUR</t>
  </si>
  <si>
    <t>PAKPATTAN 4 - MALE</t>
  </si>
  <si>
    <t>qadir pur kalyana pakpattan</t>
  </si>
  <si>
    <t>Kalyana</t>
  </si>
  <si>
    <t>Ali Afzal</t>
  </si>
  <si>
    <t>utera, Mouza Qadir Pur, APE</t>
  </si>
  <si>
    <t>Utera</t>
  </si>
  <si>
    <t>Abdul Razzaq</t>
  </si>
  <si>
    <t>QADIR PUR-MALE</t>
  </si>
  <si>
    <t>Qadirpur</t>
  </si>
  <si>
    <t>Moza Qadir Pur Teh. Mailsi District Vehari</t>
  </si>
  <si>
    <t>335 / wb</t>
  </si>
  <si>
    <t>Karamat Ali</t>
  </si>
  <si>
    <t>GPS QASAI WALA</t>
  </si>
  <si>
    <t>JAKHAR IMAM SHAH MALE</t>
  </si>
  <si>
    <t>GPS qasai wala chah jamal wala mouza Haji kamand tehsil kott chuhtta district DG khan .</t>
  </si>
  <si>
    <t>GPS QASIM ABAD</t>
  </si>
  <si>
    <t>RASOOL PUR</t>
  </si>
  <si>
    <t>Rasoolpur Tehsil Jampur District Rajanpur</t>
  </si>
  <si>
    <t>ALLAHABADGharbi</t>
  </si>
  <si>
    <t>qasim abad moza uch Gul imam</t>
  </si>
  <si>
    <t>Qasim Abad</t>
  </si>
  <si>
    <t>GPS QASIM PUR</t>
  </si>
  <si>
    <t>Qasim Pur</t>
  </si>
  <si>
    <t>gps qaim pur</t>
  </si>
  <si>
    <t>Artali</t>
  </si>
  <si>
    <t>Faisal Iqbal</t>
  </si>
  <si>
    <t>Qasimpur</t>
  </si>
  <si>
    <t>muzaqasimpur</t>
  </si>
  <si>
    <t>Kotla Khan Muhammed</t>
  </si>
  <si>
    <t>Zeeshan Ghafoor</t>
  </si>
  <si>
    <t>GPS QASIM WALA</t>
  </si>
  <si>
    <t>Qasim Wala</t>
  </si>
  <si>
    <t>gps qasim wala basti gujhra kotla mughlsn teh jam pur</t>
  </si>
  <si>
    <t>Gujhra</t>
  </si>
  <si>
    <t>Hassu Balail</t>
  </si>
  <si>
    <t>Chak 5 Marla Scheme Hassu Balail</t>
  </si>
  <si>
    <t>Chak 5 Marla Scheme</t>
  </si>
  <si>
    <t>Ghulam Abbas Khokhar</t>
  </si>
  <si>
    <t>Patti Daya Choka</t>
  </si>
  <si>
    <t>Chah kairon wala moza patti daya choka</t>
  </si>
  <si>
    <t>Kairon Wala</t>
  </si>
  <si>
    <t>Ghulam Shabir</t>
  </si>
  <si>
    <t>MCD-18-MALE</t>
  </si>
  <si>
    <t>qasim wala</t>
  </si>
  <si>
    <t>Bholy Wala</t>
  </si>
  <si>
    <t>Mahammad Mushtaq</t>
  </si>
  <si>
    <t>GPS QAZI SAEED</t>
  </si>
  <si>
    <t>BADANA WEST</t>
  </si>
  <si>
    <t>Govt.Elementary school QAZI SAEED NO.02 TEHSIL HASILPUR</t>
  </si>
  <si>
    <t>QAZI SAEED</t>
  </si>
  <si>
    <t>HASILPUR OLD</t>
  </si>
  <si>
    <t>MUHAMMAD TARIQ  ZIA</t>
  </si>
  <si>
    <t>GPS QAZI WALA</t>
  </si>
  <si>
    <t>Khanpur Shumali</t>
  </si>
  <si>
    <t>GPS QAZI WALA Khanpur, Tehsil kot chutta dist Dera Ghazi khan</t>
  </si>
  <si>
    <t>MOKAL - MALE</t>
  </si>
  <si>
    <t>Qazi wala</t>
  </si>
  <si>
    <t>Rural Kangan Pur</t>
  </si>
  <si>
    <t>Hafiz Muhammad Zeeshan Anwar</t>
  </si>
  <si>
    <t>GPS QAZIAN</t>
  </si>
  <si>
    <t>Qazi Chota</t>
  </si>
  <si>
    <t>qazian</t>
  </si>
  <si>
    <t>Qazian</t>
  </si>
  <si>
    <t>mohallah jalalpur</t>
  </si>
  <si>
    <t>MC Kot Chutta</t>
  </si>
  <si>
    <t>Ghulam Qamber</t>
  </si>
  <si>
    <t>GPS QILA BALWANT SINGH</t>
  </si>
  <si>
    <t>Qila Balwant Singh</t>
  </si>
  <si>
    <t>GPS QUDRAT ABAD</t>
  </si>
  <si>
    <t>basti qudrat abad vehoa tehsil taunsa dist.dera ghazi khan</t>
  </si>
  <si>
    <t>Qudrat Abad</t>
  </si>
  <si>
    <t>Vahoa Shumali</t>
  </si>
  <si>
    <t>Ramli</t>
  </si>
  <si>
    <t>basti ramli , mouza ramli , p/o box Anaiti , khairpur tamiwali , bahawalpur</t>
  </si>
  <si>
    <t>Ramli Marle</t>
  </si>
  <si>
    <t>Anaiti</t>
  </si>
  <si>
    <t>Abdulshakoor</t>
  </si>
  <si>
    <t>WAZIRABAD CITY - MALE</t>
  </si>
  <si>
    <t>main bazar qudratabad wazirabad</t>
  </si>
  <si>
    <t>wazirabad</t>
  </si>
  <si>
    <t>M Imran Malik</t>
  </si>
  <si>
    <t>KHAN BELA-MALE</t>
  </si>
  <si>
    <t>Khanbela</t>
  </si>
  <si>
    <t>Qudrat abad,khan bela teh.Liaqatpur,Rahim Yar khan</t>
  </si>
  <si>
    <t>Khan Bela</t>
  </si>
  <si>
    <t>GPS QURESHI WALA</t>
  </si>
  <si>
    <t>Darkhast Shumsli</t>
  </si>
  <si>
    <t>Village Qureshi wala post office Talpur</t>
  </si>
  <si>
    <t>DJK</t>
  </si>
  <si>
    <t>Router/hand pump</t>
  </si>
  <si>
    <t>hunjary mustaqal sharqi</t>
  </si>
  <si>
    <t>basti yaray wala hunjary mustaqal sharqi daira din panah</t>
  </si>
  <si>
    <t>Basti Yaray wala</t>
  </si>
  <si>
    <t>Muhammad sharif</t>
  </si>
  <si>
    <t>MUZAFFARGARH- MALE</t>
  </si>
  <si>
    <t>Bhutta Pur</t>
  </si>
  <si>
    <t>Mohd Ilyas</t>
  </si>
  <si>
    <t>GPS QUTAB PUR</t>
  </si>
  <si>
    <t>Qutabpur</t>
  </si>
  <si>
    <t>Qutab pur p,o fateh pur teh mailsi distt vehari</t>
  </si>
  <si>
    <t>Qutab Pur</t>
  </si>
  <si>
    <t>Mukhtiar Hussain</t>
  </si>
  <si>
    <t>QUTABPUR - MALE</t>
  </si>
  <si>
    <t>5 Marla qutab pur  Tehsil Dunyapur District Lodhran</t>
  </si>
  <si>
    <t>AAMIR RASHEED</t>
  </si>
  <si>
    <t>Jangle Jaswant Garh</t>
  </si>
  <si>
    <t>Munirabad BWP Road Multan</t>
  </si>
  <si>
    <t>Munirabad</t>
  </si>
  <si>
    <t>Billiwala</t>
  </si>
  <si>
    <t>GPS RAHIM ABAD</t>
  </si>
  <si>
    <t>SADAR KPR - MALE</t>
  </si>
  <si>
    <t>Neel Garh</t>
  </si>
  <si>
    <t>Mohalla Rahim abad</t>
  </si>
  <si>
    <t>MC Khan Pur</t>
  </si>
  <si>
    <t>Ishfaq Ahmad</t>
  </si>
  <si>
    <t>Jhangi Ram</t>
  </si>
  <si>
    <t>U/C Patti Bulinda Tehsil Mankera District Bhakkar</t>
  </si>
  <si>
    <t>Patti Bulinda</t>
  </si>
  <si>
    <t>Chah Jogi Wala Basti Rindan</t>
  </si>
  <si>
    <t>Basti RINDAN</t>
  </si>
  <si>
    <t>Ameer Bakhsh</t>
  </si>
  <si>
    <t>Pararan Sharif</t>
  </si>
  <si>
    <t>moza praran sharif basti khokhran</t>
  </si>
  <si>
    <t>muhammad ali</t>
  </si>
  <si>
    <t>GPS RAKH NOOR PUR</t>
  </si>
  <si>
    <t>jara mahtam</t>
  </si>
  <si>
    <t>Jara Mahtam</t>
  </si>
  <si>
    <t>GPS RAM PUR</t>
  </si>
  <si>
    <t>PIR MAHAL</t>
  </si>
  <si>
    <t>AKBAR SAHOU-MALE</t>
  </si>
  <si>
    <t>Ram Pur</t>
  </si>
  <si>
    <t>Moza Ram Pur, Tehsil Pir Mahal, District Toba Tek Singh</t>
  </si>
  <si>
    <t>Moza Josa</t>
  </si>
  <si>
    <t>Rampur</t>
  </si>
  <si>
    <t>village Rampur, p/o miana potha, uc thathi, tehsil gujarkhan, district Rawalpindi.</t>
  </si>
  <si>
    <t>Thathi</t>
  </si>
  <si>
    <t>Eid Ali Ashraf</t>
  </si>
  <si>
    <t>GPS RAMAN</t>
  </si>
  <si>
    <t>HOTE WALA - MALE</t>
  </si>
  <si>
    <t>Nowshehra</t>
  </si>
  <si>
    <t>jumma basti ramman</t>
  </si>
  <si>
    <t>Ramman</t>
  </si>
  <si>
    <t>Ch. Muhammad Kaleem Haider</t>
  </si>
  <si>
    <t>GPS RAMZAN SHAH</t>
  </si>
  <si>
    <t>CTN-XIII-MALE</t>
  </si>
  <si>
    <t>Bailal Kot</t>
  </si>
  <si>
    <t>bilal kot chishtian</t>
  </si>
  <si>
    <t>Chishtian</t>
  </si>
  <si>
    <t>IMTiAZ AHMED</t>
  </si>
  <si>
    <t>GPS RANA</t>
  </si>
  <si>
    <t>DOMALA-MALE</t>
  </si>
  <si>
    <t>Rana</t>
  </si>
  <si>
    <t>village rana p,o narowal district narowal</t>
  </si>
  <si>
    <t>Thillay Kalan</t>
  </si>
  <si>
    <t>GPS RANA COLONY</t>
  </si>
  <si>
    <t>GUJRANWALA CITY 3 - MALE</t>
  </si>
  <si>
    <t>Rana Colony</t>
  </si>
  <si>
    <t>street no 4 Rana Colony G.T Road Gujranwala</t>
  </si>
  <si>
    <t>Kangani Wala</t>
  </si>
  <si>
    <t>ZAMAN KHAN</t>
  </si>
  <si>
    <t>Rana Colony Sadhoke</t>
  </si>
  <si>
    <t>Sadhoke</t>
  </si>
  <si>
    <t>GPS RANA NAGAR</t>
  </si>
  <si>
    <t>Wah Saidan</t>
  </si>
  <si>
    <t>tibbi silgi tehsil jampur</t>
  </si>
  <si>
    <t>Tibbi Solgi</t>
  </si>
  <si>
    <t>Wah Lishari</t>
  </si>
  <si>
    <t>Raqba Dhingana</t>
  </si>
  <si>
    <t>GPS Rana Nagar Raqba Dhingana</t>
  </si>
  <si>
    <t>Bukhsh Abad</t>
  </si>
  <si>
    <t>GPS RANA WAHIN</t>
  </si>
  <si>
    <t>Rana Wahin</t>
  </si>
  <si>
    <t>Basti Rana wahin tehsil&amp;district multan</t>
  </si>
  <si>
    <t>Zafar Hussain</t>
  </si>
  <si>
    <t>Ranawahin</t>
  </si>
  <si>
    <t>Mouza Ranawahin</t>
  </si>
  <si>
    <t>GPS RANG PUR</t>
  </si>
  <si>
    <t>Village Rangpur PO Persowal</t>
  </si>
  <si>
    <t>Jalal Pur Sobtian</t>
  </si>
  <si>
    <t>nayla ferdous</t>
  </si>
  <si>
    <t>CARE COLONY - MALE</t>
  </si>
  <si>
    <t>JAMAL DIN WALI - MALE</t>
  </si>
  <si>
    <t>rangpur sadaat</t>
  </si>
  <si>
    <t>Jamal Din Wali</t>
  </si>
  <si>
    <t>Syed Farooq Ahmed</t>
  </si>
  <si>
    <t>GPS RANG SHAH</t>
  </si>
  <si>
    <t>Basti Rang Shah u/ c Samtia teh.Karor disst.Layyah</t>
  </si>
  <si>
    <t>Bilal Hussain</t>
  </si>
  <si>
    <t>RANG SHAH - MALE</t>
  </si>
  <si>
    <t>pakpattan road adda rang shah</t>
  </si>
  <si>
    <t>Rang shah</t>
  </si>
  <si>
    <t>jewan shah</t>
  </si>
  <si>
    <t>PIR ISRAR HUSSAIN NAEEM</t>
  </si>
  <si>
    <t>rangshah</t>
  </si>
  <si>
    <t>GPS RASHEED ABAD</t>
  </si>
  <si>
    <t>Mailsi Dehh</t>
  </si>
  <si>
    <t>Basti Rasheed abad near railway crossing kehror pakka road</t>
  </si>
  <si>
    <t>Muhammad Sharif</t>
  </si>
  <si>
    <t>HAYAT LAR - MALE</t>
  </si>
  <si>
    <t>RASHEEDABAD</t>
  </si>
  <si>
    <t>ADDA RASHEEDABAD, P/O FEROZA,TEHSIL LQP, DISTT. RYK</t>
  </si>
  <si>
    <t>TALBANI</t>
  </si>
  <si>
    <t>BASHIR AHMAD ZAHID</t>
  </si>
  <si>
    <t>external hand pump</t>
  </si>
  <si>
    <t>ZAFFAR ABAD -MALE</t>
  </si>
  <si>
    <t>Zafar Abaf</t>
  </si>
  <si>
    <t>Gps rasheed abad jadeed markaz zafar abad teh lisquat pur ryk</t>
  </si>
  <si>
    <t>Rasheed Abad Chanjni</t>
  </si>
  <si>
    <t>Zafar Abad</t>
  </si>
  <si>
    <t>GPS RASHID ABAD</t>
  </si>
  <si>
    <t>BUKHARA</t>
  </si>
  <si>
    <t>JATAN THER</t>
  </si>
  <si>
    <t>Muhammad Ashfaq</t>
  </si>
  <si>
    <t>KACHA CHOHAN - MALE</t>
  </si>
  <si>
    <t>Rakh Kacha Chauhan</t>
  </si>
  <si>
    <t>basti karim bukhsh chandeer</t>
  </si>
  <si>
    <t>Basti Karim Bukhsh Chandeer</t>
  </si>
  <si>
    <t>Kacha Chohan</t>
  </si>
  <si>
    <t>BHOMAN SHAH - MALE</t>
  </si>
  <si>
    <t>rashidabad tehsil depalpur dis.okara p/o havili lakha</t>
  </si>
  <si>
    <t>Mohib Ali Otar</t>
  </si>
  <si>
    <t>Zulfqar saqib</t>
  </si>
  <si>
    <t>Kotla RayQabool</t>
  </si>
  <si>
    <t>basti rashda abad</t>
  </si>
  <si>
    <t>Basti Rashda Abad</t>
  </si>
  <si>
    <t>Mian Wali Sekhain</t>
  </si>
  <si>
    <t>Hafeezullha Tariq</t>
  </si>
  <si>
    <t>GPS RASOOL NAGAR</t>
  </si>
  <si>
    <t>RASOOL NAGAR - MALE</t>
  </si>
  <si>
    <t>Rasool Nagar</t>
  </si>
  <si>
    <t>GPS Rasool Nagar Teh.Wazir abad</t>
  </si>
  <si>
    <t>Shabbir Hussain Shah</t>
  </si>
  <si>
    <t>CHOTALA - MALE</t>
  </si>
  <si>
    <t>Khurd</t>
  </si>
  <si>
    <t>village rasool nagar post office khurd teh &amp; distt jhelum</t>
  </si>
  <si>
    <t>zia ullah</t>
  </si>
  <si>
    <t>GPS RASOOL PUR</t>
  </si>
  <si>
    <t>AEO (M) BHOWANA NO.46-MALE</t>
  </si>
  <si>
    <t>Rasool Pur Chak No235jbNo235jb</t>
  </si>
  <si>
    <t>Rsool Pur Post Office Bhowana Tehsil Bhowana District Chiniot</t>
  </si>
  <si>
    <t>Gps rasool pur</t>
  </si>
  <si>
    <t>Chak no 184jb Sial</t>
  </si>
  <si>
    <t>Mehtab Ayube</t>
  </si>
  <si>
    <t>MANJHA KOTLA - MALE</t>
  </si>
  <si>
    <t>Jamala</t>
  </si>
  <si>
    <t>Mouza jamala tehsil dunya pur district lodhran post office gahi mummer</t>
  </si>
  <si>
    <t>Ladha Bohar</t>
  </si>
  <si>
    <t>Shah Rasool</t>
  </si>
  <si>
    <t>moza Rasool pur P.O. box McLeod gunj</t>
  </si>
  <si>
    <t>Hussain Wala</t>
  </si>
  <si>
    <t>Rehmat Ullah</t>
  </si>
  <si>
    <t>KASUR SADAR - MALE</t>
  </si>
  <si>
    <t>Rasool Pur Near Zulqurnain Colony Kasur</t>
  </si>
  <si>
    <t>GPS RASOOL PURA</t>
  </si>
  <si>
    <t>rasool pura</t>
  </si>
  <si>
    <t>Mandi Sambrial</t>
  </si>
  <si>
    <t>KAHNA - MALE</t>
  </si>
  <si>
    <t>Rasoolpura</t>
  </si>
  <si>
    <t>mouza rasoolpura halloki lahore</t>
  </si>
  <si>
    <t>Rasoolpua</t>
  </si>
  <si>
    <t>Ahsan Sardar</t>
  </si>
  <si>
    <t>GPS RATTA BAJWA</t>
  </si>
  <si>
    <t>SATRAH - MALE</t>
  </si>
  <si>
    <t>Ratta Bajwa</t>
  </si>
  <si>
    <t>Ratta Bajwa Tah  Daska.  District SIAKOT</t>
  </si>
  <si>
    <t>Korekey</t>
  </si>
  <si>
    <t>GUJRANWALA CITY 1 - MALE</t>
  </si>
  <si>
    <t>Rattah Bajwa</t>
  </si>
  <si>
    <t>Rattah Bajwa near green valley Gujranwala</t>
  </si>
  <si>
    <t>Rattah</t>
  </si>
  <si>
    <t>Gulzar Colony</t>
  </si>
  <si>
    <t>GPS REHMAN ABAD</t>
  </si>
  <si>
    <t>Jhangar Mahra</t>
  </si>
  <si>
    <t>Mouza Jhangar Mahra Basti Rehman Abad</t>
  </si>
  <si>
    <t>Rahman Abad</t>
  </si>
  <si>
    <t>Rehmanabad Abad</t>
  </si>
  <si>
    <t>village Rehmanabad Abad post office surag</t>
  </si>
  <si>
    <t>GPS REHMAN PURA</t>
  </si>
  <si>
    <t>GANDA SINGH WALA - MALE</t>
  </si>
  <si>
    <t>Hussain Khan Wala</t>
  </si>
  <si>
    <t>Hussain Khan Wala Hithar T/D Kasur</t>
  </si>
  <si>
    <t>Muhammad Zeshan NAEEM</t>
  </si>
  <si>
    <t>GPS REHMANI</t>
  </si>
  <si>
    <t>Rehmani p/o Nutkani Dist Dgkhan</t>
  </si>
  <si>
    <t>REHMANI</t>
  </si>
  <si>
    <t>WALHAR-MALE</t>
  </si>
  <si>
    <t>Bindoor Abbasian</t>
  </si>
  <si>
    <t>GPS Rehmani P/o Walhar SDK</t>
  </si>
  <si>
    <t>BASTI REHMANI</t>
  </si>
  <si>
    <t>GPS REHMAT ABAD</t>
  </si>
  <si>
    <t>Quraishian</t>
  </si>
  <si>
    <t>GPS Rehmat Abad</t>
  </si>
  <si>
    <t>Shafi Ullah</t>
  </si>
  <si>
    <t>CHAKLALA-MALE</t>
  </si>
  <si>
    <t>REHMATABAD</t>
  </si>
  <si>
    <t>NEAR ARMY COLONY REHMATABAD DHOKE MUNSHI KHAN RWP</t>
  </si>
  <si>
    <t>Sajid Mehmood</t>
  </si>
  <si>
    <t>supply</t>
  </si>
  <si>
    <t>GPS RIAZ ABAD</t>
  </si>
  <si>
    <t>Basti Riaz Abad</t>
  </si>
  <si>
    <t>Kheran</t>
  </si>
  <si>
    <t>Adda Riazabad,Patti Kheran,Tehsile Choubara , District Layyah.</t>
  </si>
  <si>
    <t>Chaubara</t>
  </si>
  <si>
    <t>Muhammad Aslam Saeedi</t>
  </si>
  <si>
    <t>GPS RODDI</t>
  </si>
  <si>
    <t>rodi kallur kot bhakkar</t>
  </si>
  <si>
    <t>Abdul  Ghafar Khan Naeem</t>
  </si>
  <si>
    <t>pakka</t>
  </si>
  <si>
    <t>R/o Rodi pakka p/o litten Teh.Mankera Distt Bhakkar</t>
  </si>
  <si>
    <t>Rodi</t>
  </si>
  <si>
    <t>karlowala</t>
  </si>
  <si>
    <t>Hidayat Hussain</t>
  </si>
  <si>
    <t>GPS RUSTAM WALA</t>
  </si>
  <si>
    <t>DHER UMAID ALI SHAH-MALE</t>
  </si>
  <si>
    <t>Rustam  Wala</t>
  </si>
  <si>
    <t>p/o mochh</t>
  </si>
  <si>
    <t>Mochh</t>
  </si>
  <si>
    <t>Muhammed Younas</t>
  </si>
  <si>
    <t>Patti Sultan Mehmod</t>
  </si>
  <si>
    <t>Chah sharey wala patti sultan mehmood</t>
  </si>
  <si>
    <t>Chah Sharey Wala</t>
  </si>
  <si>
    <t>Muhammad javed</t>
  </si>
  <si>
    <t>GPS SABAZ KOT</t>
  </si>
  <si>
    <t>RIND JADA - MALE</t>
  </si>
  <si>
    <t>Sabez Kot</t>
  </si>
  <si>
    <t>mouza sabez kot tehsil kehror pakka</t>
  </si>
  <si>
    <t>Gahi Mummer</t>
  </si>
  <si>
    <t>javed iqbal</t>
  </si>
  <si>
    <t>KINGRA - MALE</t>
  </si>
  <si>
    <t>Sabazkot</t>
  </si>
  <si>
    <t>village and p.o sabazkot teh pasroor dist sialkot</t>
  </si>
  <si>
    <t>Kingra</t>
  </si>
  <si>
    <t>Shahid Mehmood</t>
  </si>
  <si>
    <t>GPS SADIQ ABAD</t>
  </si>
  <si>
    <t>KAKRALI - MALE</t>
  </si>
  <si>
    <t>village Sadiq abad, po sheikh pur, tehsil kharian</t>
  </si>
  <si>
    <t>Hassan Pathan</t>
  </si>
  <si>
    <t>Mutazhar Iqbal</t>
  </si>
  <si>
    <t>ISLAM PUR</t>
  </si>
  <si>
    <t>Moza Islampur</t>
  </si>
  <si>
    <t>Rauf ABAD Chowk</t>
  </si>
  <si>
    <t>BUKHARA SHARIF</t>
  </si>
  <si>
    <t>Saqib Raza</t>
  </si>
  <si>
    <t>Chak sadiqabad, fatehpur, Rajanpur</t>
  </si>
  <si>
    <t>KULACHI</t>
  </si>
  <si>
    <t>chah talib wala moza kulachi</t>
  </si>
  <si>
    <t>KKULACHI</t>
  </si>
  <si>
    <t>PIr Abdul Rehman</t>
  </si>
  <si>
    <t>GPS SAEED ABAD</t>
  </si>
  <si>
    <t>LADHANA - MALE</t>
  </si>
  <si>
    <t>Lohanch Thal Jandi</t>
  </si>
  <si>
    <t>chak no.139/tda</t>
  </si>
  <si>
    <t>Lodhra</t>
  </si>
  <si>
    <t>ansar rehman Chan</t>
  </si>
  <si>
    <t>chak no 5rmk</t>
  </si>
  <si>
    <t>Muhammad Khalil Ahmad</t>
  </si>
  <si>
    <t>GPS SAID ABAD</t>
  </si>
  <si>
    <t>Village Said Abad Post Office Nawan Tehsil and District Mianwali</t>
  </si>
  <si>
    <t>Saidabad</t>
  </si>
  <si>
    <t>Riaz Ahmad Sajid</t>
  </si>
  <si>
    <t>Tap</t>
  </si>
  <si>
    <t>AEO (M) CHINIOT NO.40</t>
  </si>
  <si>
    <t>kot lal</t>
  </si>
  <si>
    <t>moza kot lal</t>
  </si>
  <si>
    <t>GPS SAID PUR</t>
  </si>
  <si>
    <t>ROHILA MATELA-MALE</t>
  </si>
  <si>
    <t>mouza said pur p/o hujara shah moqueem taseel depalpur district okara</t>
  </si>
  <si>
    <t>Bhoon Manzabta</t>
  </si>
  <si>
    <t>Muhammad Riaz</t>
  </si>
  <si>
    <t>Said  Pur P/O Khudian Khas Teh/Distt. Kasur</t>
  </si>
  <si>
    <t>CHHAMAL-MALE</t>
  </si>
  <si>
    <t>village saidpur</t>
  </si>
  <si>
    <t>Shahpur Bhangu</t>
  </si>
  <si>
    <t>Mumtaz Ahmed</t>
  </si>
  <si>
    <t>GPS SAIDAY WALA</t>
  </si>
  <si>
    <t>CHOWK SARWAR SHAHEED-I- MALE</t>
  </si>
  <si>
    <t>Chak No 571/TDA</t>
  </si>
  <si>
    <t>Govt Primary School Saidaywala Chowk Sarwar Shaheed</t>
  </si>
  <si>
    <t>Chowk Sarwar Shaheed</t>
  </si>
  <si>
    <t>MC Chowk Sawar Shaheed</t>
  </si>
  <si>
    <t>Muhammad Yameen</t>
  </si>
  <si>
    <t>Hans</t>
  </si>
  <si>
    <t>Maoza Hans post office mehmood kot tehsil kot adu district muzaffargarh</t>
  </si>
  <si>
    <t>Basti saiday Wala</t>
  </si>
  <si>
    <t>Azhar Hussain</t>
  </si>
  <si>
    <t>GPS SAIR WALA</t>
  </si>
  <si>
    <t>Kul Kuri</t>
  </si>
  <si>
    <t>mouza kul kuri jhang</t>
  </si>
  <si>
    <t>GPS SALEEM ABAD</t>
  </si>
  <si>
    <t>Kotla Noor Muhammad</t>
  </si>
  <si>
    <t>Basti Panwar</t>
  </si>
  <si>
    <t>Dhegan</t>
  </si>
  <si>
    <t>GPS SALEEM PUR</t>
  </si>
  <si>
    <t>UGGOKI - MALE</t>
  </si>
  <si>
    <t>Saleem Pur</t>
  </si>
  <si>
    <t>GPS saleem pur post office malkey kalan</t>
  </si>
  <si>
    <t>Kapoor u wali</t>
  </si>
  <si>
    <t>Raheel Azad Sial</t>
  </si>
  <si>
    <t>GPS SAMLAN WALA</t>
  </si>
  <si>
    <t>gps samlanwala  gpo nawan teh &amp; disst mianwali</t>
  </si>
  <si>
    <t>Hernoli</t>
  </si>
  <si>
    <t>samlanwala</t>
  </si>
  <si>
    <t>Samlanwala</t>
  </si>
  <si>
    <t>Shah Nawaz</t>
  </si>
  <si>
    <t>GPS SAMMAN</t>
  </si>
  <si>
    <t>NARAR- MALE</t>
  </si>
  <si>
    <t>Samman</t>
  </si>
  <si>
    <t>village samman post office nara</t>
  </si>
  <si>
    <t>Narar</t>
  </si>
  <si>
    <t>Aqeel Hussain</t>
  </si>
  <si>
    <t>GPS SAMRA</t>
  </si>
  <si>
    <t>GPS Samra,Thsile &amp; District Gujranwala, Pakistan</t>
  </si>
  <si>
    <t>Butranwali</t>
  </si>
  <si>
    <t>Tariq Mehmood</t>
  </si>
  <si>
    <t>KOT CHIAN - MALE</t>
  </si>
  <si>
    <t>GPS SAMRALA</t>
  </si>
  <si>
    <t>DINGA III - MALE</t>
  </si>
  <si>
    <t>Samrala</t>
  </si>
  <si>
    <t>Village Samrala P/O Theekrian Monian Tehsil Kharian District Gujrat</t>
  </si>
  <si>
    <t>Chakori Bhelowal</t>
  </si>
  <si>
    <t>Saiqa Aslam</t>
  </si>
  <si>
    <t>SAMRALA</t>
  </si>
  <si>
    <t>VPO SAMRALA TEH KHARIAN DIST GUJRAT</t>
  </si>
  <si>
    <t>SABOUR</t>
  </si>
  <si>
    <t>Muhammad Naeem</t>
  </si>
  <si>
    <t>GPS SAROKI</t>
  </si>
  <si>
    <t>village and p/o saroki</t>
  </si>
  <si>
    <t>Zulfiqar Ahmed</t>
  </si>
  <si>
    <t>SAROKE CHEEMA - MALE</t>
  </si>
  <si>
    <t>Kakka</t>
  </si>
  <si>
    <t>GPS SARWAR ABAD</t>
  </si>
  <si>
    <t>BUCHAL KALAN-MALE</t>
  </si>
  <si>
    <t>Sarwar Abad</t>
  </si>
  <si>
    <t>sarwar abad p/o box buchal kalan</t>
  </si>
  <si>
    <t>Buchal Kalan</t>
  </si>
  <si>
    <t>Asia Nasreen</t>
  </si>
  <si>
    <t>Allah Yar Soha</t>
  </si>
  <si>
    <t>Sarwar abad Mouza Allah Yar Soha Tehsil Darya Khan District Bhakkar</t>
  </si>
  <si>
    <t>Sarwar abad</t>
  </si>
  <si>
    <t>6 TDA</t>
  </si>
  <si>
    <t>Muhammad Saeed</t>
  </si>
  <si>
    <t>GPS SARWAR WALA</t>
  </si>
  <si>
    <t>sarwar Wala tehsil mankera disst bhakkar</t>
  </si>
  <si>
    <t>Sarwar Wala</t>
  </si>
  <si>
    <t>Sagheer Ullah Khan</t>
  </si>
  <si>
    <t>GPS SHAH ALAM WALA</t>
  </si>
  <si>
    <t>KOT CHANDANA-MALE</t>
  </si>
  <si>
    <t>Wandha Shah alam wala p/o kamar mushani Tehsil isa khel District mianwali</t>
  </si>
  <si>
    <t>Mureed Abbas Khan</t>
  </si>
  <si>
    <t>PIR ABDUL RAHMAN</t>
  </si>
  <si>
    <t>GPS SHAH ALLAM WALA NEAR PIR ABDUL RAHMAN</t>
  </si>
  <si>
    <t>SHAH ALLAM WALA</t>
  </si>
  <si>
    <t>PIR ABDUl RAHMAN</t>
  </si>
  <si>
    <t>SYED MUHAMMAH RAZA SHAH</t>
  </si>
  <si>
    <t>GPS SHAH JAMAL</t>
  </si>
  <si>
    <t>GHOUS ABAD MALE</t>
  </si>
  <si>
    <t>Basti Gudara, Mouza kotla Noor Muhammad, Tehsil kot Chutta, Distric D G Khan</t>
  </si>
  <si>
    <t>Basti Gudara</t>
  </si>
  <si>
    <t>Bait Wala</t>
  </si>
  <si>
    <t>Village Shah Jamal</t>
  </si>
  <si>
    <t>Geegy</t>
  </si>
  <si>
    <t>Ghulam Hussain</t>
  </si>
  <si>
    <t>Jhandani</t>
  </si>
  <si>
    <t>basti shah Jamal moza jhandani</t>
  </si>
  <si>
    <t>Karampur</t>
  </si>
  <si>
    <t>Shah Muhammad</t>
  </si>
  <si>
    <t>Jaisal Thal</t>
  </si>
  <si>
    <t>hafiz abad jaisal thal post office kot sultan</t>
  </si>
  <si>
    <t>Kot sultan Rural</t>
  </si>
  <si>
    <t>AAMIR NAWAZ KLASRA</t>
  </si>
  <si>
    <t>GPS SHAH JAMAL MUZAFGARGARH</t>
  </si>
  <si>
    <t>Hafiz Muhammad Yaqoob</t>
  </si>
  <si>
    <t>GPS SHAH PUR</t>
  </si>
  <si>
    <t>CHAK LASSA - MALE</t>
  </si>
  <si>
    <t>Chak SHAH Pur Muza Shah Pur Fazilpur District  Rajanpur</t>
  </si>
  <si>
    <t>SHAH Pur</t>
  </si>
  <si>
    <t>Chak Lassa</t>
  </si>
  <si>
    <t>Hafeez-ur-Rahman Shah</t>
  </si>
  <si>
    <t>SANDHILIAN WALI MALE</t>
  </si>
  <si>
    <t>Shah pur</t>
  </si>
  <si>
    <t>mouza shah pur tehsil pirmahal distrct  toba tek singh</t>
  </si>
  <si>
    <t>Muhammad Hussain</t>
  </si>
  <si>
    <t>SHAH PUR - MALE</t>
  </si>
  <si>
    <t>Shahpur Thal</t>
  </si>
  <si>
    <t>Shahpur Tehsil Karor District Layyah</t>
  </si>
  <si>
    <t>shahpur vpo shamasabad</t>
  </si>
  <si>
    <t>Shamasabad</t>
  </si>
  <si>
    <t>Aurangzeb</t>
  </si>
  <si>
    <t>GPS SHAH WALA</t>
  </si>
  <si>
    <t>KHAR GHARBI- MALE</t>
  </si>
  <si>
    <t>Jhandeer Dureja</t>
  </si>
  <si>
    <t>mullan wala uc thatha gurmani</t>
  </si>
  <si>
    <t>Mulla Wala</t>
  </si>
  <si>
    <t>Katcha pattal Ghair Mustaqil Kot Adu</t>
  </si>
  <si>
    <t>chah Shah wala moza katcha pattal ghair mustaqil kot adu</t>
  </si>
  <si>
    <t>Chah Shah Wala</t>
  </si>
  <si>
    <t>CHAHUDHRY</t>
  </si>
  <si>
    <t>Tanveer Abbas</t>
  </si>
  <si>
    <t>KALLAR WALI- MALE</t>
  </si>
  <si>
    <t>Kallar Wali -2</t>
  </si>
  <si>
    <t>basti shah wala mouza kallar wali tahsil jatoi muzaffargarh</t>
  </si>
  <si>
    <t>Shah Wala</t>
  </si>
  <si>
    <t>Mustaqil Sharqi</t>
  </si>
  <si>
    <t>chah bann wala tibba mustaqil sharqi</t>
  </si>
  <si>
    <t>Chah Bann Wala</t>
  </si>
  <si>
    <t>GPS SHAHBAZ PUR</t>
  </si>
  <si>
    <t>Shahbaz pur</t>
  </si>
  <si>
    <t>Village Shahbaz pur PO Jalal pur jattah</t>
  </si>
  <si>
    <t>Ehsan ullah</t>
  </si>
  <si>
    <t>basti babran shahbaz pur</t>
  </si>
  <si>
    <t>Basti Babran</t>
  </si>
  <si>
    <t>MC Jatoi</t>
  </si>
  <si>
    <t>Tahir Muhammad</t>
  </si>
  <si>
    <t>GPS SHAHEEN ABAD</t>
  </si>
  <si>
    <t>st no 14 c block shaheenabad</t>
  </si>
  <si>
    <t>Shaheenabad</t>
  </si>
  <si>
    <t>Muhammad Salman</t>
  </si>
  <si>
    <t>Gps shaheen Abad jamali</t>
  </si>
  <si>
    <t>Aziz Ur Rahmn</t>
  </si>
  <si>
    <t>GPS SHAHROO WALI</t>
  </si>
  <si>
    <t>NARI SHUMALI MALE</t>
  </si>
  <si>
    <t>Shahroowali</t>
  </si>
  <si>
    <t>Ghulam Younas</t>
  </si>
  <si>
    <t>Munda</t>
  </si>
  <si>
    <t>Khushi Abad / (Old Basti Peer) U/C Choolani Tehsil Taunsa Disstt. D.G.Khan</t>
  </si>
  <si>
    <t>Old Basti Peer</t>
  </si>
  <si>
    <t>CHOLANI</t>
  </si>
  <si>
    <t>Muhammad Nasarullah</t>
  </si>
  <si>
    <t>Students take water Coolers for avial water in nearby mosque ,  Need a new water pupm in school which is deep from present water pump because upper level water is not useable for drinking.</t>
  </si>
  <si>
    <t>GPS SHAMAS ABAD</t>
  </si>
  <si>
    <t>SHAMAS ABAD - MALE</t>
  </si>
  <si>
    <t>Chak Dilber</t>
  </si>
  <si>
    <t>Shamsabad Tehsil Rojhan District Rajanpur</t>
  </si>
  <si>
    <t>SANA ULLAH</t>
  </si>
  <si>
    <t>hand pump</t>
  </si>
  <si>
    <t>TALBANI-MALE</t>
  </si>
  <si>
    <t>SHAMAS ABAD</t>
  </si>
  <si>
    <t>Govt. P/S Shamsabad Markaz Talbani teh liaquat pur</t>
  </si>
  <si>
    <t>GHOKA</t>
  </si>
  <si>
    <t>Muhammad Shafique</t>
  </si>
  <si>
    <t>GPS SHAMPUR</t>
  </si>
  <si>
    <t>Haider Wahan</t>
  </si>
  <si>
    <t>Basti umar sandila mouza haider wahan</t>
  </si>
  <si>
    <t>Basti Umar Sandila</t>
  </si>
  <si>
    <t>Muhammad Akhtar</t>
  </si>
  <si>
    <t>GPS SHAMS ABAD</t>
  </si>
  <si>
    <t>Shams Abad</t>
  </si>
  <si>
    <t>Village shams abad PO kariyala</t>
  </si>
  <si>
    <t>Khurram Khurshid</t>
  </si>
  <si>
    <t>shamsabad p/o hatheji</t>
  </si>
  <si>
    <t>Muhammad Jalil Bhatti</t>
  </si>
  <si>
    <t>GPS SHARIF ABAD</t>
  </si>
  <si>
    <t>KASHIF ABAD-I- MALE</t>
  </si>
  <si>
    <t>Patti Naich</t>
  </si>
  <si>
    <t>mochi darbar mouza patti naich</t>
  </si>
  <si>
    <t>Basti Sharif Abad</t>
  </si>
  <si>
    <t>kashif abad</t>
  </si>
  <si>
    <t>Malik Mushtaq Ahmad</t>
  </si>
  <si>
    <t>ISA KHEL-MALE</t>
  </si>
  <si>
    <t>Sharifabad</t>
  </si>
  <si>
    <t>Govt.boys p.s sharifabad isakhel</t>
  </si>
  <si>
    <t>Sharif Abad</t>
  </si>
  <si>
    <t>Fiaz Muhammad</t>
  </si>
  <si>
    <t>CHAKRI-MALE</t>
  </si>
  <si>
    <t>sharifabad Rawalpindi</t>
  </si>
  <si>
    <t>Gaggan</t>
  </si>
  <si>
    <t>WAHEED UR REHMAN</t>
  </si>
  <si>
    <t>MUHAMMAD YOUSAF ABID</t>
  </si>
  <si>
    <t>GPS SHARIF PURA</t>
  </si>
  <si>
    <t>BHOPAYWAL - MALE</t>
  </si>
  <si>
    <t>SHARIF PURA</t>
  </si>
  <si>
    <t>Sharif Pura Purani Mandi Pottoki</t>
  </si>
  <si>
    <t>Bhai Kot Chak# 03</t>
  </si>
  <si>
    <t>Ghulam Arshad</t>
  </si>
  <si>
    <t>Sharif Pura Jinnah Road Gujranwala</t>
  </si>
  <si>
    <t>Sharif Pura</t>
  </si>
  <si>
    <t>m asif iqbal</t>
  </si>
  <si>
    <t>BAGHBANPURA - MALE</t>
  </si>
  <si>
    <t>Sharif Pura Ahmad town</t>
  </si>
  <si>
    <t>Lakhodher</t>
  </si>
  <si>
    <t>MURIDKE-IX - MALE</t>
  </si>
  <si>
    <t>village sharif pura teh muridke district sheikhupura p/o awan  muslim</t>
  </si>
  <si>
    <t>Mahae</t>
  </si>
  <si>
    <t>Ashiq Ali Shah</t>
  </si>
  <si>
    <t>mohallah Sharif pura kamoke</t>
  </si>
  <si>
    <t>GPS SHEIKH WALA</t>
  </si>
  <si>
    <t>Sheikh Moosa  Khalifa</t>
  </si>
  <si>
    <t>basti sheikh wala</t>
  </si>
  <si>
    <t>Sheikh Wala</t>
  </si>
  <si>
    <t>Waan Pitafi</t>
  </si>
  <si>
    <t>Mukhtar Hussain</t>
  </si>
  <si>
    <t>ghulala Haji Ghazi Gharbi</t>
  </si>
  <si>
    <t>Ghulala</t>
  </si>
  <si>
    <t>Khair Pur bambly</t>
  </si>
  <si>
    <t>GPS Sheikh wala Basti Azeem Din khan Rojhan</t>
  </si>
  <si>
    <t>Basti Azeem din Khan</t>
  </si>
  <si>
    <t>Kin Khas</t>
  </si>
  <si>
    <t>Waleed Hussain</t>
  </si>
  <si>
    <t>GPS SHER GARH</t>
  </si>
  <si>
    <t>KOT QAISRANI MALE</t>
  </si>
  <si>
    <t>Kot Qaisrani</t>
  </si>
  <si>
    <t>Kot qaisrani</t>
  </si>
  <si>
    <t>Muhammad Mitha</t>
  </si>
  <si>
    <t>hired</t>
  </si>
  <si>
    <t>OZMAN - MALE</t>
  </si>
  <si>
    <t>Basti Hurwani Teh.Rojhan Dist.Rajanpur</t>
  </si>
  <si>
    <t>Muhammad Bux HURWANI</t>
  </si>
  <si>
    <t>Kin</t>
  </si>
  <si>
    <t>passo pirhar</t>
  </si>
  <si>
    <t>Basti sher Garh post Office shadan lound Tehsil and District Dera Ghazi khan</t>
  </si>
  <si>
    <t>SHADAN LUND</t>
  </si>
  <si>
    <t>Post office watto village shergarh</t>
  </si>
  <si>
    <t>Jaurakalan</t>
  </si>
  <si>
    <t>Mueed Sher</t>
  </si>
  <si>
    <t>Shergar</t>
  </si>
  <si>
    <t>shergarh</t>
  </si>
  <si>
    <t>Mohammad Fayyaz</t>
  </si>
  <si>
    <t>Shehr Nindo Khan</t>
  </si>
  <si>
    <t>Near Juggan Khan Petrol Pump</t>
  </si>
  <si>
    <t>Dheengan</t>
  </si>
  <si>
    <t>Azam Hussain</t>
  </si>
  <si>
    <t>GPS SHER KHAN</t>
  </si>
  <si>
    <t>MIR HAZAR KHAN- MALE</t>
  </si>
  <si>
    <t>Basti Sher Khan Moza Bait Daryai</t>
  </si>
  <si>
    <t>Mohammad Qasim Khan</t>
  </si>
  <si>
    <t>Chak Mut #2</t>
  </si>
  <si>
    <t>GPS Sher Khan Chak matt 2 basti gahna khan</t>
  </si>
  <si>
    <t>Basti Gahna Khan</t>
  </si>
  <si>
    <t>GPS SHER PUR</t>
  </si>
  <si>
    <t>Sher Pur</t>
  </si>
  <si>
    <t>sher pur tahsil pattoki district kasur</t>
  </si>
  <si>
    <t>Dena Nath</t>
  </si>
  <si>
    <t>Tahir Hussain Ansari</t>
  </si>
  <si>
    <t>HEAD MARALA - MALE</t>
  </si>
  <si>
    <t>sher pur</t>
  </si>
  <si>
    <t>Gps sher pur</t>
  </si>
  <si>
    <t>shehni</t>
  </si>
  <si>
    <t>Sherpur</t>
  </si>
  <si>
    <t>gps sherpur lodhran</t>
  </si>
  <si>
    <t>GPS SHER WALA</t>
  </si>
  <si>
    <t>MAKHDOOMAALI - MALE</t>
  </si>
  <si>
    <t>1-4/M.P.R</t>
  </si>
  <si>
    <t>BASTI SHER WALA CHAK NO. 1-4/M.P.R.</t>
  </si>
  <si>
    <t>SHER WALA</t>
  </si>
  <si>
    <t>366/WB</t>
  </si>
  <si>
    <t>MUHAMMAD BILAL</t>
  </si>
  <si>
    <t>Khuni Kalru</t>
  </si>
  <si>
    <t>p/o khokhar abad</t>
  </si>
  <si>
    <t>Khokhar Abad</t>
  </si>
  <si>
    <t>Soonhara Wasawa</t>
  </si>
  <si>
    <t>KOT MOMIN WEST-I - MALE</t>
  </si>
  <si>
    <t>Moazzamabad</t>
  </si>
  <si>
    <t>Ser wala moazzamabad po khas Teh kotmomam distt sargodha</t>
  </si>
  <si>
    <t>Muhammad Obaid Ullah Asad</t>
  </si>
  <si>
    <t>AKRRIAN WALA-MALE</t>
  </si>
  <si>
    <t>Bhero</t>
  </si>
  <si>
    <t>chah sherwala moza bhero</t>
  </si>
  <si>
    <t>Sherwala</t>
  </si>
  <si>
    <t>Dhoriwala</t>
  </si>
  <si>
    <t>AHSAN ULLAH</t>
  </si>
  <si>
    <t>GPS SHOHRAT WALA</t>
  </si>
  <si>
    <t>Hunjri Mustaqik Sherki</t>
  </si>
  <si>
    <t>chah neel wala hunjri mustaqil sherki</t>
  </si>
  <si>
    <t>Chah Neel Wala</t>
  </si>
  <si>
    <t>shohrat wala moza olakh tehsil choubars dist. layyah</t>
  </si>
  <si>
    <t>Shohrat Wala</t>
  </si>
  <si>
    <t>Olakh Thal Klan</t>
  </si>
  <si>
    <t>GPS SIKANDAR ABAD</t>
  </si>
  <si>
    <t>Mithey Wali</t>
  </si>
  <si>
    <t>village mithey wali tehsil taunsa dist. dera ghazi khan</t>
  </si>
  <si>
    <t>asmat ullah</t>
  </si>
  <si>
    <t>Challay Wahin</t>
  </si>
  <si>
    <t>basti skindari mouza challay wahin</t>
  </si>
  <si>
    <t>Skindari</t>
  </si>
  <si>
    <t>Khan Garh Islam</t>
  </si>
  <si>
    <t>Mouza khan garh Islam Luddan vehari</t>
  </si>
  <si>
    <t>Moor Ghulam Shah</t>
  </si>
  <si>
    <t>Ali Ul Deen</t>
  </si>
  <si>
    <t>Ashfaq Ahmad</t>
  </si>
  <si>
    <t>GPS SIKHANI WALA</t>
  </si>
  <si>
    <t>uthmahar moza khan wala</t>
  </si>
  <si>
    <t>Mohammad Hashim</t>
  </si>
  <si>
    <t>Jhunjan Wali</t>
  </si>
  <si>
    <t>chah syed wala mouza jhunjan wali p/o sheikh umer tehseel kot adu</t>
  </si>
  <si>
    <t>Pirhar</t>
  </si>
  <si>
    <t>Waqas Zafar</t>
  </si>
  <si>
    <t>GPS SILLAN WALI</t>
  </si>
  <si>
    <t>Chah sillan wala moza sheikh wahan The, kept Dis.Bwp</t>
  </si>
  <si>
    <t>Sillan Wala</t>
  </si>
  <si>
    <t>Muhammad Siddique Zafar</t>
  </si>
  <si>
    <t>GPS SIRAN WALI</t>
  </si>
  <si>
    <t>Siranwali</t>
  </si>
  <si>
    <t>village Siranwali, tehsil Daska,district sialkot</t>
  </si>
  <si>
    <t>muhammad akhtar</t>
  </si>
  <si>
    <t>siran wali</t>
  </si>
  <si>
    <t>siran wali wazirabad gujranwala</t>
  </si>
  <si>
    <t>dhounkal</t>
  </si>
  <si>
    <t>GPS SOBHEY WALA</t>
  </si>
  <si>
    <t>PANJGRAIN - MALE</t>
  </si>
  <si>
    <t>chah sobhay Wala Moza Allah yar soha Tehsil Darya Khan District Bhakkar</t>
  </si>
  <si>
    <t>Sobhay Wala</t>
  </si>
  <si>
    <t>6 T D A</t>
  </si>
  <si>
    <t>Sobhey Wala</t>
  </si>
  <si>
    <t>Moza sobhey wala tehsil minchin abad</t>
  </si>
  <si>
    <t>Sobhey wala</t>
  </si>
  <si>
    <t>Griya abad</t>
  </si>
  <si>
    <t>Muhammad Mumtaz</t>
  </si>
  <si>
    <t>GPS SODAGAR PURA</t>
  </si>
  <si>
    <t>QILA KALAR WALA - MALE</t>
  </si>
  <si>
    <t>Sodagarpura</t>
  </si>
  <si>
    <t>village sodagarpura tehsil pasrur dstt sialkot</t>
  </si>
  <si>
    <t>Qila Kalarwala</t>
  </si>
  <si>
    <t>Shahid Ahmed</t>
  </si>
  <si>
    <t>GPS SOHAL</t>
  </si>
  <si>
    <t>Sohal</t>
  </si>
  <si>
    <t>village sohal p.o. &amp; teh. pindigheb distt. attock</t>
  </si>
  <si>
    <t>KHARIAN II - MALE</t>
  </si>
  <si>
    <t>vill. sohal po butter teh. khatian dist.  gujrat</t>
  </si>
  <si>
    <t>Dilawarpur</t>
  </si>
  <si>
    <t>Basti Sohal Moza Baseera the karor dist. layyah</t>
  </si>
  <si>
    <t>MUHAMMAD RAMZAN</t>
  </si>
  <si>
    <t>GPS SOHAWA</t>
  </si>
  <si>
    <t>Sohawa</t>
  </si>
  <si>
    <t>Sohawa (Daska)</t>
  </si>
  <si>
    <t>Model town Daska</t>
  </si>
  <si>
    <t>Muhammad Asghar</t>
  </si>
  <si>
    <t>KHOTIAN-MALE</t>
  </si>
  <si>
    <t>Vill. &amp; P.O SOHAWA. Teh. &amp; Distt. Chakwal</t>
  </si>
  <si>
    <t>Jaswal</t>
  </si>
  <si>
    <t>Shoaib Mehmood Malik</t>
  </si>
  <si>
    <t>GPS SONTRAY WALA</t>
  </si>
  <si>
    <t>CHAH SHAH WALA</t>
  </si>
  <si>
    <t>Sontary Wala</t>
  </si>
  <si>
    <t>Ilyas Raza</t>
  </si>
  <si>
    <t>Bair Bnd 2</t>
  </si>
  <si>
    <t>Chah Sontray wala bair bnd 2 sher sultan</t>
  </si>
  <si>
    <t>Sontray Wala</t>
  </si>
  <si>
    <t>Bairbnd 2</t>
  </si>
  <si>
    <t>Muneer Ahmed Khan</t>
  </si>
  <si>
    <t>GPS SORA</t>
  </si>
  <si>
    <t>Dabh Ghoray Wail</t>
  </si>
  <si>
    <t>Basti Sora UC Theekar Tribal Area Barthi</t>
  </si>
  <si>
    <t>Sora</t>
  </si>
  <si>
    <t>DAUD KHEL-MALE</t>
  </si>
  <si>
    <t>Daud Khel Pakka</t>
  </si>
  <si>
    <t>gps sora markaz daud khel</t>
  </si>
  <si>
    <t>Muhammad Mumtaz Malik</t>
  </si>
  <si>
    <t>HAIR - MALE</t>
  </si>
  <si>
    <t>Village Sora P/O Kahna Nau Lahore</t>
  </si>
  <si>
    <t>Dhalloki</t>
  </si>
  <si>
    <t>GPS SUBHAN WALA</t>
  </si>
  <si>
    <t>CHOTI ZARIN MALE</t>
  </si>
  <si>
    <t>Chack Jalohar</t>
  </si>
  <si>
    <t>Chack jalohar P/O Choti zareen,Tehsil kot chutta.D.G.khan</t>
  </si>
  <si>
    <t>Basti Attaullah Khan</t>
  </si>
  <si>
    <t>Choti Zareen</t>
  </si>
  <si>
    <t>Muhammad Rafiq</t>
  </si>
  <si>
    <t>GPS SULTAN ABAD</t>
  </si>
  <si>
    <t>Bindor</t>
  </si>
  <si>
    <t>Basti Babran GPS sultanabad</t>
  </si>
  <si>
    <t>RYK Deh</t>
  </si>
  <si>
    <t>Tahir Saleem</t>
  </si>
  <si>
    <t>sultanAbad</t>
  </si>
  <si>
    <t>p/o sardargarh Tehsil district RahimYar Khan</t>
  </si>
  <si>
    <t>Sultanabad</t>
  </si>
  <si>
    <t>Main wali quershan</t>
  </si>
  <si>
    <t>Shoukat Ullah</t>
  </si>
  <si>
    <t>BHALWAL - MALE</t>
  </si>
  <si>
    <t>Mohallah Sultan Abad Bhalwal</t>
  </si>
  <si>
    <t>Muhammad Bashir Ranjha</t>
  </si>
  <si>
    <t>GPS SULTAN AHMAD WALA</t>
  </si>
  <si>
    <t>post office 19db .vichveen  tehseel piplan district mianwali</t>
  </si>
  <si>
    <t>Vichveen</t>
  </si>
  <si>
    <t>Alam Sher</t>
  </si>
  <si>
    <t>GPS SULTAN PUR</t>
  </si>
  <si>
    <t>Hafiz Muhammad Usman</t>
  </si>
  <si>
    <t>Basti Malik Kaloo Ghouri Mouza Sultanpur TehsilAhmedpur Dist Bahawalpur</t>
  </si>
  <si>
    <t>Basti Sirdar kaloo  Ghouri</t>
  </si>
  <si>
    <t>Khurampur</t>
  </si>
  <si>
    <t>SULTANPUR</t>
  </si>
  <si>
    <t>village and post office SULTANPUR Teh HASSANABDAL Distt ATTOCK</t>
  </si>
  <si>
    <t>Mian Baqar Hussain Qureshi</t>
  </si>
  <si>
    <t>GPS SULTAN PURA</t>
  </si>
  <si>
    <t>BADOKI-MALE</t>
  </si>
  <si>
    <t>sultan pura Pandoki lahore</t>
  </si>
  <si>
    <t>Pandoki</t>
  </si>
  <si>
    <t>Mumtaz ali</t>
  </si>
  <si>
    <t>NIAZBAIG - MALE</t>
  </si>
  <si>
    <t>sultanpura Multan road lahore</t>
  </si>
  <si>
    <t>Shahpure</t>
  </si>
  <si>
    <t>Muhammed Zia Rasool</t>
  </si>
  <si>
    <t>GPS SULTAN WALA</t>
  </si>
  <si>
    <t>SHER GARH - MALE</t>
  </si>
  <si>
    <t>Shar Gerh</t>
  </si>
  <si>
    <t>Mehmood wala khoo</t>
  </si>
  <si>
    <t>Sultan Wala</t>
  </si>
  <si>
    <t>Mudasar  Rasool</t>
  </si>
  <si>
    <t>JANA</t>
  </si>
  <si>
    <t>GPS SULTAN WALA MOZA JANA</t>
  </si>
  <si>
    <t>HUSSAIN WALA</t>
  </si>
  <si>
    <t>GUDARA</t>
  </si>
  <si>
    <t>GHULAM ABBAS</t>
  </si>
  <si>
    <t>Daggar Aulakh</t>
  </si>
  <si>
    <t>chah sultan wala daggar aulakh bhakkar</t>
  </si>
  <si>
    <t>Sultan wala</t>
  </si>
  <si>
    <t>Fida Hussain</t>
  </si>
  <si>
    <t>GPS SYED PUR</t>
  </si>
  <si>
    <t>Syed Pur, Post office Kot Fazil, Tahsil Sadiq Abad, District Rahim Yar Khan.</t>
  </si>
  <si>
    <t>Ghulam Safdar</t>
  </si>
  <si>
    <t>Wahin</t>
  </si>
  <si>
    <t>basti wahin</t>
  </si>
  <si>
    <t>Geray Wahin</t>
  </si>
  <si>
    <t>ghulam shabir</t>
  </si>
  <si>
    <t>GPS TAHLI WALA</t>
  </si>
  <si>
    <t>TIBBA NORTH - MALE</t>
  </si>
  <si>
    <t>Dhond Pu r Sultan</t>
  </si>
  <si>
    <t>basti Tahli Wala Mouza Dhond pur sultan P O chock no I22wb Tehsil Mailsi Distt vehari</t>
  </si>
  <si>
    <t>Sandah</t>
  </si>
  <si>
    <t>Shitabgarh</t>
  </si>
  <si>
    <t>Tahliwala</t>
  </si>
  <si>
    <t>Bhoeypur</t>
  </si>
  <si>
    <t>village tahli wala</t>
  </si>
  <si>
    <t>Bahriayianwala</t>
  </si>
  <si>
    <t>AKBER - MALE</t>
  </si>
  <si>
    <t>village Tahliwala post office Wadala Sundhwan teh Daska disst Sialkot</t>
  </si>
  <si>
    <t>Salhokay</t>
  </si>
  <si>
    <t>Muhammad Pervaiz</t>
  </si>
  <si>
    <t>GPS TALAB WALA</t>
  </si>
  <si>
    <t>CHUNIAN CITY - MALE</t>
  </si>
  <si>
    <t>Chunian</t>
  </si>
  <si>
    <t>exchange road muhalla talab Wala chuninan</t>
  </si>
  <si>
    <t>Chuninan City</t>
  </si>
  <si>
    <t>Mc Chuninan</t>
  </si>
  <si>
    <t>Saleem Usman</t>
  </si>
  <si>
    <t>filter water by rickshaw</t>
  </si>
  <si>
    <t>KARYAL KALAN - MALE</t>
  </si>
  <si>
    <t>Talabwala</t>
  </si>
  <si>
    <t>Dera Dalabwala</t>
  </si>
  <si>
    <t>Talabwala Wals</t>
  </si>
  <si>
    <t>Garmula Virkan</t>
  </si>
  <si>
    <t>GPS TALWARA</t>
  </si>
  <si>
    <t>Talwara, sohdra, Tehsil wazirabad,</t>
  </si>
  <si>
    <t>02 Sohdra</t>
  </si>
  <si>
    <t>Rafaqat Ali</t>
  </si>
  <si>
    <t>GPS TANDA</t>
  </si>
  <si>
    <t>Tanda</t>
  </si>
  <si>
    <t>TANDA DISTRICT GUJRAT</t>
  </si>
  <si>
    <t>BHALAR JOGI - MALE</t>
  </si>
  <si>
    <t>village and post office tanda tehsil hasanabdal distt attock</t>
  </si>
  <si>
    <t>Pindmehri</t>
  </si>
  <si>
    <t>GPS TAQI PUR</t>
  </si>
  <si>
    <t>JALLO - MALE</t>
  </si>
  <si>
    <t>Taqipur</t>
  </si>
  <si>
    <t>village Taqipur p/o batapur Lahore</t>
  </si>
  <si>
    <t>Muhammad Jamil</t>
  </si>
  <si>
    <t>GPS TARIQ ABAD</t>
  </si>
  <si>
    <t>FAZIL KALROO- MALE</t>
  </si>
  <si>
    <t>Sultan Khar</t>
  </si>
  <si>
    <t>GPS tariq abad basti tariq abad mouza sultan khar Muzaffargarh</t>
  </si>
  <si>
    <t>Muhammad Salman Aslam</t>
  </si>
  <si>
    <t>Safdar Abad</t>
  </si>
  <si>
    <t>toll plaza</t>
  </si>
  <si>
    <t>Bangla Hidayet</t>
  </si>
  <si>
    <t>GHULAM SHABBIR SHAH</t>
  </si>
  <si>
    <t>Bukkan</t>
  </si>
  <si>
    <t>village and post office bukkan tehsil malakwal distt Mandi Bahauddin.</t>
  </si>
  <si>
    <t>Muhammad Naveed Aslam</t>
  </si>
  <si>
    <t>JALLAH JEEM - MALE</t>
  </si>
  <si>
    <t>Makkal</t>
  </si>
  <si>
    <t>Werci Wahin</t>
  </si>
  <si>
    <t>Hafiz Muhammad Umar</t>
  </si>
  <si>
    <t>GPS THATHA BHARWANA</t>
  </si>
  <si>
    <t>MAROOLA SHARIF-MALE</t>
  </si>
  <si>
    <t>Thatha Bharwana</t>
  </si>
  <si>
    <t>Thatha Bharwana P/O Maroola Teh/Distt. Okara</t>
  </si>
  <si>
    <t>Thatha Lakhan</t>
  </si>
  <si>
    <t>Imdad Ali</t>
  </si>
  <si>
    <t>GARH 2 - MALE</t>
  </si>
  <si>
    <t>Killianwala</t>
  </si>
  <si>
    <t>That ha Bharwana moza kilianwala</t>
  </si>
  <si>
    <t>Muhammad Yasin Naz</t>
  </si>
  <si>
    <t>GPS THATHA KHARLAN</t>
  </si>
  <si>
    <t>AEO (M) CHINIOT NO.38</t>
  </si>
  <si>
    <t>Chak12 Thatha Kharlan</t>
  </si>
  <si>
    <t>GPS Chak 12 Thatha kharlan Teh &amp; Dist Chiniot</t>
  </si>
  <si>
    <t>Thatha Kharlan</t>
  </si>
  <si>
    <t>Chak 13jb Sarwala</t>
  </si>
  <si>
    <t>MAZHAR JAMIL MAZHAR</t>
  </si>
  <si>
    <t>chah lodiwala</t>
  </si>
  <si>
    <t>Syed Ghazanfar Ali Shah</t>
  </si>
  <si>
    <t>GPS THATHA KHOKHRAN</t>
  </si>
  <si>
    <t>JHAMRA-MALE</t>
  </si>
  <si>
    <t>jangle sarkar</t>
  </si>
  <si>
    <t>Government primary school thatha Khokhran  markaz jhamra teh. . tandlianwala. Distt. faisalabad</t>
  </si>
  <si>
    <t>thatha Khokhran</t>
  </si>
  <si>
    <t>Muhammad Hussain khan</t>
  </si>
  <si>
    <t>GPS TOOR</t>
  </si>
  <si>
    <t>Toor</t>
  </si>
  <si>
    <t>Toor p/o baig pur teh.N.Virkan</t>
  </si>
  <si>
    <t>shamsa Dhadha</t>
  </si>
  <si>
    <t>Tariq Mahmood</t>
  </si>
  <si>
    <t>village toor P/O Kahna Nau,Lahore</t>
  </si>
  <si>
    <t>Theh Panju</t>
  </si>
  <si>
    <t>Sohail Nazir</t>
  </si>
  <si>
    <t>GPS UMER KOT</t>
  </si>
  <si>
    <t>Roti Sharif</t>
  </si>
  <si>
    <t>Basti Umerkot Moza Roti Sharif P/O Jamal Din Wali Tehsil Sadiqabad District Rahim Yar Khan.</t>
  </si>
  <si>
    <t>Umerkot</t>
  </si>
  <si>
    <t>ALLAH WASAYA</t>
  </si>
  <si>
    <t>Kot Khan</t>
  </si>
  <si>
    <t>GPS umar kot p/o kot khan tehsil and District jhang</t>
  </si>
  <si>
    <t>GPS VEROWAL</t>
  </si>
  <si>
    <t>GPS VEROWAL, LALAMUSA</t>
  </si>
  <si>
    <t>Chakori Sher Ghazi</t>
  </si>
  <si>
    <t>Kulewal Syedan</t>
  </si>
  <si>
    <t>Nazia Ashraf</t>
  </si>
  <si>
    <t>teh  bhera.</t>
  </si>
  <si>
    <t>GPS WAKEEL WALA</t>
  </si>
  <si>
    <t>RORAN WALI - MALE</t>
  </si>
  <si>
    <t>Ashaba</t>
  </si>
  <si>
    <t>GPS wakeel wala jhang</t>
  </si>
  <si>
    <t>Wakeel Wala</t>
  </si>
  <si>
    <t>Farhat Nadeem</t>
  </si>
  <si>
    <t>D Jamal Khan janubi No 2</t>
  </si>
  <si>
    <t>basti zahrani Darkhast Jamal khan janubi tehsil kot chutta D G Khan</t>
  </si>
  <si>
    <t>Basti zahrani</t>
  </si>
  <si>
    <t>D Jamal Khan Janubi</t>
  </si>
  <si>
    <t>Meeran Pur</t>
  </si>
  <si>
    <t>mouza meeran pur basti mulan wala p/o mahra city..</t>
  </si>
  <si>
    <t>Mullan wala</t>
  </si>
  <si>
    <t>Usman korya</t>
  </si>
  <si>
    <t>GPS WALWAT</t>
  </si>
  <si>
    <t>Walwat</t>
  </si>
  <si>
    <t>mpuza walwat teh.&amp; dstt. Muzaffar Garh</t>
  </si>
  <si>
    <t>Ameer Bukhsh</t>
  </si>
  <si>
    <t>KHAIR PUR-III- MALE</t>
  </si>
  <si>
    <t>Fateh Pur Janobi Il</t>
  </si>
  <si>
    <t>Basti Walwat, mauza fateh pur janobi 2, p/o khair pur sadat, tehsil ali pur, district muzaffar Garh</t>
  </si>
  <si>
    <t>Khizir Hayyat</t>
  </si>
  <si>
    <t>GPS WASOO</t>
  </si>
  <si>
    <t>CHOWK SIKANDER - MALE</t>
  </si>
  <si>
    <t>Wassao</t>
  </si>
  <si>
    <t>wasao pakpattan</t>
  </si>
  <si>
    <t>Hella wattoo</t>
  </si>
  <si>
    <t>Peer Aftab</t>
  </si>
  <si>
    <t>MITHA TIWANA (EAST) (MALE)</t>
  </si>
  <si>
    <t>Girote</t>
  </si>
  <si>
    <t>village wasoo post office Girote</t>
  </si>
  <si>
    <t>Wasoo</t>
  </si>
  <si>
    <t>GIrote</t>
  </si>
  <si>
    <t>Iqtidar Ali</t>
  </si>
  <si>
    <t>GPS WATALIAN</t>
  </si>
  <si>
    <t>MALOMEHY - MALE</t>
  </si>
  <si>
    <t>Watalian</t>
  </si>
  <si>
    <t>Daska
Sialkot</t>
  </si>
  <si>
    <t>watalian</t>
  </si>
  <si>
    <t>gps wattalian vpo wattalian teh Dina Distt jhelum</t>
  </si>
  <si>
    <t>GPS YARAY WALA</t>
  </si>
  <si>
    <t>AEO (M) LALIAN NO.32</t>
  </si>
  <si>
    <t>Yaraywala</t>
  </si>
  <si>
    <t>Zulfiqar Ali</t>
  </si>
  <si>
    <t>JANDU - MALE</t>
  </si>
  <si>
    <t>yaray wala p/o Abbasian wala Tehsil Kallur kot Dist Bhakkar</t>
  </si>
  <si>
    <t>Yaray Wala</t>
  </si>
  <si>
    <t>Ghulam Hassan</t>
  </si>
  <si>
    <t>GPS YARAY WALI</t>
  </si>
  <si>
    <t>Kochha Kokari</t>
  </si>
  <si>
    <t>Dg khan</t>
  </si>
  <si>
    <t>Chah Gamin Wala</t>
  </si>
  <si>
    <t>Shero Dasti</t>
  </si>
  <si>
    <t>Mazhar Iqbal</t>
  </si>
  <si>
    <t>Yaray Wali</t>
  </si>
  <si>
    <t>Basti Yaray Wali</t>
  </si>
  <si>
    <t>Khair Pur Sadat</t>
  </si>
  <si>
    <t>Shahnawaz</t>
  </si>
  <si>
    <t>yaray Wali</t>
  </si>
  <si>
    <t>Muhammad Javed Akhtar</t>
  </si>
  <si>
    <t>GPS YAROO WALA</t>
  </si>
  <si>
    <t>USMAN KORIA- MALE</t>
  </si>
  <si>
    <t>Gmm yaroo wala basti hussnain abad maoza walwat p/o shahjamal T/D Muzzaffargarh</t>
  </si>
  <si>
    <t>Hassnainabad</t>
  </si>
  <si>
    <t>Maher Pur</t>
  </si>
  <si>
    <t>Muhammad Jafar</t>
  </si>
  <si>
    <t>GPS YOUSAF ABAD</t>
  </si>
  <si>
    <t>MANDI TOWN MALE</t>
  </si>
  <si>
    <t>Yousafabad</t>
  </si>
  <si>
    <t>Mohallah Yousafabad tehsil &amp; district layyah</t>
  </si>
  <si>
    <t>Yousfabad</t>
  </si>
  <si>
    <t>MC Layyah</t>
  </si>
  <si>
    <t>Muhammad Zulqernain</t>
  </si>
  <si>
    <t>Muhammad Pur Ganga</t>
  </si>
  <si>
    <t>yousaf abad</t>
  </si>
  <si>
    <t>Yousaf Abad</t>
  </si>
  <si>
    <t>Muhammad Pur Qureshian</t>
  </si>
  <si>
    <t>GPS YOUSUF WALA</t>
  </si>
  <si>
    <t>daira din panah gair mustaqil</t>
  </si>
  <si>
    <t>chah moghlay wala p/o d.d.panah, tehsil kot addu, distt. m.garh</t>
  </si>
  <si>
    <t>chah moghlay wala</t>
  </si>
  <si>
    <t>MC D D PANAH</t>
  </si>
  <si>
    <t>JAVED AHMAD</t>
  </si>
  <si>
    <t>ALI PUR-IV- MALE</t>
  </si>
  <si>
    <t>Khairpur Sadat</t>
  </si>
  <si>
    <t>Basti badani hydar wala Khair pur sadat</t>
  </si>
  <si>
    <t>Hydar Wala</t>
  </si>
  <si>
    <t>Khair-pur Sadat</t>
  </si>
  <si>
    <t>Muhammad Khalid Munir</t>
  </si>
  <si>
    <t>GPS ZAFAR ABAD</t>
  </si>
  <si>
    <t>Machiana</t>
  </si>
  <si>
    <t>machiana</t>
  </si>
  <si>
    <t>7 /1 THAL JANUBI</t>
  </si>
  <si>
    <t>Gaddai Gharbi</t>
  </si>
  <si>
    <t>Basti Shmla Muradani ,D.G.Khan</t>
  </si>
  <si>
    <t>Basti Shmla Muradani</t>
  </si>
  <si>
    <t>Chorhatta Pachadh</t>
  </si>
  <si>
    <t>Rerh</t>
  </si>
  <si>
    <t>muza rerh</t>
  </si>
  <si>
    <t>Nasrullah Khan Tahir</t>
  </si>
  <si>
    <t>GPS ZAFAR WALA</t>
  </si>
  <si>
    <t>Dera Saroo Khail</t>
  </si>
  <si>
    <t>SHADU KHAN - MALE</t>
  </si>
  <si>
    <t>Ilyani</t>
  </si>
  <si>
    <t>moza ilyani basti masoo district layyah</t>
  </si>
  <si>
    <t>Basti Masoo Khan</t>
  </si>
  <si>
    <t>Shadu Khan</t>
  </si>
  <si>
    <t>Shamla Khan</t>
  </si>
  <si>
    <t>GPS ZAKIR ABAD</t>
  </si>
  <si>
    <t>Karimwah</t>
  </si>
  <si>
    <t>Adda mochi Pura tehsil and district vehari</t>
  </si>
  <si>
    <t>Mochipura</t>
  </si>
  <si>
    <t>JAUHARABAD SOUTH (MALE)</t>
  </si>
  <si>
    <t>Zakirabad</t>
  </si>
  <si>
    <t>p/o zakirabad teh/distt khushab</t>
  </si>
  <si>
    <t>Mohib Pur</t>
  </si>
  <si>
    <t>GPS ZAUR WALA</t>
  </si>
  <si>
    <t>kot haibat</t>
  </si>
  <si>
    <t>basti buzdar kotchutta</t>
  </si>
  <si>
    <t>Municipal Comitte Kotchutta</t>
  </si>
  <si>
    <t>Ali Akbar</t>
  </si>
  <si>
    <t>GPS ZOOR KOT</t>
  </si>
  <si>
    <t>SAMDANI-MALE</t>
  </si>
  <si>
    <t>Samdani</t>
  </si>
  <si>
    <t>Basti zoor kot sadiqabad</t>
  </si>
  <si>
    <t>Basti zoor kot</t>
  </si>
  <si>
    <t>Hafiz Hammad Nadeem</t>
  </si>
  <si>
    <t>community</t>
  </si>
  <si>
    <t>G ASLAM MPS MIANWAL RANJHA</t>
  </si>
  <si>
    <t>Govt  Aslam Mianwal Ranjha Tehsil &amp; District mandi bahauddin, shamali mohalla</t>
  </si>
  <si>
    <t>Hafiza Maryam Umairah</t>
  </si>
  <si>
    <t>G MAJOR QAISER MEHMOOD SAHI HSS DHOK KASIB</t>
  </si>
  <si>
    <t>DHOK KASIB</t>
  </si>
  <si>
    <t>GOVT.MAJOR QAISER MEHMOOD SAHI SHAHEED HSS DHOK KASIB</t>
  </si>
  <si>
    <t>ABDUL AZIZ GUJAR</t>
  </si>
  <si>
    <t>G MC P/S NO. 8 JHANG CITY (De-consolidated - April-2016)</t>
  </si>
  <si>
    <t>Jhang</t>
  </si>
  <si>
    <t>millat colony jhang city</t>
  </si>
  <si>
    <t>Madan Shah</t>
  </si>
  <si>
    <t>G ZABS ES BHAGAT</t>
  </si>
  <si>
    <t>GHANIAN -MALE</t>
  </si>
  <si>
    <t>Bhagat</t>
  </si>
  <si>
    <t>village Bhagat, Teh. Phalia, Distt. M.B.Din</t>
  </si>
  <si>
    <t>Dhareekan</t>
  </si>
  <si>
    <t>G ZABS ES DHAL</t>
  </si>
  <si>
    <t>SAIDA SHARIF - MALE</t>
  </si>
  <si>
    <t>dhal village teh. phalia Distt. M B Din</t>
  </si>
  <si>
    <t>Kala Shadian</t>
  </si>
  <si>
    <t>Mukhtar  Ahmed</t>
  </si>
  <si>
    <t>G ZABS HS SAINTHAL</t>
  </si>
  <si>
    <t>Sainthal</t>
  </si>
  <si>
    <t>Village Sainthal Post Office Rajoah Tehsil Phalia District Mandi Bahauddin</t>
  </si>
  <si>
    <t>Chak Jano Kalan</t>
  </si>
  <si>
    <t>G ZABS HS SULEMAN</t>
  </si>
  <si>
    <t>Suleman</t>
  </si>
  <si>
    <t>village suleman</t>
  </si>
  <si>
    <t>Ghanian</t>
  </si>
  <si>
    <t>Maqsood Ahmad</t>
  </si>
  <si>
    <t>G ZABS PS BASI KALAN</t>
  </si>
  <si>
    <t>MANO CHAK - MALE</t>
  </si>
  <si>
    <t>Basi Kalan</t>
  </si>
  <si>
    <t>Basi kalan post office chak Jano Teh. phalia Dist. MBDIN</t>
  </si>
  <si>
    <t>Chak Jano</t>
  </si>
  <si>
    <t>G ZABS PS CHOKRRA (PEER BULLAH)</t>
  </si>
  <si>
    <t>Peer Bullah</t>
  </si>
  <si>
    <t>peer Bullah Tehsil Phalia District M.B.Din</t>
  </si>
  <si>
    <t>Lala Pindi</t>
  </si>
  <si>
    <t>Qamar Abbas Javed</t>
  </si>
  <si>
    <t>G ZABS PS KOT KAKKAY SHAH</t>
  </si>
  <si>
    <t>JOKALIAN -MALE</t>
  </si>
  <si>
    <t>Kot Kakkay Shah</t>
  </si>
  <si>
    <t>po box Thatha Alia village Kot Kakkay Shah</t>
  </si>
  <si>
    <t>Jokalian</t>
  </si>
  <si>
    <t>Qamar Abbas Tahir</t>
  </si>
  <si>
    <t>G ZABS PS PINDI KALU KALAN</t>
  </si>
  <si>
    <t>Pindi Kalu</t>
  </si>
  <si>
    <t>vill &amp; po pindi kalu tehsil phalia dist. m.b.din</t>
  </si>
  <si>
    <t>GCMPS 126/15-L NO.3 MIAN CHANNU</t>
  </si>
  <si>
    <t>MIAN CHANNU</t>
  </si>
  <si>
    <t>MIAN CHANNU-II - FEMALE</t>
  </si>
  <si>
    <t>126/15-L No 3</t>
  </si>
  <si>
    <t>126/15-L no 3 teh Mian channu Dist KWL</t>
  </si>
  <si>
    <t>126/15-L Pull Wali No  2</t>
  </si>
  <si>
    <t>Nighat Yasmin</t>
  </si>
  <si>
    <t>GCMPS 17/9-R P/O JANNAT PUR KACHA KHUH</t>
  </si>
  <si>
    <t>KACHA KHUH(SHARQI) - FEMALE</t>
  </si>
  <si>
    <t>19/9R</t>
  </si>
  <si>
    <t>chak no 17/9.R kacha khuh</t>
  </si>
  <si>
    <t>Sharqi</t>
  </si>
  <si>
    <t>16/9R</t>
  </si>
  <si>
    <t>Saleen Samuel</t>
  </si>
  <si>
    <t>GCMPS 25-A/10-R KACHA KHUH</t>
  </si>
  <si>
    <t>MAKHDOOM PUR-II - FEMALE</t>
  </si>
  <si>
    <t>25A/10R</t>
  </si>
  <si>
    <t>28/10R</t>
  </si>
  <si>
    <t>Saima Chaudri</t>
  </si>
  <si>
    <t>GCMPS 77/10-R KACHA KHUH</t>
  </si>
  <si>
    <t>KACHA KHUH(GHARBI) - FEMALE</t>
  </si>
  <si>
    <t>77/10r Khanewal</t>
  </si>
  <si>
    <t>gcmps77/10r teh and distt kwl</t>
  </si>
  <si>
    <t>77/10r</t>
  </si>
  <si>
    <t>76/10r</t>
  </si>
  <si>
    <t>shabana Qamer</t>
  </si>
  <si>
    <t>GCMPS CHAK KAMBOH</t>
  </si>
  <si>
    <t>Chak Kamboo</t>
  </si>
  <si>
    <t>chak KAmboh p/o hujra shah mukeem thesil depal pur district okara</t>
  </si>
  <si>
    <t>Chak  Kamboh</t>
  </si>
  <si>
    <t>Bhon MANZABTA</t>
  </si>
  <si>
    <t>Mian Khan</t>
  </si>
  <si>
    <t>GCMPS RASOOL PUR</t>
  </si>
  <si>
    <t>Rasool pur</t>
  </si>
  <si>
    <t>Rasool pur post ofc jpj</t>
  </si>
  <si>
    <t>Batool Ikram</t>
  </si>
  <si>
    <t>GCMS 100/15-L SABQA, MIAN CHANNU</t>
  </si>
  <si>
    <t>105/15-L - FEMALE</t>
  </si>
  <si>
    <t>100/15-L</t>
  </si>
  <si>
    <t>chack no100/15-L</t>
  </si>
  <si>
    <t>Nasira Sarwar</t>
  </si>
  <si>
    <t>GES  105/12-L</t>
  </si>
  <si>
    <t>KOTLA ADEEB SHAHEED-MALE</t>
  </si>
  <si>
    <t>105/12-l</t>
  </si>
  <si>
    <t>50/12-l</t>
  </si>
  <si>
    <t>muhammad farhan niaz</t>
  </si>
  <si>
    <t>GES  110/12-L</t>
  </si>
  <si>
    <t>110/12-L</t>
  </si>
  <si>
    <t>CHAK NO 110/12-L</t>
  </si>
  <si>
    <t>JAVED IQBAL</t>
  </si>
  <si>
    <t>Water from water filtration plant</t>
  </si>
  <si>
    <t>GES  112/12-L</t>
  </si>
  <si>
    <t>KASSOWAL-MALE</t>
  </si>
  <si>
    <t>112/12-L</t>
  </si>
  <si>
    <t>Chak 112/12.L</t>
  </si>
  <si>
    <t>112/12 L</t>
  </si>
  <si>
    <t>110/12 L</t>
  </si>
  <si>
    <t>Yasir  Aslam</t>
  </si>
  <si>
    <t>GES  115/7-CR</t>
  </si>
  <si>
    <t>HASHIM CHAKER-MALE</t>
  </si>
  <si>
    <t>115/7-CR</t>
  </si>
  <si>
    <t>Chak No 115/7-CR</t>
  </si>
  <si>
    <t>116/7-CR</t>
  </si>
  <si>
    <t>Abdul Mannan Atif</t>
  </si>
  <si>
    <t>GES  139/9-L</t>
  </si>
  <si>
    <t>DERA RAHIM-A-MALE</t>
  </si>
  <si>
    <t>Chk 139/9L</t>
  </si>
  <si>
    <t>chak no.139/9.L</t>
  </si>
  <si>
    <t>Chk No 139/9L</t>
  </si>
  <si>
    <t>Chk No 142/9-L</t>
  </si>
  <si>
    <t>M.YASIN</t>
  </si>
  <si>
    <t>GES  14/11-L</t>
  </si>
  <si>
    <t>GHAZI ABAD EAST-MALE</t>
  </si>
  <si>
    <t>Chak No 14/11L</t>
  </si>
  <si>
    <t>Chak No 14/11L.Chichawatni.</t>
  </si>
  <si>
    <t>Chak No 44/12L</t>
  </si>
  <si>
    <t>Muhammad Haris Ikram</t>
  </si>
  <si>
    <t>GES  160/9-L</t>
  </si>
  <si>
    <t>SHER WALA BANGLA-MALE</t>
  </si>
  <si>
    <t>160/9-L</t>
  </si>
  <si>
    <t>Chak no 160/9-L post office khas chichawatni</t>
  </si>
  <si>
    <t>Chak no 160/9-L</t>
  </si>
  <si>
    <t>147/9-L</t>
  </si>
  <si>
    <t>Muhammad Umair Akhtar</t>
  </si>
  <si>
    <t>GES  174-75/9-L</t>
  </si>
  <si>
    <t>chak no. 174-75/9.L</t>
  </si>
  <si>
    <t>174-75/9L</t>
  </si>
  <si>
    <t>162/9L</t>
  </si>
  <si>
    <t>Waseem Ali</t>
  </si>
  <si>
    <t>GES  18-B/7-R</t>
  </si>
  <si>
    <t>DAD FATIANA-MALE</t>
  </si>
  <si>
    <t>18-B/7-R</t>
  </si>
  <si>
    <t>village 18-B/7-R P/O haeapa city Tehsil chichawatni Distt Sahiwal</t>
  </si>
  <si>
    <t>Murad kay kaathia</t>
  </si>
  <si>
    <t>GES  22/11-L</t>
  </si>
  <si>
    <t>22/11L</t>
  </si>
  <si>
    <t>Chak no 22/11L</t>
  </si>
  <si>
    <t>Chak No 22/11L</t>
  </si>
  <si>
    <t>23/11L</t>
  </si>
  <si>
    <t>Ghulam Shabbir</t>
  </si>
  <si>
    <t>GES  26/14-L</t>
  </si>
  <si>
    <t>SHAHKOT GHARBI-MALE</t>
  </si>
  <si>
    <t>26/14-L</t>
  </si>
  <si>
    <t>Chak No 26 /14-L Tehsil Chichawatni Sahiwal.</t>
  </si>
  <si>
    <t>93/12-L</t>
  </si>
  <si>
    <t>Muhammad Bilal Subtain</t>
  </si>
  <si>
    <t>GES  44/12-L</t>
  </si>
  <si>
    <t>OKANWALA WEST -MALE</t>
  </si>
  <si>
    <t>chak no 44/12.l</t>
  </si>
  <si>
    <t>Chak 44/12l</t>
  </si>
  <si>
    <t>44/12l</t>
  </si>
  <si>
    <t>GES  46/GD</t>
  </si>
  <si>
    <t>CHAK NO.46/GD</t>
  </si>
  <si>
    <t>CHAK NO.46/GD POST OFFICE NOORSHAH SAHIWAL</t>
  </si>
  <si>
    <t>CHAK NO.48/GD</t>
  </si>
  <si>
    <t>Ghulam Qadir</t>
  </si>
  <si>
    <t>GES  47/5-L</t>
  </si>
  <si>
    <t>BURJWALA-A-MALE</t>
  </si>
  <si>
    <t>47/5-L</t>
  </si>
  <si>
    <t>G E S  47/5-L SAHIWAL</t>
  </si>
  <si>
    <t>Chak No 47/5-L</t>
  </si>
  <si>
    <t>Chak No 60/5-L</t>
  </si>
  <si>
    <t>GES  48/12-L</t>
  </si>
  <si>
    <t>MIAN KHERA-MALE</t>
  </si>
  <si>
    <t>CHAK No 48/12L</t>
  </si>
  <si>
    <t>CHAK NO 48/12L TECH CHICHAWATNI DISTT SAHIWAL</t>
  </si>
  <si>
    <t>CHAK No 48/12-L</t>
  </si>
  <si>
    <t>CHAK No  54/12-L</t>
  </si>
  <si>
    <t>MUHAMMAD FAISAL</t>
  </si>
  <si>
    <t>GES  51/12-L</t>
  </si>
  <si>
    <t>51/12 L</t>
  </si>
  <si>
    <t>chak no.51/12L chichawatni</t>
  </si>
  <si>
    <t>51/12L</t>
  </si>
  <si>
    <t>50/2L</t>
  </si>
  <si>
    <t>Tariq Javed</t>
  </si>
  <si>
    <t>GES  55/GD</t>
  </si>
  <si>
    <t>NOOR SHAH-B-MALE</t>
  </si>
  <si>
    <t>55/GD</t>
  </si>
  <si>
    <t>chak no.55/GD sahiwal</t>
  </si>
  <si>
    <t>50/GD</t>
  </si>
  <si>
    <t>Naveed Ahmad Khalid</t>
  </si>
  <si>
    <t>GES  56-A/12-L</t>
  </si>
  <si>
    <t>OKANWALA EAST-MALE</t>
  </si>
  <si>
    <t>56A/12L</t>
  </si>
  <si>
    <t>56-A/12-L</t>
  </si>
  <si>
    <t>57/12-L</t>
  </si>
  <si>
    <t>ASIF MEHMOOD</t>
  </si>
  <si>
    <t>GES  57/12-L</t>
  </si>
  <si>
    <t>CHAK NO. 57/12-L</t>
  </si>
  <si>
    <t>MUHAMMAD TUFAIL</t>
  </si>
  <si>
    <t>GES  6/14-L</t>
  </si>
  <si>
    <t>IQBAL NAGAR-MALE</t>
  </si>
  <si>
    <t>6/14L</t>
  </si>
  <si>
    <t>chak no 6/14.L Tehsil chichawatni Distt Sahiwal</t>
  </si>
  <si>
    <t>muhammad yaqub</t>
  </si>
  <si>
    <t>GES  61/5-L</t>
  </si>
  <si>
    <t>YOUSAFWALA-A-MALE</t>
  </si>
  <si>
    <t>Chak No. 61/5-L</t>
  </si>
  <si>
    <t>Chak No. 61/5-L Sahiwal</t>
  </si>
  <si>
    <t>61/5-L</t>
  </si>
  <si>
    <t>Chak No. 60/5-L</t>
  </si>
  <si>
    <t>Zeshan Javed</t>
  </si>
  <si>
    <t>GES  62/12-L</t>
  </si>
  <si>
    <t>SHAHKOT SHARQI-MALE</t>
  </si>
  <si>
    <t>62/12-L</t>
  </si>
  <si>
    <t>Chak No 62/12-L</t>
  </si>
  <si>
    <t>Rizwan Zahid</t>
  </si>
  <si>
    <t>GES  65/12-L</t>
  </si>
  <si>
    <t>Chak no 65/12L</t>
  </si>
  <si>
    <t>65/12L</t>
  </si>
  <si>
    <t>92/12L</t>
  </si>
  <si>
    <t>Saleem Mehmood</t>
  </si>
  <si>
    <t>GES  66/4-R</t>
  </si>
  <si>
    <t>QADIRABAD-B-MALE</t>
  </si>
  <si>
    <t>66/4-R</t>
  </si>
  <si>
    <t>Chak No 66/4R Sahiwal</t>
  </si>
  <si>
    <t>Muhammad Haseeb Ur Rehman</t>
  </si>
  <si>
    <t>GES  67/4-R</t>
  </si>
  <si>
    <t>67/4-r</t>
  </si>
  <si>
    <t>chak no 67/4-R p.o 66/4.r teh&amp;distt sahiwal punjab</t>
  </si>
  <si>
    <t>66/4-r</t>
  </si>
  <si>
    <t>Gulzar Ahmad</t>
  </si>
  <si>
    <t>GES  73/4-R</t>
  </si>
  <si>
    <t>CHAK NO. 73/4-R</t>
  </si>
  <si>
    <t>77/5-R</t>
  </si>
  <si>
    <t>MUHAMMAD  MUJEEB UR REHMAN</t>
  </si>
  <si>
    <t>GES  77/12-L</t>
  </si>
  <si>
    <t>KAMAND-MALE</t>
  </si>
  <si>
    <t>chak 77/12-L chichawatni</t>
  </si>
  <si>
    <t>77/12L</t>
  </si>
  <si>
    <t>GES  86-A/12-L</t>
  </si>
  <si>
    <t>86-A/12-L</t>
  </si>
  <si>
    <t>90/12.L</t>
  </si>
  <si>
    <t>GES  88-A/6-R RATI TABI</t>
  </si>
  <si>
    <t>YOUSAFWALA-B-MALE</t>
  </si>
  <si>
    <t>Chak No 88-a/6-r</t>
  </si>
  <si>
    <t>chak no 88-a/6-r Ratti Tabi Sahiwal</t>
  </si>
  <si>
    <t>88-a/6-r Ratti Tabi</t>
  </si>
  <si>
    <t>Chakra No 87/6-r</t>
  </si>
  <si>
    <t>ATIQUE AHMAD</t>
  </si>
  <si>
    <t>GES  92/6-R</t>
  </si>
  <si>
    <t>MUHAMMAD-PUR-A-MALE</t>
  </si>
  <si>
    <t>chak no 92/6-R</t>
  </si>
  <si>
    <t>92/6-R</t>
  </si>
  <si>
    <t>GES  94/9-L</t>
  </si>
  <si>
    <t>94/9-l</t>
  </si>
  <si>
    <t>chak ni 94/9-l sahiwal</t>
  </si>
  <si>
    <t>94/9l</t>
  </si>
  <si>
    <t>80/5-l</t>
  </si>
  <si>
    <t>Zaheer Abbas</t>
  </si>
  <si>
    <t>GES  95/6-R</t>
  </si>
  <si>
    <t>SAHIWAL SADAR-B-MALE</t>
  </si>
  <si>
    <t>95/6R</t>
  </si>
  <si>
    <t>chak no 95/6R Sahiwal</t>
  </si>
  <si>
    <t>Chak No 95 /6R</t>
  </si>
  <si>
    <t>Jahaz Ground</t>
  </si>
  <si>
    <t>Gulfam Yousaf</t>
  </si>
  <si>
    <t>GES  96/6-R</t>
  </si>
  <si>
    <t>96/6r</t>
  </si>
  <si>
    <t>Chak No 92/6R</t>
  </si>
  <si>
    <t>Abdul qayyum</t>
  </si>
  <si>
    <t>GES  98/6-R</t>
  </si>
  <si>
    <t>HARAPPA-B-MALE</t>
  </si>
  <si>
    <t>Chak No 98/6R</t>
  </si>
  <si>
    <t>G.E.S. Chak No 98/6R</t>
  </si>
  <si>
    <t>Chak No 99/6R</t>
  </si>
  <si>
    <t>Muhammad Zulfiqar</t>
  </si>
  <si>
    <t>GES  KEER KALAN 4/D-1 GREEN  TOWN</t>
  </si>
  <si>
    <t>TOWNSHIP-MALE</t>
  </si>
  <si>
    <t>keer kalan</t>
  </si>
  <si>
    <t>Government elementary school keer kalan 4d1 green town Lahore</t>
  </si>
  <si>
    <t>MUHAMMAD AZAM TAHIR</t>
  </si>
  <si>
    <t>GES  MEHDI KHAN</t>
  </si>
  <si>
    <t>QABOOLA 1 - MALE</t>
  </si>
  <si>
    <t>Chak Mehdi Khan KHAN</t>
  </si>
  <si>
    <t>Chak Mehdi Khan p/o same</t>
  </si>
  <si>
    <t>Chak Mehdi Khan</t>
  </si>
  <si>
    <t>Abdulrashid</t>
  </si>
  <si>
    <t>GES  RASOOL PUR</t>
  </si>
  <si>
    <t>DOMELI - MALE</t>
  </si>
  <si>
    <t>rasoolpur</t>
  </si>
  <si>
    <t>Domeli</t>
  </si>
  <si>
    <t>Ch Muhammad Rasheed</t>
  </si>
  <si>
    <t>GES 1 KB P/O PAKPATTAN</t>
  </si>
  <si>
    <t>PAKPATTAN 1 - MALE</t>
  </si>
  <si>
    <t>1/KB</t>
  </si>
  <si>
    <t>Pir Ghuni Road Pakpattan post office Pakpattan tesil Pakpattan district Pakpattan</t>
  </si>
  <si>
    <t>15/SP</t>
  </si>
  <si>
    <t>muhammad iqbal</t>
  </si>
  <si>
    <t>GES 1/10-L</t>
  </si>
  <si>
    <t>1/10-L</t>
  </si>
  <si>
    <t>Chak No.1/10-L</t>
  </si>
  <si>
    <t>Chak NO 1/10-L</t>
  </si>
  <si>
    <t>Amjad Rasool</t>
  </si>
  <si>
    <t>GES 10 GHAGH, P/O 25 PUL, ABDUL HAKIM</t>
  </si>
  <si>
    <t>DARKHANA - MALE</t>
  </si>
  <si>
    <t>10 Ghagh</t>
  </si>
  <si>
    <t>Chack No 10 Ghagh</t>
  </si>
  <si>
    <t>9 Ghagh</t>
  </si>
  <si>
    <t>Abrar Hussain Asim</t>
  </si>
  <si>
    <t>GES 10/11-L</t>
  </si>
  <si>
    <t>Chak No 10/11-L</t>
  </si>
  <si>
    <t>Chak No. 10/11-L Chichawatni</t>
  </si>
  <si>
    <t>10/11-L</t>
  </si>
  <si>
    <t>GES 10/8-R, KACHA KHUH</t>
  </si>
  <si>
    <t>MAKHDOOM PUR - MALE</t>
  </si>
  <si>
    <t>10/8-R</t>
  </si>
  <si>
    <t>chak no 10/8-R markaz makhdumpur tehsil &amp; district khanewal</t>
  </si>
  <si>
    <t>14/8-R</t>
  </si>
  <si>
    <t>GES 101/12-L</t>
  </si>
  <si>
    <t>Kassowal</t>
  </si>
  <si>
    <t>101/12-l</t>
  </si>
  <si>
    <t>101/12-L</t>
  </si>
  <si>
    <t>101/12L</t>
  </si>
  <si>
    <t>Hafiz Muhammad Nawaz</t>
  </si>
  <si>
    <t>GES 102/9-L</t>
  </si>
  <si>
    <t>GES 102/ 9.L Sahiwal</t>
  </si>
  <si>
    <t>102/9l</t>
  </si>
  <si>
    <t>133/9L</t>
  </si>
  <si>
    <t>Zawar Hussain</t>
  </si>
  <si>
    <t>GES 103/10-R, P/O SAME, JAHANIAN</t>
  </si>
  <si>
    <t>JAHANIAN</t>
  </si>
  <si>
    <t>JAHANIAN - MALE</t>
  </si>
  <si>
    <t>107/10R</t>
  </si>
  <si>
    <t>Govt Middle School chak no 103/10.R jahanian</t>
  </si>
  <si>
    <t>103/10R</t>
  </si>
  <si>
    <t>chak no 160/10R</t>
  </si>
  <si>
    <t>Musharraf  Mahmood</t>
  </si>
  <si>
    <t>GES 103/12-L</t>
  </si>
  <si>
    <t>103/12L</t>
  </si>
  <si>
    <t>chak no 103/12.L kassowal</t>
  </si>
  <si>
    <t>Nusrat Hayat</t>
  </si>
  <si>
    <t>GES 103/9-L</t>
  </si>
  <si>
    <t>103/9L</t>
  </si>
  <si>
    <t>village 103/9L SAHIWAL</t>
  </si>
  <si>
    <t>Khadim Hussain Malik</t>
  </si>
  <si>
    <t>GES 105/15-L MIAN CHANNU</t>
  </si>
  <si>
    <t>MOHSIN WAL - MALE</t>
  </si>
  <si>
    <t>105/15.L</t>
  </si>
  <si>
    <t>chak no 105/15.L Vanjari</t>
  </si>
  <si>
    <t>105/15.L Vanjari</t>
  </si>
  <si>
    <t>Liaqat Munir</t>
  </si>
  <si>
    <t>GES 105/7-R</t>
  </si>
  <si>
    <t>105/7.R</t>
  </si>
  <si>
    <t>CHAK NO 105/7.R CHICHAWATNI,SAHIWAL</t>
  </si>
  <si>
    <t>6/11.L</t>
  </si>
  <si>
    <t>Akram Ali</t>
  </si>
  <si>
    <t>GES 106 JB</t>
  </si>
  <si>
    <t>CHAK JHUMARA</t>
  </si>
  <si>
    <t>BARNALA - MALE</t>
  </si>
  <si>
    <t>Chak No 106 JB Khichian Chak jhumra faisalabad</t>
  </si>
  <si>
    <t>Chak No 106 JB</t>
  </si>
  <si>
    <t>Chak No 106 JB Khichian</t>
  </si>
  <si>
    <t>Fateh Sher</t>
  </si>
  <si>
    <t>GES 106/10-R, JAHANIAN</t>
  </si>
  <si>
    <t>106/10-R</t>
  </si>
  <si>
    <t>106 10R</t>
  </si>
  <si>
    <t>Asad Ali Hashmi</t>
  </si>
  <si>
    <t>GES 107 WB</t>
  </si>
  <si>
    <t>Chak No 107 Wb</t>
  </si>
  <si>
    <t>GES 107 wb Mailsi , Vehari</t>
  </si>
  <si>
    <t>107 WB</t>
  </si>
  <si>
    <t>69 WB</t>
  </si>
  <si>
    <t>GES 108/12-L</t>
  </si>
  <si>
    <t>108/12L</t>
  </si>
  <si>
    <t>Chak No.  108/12-L cci</t>
  </si>
  <si>
    <t>Chak No 108/12-L</t>
  </si>
  <si>
    <t>Chak No 109/12-L</t>
  </si>
  <si>
    <t>ZESHAN HAIDER</t>
  </si>
  <si>
    <t>GES 108/15-L, MIAN CHANNU</t>
  </si>
  <si>
    <t>108/15.L</t>
  </si>
  <si>
    <t>Chak No 108/15.L</t>
  </si>
  <si>
    <t>Hafiz Muhammad Anwar</t>
  </si>
  <si>
    <t>GES 108/9-L</t>
  </si>
  <si>
    <t>KAMIR-B-MALE</t>
  </si>
  <si>
    <t>108/9 L</t>
  </si>
  <si>
    <t>Chak No 108/9 L Swl</t>
  </si>
  <si>
    <t>114/9 L</t>
  </si>
  <si>
    <t>GES 109/15-L, MIAN CHANNU</t>
  </si>
  <si>
    <t>MIAN CHANNU-I - MALE</t>
  </si>
  <si>
    <t>Chak No109/15l</t>
  </si>
  <si>
    <t>Chak no.109/15.l Mian Channu</t>
  </si>
  <si>
    <t>Chak No100/15l</t>
  </si>
  <si>
    <t>FAZAL UR RAHMAN</t>
  </si>
  <si>
    <t>GES 109/9-L</t>
  </si>
  <si>
    <t>109/9L</t>
  </si>
  <si>
    <t>109/9L NEW SAHIAL</t>
  </si>
  <si>
    <t>Chak No110/9L</t>
  </si>
  <si>
    <t>MUHAMMAD ZAHID SALEEM</t>
  </si>
  <si>
    <t>GES 11/11-L</t>
  </si>
  <si>
    <t>Chak No. 11/11-L</t>
  </si>
  <si>
    <t>TARIQ SAEED</t>
  </si>
  <si>
    <t>GES 11/1-AL</t>
  </si>
  <si>
    <t>AKHTAR ABAD - MALE</t>
  </si>
  <si>
    <t>11/1al</t>
  </si>
  <si>
    <t>chak no 11/1.a.l</t>
  </si>
  <si>
    <t>Chak No 11/1AL</t>
  </si>
  <si>
    <t>mazaffar Qadar</t>
  </si>
  <si>
    <t>GES 111/12-L</t>
  </si>
  <si>
    <t>111/12-l</t>
  </si>
  <si>
    <t>chak no 111/12-l cci</t>
  </si>
  <si>
    <t>110/12-l</t>
  </si>
  <si>
    <t>Syed Muzammal Hussain</t>
  </si>
  <si>
    <t>GES 111/7-R</t>
  </si>
  <si>
    <t>CHICHAWATNI SADAR B-MALE</t>
  </si>
  <si>
    <t>Chak #111/7-R</t>
  </si>
  <si>
    <t>Chak #111/7-r chichawatni, Sahiwal</t>
  </si>
  <si>
    <t>111/7-R</t>
  </si>
  <si>
    <t>112/7-R</t>
  </si>
  <si>
    <t>Muhammad Mushtaq</t>
  </si>
  <si>
    <t>GES 112/9-L HALLAH</t>
  </si>
  <si>
    <t>112/9-L</t>
  </si>
  <si>
    <t>G.E.S 112/9-L Hallah</t>
  </si>
  <si>
    <t>112/9-L Hallah</t>
  </si>
  <si>
    <t>Budh Dhakoo</t>
  </si>
  <si>
    <t>GES 113 EB P/O 111 EB ARIFWALA</t>
  </si>
  <si>
    <t>BEHLI DILAWAR - MALE</t>
  </si>
  <si>
    <t>Chak No. 113/EB PO  Chak No111/EB Arifwala</t>
  </si>
  <si>
    <t>113/EB</t>
  </si>
  <si>
    <t>109/EB</t>
  </si>
  <si>
    <t>RIZWAN UL HAQ</t>
  </si>
  <si>
    <t>GES 114/9-L</t>
  </si>
  <si>
    <t>114/9l</t>
  </si>
  <si>
    <t>Chack No 114/9L</t>
  </si>
  <si>
    <t>Muhammad Mushtaq Ahmad</t>
  </si>
  <si>
    <t>GES 115 EB ARIF WALA</t>
  </si>
  <si>
    <t>chak no 115 eb</t>
  </si>
  <si>
    <t>115 EB</t>
  </si>
  <si>
    <t>109 EB</t>
  </si>
  <si>
    <t>GES 115/12-L</t>
  </si>
  <si>
    <t>115/12L</t>
  </si>
  <si>
    <t>chak no 115/12.L</t>
  </si>
  <si>
    <t>118/12L</t>
  </si>
  <si>
    <t>Muhammad Mahmood Hussain</t>
  </si>
  <si>
    <t>GES 116/12-L</t>
  </si>
  <si>
    <t>chak no 116/12.L</t>
  </si>
  <si>
    <t>chak no 116/12.L kassowal</t>
  </si>
  <si>
    <t>chak no 118/12.L</t>
  </si>
  <si>
    <t>MUHAMMAD ALI  ARSALAN</t>
  </si>
  <si>
    <t>GES 116/15-L, MIAN CHANNU</t>
  </si>
  <si>
    <t>Chak no 116/15L</t>
  </si>
  <si>
    <t>Chak no 110/15L</t>
  </si>
  <si>
    <t>CH ISHTIAQ AHMAD</t>
  </si>
  <si>
    <t>GES 117/9-L CONGNIWALA</t>
  </si>
  <si>
    <t>KAMIR-A-MALE</t>
  </si>
  <si>
    <t>117/9L</t>
  </si>
  <si>
    <t>chak no 117/9.L</t>
  </si>
  <si>
    <t>chak 117/9L</t>
  </si>
  <si>
    <t>Chak no 112/9L</t>
  </si>
  <si>
    <t>Muhammad Faizan Khalid</t>
  </si>
  <si>
    <t>GES 118 JB</t>
  </si>
  <si>
    <t>FAISALABAD SADDAR</t>
  </si>
  <si>
    <t>GATWALA 1 - MALE</t>
  </si>
  <si>
    <t>Chak no 118 jb Bathan</t>
  </si>
  <si>
    <t>Chak No 118 Jb Bathan</t>
  </si>
  <si>
    <t>Chak No 115 jb Fsd</t>
  </si>
  <si>
    <t>Aslam Pervez</t>
  </si>
  <si>
    <t>GES 118/10-R, JAHANIAN</t>
  </si>
  <si>
    <t>THATTA SADIQABAD - MALE</t>
  </si>
  <si>
    <t>chak no. 118/10.R Jahanian</t>
  </si>
  <si>
    <t>118/10R</t>
  </si>
  <si>
    <t>117/10R</t>
  </si>
  <si>
    <t>Abdul Mussavir</t>
  </si>
  <si>
    <t>GES 12 MEEL, P/O MOUZA MAST PUR, KABIRWALA</t>
  </si>
  <si>
    <t>BILAWAL PUR - MALE</t>
  </si>
  <si>
    <t>Mastpur</t>
  </si>
  <si>
    <t>mastpur kabirwala</t>
  </si>
  <si>
    <t>12meel</t>
  </si>
  <si>
    <t>Bilawalpur</t>
  </si>
  <si>
    <t>irshad hussain</t>
  </si>
  <si>
    <t>GES 12/11-L</t>
  </si>
  <si>
    <t>sher wala</t>
  </si>
  <si>
    <t>chak no. 12/11-L</t>
  </si>
  <si>
    <t>12/11L</t>
  </si>
  <si>
    <t>18/11L</t>
  </si>
  <si>
    <t>Razwan Rahim</t>
  </si>
  <si>
    <t>GES 120 JB ALI TOWN FSD</t>
  </si>
  <si>
    <t>CITY 1 - MALE</t>
  </si>
  <si>
    <t>Bawachak</t>
  </si>
  <si>
    <t>120 JB alitown faisalabad</t>
  </si>
  <si>
    <t>Alitown</t>
  </si>
  <si>
    <t>alitown</t>
  </si>
  <si>
    <t>muhammad aslam</t>
  </si>
  <si>
    <t>GES 120/15-L, MIAN CHANNU</t>
  </si>
  <si>
    <t>120/15-L</t>
  </si>
  <si>
    <t>chak no 120/15-L</t>
  </si>
  <si>
    <t>NAUSHER ALI</t>
  </si>
  <si>
    <t>GES 120/7-ER</t>
  </si>
  <si>
    <t>Chak 120/7ER</t>
  </si>
  <si>
    <t>chak#120/7.ER</t>
  </si>
  <si>
    <t>Chak120/7ER</t>
  </si>
  <si>
    <t>119/7DR</t>
  </si>
  <si>
    <t>GES 120/9-L NAI ABADI</t>
  </si>
  <si>
    <t>Kamir</t>
  </si>
  <si>
    <t>120/9l kamir</t>
  </si>
  <si>
    <t>Mc Kamir</t>
  </si>
  <si>
    <t>Zulfiqar Ali Sajid</t>
  </si>
  <si>
    <t>GES 121 JB GHOKHUWAL FSD</t>
  </si>
  <si>
    <t>chak no 121 j.b fsd</t>
  </si>
  <si>
    <t>G Elementry  boys school 121 j.b fsd</t>
  </si>
  <si>
    <t>121 j.b fsd</t>
  </si>
  <si>
    <t>muhammad rasheed</t>
  </si>
  <si>
    <t>GES 121/10-R, JAHANIAN</t>
  </si>
  <si>
    <t>121/10-R</t>
  </si>
  <si>
    <t>Chak No. 121/10-R Tehsil Jahanian District Khanewal.</t>
  </si>
  <si>
    <t>chak No 121/10-R</t>
  </si>
  <si>
    <t>Chak N0 127/10-R</t>
  </si>
  <si>
    <t>GES 123/EB P/O 121/EB ARIF WALA</t>
  </si>
  <si>
    <t>Chak# 123/EB P/O 121/EB Tehsil:Arifwala District: Pakpattan</t>
  </si>
  <si>
    <t>123/EB</t>
  </si>
  <si>
    <t>Muaeen Kot</t>
  </si>
  <si>
    <t>ABDUL WAHEED</t>
  </si>
  <si>
    <t>GES 124 GB</t>
  </si>
  <si>
    <t>PULL 93 GB - MALE</t>
  </si>
  <si>
    <t>chakno124gb</t>
  </si>
  <si>
    <t>Chakno124gb</t>
  </si>
  <si>
    <t>Chakno235</t>
  </si>
  <si>
    <t>khadim hussain</t>
  </si>
  <si>
    <t>GES 124 JB KALEEM SHAHEED COLONY 1 FSD</t>
  </si>
  <si>
    <t>CITY 5 - MALE</t>
  </si>
  <si>
    <t>Kaleem Saheed Colony # 1</t>
  </si>
  <si>
    <t>kaleem shaheed colony no 1</t>
  </si>
  <si>
    <t>124JB</t>
  </si>
  <si>
    <t>Sadique Abad</t>
  </si>
  <si>
    <t>Dr Muhammad Naeem</t>
  </si>
  <si>
    <t>GES 124/7-ER, TULAMBA</t>
  </si>
  <si>
    <t>TULAMBA - MALE</t>
  </si>
  <si>
    <t>Chakk No124/7er</t>
  </si>
  <si>
    <t>chakk no 124/7er mian channu khanewal</t>
  </si>
  <si>
    <t>124/7ER</t>
  </si>
  <si>
    <t>123/7ER</t>
  </si>
  <si>
    <t>Ghulam Dastgir</t>
  </si>
  <si>
    <t>GES 126/9-L</t>
  </si>
  <si>
    <t>126/9L</t>
  </si>
  <si>
    <t>chak no. 126/9L sahiwal</t>
  </si>
  <si>
    <t>129/9L</t>
  </si>
  <si>
    <t>Mohammad Yaseen Raza</t>
  </si>
  <si>
    <t>GES 127/9-L</t>
  </si>
  <si>
    <t>Chak 127/9-L</t>
  </si>
  <si>
    <t>chak 127/9L sahiwal</t>
  </si>
  <si>
    <t>127/9-L</t>
  </si>
  <si>
    <t>119/9L</t>
  </si>
  <si>
    <t>zafar iqbal</t>
  </si>
  <si>
    <t>GES 128/15-L, MIAN CHANNU</t>
  </si>
  <si>
    <t>chak #128/15-l mian channu khanewal</t>
  </si>
  <si>
    <t>129/15-l</t>
  </si>
  <si>
    <t>GES 129/15-L, MIAN CHANNU</t>
  </si>
  <si>
    <t>chak 129</t>
  </si>
  <si>
    <t>chak  129/15-L</t>
  </si>
  <si>
    <t>GES 13 GHAGH, P/O 25 PUL, ABDUL HAKIM</t>
  </si>
  <si>
    <t>HAVELI KORANGA - MALE</t>
  </si>
  <si>
    <t>13 Ghagh</t>
  </si>
  <si>
    <t>chack no 13 ghagh tehsil kabirwala</t>
  </si>
  <si>
    <t>Dirkhana</t>
  </si>
  <si>
    <t>nazar hussain</t>
  </si>
  <si>
    <t>GES 13/9-R, KACHA KHUH</t>
  </si>
  <si>
    <t>13/9R</t>
  </si>
  <si>
    <t>Chak No 13/9R Post Office Makhdoom Pur Khanewal</t>
  </si>
  <si>
    <t>Chak 14/9R</t>
  </si>
  <si>
    <t>GES 13/D, P/O DARKHANA, ABDUL HAKIM</t>
  </si>
  <si>
    <t>13/D</t>
  </si>
  <si>
    <t>GES 13D Dirkhana</t>
  </si>
  <si>
    <t>13D</t>
  </si>
  <si>
    <t>GES 13/SP P.O PAKPATTAN</t>
  </si>
  <si>
    <t>CHAKBEDI 1 - MALE</t>
  </si>
  <si>
    <t>Chak No 13/sp</t>
  </si>
  <si>
    <t>Ges 13/sp pakpattan</t>
  </si>
  <si>
    <t>Chak No 13sp</t>
  </si>
  <si>
    <t>Chak No 17/Sp</t>
  </si>
  <si>
    <t>muhammad azhar iqbal</t>
  </si>
  <si>
    <t>GES 130/10-R, JAHANIAN</t>
  </si>
  <si>
    <t>Chak No 130/10R</t>
  </si>
  <si>
    <t>chak no 130/10-R</t>
  </si>
  <si>
    <t>Chak 130/10r</t>
  </si>
  <si>
    <t>132/10r</t>
  </si>
  <si>
    <t>Siraj Ud Din</t>
  </si>
  <si>
    <t>GES 131 RB II</t>
  </si>
  <si>
    <t>KANANSIAN - MALE</t>
  </si>
  <si>
    <t>Arorri</t>
  </si>
  <si>
    <t>chak no. 131 RB arorri, tehsil chak jhumra fsd</t>
  </si>
  <si>
    <t>131 RB Arorri</t>
  </si>
  <si>
    <t>Pakka Dalla</t>
  </si>
  <si>
    <t>Mohammad Asif Latif</t>
  </si>
  <si>
    <t>GES 132/16-L, MIAN CHANNU</t>
  </si>
  <si>
    <t>132/16L</t>
  </si>
  <si>
    <t>GES 132/16.L Main Channun</t>
  </si>
  <si>
    <t>131/15L</t>
  </si>
  <si>
    <t>GES 133/10-R, JAHANIAN</t>
  </si>
  <si>
    <t>Chak No. 133/10-R</t>
  </si>
  <si>
    <t>Chak # 133/10-R</t>
  </si>
  <si>
    <t>Thatha Sadiqabad</t>
  </si>
  <si>
    <t>GES 133/16-L, MIAN CHANNU</t>
  </si>
  <si>
    <t>133/16-L</t>
  </si>
  <si>
    <t>Chak 133/16-L Main Channu</t>
  </si>
  <si>
    <t>asif eranst gill</t>
  </si>
  <si>
    <t>GES 135/10-R JADEED, JAHANIAN</t>
  </si>
  <si>
    <t>135/10-R</t>
  </si>
  <si>
    <t>chak  135/10-R jadeed  Jahanian</t>
  </si>
  <si>
    <t>135/10-R Jadeed</t>
  </si>
  <si>
    <t>Thatha Sadiq Abad</t>
  </si>
  <si>
    <t>GES 135/9-L</t>
  </si>
  <si>
    <t>135/9L</t>
  </si>
  <si>
    <t>CHAK NO. 135/9L</t>
  </si>
  <si>
    <t>CHAK NO. 134/9L</t>
  </si>
  <si>
    <t>Rana Khalid Rashid</t>
  </si>
  <si>
    <t>GES 139  RB</t>
  </si>
  <si>
    <t>SALARWALA - MALE</t>
  </si>
  <si>
    <t>139 Rb</t>
  </si>
  <si>
    <t>ges 139 rb chakjhumra faisalabad</t>
  </si>
  <si>
    <t>Chak No 139 Rb</t>
  </si>
  <si>
    <t>139 Rb Ghammi</t>
  </si>
  <si>
    <t>Zahid irfan</t>
  </si>
  <si>
    <t>GES 139/10-R QADEEM JAHANIAN</t>
  </si>
  <si>
    <t>139/10R</t>
  </si>
  <si>
    <t>chak 139/10R old tehsil jahanian Khanewal</t>
  </si>
  <si>
    <t>139/10R Old</t>
  </si>
  <si>
    <t>138/10R</t>
  </si>
  <si>
    <t>GES 141/9-L</t>
  </si>
  <si>
    <t>DERA RAHIM-B-MALE</t>
  </si>
  <si>
    <t>CHAK NO 141/9L</t>
  </si>
  <si>
    <t>CHAK NO 141/9L SAHIWAL</t>
  </si>
  <si>
    <t>Muhammad Arshid</t>
  </si>
  <si>
    <t>GES 142 RB</t>
  </si>
  <si>
    <t>Chak 142 RB.</t>
  </si>
  <si>
    <t>Govt. Elementary School Chak No. 142 RB.</t>
  </si>
  <si>
    <t>Ghartal khurd</t>
  </si>
  <si>
    <t>Bakhray wali</t>
  </si>
  <si>
    <t>GES 143 EB PO 143 EB</t>
  </si>
  <si>
    <t>MUHAMMAD NAGAR 1 - MALE</t>
  </si>
  <si>
    <t>Chak no 143 EB tehsil arifwala District pakpattan</t>
  </si>
  <si>
    <t>143EB</t>
  </si>
  <si>
    <t>Chak No 147</t>
  </si>
  <si>
    <t>abdul wahid</t>
  </si>
  <si>
    <t>GES 145 WB</t>
  </si>
  <si>
    <t>145/ WB</t>
  </si>
  <si>
    <t>Chak No 145/w.b.P/O Dokota ,Tehsil mailsi</t>
  </si>
  <si>
    <t>Chak No 145/wb</t>
  </si>
  <si>
    <t>1-M</t>
  </si>
  <si>
    <t>GES 147 EB</t>
  </si>
  <si>
    <t>Chak No 147eb</t>
  </si>
  <si>
    <t>Chak No. 147/EB Arifwala</t>
  </si>
  <si>
    <t>147/EB</t>
  </si>
  <si>
    <t>Chak No. 147/EB</t>
  </si>
  <si>
    <t>Sardar Muhammad</t>
  </si>
  <si>
    <t>GES 149/9-L</t>
  </si>
  <si>
    <t>Chak No 149/9L</t>
  </si>
  <si>
    <t>Chak No.149/9L Tehsil &amp; District Sahiwal</t>
  </si>
  <si>
    <t>Chak No 150/9L</t>
  </si>
  <si>
    <t>GES 15/8-R, KACHA KHUH</t>
  </si>
  <si>
    <t>15/8- R</t>
  </si>
  <si>
    <t>Chak # 15/8-R markaz kacha khuh Khanewal</t>
  </si>
  <si>
    <t>15/8-R</t>
  </si>
  <si>
    <t>14/8-R Gull Abad</t>
  </si>
  <si>
    <t>Muhammad Saeed Ahmad</t>
  </si>
  <si>
    <t>GES 15/SP P.O PAKPATTAN</t>
  </si>
  <si>
    <t>15sp</t>
  </si>
  <si>
    <t>village 15sp pakpattan</t>
  </si>
  <si>
    <t>Muhammad Noorullah</t>
  </si>
  <si>
    <t>GES 150/10-R, JAHANIAN</t>
  </si>
  <si>
    <t>Chak No150/10R Jahanian district Khanewal</t>
  </si>
  <si>
    <t>Chak No150/10R</t>
  </si>
  <si>
    <t>Chak No 149/10R</t>
  </si>
  <si>
    <t>Zia Ur Rehman Sulamani</t>
  </si>
  <si>
    <t>GES 150/9-L</t>
  </si>
  <si>
    <t>chak No 150/9L sahiwal</t>
  </si>
  <si>
    <t>Chak No150/9L</t>
  </si>
  <si>
    <t>Irfan Mahmood</t>
  </si>
  <si>
    <t>GES 152/10-R, JAHANIAN</t>
  </si>
  <si>
    <t>152/10R</t>
  </si>
  <si>
    <t>chak no 152/10.R</t>
  </si>
  <si>
    <t>174/10R</t>
  </si>
  <si>
    <t>GES 154/9-L</t>
  </si>
  <si>
    <t>154/9L</t>
  </si>
  <si>
    <t>Chak # 154/9L Sahiwal</t>
  </si>
  <si>
    <t>153/9L</t>
  </si>
  <si>
    <t>Riasat Ali</t>
  </si>
  <si>
    <t>GES 157 RB I</t>
  </si>
  <si>
    <t>GOJRA-MALE</t>
  </si>
  <si>
    <t>CHAK#157 RB GOJRA TEHSIL CHAK JHUMRA DIST FAISALABAD</t>
  </si>
  <si>
    <t>157 RB GOJRA</t>
  </si>
  <si>
    <t>CHAK NO 159 RB SOBAY CHAK</t>
  </si>
  <si>
    <t>Muhammad Abdullah</t>
  </si>
  <si>
    <t>GES 157/10-R, P/O JUNGLE MARYALA, JAHANIAN</t>
  </si>
  <si>
    <t>157/10-R</t>
  </si>
  <si>
    <t>157/10-R
Jahanian</t>
  </si>
  <si>
    <t>ImamBukhashTariq</t>
  </si>
  <si>
    <t>GES 159 RB I</t>
  </si>
  <si>
    <t>159 RB</t>
  </si>
  <si>
    <t>chak no 159 Rb</t>
  </si>
  <si>
    <t>Muhammed Amir shahzad</t>
  </si>
  <si>
    <t>GES 16/14-L</t>
  </si>
  <si>
    <t>Chak no 16/14.L</t>
  </si>
  <si>
    <t>GES 16/14.L</t>
  </si>
  <si>
    <t>16/14.L</t>
  </si>
  <si>
    <t>7/14.L</t>
  </si>
  <si>
    <t>ghias-ur-rehman</t>
  </si>
  <si>
    <t>GES 16/8-BR, TULAMBA</t>
  </si>
  <si>
    <t>16/8BR</t>
  </si>
  <si>
    <t>chak no.16/8br mian channu</t>
  </si>
  <si>
    <t>16/8br</t>
  </si>
  <si>
    <t>129/15l</t>
  </si>
  <si>
    <t>Shahid Nadeem</t>
  </si>
  <si>
    <t>GES 16/9-R, KACHA KHUH</t>
  </si>
  <si>
    <t>16/9-R</t>
  </si>
  <si>
    <t>Chak No. 16/9-R Kacha Khuh</t>
  </si>
  <si>
    <t>Haibat Khan</t>
  </si>
  <si>
    <t>GES 16/V, KHANEWAL</t>
  </si>
  <si>
    <t>Chak No 16/V</t>
  </si>
  <si>
    <t>Chak No 16/V, Tehsil and Distt Khanewal.</t>
  </si>
  <si>
    <t>Ferhad Hussain</t>
  </si>
  <si>
    <t>GES 164-A/9-L</t>
  </si>
  <si>
    <t>GHAZI ABAD WEST-MALE</t>
  </si>
  <si>
    <t>Chak164A/9L</t>
  </si>
  <si>
    <t>chak.164A/9.L</t>
  </si>
  <si>
    <t>Chak 164A/9L</t>
  </si>
  <si>
    <t>Chak 169/9L</t>
  </si>
  <si>
    <t>MUHAMMAD ZAEEM</t>
  </si>
  <si>
    <t>GES 165/9-L</t>
  </si>
  <si>
    <t>165/9l</t>
  </si>
  <si>
    <t>chak 165/9_l</t>
  </si>
  <si>
    <t>Cha# 165/9l</t>
  </si>
  <si>
    <t>169/9l</t>
  </si>
  <si>
    <t>Masood Ahmad</t>
  </si>
  <si>
    <t>GES 167 EB</t>
  </si>
  <si>
    <t>AHMAD YAR - MALE</t>
  </si>
  <si>
    <t>167/EB</t>
  </si>
  <si>
    <t>Chak 167EB</t>
  </si>
  <si>
    <t>167EB</t>
  </si>
  <si>
    <t>163/EB M Nagar</t>
  </si>
  <si>
    <t>GES 168/10-R, KHANEWAL</t>
  </si>
  <si>
    <t>KHANEWAL - MALE</t>
  </si>
  <si>
    <t>chak no 168/10-r khanewal</t>
  </si>
  <si>
    <t>mc khanewal</t>
  </si>
  <si>
    <t>SHERAZ HUSSAIN</t>
  </si>
  <si>
    <t>GES 17/11-L</t>
  </si>
  <si>
    <t>17/11-L Sharifa Abad</t>
  </si>
  <si>
    <t>chak no 17/11-L sharifa abad</t>
  </si>
  <si>
    <t>Chsk No 17/11-L</t>
  </si>
  <si>
    <t>Chao No 23/11-L</t>
  </si>
  <si>
    <t>mufti muhammad noor un nabi shams</t>
  </si>
  <si>
    <t>GES 17/8-BR TULAMBA</t>
  </si>
  <si>
    <t>Jarahi</t>
  </si>
  <si>
    <t>chak no. 17/8BR mian channu khanewal</t>
  </si>
  <si>
    <t>17/8BR</t>
  </si>
  <si>
    <t>Syed Wajid Hussain</t>
  </si>
  <si>
    <t>GES 17/AH, KHANEWAL</t>
  </si>
  <si>
    <t>17/ah</t>
  </si>
  <si>
    <t>17/ah khanewal</t>
  </si>
  <si>
    <t>Chak 16/v</t>
  </si>
  <si>
    <t>GES 17/D, P/O DARKHANA, ABDUL HAKIM</t>
  </si>
  <si>
    <t>17 D</t>
  </si>
  <si>
    <t>17 d Darkhana kabirwala</t>
  </si>
  <si>
    <t>13 D</t>
  </si>
  <si>
    <t>Ejaz Hussain Siddiqui</t>
  </si>
  <si>
    <t>GES 170 EB</t>
  </si>
  <si>
    <t>DALLAN BANGLA EAST - MALE</t>
  </si>
  <si>
    <t>chak no 170 EB burewala</t>
  </si>
  <si>
    <t>170 EB</t>
  </si>
  <si>
    <t>Chak No 170 EB</t>
  </si>
  <si>
    <t>GES 170/10-R, KHANEWAL</t>
  </si>
  <si>
    <t>CHAK SHAHANA - MALE</t>
  </si>
  <si>
    <t>cHAK nO 170/10-R</t>
  </si>
  <si>
    <t>CHAK NO 170/10-R,KHANEWAL</t>
  </si>
  <si>
    <t>CHAK NO 170/10-R</t>
  </si>
  <si>
    <t>Filter Plant</t>
  </si>
  <si>
    <t>GES 17-18/MPR P/O 19/MPR LODHRAN</t>
  </si>
  <si>
    <t>GELLAY WALA-MALE</t>
  </si>
  <si>
    <t>17-18MPR</t>
  </si>
  <si>
    <t>Chak # 17-18MPR Tehsil &amp; District Lodhran</t>
  </si>
  <si>
    <t>17-18 MPR</t>
  </si>
  <si>
    <t>49 m</t>
  </si>
  <si>
    <t>GES 176/10-R, KHANEWAL</t>
  </si>
  <si>
    <t>Chak No 176/10R</t>
  </si>
  <si>
    <t>Government Middle School 176/10R khanewal</t>
  </si>
  <si>
    <t>Chak No 170/10R</t>
  </si>
  <si>
    <t>GES 18/8-R, P/O 17/8-R, TULAMBA</t>
  </si>
  <si>
    <t>Chak No 18/ 8R</t>
  </si>
  <si>
    <t>Chak No 18_8R P/O 17/8R Via Tulamba</t>
  </si>
  <si>
    <t>Chak No 18/8R</t>
  </si>
  <si>
    <t>3/8AR</t>
  </si>
  <si>
    <t>Syed Fazal Abbas Shah</t>
  </si>
  <si>
    <t>GES 18/A.H</t>
  </si>
  <si>
    <t>Chak No18/ah</t>
  </si>
  <si>
    <t>Chak No 18/AH Khanewal</t>
  </si>
  <si>
    <t>Chak No 18/AH</t>
  </si>
  <si>
    <t>12/AH</t>
  </si>
  <si>
    <t>Muhammad Hayyat</t>
  </si>
  <si>
    <t>GES 182/9-L WEST</t>
  </si>
  <si>
    <t>AMIRKOT-MALE</t>
  </si>
  <si>
    <t>182/9 L</t>
  </si>
  <si>
    <t>chak no 182/9 L</t>
  </si>
  <si>
    <t>Chak 182/9 L WEST</t>
  </si>
  <si>
    <t>180/9 L</t>
  </si>
  <si>
    <t>GES 184/9-L</t>
  </si>
  <si>
    <t>184/9L</t>
  </si>
  <si>
    <t>180/9L</t>
  </si>
  <si>
    <t>Imran Bari</t>
  </si>
  <si>
    <t>GES 185/9-L (W)</t>
  </si>
  <si>
    <t>chak No.185/9.L WEST</t>
  </si>
  <si>
    <t>MUHAMMAD SALEEM AKHTAR</t>
  </si>
  <si>
    <t>GES 187/9-L</t>
  </si>
  <si>
    <t>187/9l</t>
  </si>
  <si>
    <t>138/9l</t>
  </si>
  <si>
    <t>Gulzar Hussain</t>
  </si>
  <si>
    <t>GES 18-HAZARI</t>
  </si>
  <si>
    <t>Town 18 Hazari</t>
  </si>
  <si>
    <t>18 Hazari</t>
  </si>
  <si>
    <t>GES 19/14-L</t>
  </si>
  <si>
    <t>Chak No 19/14.L</t>
  </si>
  <si>
    <t>chak no 19/14.l</t>
  </si>
  <si>
    <t>chak no 23/14.l</t>
  </si>
  <si>
    <t>GES 19/8-R, TULAMBA</t>
  </si>
  <si>
    <t>Chak No 19/8R</t>
  </si>
  <si>
    <t>chak no 19/8R tulamba</t>
  </si>
  <si>
    <t>Noori Suhag</t>
  </si>
  <si>
    <t>GES 19/9-R GHARBI, KACHA KHUH</t>
  </si>
  <si>
    <t>Kacha Khuh</t>
  </si>
  <si>
    <t>Chak no 19/9r gharbi kacha khuh</t>
  </si>
  <si>
    <t>19/9r West</t>
  </si>
  <si>
    <t>19/9r</t>
  </si>
  <si>
    <t>Muhammad Shahzad Nadeem</t>
  </si>
  <si>
    <t>GES 19/9-R SHARQI, KACHA KHUH</t>
  </si>
  <si>
    <t>19/9-R</t>
  </si>
  <si>
    <t>District and Tehsil Khanewal Chak No 19/9-R Sharqi, kacha khuh</t>
  </si>
  <si>
    <t>19/9-R Sharqi</t>
  </si>
  <si>
    <t>Amjad Ameer Khan</t>
  </si>
  <si>
    <t>GES 19/D</t>
  </si>
  <si>
    <t>Chak#19/D</t>
  </si>
  <si>
    <t>chak#19/d p/o shergarh tehsil depalpur distt.okara.</t>
  </si>
  <si>
    <t>Dhool Chourh</t>
  </si>
  <si>
    <t>Muhammad Rafique shahid</t>
  </si>
  <si>
    <t>GES 19/SP PAKPATTAN</t>
  </si>
  <si>
    <t>CHAKBEDI 2 - MALE</t>
  </si>
  <si>
    <t>19/SP</t>
  </si>
  <si>
    <t>Chak 19/SP Pakpattan</t>
  </si>
  <si>
    <t>37/SP</t>
  </si>
  <si>
    <t>GES 196 RB WEST</t>
  </si>
  <si>
    <t>196 RB West Islamabad West</t>
  </si>
  <si>
    <t>Chak No. 196 RB West Islamabad</t>
  </si>
  <si>
    <t>196 RB WEST Islamabad</t>
  </si>
  <si>
    <t>117 JB Dhanola</t>
  </si>
  <si>
    <t>Ijaz Hashmat</t>
  </si>
  <si>
    <t>GES 196/GB</t>
  </si>
  <si>
    <t>SAMUNDARI</t>
  </si>
  <si>
    <t>MURIDWALA-MALE</t>
  </si>
  <si>
    <t>Bismillah Pur</t>
  </si>
  <si>
    <t>chak no 196 GB</t>
  </si>
  <si>
    <t>Chak No 196 GB</t>
  </si>
  <si>
    <t>Chak No 198 GB</t>
  </si>
  <si>
    <t>GES 2 EB POST OFFICE MALKA HANS</t>
  </si>
  <si>
    <t>2eb</t>
  </si>
  <si>
    <t>2eb p/o Malka Hans tehsil Arifwala Distt. Pakpattan</t>
  </si>
  <si>
    <t>Chak Shafi</t>
  </si>
  <si>
    <t>Nasrullah Virk</t>
  </si>
  <si>
    <t>GES 2/9-R, KACHA KHUH</t>
  </si>
  <si>
    <t>4/8-AR</t>
  </si>
  <si>
    <t>chak no. 2/9-R</t>
  </si>
  <si>
    <t>Chak No 2/9-R</t>
  </si>
  <si>
    <t>Muhammad Waseem Akhtar</t>
  </si>
  <si>
    <t>GES 2/SP CHANBA</t>
  </si>
  <si>
    <t>CHAMBA-MALE</t>
  </si>
  <si>
    <t>2/Sp</t>
  </si>
  <si>
    <t>2/sp chanba P/O Haveli Lakha Teh. Depalpur (Okara)</t>
  </si>
  <si>
    <t>2/Sp Chanba</t>
  </si>
  <si>
    <t>3/Sp</t>
  </si>
  <si>
    <t>Muhammad Saleem Chisht Chishti</t>
  </si>
  <si>
    <t>GES 20/11-L</t>
  </si>
  <si>
    <t>20 - 11-L</t>
  </si>
  <si>
    <t>20-11-L</t>
  </si>
  <si>
    <t>20 -11-L</t>
  </si>
  <si>
    <t>MUHAMMAD SALEEM</t>
  </si>
  <si>
    <t>GES 20/8-BR, TULAMBA</t>
  </si>
  <si>
    <t>20/8-BR</t>
  </si>
  <si>
    <t>Faiz Mohy-u-Din Chishti</t>
  </si>
  <si>
    <t>GES 20/D</t>
  </si>
  <si>
    <t>Chak No 20/D</t>
  </si>
  <si>
    <t>chak no 20/d</t>
  </si>
  <si>
    <t>20d</t>
  </si>
  <si>
    <t>Bhutta Mohabit</t>
  </si>
  <si>
    <t>Sher Muhammad</t>
  </si>
  <si>
    <t>GES 203/GB</t>
  </si>
  <si>
    <t>KHIDDARWALA - MALE</t>
  </si>
  <si>
    <t>FEROZ PUR</t>
  </si>
  <si>
    <t>CHAK 203GB TEHSIL SAMUNDRI</t>
  </si>
  <si>
    <t>203GB</t>
  </si>
  <si>
    <t>GES 205/GB</t>
  </si>
  <si>
    <t>Chak No 205 GB</t>
  </si>
  <si>
    <t>chak no 205 gb</t>
  </si>
  <si>
    <t>205 GB</t>
  </si>
  <si>
    <t>GES 208/GB</t>
  </si>
  <si>
    <t>kallar</t>
  </si>
  <si>
    <t>chak no 208 GB</t>
  </si>
  <si>
    <t>chak no 205 GB</t>
  </si>
  <si>
    <t>Muhammad AKMAL</t>
  </si>
  <si>
    <t>GES 21 EB</t>
  </si>
  <si>
    <t>ARIFWALA 2 - MALE</t>
  </si>
  <si>
    <t>Chak # 21/EB</t>
  </si>
  <si>
    <t>chak # 21/EB tehsil Arifwala District Pakpattan</t>
  </si>
  <si>
    <t>Chak #13/ EB</t>
  </si>
  <si>
    <t>Ghulam Nabi</t>
  </si>
  <si>
    <t>GES 21/11-L</t>
  </si>
  <si>
    <t>Ges chak no 21/11-L</t>
  </si>
  <si>
    <t>21/11-L</t>
  </si>
  <si>
    <t>30/11-L</t>
  </si>
  <si>
    <t>Hafiz  Muhammad Sharif</t>
  </si>
  <si>
    <t>GES 212/GB</t>
  </si>
  <si>
    <t>tggar</t>
  </si>
  <si>
    <t>chak no 212gb</t>
  </si>
  <si>
    <t>chak no 212 g.b</t>
  </si>
  <si>
    <t>chak 211g.b</t>
  </si>
  <si>
    <t>Basharat Ali</t>
  </si>
  <si>
    <t>GES 214 RB</t>
  </si>
  <si>
    <t>Dhudiwala</t>
  </si>
  <si>
    <t>Government Elementary school, 214RB (W), Fsd</t>
  </si>
  <si>
    <t>214RB</t>
  </si>
  <si>
    <t>Noor Hassan Azhari</t>
  </si>
  <si>
    <t>GES 214/9-R</t>
  </si>
  <si>
    <t>FTS-IX-MALE</t>
  </si>
  <si>
    <t>214-9R</t>
  </si>
  <si>
    <t>chak no 214-9R fortabbas</t>
  </si>
  <si>
    <t>Chak 213-9R</t>
  </si>
  <si>
    <t>Azhar Hussain Tatla</t>
  </si>
  <si>
    <t>GES 217 RB UCHKHERA</t>
  </si>
  <si>
    <t>217 Rb uchkera</t>
  </si>
  <si>
    <t>GES 217 RB Uchkera Narwala Road Faisalabad.</t>
  </si>
  <si>
    <t>217 rb NARWALA ROAD FSD</t>
  </si>
  <si>
    <t>217 rb UCHKERA</t>
  </si>
  <si>
    <t>MUHAMMAD AZAM</t>
  </si>
  <si>
    <t>GES 219 RB</t>
  </si>
  <si>
    <t>CITY 4 - MALE</t>
  </si>
  <si>
    <t>Sher Sing Wala</t>
  </si>
  <si>
    <t>219 RB sher sing wala fsd</t>
  </si>
  <si>
    <t>219/RB Talianwala</t>
  </si>
  <si>
    <t>Muhammad Tariq Javed</t>
  </si>
  <si>
    <t>GES 22 GHAGH, P/O 25 PUL, ABDUL HAKIM</t>
  </si>
  <si>
    <t>22 Gh</t>
  </si>
  <si>
    <t>CHAK NO 22-Gh TEHSIL KABIRWALA DISTRICT KHENAWAL</t>
  </si>
  <si>
    <t>Chak No 22-Gh</t>
  </si>
  <si>
    <t>Chak No. 9- GH</t>
  </si>
  <si>
    <t>ghulam abbas arshad</t>
  </si>
  <si>
    <t>GES 222 RB RAJA PARK</t>
  </si>
  <si>
    <t>222rb Raja Park</t>
  </si>
  <si>
    <t>ges222 RB raja park faisalabad</t>
  </si>
  <si>
    <t>Sheikhan Wala</t>
  </si>
  <si>
    <t>private purchase</t>
  </si>
  <si>
    <t>GES 227 RB P/O 215 RB</t>
  </si>
  <si>
    <t>KHANUANA 2 - MALE</t>
  </si>
  <si>
    <t>227 RB Chaddar</t>
  </si>
  <si>
    <t>Chak no 227 RB Fsd</t>
  </si>
  <si>
    <t>Chak No 227 RB Fsd</t>
  </si>
  <si>
    <t>Zaka Ullah Cheema</t>
  </si>
  <si>
    <t>GES 23 GHAGH, P/O 25 PUL, ABDUL HAKIM</t>
  </si>
  <si>
    <t>Chake No 23 Gh</t>
  </si>
  <si>
    <t>chake no 23gh p/o 25 pull Abdul Hakim teh kabirwalw ,kwl</t>
  </si>
  <si>
    <t>Chake No 9 Gh</t>
  </si>
  <si>
    <t>GES 23/10-R, KACHA KHUH</t>
  </si>
  <si>
    <t>23/10-R</t>
  </si>
  <si>
    <t>Chack No. 23/10-R Kacha Khuh Khanewal</t>
  </si>
  <si>
    <t>John Rehman Bhatti</t>
  </si>
  <si>
    <t>GES 23/11-L</t>
  </si>
  <si>
    <t>GES 23/S.P</t>
  </si>
  <si>
    <t>CHAK NOOR MUHAMMAD - MALE</t>
  </si>
  <si>
    <t>23 sp</t>
  </si>
  <si>
    <t>chak 23 sp pakpattan</t>
  </si>
  <si>
    <t>CHAK NOOR MUHAMMAD</t>
  </si>
  <si>
    <t>GES 238 RB FSD</t>
  </si>
  <si>
    <t>Awanwala</t>
  </si>
  <si>
    <t>Chak no 238 RB Faisalabad</t>
  </si>
  <si>
    <t>chak no 238 rb awanwala</t>
  </si>
  <si>
    <t>Khanuana</t>
  </si>
  <si>
    <t>GES 24 GHAGH, P/O 25 PUL, ABDUL HAKIM</t>
  </si>
  <si>
    <t>24 GhaGh</t>
  </si>
  <si>
    <t>chak 24 Ghagh p/o 25 pull tehsil kabirwala district khanewal</t>
  </si>
  <si>
    <t>24 Ghagh</t>
  </si>
  <si>
    <t>13/DH</t>
  </si>
  <si>
    <t>Muhammad Talha Yasin</t>
  </si>
  <si>
    <t>GES 255 RB BOGAN</t>
  </si>
  <si>
    <t>KHANUANA 1 - MALE</t>
  </si>
  <si>
    <t>BOGAN</t>
  </si>
  <si>
    <t>CHAK NO. 255 RB BOGAN FSD</t>
  </si>
  <si>
    <t>Chak No 255 RB Bogan Fsd</t>
  </si>
  <si>
    <t>Bismillahpur</t>
  </si>
  <si>
    <t>Faisal Jamil</t>
  </si>
  <si>
    <t>water gallon</t>
  </si>
  <si>
    <t>GES 26 GHAGH, P/O ADDA 25 PUL, ABDUL HAKIM</t>
  </si>
  <si>
    <t>26ghagh</t>
  </si>
  <si>
    <t>chak no 26 GH p/o 25pull Tehsil kabirwala district khanewal</t>
  </si>
  <si>
    <t>Chak# 26 GH</t>
  </si>
  <si>
    <t>Haveli Koranga</t>
  </si>
  <si>
    <t>Muhammad Sanaullah</t>
  </si>
  <si>
    <t>GES 263/HR</t>
  </si>
  <si>
    <t>FTS-I-MALE</t>
  </si>
  <si>
    <t>Chak No 263 HR</t>
  </si>
  <si>
    <t>Chak No 263 Hr Fort abbas</t>
  </si>
  <si>
    <t>Chak No 260 HR</t>
  </si>
  <si>
    <t>Abdul Rahman Bajwa</t>
  </si>
  <si>
    <t>GES 264/P</t>
  </si>
  <si>
    <t>TILLO GOTH - MALE</t>
  </si>
  <si>
    <t>Chak#264p</t>
  </si>
  <si>
    <t>chak#264p, tehsil sadiqabad district rahim yar khan</t>
  </si>
  <si>
    <t>Sain Dad Khan</t>
  </si>
  <si>
    <t>GES 265 RB NAGKALAN</t>
  </si>
  <si>
    <t>DIJKOT 1 - MALE</t>
  </si>
  <si>
    <t>265RB</t>
  </si>
  <si>
    <t>chak no 265RB Faisalabad</t>
  </si>
  <si>
    <t>267RB</t>
  </si>
  <si>
    <t>Muhammad Musaab Javaid</t>
  </si>
  <si>
    <t>GES 27 GHAGH, P/O ADDA 25 PUL, ABDUL HAKIM</t>
  </si>
  <si>
    <t>27 Gh</t>
  </si>
  <si>
    <t>chak no 27 gh p/o 25 pull tehsil kabirwala khanewal</t>
  </si>
  <si>
    <t>Havili Koranga</t>
  </si>
  <si>
    <t>Haq Nawaz</t>
  </si>
  <si>
    <t>GES 27/JB-NORTH</t>
  </si>
  <si>
    <t>MIRANWALA - MALE</t>
  </si>
  <si>
    <t>27jb</t>
  </si>
  <si>
    <t>27jb  north  fsd</t>
  </si>
  <si>
    <t>27 JB N Ramsar</t>
  </si>
  <si>
    <t>27 Jb N Ramsar</t>
  </si>
  <si>
    <t>Asif Raza</t>
  </si>
  <si>
    <t>GES 274 GB</t>
  </si>
  <si>
    <t>chak no 274 G.B</t>
  </si>
  <si>
    <t>Chak No 274 GB</t>
  </si>
  <si>
    <t>Chak No 363 GB</t>
  </si>
  <si>
    <t>GES 279 GB</t>
  </si>
  <si>
    <t>Jassuana</t>
  </si>
  <si>
    <t>Chak no 279 gb</t>
  </si>
  <si>
    <t>Wahgah</t>
  </si>
  <si>
    <t>Rurala</t>
  </si>
  <si>
    <t>Mujahid Ali</t>
  </si>
  <si>
    <t>GES 279 JB I DARAPUR</t>
  </si>
  <si>
    <t>DAWAKHARI MALE</t>
  </si>
  <si>
    <t>chak 279 jb dara pur 1</t>
  </si>
  <si>
    <t>chak no 279 jb dara pur</t>
  </si>
  <si>
    <t>chak no 278 jb Usman kot</t>
  </si>
  <si>
    <t>FAZAL HUSSAIN</t>
  </si>
  <si>
    <t>GES 28/10-R, KACHA KHUH</t>
  </si>
  <si>
    <t>Chak#28/10R</t>
  </si>
  <si>
    <t>Chak # 28/10.R Post Office Chak # 28/10.R Tehsil &amp; District Khanewal</t>
  </si>
  <si>
    <t>Chak #28/10R Kacha Khuh Tehsil Khanewal District K</t>
  </si>
  <si>
    <t>Chak # 27/10R Kacha  Khuh Tehsil Khanewal District Khanewal</t>
  </si>
  <si>
    <t>Shakeel Anwar Baig</t>
  </si>
  <si>
    <t>GES 28/3-R</t>
  </si>
  <si>
    <t>HND-9-MALE</t>
  </si>
  <si>
    <t>28/3r</t>
  </si>
  <si>
    <t>30/3r</t>
  </si>
  <si>
    <t>M Boota Iftikhar</t>
  </si>
  <si>
    <t>GES 293 RB 1</t>
  </si>
  <si>
    <t>SAHIANWALA - MALE</t>
  </si>
  <si>
    <t>293 RB I</t>
  </si>
  <si>
    <t>CHAK NO. 293 RB EAST, FAISALABAD</t>
  </si>
  <si>
    <t>ODHAN CHAK</t>
  </si>
  <si>
    <t>PANWAN</t>
  </si>
  <si>
    <t>Muhammad Yunas</t>
  </si>
  <si>
    <t>GES 3/10-L</t>
  </si>
  <si>
    <t>3/10-L</t>
  </si>
  <si>
    <t>Ganj shakar town harappa city</t>
  </si>
  <si>
    <t>3/10L</t>
  </si>
  <si>
    <t>Jinnah Town Harappa Station</t>
  </si>
  <si>
    <t>Muhammad Sarwar Nadeem</t>
  </si>
  <si>
    <t>GES 31/D</t>
  </si>
  <si>
    <t>31 D</t>
  </si>
  <si>
    <t>31 D Markaz Depalpur Tehsil Depalpur District Okara</t>
  </si>
  <si>
    <t>Sham Din</t>
  </si>
  <si>
    <t>Msroor Ahmad</t>
  </si>
  <si>
    <t>GES 32/10-R, KACHA KHUH</t>
  </si>
  <si>
    <t>CHOWK JAMAL - MALE</t>
  </si>
  <si>
    <t>32/10-R</t>
  </si>
  <si>
    <t>Chak No 32/10-R</t>
  </si>
  <si>
    <t>Chak No 27/10-R</t>
  </si>
  <si>
    <t>Mustaqeem Ali</t>
  </si>
  <si>
    <t>GES 32/12-L</t>
  </si>
  <si>
    <t>32/12-L</t>
  </si>
  <si>
    <t>CHAK NO,32/12-L TEH-CHICHAWATNI DISTT,SAHIWAL</t>
  </si>
  <si>
    <t>CHAK NO 32/12-L</t>
  </si>
  <si>
    <t>CHAK NO 44/12-L</t>
  </si>
  <si>
    <t>Muhammad Younis</t>
  </si>
  <si>
    <t>GES 32/1-AL</t>
  </si>
  <si>
    <t>PULL JORIAN - MALE</t>
  </si>
  <si>
    <t>32/1AL</t>
  </si>
  <si>
    <t>Chak No. 32/1.AL Teh. Renala Khurd Dist Okara.</t>
  </si>
  <si>
    <t>Chak No 32/1AL</t>
  </si>
  <si>
    <t>33/1AL</t>
  </si>
  <si>
    <t>GES 321 EB</t>
  </si>
  <si>
    <t>DEWAN SAHIB - MALE</t>
  </si>
  <si>
    <t>321/EB</t>
  </si>
  <si>
    <t>Chak no. 321/EB</t>
  </si>
  <si>
    <t>Chak No 321/EB</t>
  </si>
  <si>
    <t>Chak No 327</t>
  </si>
  <si>
    <t>GES 33 EB</t>
  </si>
  <si>
    <t>ARIFWALA 1 - MALE</t>
  </si>
  <si>
    <t>Chak No 33 EB</t>
  </si>
  <si>
    <t>Chak # 33 eb Arifwala distt ppn</t>
  </si>
  <si>
    <t>Chak # 33eb</t>
  </si>
  <si>
    <t>Chak #75eb</t>
  </si>
  <si>
    <t>Mian Fazal Mahmood Joyia</t>
  </si>
  <si>
    <t>GES 33 SP</t>
  </si>
  <si>
    <t>NOOR PUR 2 - MALE</t>
  </si>
  <si>
    <t>33/SP</t>
  </si>
  <si>
    <t>chak no 33/sp</t>
  </si>
  <si>
    <t>Dhawna</t>
  </si>
  <si>
    <t>Haji Tariq Mehmood</t>
  </si>
  <si>
    <t>GES 34/12-L</t>
  </si>
  <si>
    <t>34/12-L</t>
  </si>
  <si>
    <t>Chak No 34/12-L po same Chichawatni</t>
  </si>
  <si>
    <t>44/12-L</t>
  </si>
  <si>
    <t>Allah Ditta Shahid</t>
  </si>
  <si>
    <t>GES 35 EB P/O JAMIA ISLAMIA</t>
  </si>
  <si>
    <t>35/E.B</t>
  </si>
  <si>
    <t>chak no 35/E.B Arifwala</t>
  </si>
  <si>
    <t>75/E.B</t>
  </si>
  <si>
    <t>Irshad Bari</t>
  </si>
  <si>
    <t>GES 353/TDA SABU WAL (LAYYAH)</t>
  </si>
  <si>
    <t>CHOWK AZAM - MALE</t>
  </si>
  <si>
    <t>Chak No. 353/TDA</t>
  </si>
  <si>
    <t>393/Tda</t>
  </si>
  <si>
    <t>Tahir Jameel</t>
  </si>
  <si>
    <t>GES 356 GB</t>
  </si>
  <si>
    <t>DANAABAD - MALE</t>
  </si>
  <si>
    <t>chak no 356 GB</t>
  </si>
  <si>
    <t>chak no 356 gB</t>
  </si>
  <si>
    <t>357 GB</t>
  </si>
  <si>
    <t>GES 364/WB</t>
  </si>
  <si>
    <t>Chak No 364 Wb</t>
  </si>
  <si>
    <t>chak no 364 wb Dunya pur</t>
  </si>
  <si>
    <t>Chak No 386 Wb</t>
  </si>
  <si>
    <t>Malik Muhammad Javed Anjum</t>
  </si>
  <si>
    <t>GES 365/WB PO SAME MAKHDOOM ALI</t>
  </si>
  <si>
    <t>chak #365/wb</t>
  </si>
  <si>
    <t>365/wb</t>
  </si>
  <si>
    <t>366/wb</t>
  </si>
  <si>
    <t>Muhammad Khalil Khan</t>
  </si>
  <si>
    <t>GES 37/KB</t>
  </si>
  <si>
    <t>Jamlera</t>
  </si>
  <si>
    <t>GES 37/KB Burewala</t>
  </si>
  <si>
    <t>37/KB</t>
  </si>
  <si>
    <t>Asgher Ali</t>
  </si>
  <si>
    <t>GES 38 EB</t>
  </si>
  <si>
    <t>TARIKHNI - MALE</t>
  </si>
  <si>
    <t>38/EB</t>
  </si>
  <si>
    <t>Chak No 38/EB Arifwala</t>
  </si>
  <si>
    <t>34EB</t>
  </si>
  <si>
    <t>Muhammad Sharif Bhatti</t>
  </si>
  <si>
    <t>GES 381/WB</t>
  </si>
  <si>
    <t>CHAK NO. 369/WB - MALE</t>
  </si>
  <si>
    <t>Chak No 381/WB</t>
  </si>
  <si>
    <t>Chak No 381/WB Tehsil Dunya pur</t>
  </si>
  <si>
    <t>Chak No 384</t>
  </si>
  <si>
    <t>HAMID KARIM</t>
  </si>
  <si>
    <t>GES 382/WB</t>
  </si>
  <si>
    <t>CHAK NO 382/WB</t>
  </si>
  <si>
    <t>CHAK NO 382/WB TEHSIL DUNYA PUR DISTRICT LODHRAN</t>
  </si>
  <si>
    <t>CHAK NO 384/WB</t>
  </si>
  <si>
    <t>MUHAMMAD AAMIR MAHMOOD</t>
  </si>
  <si>
    <t>GES 39/10-R, KACHA KHUH</t>
  </si>
  <si>
    <t>39/10-r</t>
  </si>
  <si>
    <t>chak no 39/10-r khanewal</t>
  </si>
  <si>
    <t>Chak No  39/10-r</t>
  </si>
  <si>
    <t>36/10-r</t>
  </si>
  <si>
    <t>Muhammad  Waseem</t>
  </si>
  <si>
    <t>GES 39/12-L</t>
  </si>
  <si>
    <t>Khair Pur</t>
  </si>
  <si>
    <t>39/12L</t>
  </si>
  <si>
    <t>36/12L</t>
  </si>
  <si>
    <t>Tahir Saeed</t>
  </si>
  <si>
    <t>GES 40/14-L</t>
  </si>
  <si>
    <t>KASSOWAL-SOUTH-MALE</t>
  </si>
  <si>
    <t>40/14L</t>
  </si>
  <si>
    <t>Chak no 40/14L, kassowal.</t>
  </si>
  <si>
    <t>Chak no 40/14L</t>
  </si>
  <si>
    <t>39/14l.</t>
  </si>
  <si>
    <t>GES 407/GB</t>
  </si>
  <si>
    <t>GANDSWALA-MALE</t>
  </si>
  <si>
    <t>Chak No 407 GB Tehsil Tandlianwala District Faisalabad</t>
  </si>
  <si>
    <t>Chak No 407 GB Tehsil Tandlianwala District Faisal</t>
  </si>
  <si>
    <t>Chak No 411 GB</t>
  </si>
  <si>
    <t>Tahir Hussain</t>
  </si>
  <si>
    <t>GES 41 SP</t>
  </si>
  <si>
    <t>FARID KOT - MALE</t>
  </si>
  <si>
    <t>41sp</t>
  </si>
  <si>
    <t>Pir Ghani</t>
  </si>
  <si>
    <t>Muhammad Shaban</t>
  </si>
  <si>
    <t>GES 41/10-R QADEEM, KHANEWAL</t>
  </si>
  <si>
    <t>CHAK NO 41 /10-R QADEEM</t>
  </si>
  <si>
    <t>Haseeb Ahsan</t>
  </si>
  <si>
    <t>GES 41/12-L</t>
  </si>
  <si>
    <t>41 / 12 L</t>
  </si>
  <si>
    <t>chak # 41 / 12 l</t>
  </si>
  <si>
    <t>Chak # 41 / 12 L</t>
  </si>
  <si>
    <t>Chak # 10 / 11 L</t>
  </si>
  <si>
    <t>Muhammad Aslam Anjum</t>
  </si>
  <si>
    <t>GES 42 JB I</t>
  </si>
  <si>
    <t>QADARKAY-MALE</t>
  </si>
  <si>
    <t>MUTMAL</t>
  </si>
  <si>
    <t>chak #42 jb Tehsil chak Jhumra district Faisalabad</t>
  </si>
  <si>
    <t>Chak 42 JB</t>
  </si>
  <si>
    <t>Qadar Kay</t>
  </si>
  <si>
    <t>Zaheer Ahmad</t>
  </si>
  <si>
    <t>GES 42/15-L, P/O 43/15-L, MIAN CHANNU</t>
  </si>
  <si>
    <t>Chak No 42/15L,Mian Channu,Khanewal.</t>
  </si>
  <si>
    <t>42/15L</t>
  </si>
  <si>
    <t>127/15L</t>
  </si>
  <si>
    <t>Muhammad Younas</t>
  </si>
  <si>
    <t>GES 42-A/10-R, KHANEWAL</t>
  </si>
  <si>
    <t>42a/10r</t>
  </si>
  <si>
    <t>chak no42-a/10r kwl</t>
  </si>
  <si>
    <t>Muhammad Naeem Iqbal</t>
  </si>
  <si>
    <t>GES 435 GB</t>
  </si>
  <si>
    <t>Lasharian</t>
  </si>
  <si>
    <t>Chak no. 435gb</t>
  </si>
  <si>
    <t>Chak No435gb</t>
  </si>
  <si>
    <t>Chak No434gb</t>
  </si>
  <si>
    <t>ANWAR MAHDI</t>
  </si>
  <si>
    <t>GES 44/15-L, MIAN CHANNU</t>
  </si>
  <si>
    <t>44/15.L</t>
  </si>
  <si>
    <t>Chak no 44/15.L tesil Mian channu</t>
  </si>
  <si>
    <t>44/15L</t>
  </si>
  <si>
    <t>GES 45/SP KHOTI PUR</t>
  </si>
  <si>
    <t>45/sp</t>
  </si>
  <si>
    <t>GES 45/sp khoti pur Tehsil DepalPur District Okara</t>
  </si>
  <si>
    <t>Bhuman Shah</t>
  </si>
  <si>
    <t>Muhammad Yasin Ghazi</t>
  </si>
  <si>
    <t>GES 46/12-L</t>
  </si>
  <si>
    <t>46/12L</t>
  </si>
  <si>
    <t>Chak No.46/12.L</t>
  </si>
  <si>
    <t>45/12L</t>
  </si>
  <si>
    <t>GES 46/15-L, MIAN CHANNU</t>
  </si>
  <si>
    <t>46/15L</t>
  </si>
  <si>
    <t>46/15L Main Channu</t>
  </si>
  <si>
    <t>124/15L</t>
  </si>
  <si>
    <t>Hafiz Muhammad Imran Khan</t>
  </si>
  <si>
    <t>GES 46/5-L</t>
  </si>
  <si>
    <t>46/5L</t>
  </si>
  <si>
    <t>GES 46/5.L</t>
  </si>
  <si>
    <t>44/5L</t>
  </si>
  <si>
    <t>Abdul Razaq Anjum</t>
  </si>
  <si>
    <t>GES 47 KB</t>
  </si>
  <si>
    <t>MUNIR SHAH-MALE</t>
  </si>
  <si>
    <t>47/KB</t>
  </si>
  <si>
    <t>Chak no.47/K.B.</t>
  </si>
  <si>
    <t>Chak No333/EB</t>
  </si>
  <si>
    <t>Hafiza Hinanaz Qamar</t>
  </si>
  <si>
    <t>GES 47/12-L</t>
  </si>
  <si>
    <t>47/12-L</t>
  </si>
  <si>
    <t>Chak No.47/12-L Teh. Chichawatni</t>
  </si>
  <si>
    <t>Chak No. 54/12-l</t>
  </si>
  <si>
    <t>GES 47/15-L, P/O 124/15-L, MIAN CHANNU</t>
  </si>
  <si>
    <t>47/15l</t>
  </si>
  <si>
    <t>p/o 124/15.l chak no 147/15l mian channu</t>
  </si>
  <si>
    <t>124/15l</t>
  </si>
  <si>
    <t>Tasawar HUSSAIN</t>
  </si>
  <si>
    <t>GES 474 GB</t>
  </si>
  <si>
    <t>SAMMUNDRI 1 - MALE</t>
  </si>
  <si>
    <t>patiala</t>
  </si>
  <si>
    <t>chak no.474 G.B</t>
  </si>
  <si>
    <t>chak no 474 gB</t>
  </si>
  <si>
    <t>chak no 475 gB</t>
  </si>
  <si>
    <t>Muhammad Shahbaz Haider</t>
  </si>
  <si>
    <t>GES 48 JB</t>
  </si>
  <si>
    <t>GATWALA 2 - MALE</t>
  </si>
  <si>
    <t>GES 48J.B BHAMIPUR FAISALABAD</t>
  </si>
  <si>
    <t>bhamipur</t>
  </si>
  <si>
    <t>2 j.b</t>
  </si>
  <si>
    <t>Arshad Mahmood</t>
  </si>
  <si>
    <t>GES 487/GB</t>
  </si>
  <si>
    <t>Manjhla Bagh</t>
  </si>
  <si>
    <t>CHAK NO 487 GB SAMUNDARI FAISALABAD</t>
  </si>
  <si>
    <t>487 GB</t>
  </si>
  <si>
    <t>GES 491 EB</t>
  </si>
  <si>
    <t>491eb</t>
  </si>
  <si>
    <t>Govt elementary  school 491eb  Burewala</t>
  </si>
  <si>
    <t>495eb</t>
  </si>
  <si>
    <t>Mohammad Shafique</t>
  </si>
  <si>
    <t>GES 493/GB</t>
  </si>
  <si>
    <t>MAMUNKANJAN-I - MALE</t>
  </si>
  <si>
    <t>Hussain Porra</t>
  </si>
  <si>
    <t>chak no. 493 GB P.O Box same Tehsil Tandlianwala District Faisalabad</t>
  </si>
  <si>
    <t>493 GB</t>
  </si>
  <si>
    <t>Chakno507GB</t>
  </si>
  <si>
    <t>Maqbool Hussain</t>
  </si>
  <si>
    <t>GES 5 JB</t>
  </si>
  <si>
    <t>chak 5 JB kamalpur Faisalabad</t>
  </si>
  <si>
    <t>6jb East</t>
  </si>
  <si>
    <t>MUHAMMAD MAZHAR NASIR</t>
  </si>
  <si>
    <t>hand pump and water pump</t>
  </si>
  <si>
    <t>GES 5/14-L</t>
  </si>
  <si>
    <t>5/14L</t>
  </si>
  <si>
    <t>chak 5/14.L tehsl chichawatni district sahiwal</t>
  </si>
  <si>
    <t>Chak 39/14L</t>
  </si>
  <si>
    <t>Asif Hussain</t>
  </si>
  <si>
    <t>GES 5/8-AR, TULAMBA</t>
  </si>
  <si>
    <t>5/8-AR</t>
  </si>
  <si>
    <t>CHAK NO 5/8-AR</t>
  </si>
  <si>
    <t>7/8-AR</t>
  </si>
  <si>
    <t>Muhammad Aqeel Hayder</t>
  </si>
  <si>
    <t>GES 5/9-R YAROWALA, KACHA KHUH</t>
  </si>
  <si>
    <t>Chak 5/9-R</t>
  </si>
  <si>
    <t>chak 5/9-R khanewal</t>
  </si>
  <si>
    <t>Chak 16/9-R</t>
  </si>
  <si>
    <t>Munir Hussain</t>
  </si>
  <si>
    <t>GES 50 M LODHRAN</t>
  </si>
  <si>
    <t>Chak 50M</t>
  </si>
  <si>
    <t>GES chak 50M p/o 49M</t>
  </si>
  <si>
    <t>49M</t>
  </si>
  <si>
    <t>muhammad waris</t>
  </si>
  <si>
    <t>GES 51/15-L, MIAN CHANNU</t>
  </si>
  <si>
    <t>Chak 51/15-L</t>
  </si>
  <si>
    <t>Chak 51/15-L Qureshi Wala Mian Channu</t>
  </si>
  <si>
    <t>57/15-L</t>
  </si>
  <si>
    <t>Muhammad Ajmal Naeem</t>
  </si>
  <si>
    <t>GES 51/GD</t>
  </si>
  <si>
    <t>51/GD</t>
  </si>
  <si>
    <t>GES 51/GD TEHSIL &amp; DISTRICT SAHIWAL</t>
  </si>
  <si>
    <t>Sahibzada Mulazim Hussain Khan</t>
  </si>
  <si>
    <t>GES 52/WB WEST</t>
  </si>
  <si>
    <t>THINGI - MALE</t>
  </si>
  <si>
    <t>Chak No.52/Wb W</t>
  </si>
  <si>
    <t>chak No.52/WB west  Vehari</t>
  </si>
  <si>
    <t>Chak No.52/Wb</t>
  </si>
  <si>
    <t>chak no.52/wb</t>
  </si>
  <si>
    <t>MUHAMMAD ASIF</t>
  </si>
  <si>
    <t>GES 53/10-R, JAHANIAN</t>
  </si>
  <si>
    <t>53/10-R</t>
  </si>
  <si>
    <t>Chak # 53/10-R Tehsil Jahanian District Khanewal</t>
  </si>
  <si>
    <t>57/10-R</t>
  </si>
  <si>
    <t>Mushtaq Ahmad Khan</t>
  </si>
  <si>
    <t>GES 54/12-L</t>
  </si>
  <si>
    <t>54/12.L</t>
  </si>
  <si>
    <t>CHAK # 54/12.L TEHSIL CHICHAWATANI DISTRICT SAHIWAL</t>
  </si>
  <si>
    <t>GES 54/15-L, MIAN CHANNU</t>
  </si>
  <si>
    <t>54/15 L</t>
  </si>
  <si>
    <t>Chak No.54/15.L,Tehsil Mian Channu,District Khanewal</t>
  </si>
  <si>
    <t>Chak No 57/15 L</t>
  </si>
  <si>
    <t>GES 540 GB</t>
  </si>
  <si>
    <t>KANJWANI - MALE</t>
  </si>
  <si>
    <t>Chak No 540 Gb</t>
  </si>
  <si>
    <t>Chak no 540 gb Tehsil Tandlianwala Faisalabad</t>
  </si>
  <si>
    <t>Chak No 454 Gb</t>
  </si>
  <si>
    <t>MUHAMMAD JAMIL</t>
  </si>
  <si>
    <t>GES 545 GB I</t>
  </si>
  <si>
    <t>Chak # 545 GB</t>
  </si>
  <si>
    <t>GES chak no 545 G B</t>
  </si>
  <si>
    <t>Chak No 545</t>
  </si>
  <si>
    <t>Chak No 458</t>
  </si>
  <si>
    <t>Muhammad siddique  Rabbani</t>
  </si>
  <si>
    <t>GES 547/GB</t>
  </si>
  <si>
    <t>Kilanwala</t>
  </si>
  <si>
    <t>547 gb</t>
  </si>
  <si>
    <t>547 Gb</t>
  </si>
  <si>
    <t>GES 55 JB I</t>
  </si>
  <si>
    <t>Baba Bakala</t>
  </si>
  <si>
    <t>chak no. 55 jb 1 fsd.</t>
  </si>
  <si>
    <t>Chak No 55 Jb Baba Bakala</t>
  </si>
  <si>
    <t>Chak No 27 Jb North Fsd</t>
  </si>
  <si>
    <t>Dr Muhammad Javed</t>
  </si>
  <si>
    <t>GES 55/4-R</t>
  </si>
  <si>
    <t>QADIRABAD-A-MALE</t>
  </si>
  <si>
    <t>55/4-R</t>
  </si>
  <si>
    <t>chak no 55/4R</t>
  </si>
  <si>
    <t>61/4-R</t>
  </si>
  <si>
    <t>GES 57 EB</t>
  </si>
  <si>
    <t>57/EB</t>
  </si>
  <si>
    <t>Chak No 57/E.B Peerah Wala</t>
  </si>
  <si>
    <t>Chak No 57/EB</t>
  </si>
  <si>
    <t>59/EB</t>
  </si>
  <si>
    <t>Jahangir Ahmad</t>
  </si>
  <si>
    <t>GES 57 JB</t>
  </si>
  <si>
    <t>57 Jb</t>
  </si>
  <si>
    <t>chack no 57 jb fsd</t>
  </si>
  <si>
    <t>Chack 57 Jb Ghayala</t>
  </si>
  <si>
    <t>GES 59/10-R</t>
  </si>
  <si>
    <t>59/10-R</t>
  </si>
  <si>
    <t>GES. 59.10R. Khanewal</t>
  </si>
  <si>
    <t>73/10-R</t>
  </si>
  <si>
    <t>Muhammad Iqbal Nasir</t>
  </si>
  <si>
    <t>GES 59/5-L</t>
  </si>
  <si>
    <t>59/5-L</t>
  </si>
  <si>
    <t>chak 59/5-L sahiwal</t>
  </si>
  <si>
    <t>58/5-L</t>
  </si>
  <si>
    <t>GES 598/GB</t>
  </si>
  <si>
    <t>BAHLAK 2 - MALE</t>
  </si>
  <si>
    <t>Jhok Alla</t>
  </si>
  <si>
    <t>CHAK NO 598 GB</t>
  </si>
  <si>
    <t>Chak No 598 GB</t>
  </si>
  <si>
    <t>CHAK NO 597 GB</t>
  </si>
  <si>
    <t>Ishtiaq Ahmad Khan</t>
  </si>
  <si>
    <t>GES 6 JB WEST</t>
  </si>
  <si>
    <t>chak no 6 jb west</t>
  </si>
  <si>
    <t>6jb W</t>
  </si>
  <si>
    <t>Chak 6 Jb E</t>
  </si>
  <si>
    <t>ABID ZIA</t>
  </si>
  <si>
    <t>GES 6/8-R ROTLA, TULAMBA</t>
  </si>
  <si>
    <t>Rotla</t>
  </si>
  <si>
    <t>chak 6/8-R Rotla</t>
  </si>
  <si>
    <t>6/8-R</t>
  </si>
  <si>
    <t>6/8-R Rotla</t>
  </si>
  <si>
    <t>GHULAM MUSTAFA</t>
  </si>
  <si>
    <t>GES 60-61/G.D</t>
  </si>
  <si>
    <t>QUTAB SHAHANA-B-MALE</t>
  </si>
  <si>
    <t>60-61/gd</t>
  </si>
  <si>
    <t>Chak No 60-61/gd Sahiwal</t>
  </si>
  <si>
    <t>59/gd</t>
  </si>
  <si>
    <t>Shahzad Sadiq Faridi</t>
  </si>
  <si>
    <t>GES 61-A/15-L, MIAN CHANNU</t>
  </si>
  <si>
    <t>61A/15L</t>
  </si>
  <si>
    <t>Chak No. 61-A/15-L, p/o 67/15-L</t>
  </si>
  <si>
    <t>61-A/15-L</t>
  </si>
  <si>
    <t>Sajjad Iqbal</t>
  </si>
  <si>
    <t>GES 62 EB</t>
  </si>
  <si>
    <t>62 EB</t>
  </si>
  <si>
    <t>chak No. 62 EB Tehsil Arifwala</t>
  </si>
  <si>
    <t>66 EB</t>
  </si>
  <si>
    <t>MUHAMMAD TARIQ MEHMOOD</t>
  </si>
  <si>
    <t>GES 62/10-R, KHANEWAL</t>
  </si>
  <si>
    <t>Wali khan 62/10-R</t>
  </si>
  <si>
    <t>Chak 62/10-R kwl</t>
  </si>
  <si>
    <t>Chak 62/10-R</t>
  </si>
  <si>
    <t>Chak Shahana 58/10-R</t>
  </si>
  <si>
    <t>Danish Hussain Shah</t>
  </si>
  <si>
    <t>GES 62/15-L P/O 59-15/L, MIAN CHANNU</t>
  </si>
  <si>
    <t>62/15L</t>
  </si>
  <si>
    <t>chak no62/15L P O 59/15L tehsil mianchannu Disst Khanewal</t>
  </si>
  <si>
    <t>Chak No 62/15L</t>
  </si>
  <si>
    <t>Chak No59/15L</t>
  </si>
  <si>
    <t>Hashim Ali</t>
  </si>
  <si>
    <t>GES 62/SP MALKA HANS</t>
  </si>
  <si>
    <t>NOOR PUR 1 - MALE</t>
  </si>
  <si>
    <t>62sp</t>
  </si>
  <si>
    <t>GES 62sp</t>
  </si>
  <si>
    <t>96d</t>
  </si>
  <si>
    <t>GES 63-64/12-L</t>
  </si>
  <si>
    <t>63-64/13L</t>
  </si>
  <si>
    <t>chak#64/12L cci swl</t>
  </si>
  <si>
    <t>63-64/12L</t>
  </si>
  <si>
    <t>62/12L</t>
  </si>
  <si>
    <t>Babar Hassan Gillani</t>
  </si>
  <si>
    <t>GES 64/15-L MIAN CHANNU</t>
  </si>
  <si>
    <t>Chak No 64/15L</t>
  </si>
  <si>
    <t>chak no 64/15L</t>
  </si>
  <si>
    <t>89/15L</t>
  </si>
  <si>
    <t>Akbar Ali</t>
  </si>
  <si>
    <t>GES 65/5-L</t>
  </si>
  <si>
    <t>65/5-L</t>
  </si>
  <si>
    <t>Chak No. 65/5-L Sahiwal</t>
  </si>
  <si>
    <t>Zulfiqar  Ali</t>
  </si>
  <si>
    <t>GES 65A-GD YARE WALA</t>
  </si>
  <si>
    <t>65/A GD</t>
  </si>
  <si>
    <t>65/GD Yareywala Sahiwal</t>
  </si>
  <si>
    <t>65/GD Yareywala</t>
  </si>
  <si>
    <t>Tariq Aziz</t>
  </si>
  <si>
    <t>GES 67 D</t>
  </si>
  <si>
    <t>67/D</t>
  </si>
  <si>
    <t>chak no 67/d p/o chak bedi tehsil District pakpattan</t>
  </si>
  <si>
    <t>Tiwana Klan</t>
  </si>
  <si>
    <t>Kanwar Abdul Ghafar</t>
  </si>
  <si>
    <t>GES 67/10-R, P/O 72/10-R, KHANEWAL</t>
  </si>
  <si>
    <t>67/10R</t>
  </si>
  <si>
    <t>chak no 67/10.R khanewal</t>
  </si>
  <si>
    <t>70/10R</t>
  </si>
  <si>
    <t>Muhammad Adil</t>
  </si>
  <si>
    <t>GES 677/18 GB</t>
  </si>
  <si>
    <t>INAYT SHAH-MALE</t>
  </si>
  <si>
    <t>677/18 gb</t>
  </si>
  <si>
    <t>chak no. 677/18gb tehsil KAMALIA district to be tak singh</t>
  </si>
  <si>
    <t>chak no 677/18 gb</t>
  </si>
  <si>
    <t>chak no 661/2 gb</t>
  </si>
  <si>
    <t>GES 69 WB</t>
  </si>
  <si>
    <t>Chak No. 69/WB</t>
  </si>
  <si>
    <t>Chak No. 69/WB Tehsil Mailsi District Vehari</t>
  </si>
  <si>
    <t>Mumtaz Ahmad</t>
  </si>
  <si>
    <t>GES 7/11-L LAHORIAN WALA</t>
  </si>
  <si>
    <t>7/11L</t>
  </si>
  <si>
    <t>chak  No. 7/11L Lahorianwala</t>
  </si>
  <si>
    <t>7/11L Lahorianwala</t>
  </si>
  <si>
    <t>8/11L</t>
  </si>
  <si>
    <t>GES 7/8-AR, TULAMBA</t>
  </si>
  <si>
    <t>Chak NO 7/8-AR</t>
  </si>
  <si>
    <t>Chak No 7/8-AR</t>
  </si>
  <si>
    <t>Shahzad Khalid</t>
  </si>
  <si>
    <t>GES 7/FW (ABADI)</t>
  </si>
  <si>
    <t>CTN-IV-MALE</t>
  </si>
  <si>
    <t>7FW</t>
  </si>
  <si>
    <t>chak no 7 fw abadi Post Office Bakshan khan tehsilChishtian District Bahawalnagar</t>
  </si>
  <si>
    <t>Chak 7 Fw Abadi</t>
  </si>
  <si>
    <t>5fw</t>
  </si>
  <si>
    <t>Hussain Ahmed Tariq</t>
  </si>
  <si>
    <t>GES 71 EB</t>
  </si>
  <si>
    <t>chak no 71 eb arifwala</t>
  </si>
  <si>
    <t>Chak No 71 Eb</t>
  </si>
  <si>
    <t>69 Eb</t>
  </si>
  <si>
    <t>umer Hayat</t>
  </si>
  <si>
    <t>GES 73/15-L KHANEWAL</t>
  </si>
  <si>
    <t>72-73</t>
  </si>
  <si>
    <t>chak no 73/15 l</t>
  </si>
  <si>
    <t>Chak No 73/15 L</t>
  </si>
  <si>
    <t>muhammad shafi</t>
  </si>
  <si>
    <t>GES 74/10-R, KHANEWAL</t>
  </si>
  <si>
    <t>74/10R</t>
  </si>
  <si>
    <t>chak no.74/10R</t>
  </si>
  <si>
    <t>92/10R</t>
  </si>
  <si>
    <t>Wakeel Abbas</t>
  </si>
  <si>
    <t>GES 76-A/15-L, P/O 79/15-L, KHANEWAL</t>
  </si>
  <si>
    <t>76A/15L</t>
  </si>
  <si>
    <t>chak no.76A/15L</t>
  </si>
  <si>
    <t>70/15L</t>
  </si>
  <si>
    <t>GES 77 GB</t>
  </si>
  <si>
    <t>SATIANA - MALE</t>
  </si>
  <si>
    <t>77Gb</t>
  </si>
  <si>
    <t>Chak  no 77 Gb Faisalabad</t>
  </si>
  <si>
    <t>Chak No 77 Gb</t>
  </si>
  <si>
    <t>32Gb</t>
  </si>
  <si>
    <t>muhammad afzal shakir</t>
  </si>
  <si>
    <t>GES 78/10-R, P/O 80/10-R, KHANEWAL</t>
  </si>
  <si>
    <t>78/10R</t>
  </si>
  <si>
    <t>Chak no 78/10R kwl</t>
  </si>
  <si>
    <t>76/10R</t>
  </si>
  <si>
    <t>GES 78/15-L, KACHA KHUH</t>
  </si>
  <si>
    <t>Chak No 78/15L</t>
  </si>
  <si>
    <t>ges78/15L</t>
  </si>
  <si>
    <t>78/15L</t>
  </si>
  <si>
    <t>Liaqat Ali Zafar</t>
  </si>
  <si>
    <t>GES 8/V, KHANEWAL</t>
  </si>
  <si>
    <t>Chak 8/v</t>
  </si>
  <si>
    <t>chak no.8/v khanewl</t>
  </si>
  <si>
    <t>8/v</t>
  </si>
  <si>
    <t>10/A-H</t>
  </si>
  <si>
    <t>Ikhlaq Ahmad</t>
  </si>
  <si>
    <t>GES 81 EB</t>
  </si>
  <si>
    <t>Chak No 81 EB</t>
  </si>
  <si>
    <t>GES 81 E.B Arifwala</t>
  </si>
  <si>
    <t>Chak No 83 EB</t>
  </si>
  <si>
    <t>IMRAN HAIDER</t>
  </si>
  <si>
    <t>GES 83 GB WEST</t>
  </si>
  <si>
    <t>Thundi</t>
  </si>
  <si>
    <t>chak no.83/gb west</t>
  </si>
  <si>
    <t>83/gb West</t>
  </si>
  <si>
    <t>91gb Jagatpur</t>
  </si>
  <si>
    <t>GES 85 EB</t>
  </si>
  <si>
    <t>85 EB</t>
  </si>
  <si>
    <t>85 EB tehsil Arifwala Distt. Pakpattan</t>
  </si>
  <si>
    <t>83 EB</t>
  </si>
  <si>
    <t>Muhammad ASLAM SALEEMI</t>
  </si>
  <si>
    <t>GES 85 GB</t>
  </si>
  <si>
    <t>Maanpur</t>
  </si>
  <si>
    <t>CHAK NO.85 GB MANPUR</t>
  </si>
  <si>
    <t>Chak No 85 GB</t>
  </si>
  <si>
    <t>91GB</t>
  </si>
  <si>
    <t>GES 86/M JALALPUR PIRWALA</t>
  </si>
  <si>
    <t>chak 86/m</t>
  </si>
  <si>
    <t>abdullah colony chak 86/m .Tehsil Jalalpur Pirwala</t>
  </si>
  <si>
    <t>abdullah colony</t>
  </si>
  <si>
    <t>city-ward</t>
  </si>
  <si>
    <t>GES 87 EB ARIFWALA</t>
  </si>
  <si>
    <t>87/EB</t>
  </si>
  <si>
    <t>Medhi Khan</t>
  </si>
  <si>
    <t>Muhammad Mansha</t>
  </si>
  <si>
    <t>GES 87/10-R, KHANEWAL</t>
  </si>
  <si>
    <t>87/10R Kwl</t>
  </si>
  <si>
    <t>chack  no. 87/10 R  khanwqal</t>
  </si>
  <si>
    <t>87/10R  Kwl</t>
  </si>
  <si>
    <t>86/10R Kwl</t>
  </si>
  <si>
    <t>Muhammad Anwaar Aslam</t>
  </si>
  <si>
    <t>GES 88/10-R, KHANEWAL</t>
  </si>
  <si>
    <t>Chak 88/10-R</t>
  </si>
  <si>
    <t>chak no 88/10-R</t>
  </si>
  <si>
    <t>88/10-R</t>
  </si>
  <si>
    <t>Ward No 39</t>
  </si>
  <si>
    <t>Mustafa Shah</t>
  </si>
  <si>
    <t>GES 88/15-L P/O 87/15-L, MIAN CHANNU</t>
  </si>
  <si>
    <t>chak no#88/15l</t>
  </si>
  <si>
    <t>88/15l</t>
  </si>
  <si>
    <t>89/15l</t>
  </si>
  <si>
    <t>Hafiz Muhammad Iqbal Javed</t>
  </si>
  <si>
    <t>GES 89/15-L P/O 64/15-L, MIAN CHANNU</t>
  </si>
  <si>
    <t>Chak No 89/15L P/O Chak No 64/15L Tehsil Mian Channu District khanewall</t>
  </si>
  <si>
    <t>Chak No 89/15L</t>
  </si>
  <si>
    <t>Chak 89/15L</t>
  </si>
  <si>
    <t>mazhar abbas</t>
  </si>
  <si>
    <t>GES 9 KB</t>
  </si>
  <si>
    <t>9/kb</t>
  </si>
  <si>
    <t>Chak no 9/kb tehsil &amp; district 9/kb</t>
  </si>
  <si>
    <t>15/kb</t>
  </si>
  <si>
    <t>Ahmad Shah</t>
  </si>
  <si>
    <t>GES 90 D</t>
  </si>
  <si>
    <t>90d</t>
  </si>
  <si>
    <t>chak number 90 / D tehsil dstrict pakpattan</t>
  </si>
  <si>
    <t>Ali Muhammad</t>
  </si>
  <si>
    <t>GES 90/12-L</t>
  </si>
  <si>
    <t>90/12-L</t>
  </si>
  <si>
    <t>chak No.90/12-L</t>
  </si>
  <si>
    <t>88/12-L</t>
  </si>
  <si>
    <t>GES 92/10-R, P/O 93/10-R, KHANEWAL</t>
  </si>
  <si>
    <t>PO 93/10R , chak 92/10 R</t>
  </si>
  <si>
    <t>Chak 92/10R</t>
  </si>
  <si>
    <t>GES 92/15-L, MIAN CHANNU</t>
  </si>
  <si>
    <t>92/15L</t>
  </si>
  <si>
    <t>GES 92/15L Mianchannu</t>
  </si>
  <si>
    <t>92/15-L</t>
  </si>
  <si>
    <t>GES 93/6-R</t>
  </si>
  <si>
    <t>chak No 93/6-R</t>
  </si>
  <si>
    <t>chak No 93/6-R Sahiwal</t>
  </si>
  <si>
    <t>Farid Town Swl</t>
  </si>
  <si>
    <t>GES 93-A/12-L</t>
  </si>
  <si>
    <t>GES 93A/12.L, Chichawatni District Sahiwal</t>
  </si>
  <si>
    <t>93A/12L</t>
  </si>
  <si>
    <t>93/12L</t>
  </si>
  <si>
    <t>Ali Irfan</t>
  </si>
  <si>
    <t>GES 95/12-L</t>
  </si>
  <si>
    <t>9512L</t>
  </si>
  <si>
    <t>chak no 95/12L</t>
  </si>
  <si>
    <t>95/12L</t>
  </si>
  <si>
    <t>Burhan Ameer</t>
  </si>
  <si>
    <t>GES 96/9-L</t>
  </si>
  <si>
    <t>BURJWALA-B-MALE</t>
  </si>
  <si>
    <t>96/9-L</t>
  </si>
  <si>
    <t>chak 96/9L</t>
  </si>
  <si>
    <t>96/9L</t>
  </si>
  <si>
    <t>80/5L</t>
  </si>
  <si>
    <t>GES 96-A/10-R</t>
  </si>
  <si>
    <t>Chak 96A/10R</t>
  </si>
  <si>
    <t>chak 96A/10R khanewal</t>
  </si>
  <si>
    <t>Faheem Ahmad</t>
  </si>
  <si>
    <t>GES 97/12-L</t>
  </si>
  <si>
    <t>97/12L</t>
  </si>
  <si>
    <t>52/12L</t>
  </si>
  <si>
    <t>GES 99/M</t>
  </si>
  <si>
    <t>Chak#99m</t>
  </si>
  <si>
    <t>chak#99m lodhran</t>
  </si>
  <si>
    <t>Sandhi Wala</t>
  </si>
  <si>
    <t>Mohammad Afzal Hashmi</t>
  </si>
  <si>
    <t>GES A.V. SAFDARABAD</t>
  </si>
  <si>
    <t>SAFDARABAD-II - MALE</t>
  </si>
  <si>
    <t>Safdarabad</t>
  </si>
  <si>
    <t>safdarabad</t>
  </si>
  <si>
    <t>GES ABASS WALA</t>
  </si>
  <si>
    <t>Hunjrai Ghair Mustaqil Sharqi</t>
  </si>
  <si>
    <t>Abbas Wala, Hunjrai Ghair Mustaqil Sharqi</t>
  </si>
  <si>
    <t>Abbas Wala</t>
  </si>
  <si>
    <t>MUHAMMAD ASGHAR NAEEM</t>
  </si>
  <si>
    <t>GES ABBAS PURA</t>
  </si>
  <si>
    <t>AEO (M) CHINIOT NO.39</t>
  </si>
  <si>
    <t>Chak 15</t>
  </si>
  <si>
    <t>chak#15 colony chiniot</t>
  </si>
  <si>
    <t>Chak #15</t>
  </si>
  <si>
    <t>NAZIR AHMAD</t>
  </si>
  <si>
    <t>GES ABBAS WALA</t>
  </si>
  <si>
    <t>Bait Ranoonja</t>
  </si>
  <si>
    <t>post office qasba Gujrat tehsil kot addu distt.muzaffar garh</t>
  </si>
  <si>
    <t>Ghulam Abbas Khan Gashkori</t>
  </si>
  <si>
    <t>GES ABDUL HAKIM NO.1 ABDUL HAKIM</t>
  </si>
  <si>
    <t>ABDUL HAKIM - MALE</t>
  </si>
  <si>
    <t>Abdulhakim</t>
  </si>
  <si>
    <t>near qismat chaok abdulhakim</t>
  </si>
  <si>
    <t>GES ABDUL HAKIM NO.2 EID GAH</t>
  </si>
  <si>
    <t>Abdul Hakim</t>
  </si>
  <si>
    <t>Near post office A block Abdul Hakim</t>
  </si>
  <si>
    <t>Muhammad Yaqoob Shahid</t>
  </si>
  <si>
    <t>GES ABDUL HAKIM NO.3, ABDUL HAKIM</t>
  </si>
  <si>
    <t>jungle alichappa</t>
  </si>
  <si>
    <t>Nizamabad road abdulhakim</t>
  </si>
  <si>
    <t>Ali Chappa</t>
  </si>
  <si>
    <t>abdulhakim</t>
  </si>
  <si>
    <t>Jalil Khattak</t>
  </si>
  <si>
    <t>GES ABDUL REHMAN WALA</t>
  </si>
  <si>
    <t>Bait Lomar Wala</t>
  </si>
  <si>
    <t>siper no 3 mouza bait Lomar Wala kot adu</t>
  </si>
  <si>
    <t>Hinjrai</t>
  </si>
  <si>
    <t>Muhammad Athar</t>
  </si>
  <si>
    <t>GES ABU DAHBI COLONY NO. 2</t>
  </si>
  <si>
    <t>AMAAN GARH - MALE</t>
  </si>
  <si>
    <t>Chak No 83/p</t>
  </si>
  <si>
    <t>Abu dhabi colony no.2 p.o. pull sunny ryk</t>
  </si>
  <si>
    <t>Abu-Dhabi Colony No2</t>
  </si>
  <si>
    <t>Chack 84/p</t>
  </si>
  <si>
    <t>GES ADALAT GARH</t>
  </si>
  <si>
    <t>Adalat Garh</t>
  </si>
  <si>
    <t>Adalat Garh Sialkot</t>
  </si>
  <si>
    <t>Hafiz Mubarak Ali</t>
  </si>
  <si>
    <t>Filtration Plant</t>
  </si>
  <si>
    <t>GES ADDA LARYAN JAMAN SHAH</t>
  </si>
  <si>
    <t>Sehrishta Thal</t>
  </si>
  <si>
    <t>jaman Shah</t>
  </si>
  <si>
    <t>Ghulam Qadir Javed</t>
  </si>
  <si>
    <t>GES ADHI</t>
  </si>
  <si>
    <t>DAULTALA - MALE</t>
  </si>
  <si>
    <t>Vpo Adhi Tehsil Gujar khan</t>
  </si>
  <si>
    <t>Muhammad Mubashir</t>
  </si>
  <si>
    <t>GES ADLAKA</t>
  </si>
  <si>
    <t>ADLAKA</t>
  </si>
  <si>
    <t>Village :- Adlaka, Post Office :- Talagang, Tehsil :- Talagang, District:- Chakwal.</t>
  </si>
  <si>
    <t>NAKKAH KAHOUT</t>
  </si>
  <si>
    <t>Munir Ahmed</t>
  </si>
  <si>
    <t>GES ADREHMA</t>
  </si>
  <si>
    <t>Adrehman</t>
  </si>
  <si>
    <t>P.o Adrehman Tehsil kotmomin district Sargodha</t>
  </si>
  <si>
    <t>Halal pur</t>
  </si>
  <si>
    <t>AMJAD IKRAM</t>
  </si>
  <si>
    <t>GES AHDIAN</t>
  </si>
  <si>
    <t>Ahdian</t>
  </si>
  <si>
    <t>Ahdian post office Narang Mandi Tehsil Muridke District Sheikhupura</t>
  </si>
  <si>
    <t>Nasir Mehmood</t>
  </si>
  <si>
    <t>GES AHEERAN WALA</t>
  </si>
  <si>
    <t>KALLUR KOT - MALE</t>
  </si>
  <si>
    <t>Haito</t>
  </si>
  <si>
    <t>Aheeran wala teh k kot distt bkr</t>
  </si>
  <si>
    <t>Aheeran Wala</t>
  </si>
  <si>
    <t>GES AHIL PUR BASTI GHULAM YASEEN</t>
  </si>
  <si>
    <t>EAST - MALE</t>
  </si>
  <si>
    <t>Arazi Ghulam Yasine</t>
  </si>
  <si>
    <t>BASTI AHAL PUR MULTAN</t>
  </si>
  <si>
    <t>Basti Ahal Pur</t>
  </si>
  <si>
    <t>Bhani</t>
  </si>
  <si>
    <t>GES AHMAD MOHANA</t>
  </si>
  <si>
    <t>Muhammad Naveed</t>
  </si>
  <si>
    <t>GES AHMAD NAGAR</t>
  </si>
  <si>
    <t>MUNEER BAD</t>
  </si>
  <si>
    <t>GBES AHMED NAHAR(muneer abad) WAH CANTT</t>
  </si>
  <si>
    <t>MUNEER ABAD</t>
  </si>
  <si>
    <t>WAH CANTT</t>
  </si>
  <si>
    <t>Zaheer Akhter</t>
  </si>
  <si>
    <t>GES AHMAD NAICH</t>
  </si>
  <si>
    <t>Mohammad Naich</t>
  </si>
  <si>
    <t>Post office chani Goth Tehsil Ahmad pur East District Bahawalpur</t>
  </si>
  <si>
    <t>Mohand Sharif</t>
  </si>
  <si>
    <t>Muhammad Abdul Samee</t>
  </si>
  <si>
    <t>GES AHMAD PUR</t>
  </si>
  <si>
    <t>Ahmad Pur</t>
  </si>
  <si>
    <t>ahmad pur</t>
  </si>
  <si>
    <t>Ahmad pur</t>
  </si>
  <si>
    <t>Bhochraa jadeed</t>
  </si>
  <si>
    <t>Muhammad saifullah</t>
  </si>
  <si>
    <t>GES AHMADPUR TAPPA</t>
  </si>
  <si>
    <t>Ahmed pur Tappa</t>
  </si>
  <si>
    <t>Post office Hatheji Tehsil Ahmad pur east Distt.Bahawal pur</t>
  </si>
  <si>
    <t>Khambra</t>
  </si>
  <si>
    <t>Muhammad Sadiq</t>
  </si>
  <si>
    <t>GES AHMED BUX NAICH</t>
  </si>
  <si>
    <t>RINDAN-MALE</t>
  </si>
  <si>
    <t>basti Ahmed bux naich</t>
  </si>
  <si>
    <t>Ahmed Bus Naich</t>
  </si>
  <si>
    <t>Hazoor Bukhsh</t>
  </si>
  <si>
    <t>GES AHMED NAGAR</t>
  </si>
  <si>
    <t>TAJ GARH-MALE</t>
  </si>
  <si>
    <t>Thalwari</t>
  </si>
  <si>
    <t>Taj Garh Road Thalwari</t>
  </si>
  <si>
    <t>M Ajmal Khan</t>
  </si>
  <si>
    <t>GES AHMED PUR</t>
  </si>
  <si>
    <t>SABAZ PEER - MALE</t>
  </si>
  <si>
    <t>village Ahmad pur , p/o Bakho Bhatti, Tehsil Pasrur, District Sialkot</t>
  </si>
  <si>
    <t>Pindi Bagho</t>
  </si>
  <si>
    <t>GES AHMED PUR BHUTTA CANTT. AREA</t>
  </si>
  <si>
    <t>CANTT - MALE</t>
  </si>
  <si>
    <t>Tibba Masood Pur</t>
  </si>
  <si>
    <t>basti Ahmad Pur Bhutta</t>
  </si>
  <si>
    <t>Basti Ahmad Pur</t>
  </si>
  <si>
    <t>Syed Muhammad Touqeer Hassan Shah Bukhari</t>
  </si>
  <si>
    <t>GES AHMED PUR CHISHTI</t>
  </si>
  <si>
    <t>BWN-VI-MALE</t>
  </si>
  <si>
    <t>Ali Gohar 326</t>
  </si>
  <si>
    <t>Ahmad pur Chishti mooza Ali ghohar 326 p/o Takhat Mahal Bahawalnagar</t>
  </si>
  <si>
    <t>Ahmad pur Chishti</t>
  </si>
  <si>
    <t>GES AHMED PUR PO KARAM PUR</t>
  </si>
  <si>
    <t>Nasir Ali Nasir</t>
  </si>
  <si>
    <t>GES AIMA QAZIAN</t>
  </si>
  <si>
    <t>Aima Qazian</t>
  </si>
  <si>
    <t>village aima qazian tensile and district narowal</t>
  </si>
  <si>
    <t>Chandarke Rajputan</t>
  </si>
  <si>
    <t>Muhammad Saeed Bhatti</t>
  </si>
  <si>
    <t>GES AIMA SHAHJI</t>
  </si>
  <si>
    <t>AIMA SHAH JEE</t>
  </si>
  <si>
    <t>VPO AIMA SHAH JEE TEHSIL SARAIALAMGIR DISTRICT GUJRAT</t>
  </si>
  <si>
    <t>MASOOM PUR</t>
  </si>
  <si>
    <t>Javed iqbal</t>
  </si>
  <si>
    <t>GES AJAB WALA</t>
  </si>
  <si>
    <t>GulQaim Mastoi</t>
  </si>
  <si>
    <t>Ajab wala. GulQaim Mastoi. M.garh</t>
  </si>
  <si>
    <t>Ajab wala</t>
  </si>
  <si>
    <t>Muhammad Habib ullah Khan</t>
  </si>
  <si>
    <t>GES AJITKE CHATHA</t>
  </si>
  <si>
    <t>Ajitke Chattha</t>
  </si>
  <si>
    <t>Ajitke chattha</t>
  </si>
  <si>
    <t>Hardo Verpal</t>
  </si>
  <si>
    <t>Shafi uallah</t>
  </si>
  <si>
    <t>GES AJNALA</t>
  </si>
  <si>
    <t>Ajnala Lok, Sargodha</t>
  </si>
  <si>
    <t>Ajnala Lok</t>
  </si>
  <si>
    <t>GES AJNIAN WALA</t>
  </si>
  <si>
    <t>SHEIKHUPURA-XVIII - MALE</t>
  </si>
  <si>
    <t>Ajnianwala</t>
  </si>
  <si>
    <t>GES Ajnianwala, sheikhupura</t>
  </si>
  <si>
    <t>GES AKBAR SAHOO</t>
  </si>
  <si>
    <t>Akber Sahoo</t>
  </si>
  <si>
    <t>moza akber sahoo</t>
  </si>
  <si>
    <t>Jussa</t>
  </si>
  <si>
    <t>GES AKRAM ABAD</t>
  </si>
  <si>
    <t>BANGAL WALA - MALE</t>
  </si>
  <si>
    <t>GES Akram abad mari Pathan po taty pur Multan sadar</t>
  </si>
  <si>
    <t>Mari Pathan</t>
  </si>
  <si>
    <t>Hafiz Muhammad Saleem</t>
  </si>
  <si>
    <t>GES AKRRA</t>
  </si>
  <si>
    <t>Kanjan Nashibm Pakka</t>
  </si>
  <si>
    <t>GES Akrra P/O Tibba Naina Tehsil Kallur Kot District Bhakkar</t>
  </si>
  <si>
    <t>Akrra</t>
  </si>
  <si>
    <t>Kanjan Daggar</t>
  </si>
  <si>
    <t>Imam Bakhsh</t>
  </si>
  <si>
    <t>GES ALAF KHEL</t>
  </si>
  <si>
    <t>Alaf Khel</t>
  </si>
  <si>
    <t>KOT CHANDNA</t>
  </si>
  <si>
    <t>Abdul Rauf Khan</t>
  </si>
  <si>
    <t>GES ALAM ABAD</t>
  </si>
  <si>
    <t>JAND MEHLU -MALE</t>
  </si>
  <si>
    <t>Alam Abad</t>
  </si>
  <si>
    <t>village and po Alam Abad Tehsil gujar khan</t>
  </si>
  <si>
    <t>Muhammad Ahmer Awan</t>
  </si>
  <si>
    <t>bore</t>
  </si>
  <si>
    <t>GES AL-DITTA</t>
  </si>
  <si>
    <t>TATLAY AALI - MALE</t>
  </si>
  <si>
    <t>Alditta</t>
  </si>
  <si>
    <t>Bupra Klan</t>
  </si>
  <si>
    <t>Abul Ghaffar Shah</t>
  </si>
  <si>
    <t>GES ALI ABAD 112/RB</t>
  </si>
  <si>
    <t>Aliabad 112 RB tehsil Sangla hill District Nankana</t>
  </si>
  <si>
    <t>Badomalhi</t>
  </si>
  <si>
    <t>GES ALI GARH</t>
  </si>
  <si>
    <t>Ali Gharh</t>
  </si>
  <si>
    <t>ali gharh basirpur</t>
  </si>
  <si>
    <t>Syed Rashid Ali Zaidi</t>
  </si>
  <si>
    <t>GES ALI PUR CHAK NO. 6</t>
  </si>
  <si>
    <t>Ali Pur Ch.6</t>
  </si>
  <si>
    <t>Ali Pur Ch6</t>
  </si>
  <si>
    <t>Jago Wala</t>
  </si>
  <si>
    <t>Khalid Farooq</t>
  </si>
  <si>
    <t>GES ALI PUR CHATTHA</t>
  </si>
  <si>
    <t>Ali Pur Chattha</t>
  </si>
  <si>
    <t>Ali pur chattha</t>
  </si>
  <si>
    <t>Shakeel Afzal Virk</t>
  </si>
  <si>
    <t>GES ALI PUR SYEDAN</t>
  </si>
  <si>
    <t>BHERA - MALE</t>
  </si>
  <si>
    <t>Ali Pur Syedan</t>
  </si>
  <si>
    <t>Village Ali Pur Syedan</t>
  </si>
  <si>
    <t>GES ALI PUR, KABIRWALA</t>
  </si>
  <si>
    <t>MUBARIK  PUR</t>
  </si>
  <si>
    <t>MUHAMMAD SHAFI JAVED</t>
  </si>
  <si>
    <t>GES ALI SHAH</t>
  </si>
  <si>
    <t>Kotla Lal Shah</t>
  </si>
  <si>
    <t>basti ali shah tehsil jatoi distric muzaffargarh</t>
  </si>
  <si>
    <t>Asghar Hussain</t>
  </si>
  <si>
    <t>GES ALI WAH</t>
  </si>
  <si>
    <t>mouza Ali wah tehsil mailsi</t>
  </si>
  <si>
    <t>GES ALI WALI</t>
  </si>
  <si>
    <t>KUNDIAN CITY-MALE</t>
  </si>
  <si>
    <t>Kundian Pakka</t>
  </si>
  <si>
    <t>Ges ali wali</t>
  </si>
  <si>
    <t>Kundian Rural</t>
  </si>
  <si>
    <t>Pervez iqbal</t>
  </si>
  <si>
    <t>GES ALIANI</t>
  </si>
  <si>
    <t>Wadoor</t>
  </si>
  <si>
    <t>Government boys elementary school basti Aliani Moza wadoor dera ghazi khan</t>
  </si>
  <si>
    <t>Aliani</t>
  </si>
  <si>
    <t>Mlk Abdul rasheed</t>
  </si>
  <si>
    <t>GES ALIOT</t>
  </si>
  <si>
    <t>KAHUTA - MALE</t>
  </si>
  <si>
    <t>GBES ALIOT Tehsil kahuta distt rawalpindi post office Aliot</t>
  </si>
  <si>
    <t>Hothela</t>
  </si>
  <si>
    <t>GES ALLAH ABAD</t>
  </si>
  <si>
    <t>GES ALLAH ABAD, KABIRWALA</t>
  </si>
  <si>
    <t>KABIRWALA - MALE</t>
  </si>
  <si>
    <t>GES Allah abad tehsil kabirwala district khanewal</t>
  </si>
  <si>
    <t>Muhammad Sohail</t>
  </si>
  <si>
    <t>GES ALLAH BAKASH LALEY KA</t>
  </si>
  <si>
    <t>Allah Bakhsh Laleka</t>
  </si>
  <si>
    <t>moza Allah Bux Laleka Tehsil Minchinabad District Bahawalnagar</t>
  </si>
  <si>
    <t>Toba Balochan</t>
  </si>
  <si>
    <t>MUHAMMAD AMJAD</t>
  </si>
  <si>
    <t>GES ALLAH BAKHSH WALA</t>
  </si>
  <si>
    <t>Billo Sandilah</t>
  </si>
  <si>
    <t>Mauza Billo Sandilah P.O kallarwali Teh Jatoi Distt muzaffargarh</t>
  </si>
  <si>
    <t>Malik Muhammad Younis</t>
  </si>
  <si>
    <t>GES ALLAH KHEL</t>
  </si>
  <si>
    <t>KAMMAR MUSHANI NO.1-MALE</t>
  </si>
  <si>
    <t>Paka Kamar Mushani</t>
  </si>
  <si>
    <t>Allah khail kamar mushani is a khail mianwali</t>
  </si>
  <si>
    <t>Kamar Mushani</t>
  </si>
  <si>
    <t>Hameedullah</t>
  </si>
  <si>
    <t>GES ALLO MAHAR SHARIF</t>
  </si>
  <si>
    <t>Allomahar Shareef teh. Daska district Sialkot</t>
  </si>
  <si>
    <t>Allomahar Shareef</t>
  </si>
  <si>
    <t>Muhammad Yousaf Butt</t>
  </si>
  <si>
    <t>GES ALLOUD DIN KALAN</t>
  </si>
  <si>
    <t>Allod Din Kalan</t>
  </si>
  <si>
    <t>Allou din kalan</t>
  </si>
  <si>
    <t>Alloud Din Kalan</t>
  </si>
  <si>
    <t>GES ALPA KALAN</t>
  </si>
  <si>
    <t>HALLAH - MALE</t>
  </si>
  <si>
    <t>Alpa Kalan</t>
  </si>
  <si>
    <t>Alpa kalan</t>
  </si>
  <si>
    <t>Alpa</t>
  </si>
  <si>
    <t>GES ALYANA</t>
  </si>
  <si>
    <t>Mouza Alyana</t>
  </si>
  <si>
    <t>Alyana</t>
  </si>
  <si>
    <t>7/2 Thal Janoobi</t>
  </si>
  <si>
    <t>IhsanUllah</t>
  </si>
  <si>
    <t>GES AMAN GARH</t>
  </si>
  <si>
    <t>GBES AMAN GARH,ABU DHABI ROAD RYK</t>
  </si>
  <si>
    <t>M Azam Rasheed</t>
  </si>
  <si>
    <t>GES AMAR PURA</t>
  </si>
  <si>
    <t>HANDAL - MALE</t>
  </si>
  <si>
    <t>Amer Pura</t>
  </si>
  <si>
    <t>Village Amer pura tehsil kot radha kishan district kasur</t>
  </si>
  <si>
    <t>Amer pura</t>
  </si>
  <si>
    <t>Olakh Ottar</t>
  </si>
  <si>
    <t>Abid rashid</t>
  </si>
  <si>
    <t>GES AMAR SINGH DAKHLI SOCHAN</t>
  </si>
  <si>
    <t>CHANN PEER - MALE</t>
  </si>
  <si>
    <t>Amar Singh</t>
  </si>
  <si>
    <t>chak amar Singh, dhakli souchan, hotta road. Pakpattan</t>
  </si>
  <si>
    <t>Ferozpur Chishtian</t>
  </si>
  <si>
    <t>ABDUL RASHEED</t>
  </si>
  <si>
    <t>GES AMB SHARIF</t>
  </si>
  <si>
    <t>DHOKRI (MALE)</t>
  </si>
  <si>
    <t>AMB SHAREEF</t>
  </si>
  <si>
    <t>Government E/S Amb Shareef</t>
  </si>
  <si>
    <t>Amb Shareef</t>
  </si>
  <si>
    <t>Goley Wali</t>
  </si>
  <si>
    <t>Local Water Supply</t>
  </si>
  <si>
    <t>GES AMBALTAS</t>
  </si>
  <si>
    <t>Ambaltas</t>
  </si>
  <si>
    <t>Muhammad Mansha Ghalib</t>
  </si>
  <si>
    <t>GES AMIR PUR MANGAN</t>
  </si>
  <si>
    <t>Amir Pur Mangan</t>
  </si>
  <si>
    <t>Village Amir Pur Mangan, P.O. Bheen, Chakwal</t>
  </si>
  <si>
    <t>Bheen</t>
  </si>
  <si>
    <t>Ch Aftab Hussain</t>
  </si>
  <si>
    <t>GES AMIR WALA</t>
  </si>
  <si>
    <t>Ameerwala Tehsil Quaidabsd District Khushab</t>
  </si>
  <si>
    <t>Ameerwala</t>
  </si>
  <si>
    <t>Muhammad Arif</t>
  </si>
  <si>
    <t>GES AMMOKE</t>
  </si>
  <si>
    <t>SHEIKHUPURA-III - MALE</t>
  </si>
  <si>
    <t>Ammonkey</t>
  </si>
  <si>
    <t>Herdeve</t>
  </si>
  <si>
    <t>GES AMRATSER LINK RAVI ROAD</t>
  </si>
  <si>
    <t>NAULAKHA - MALE</t>
  </si>
  <si>
    <t>Ravi Town</t>
  </si>
  <si>
    <t>shamas pura link ravi road lhr</t>
  </si>
  <si>
    <t>Town</t>
  </si>
  <si>
    <t>Auqaf Colony</t>
  </si>
  <si>
    <t>ILYAS AHMED</t>
  </si>
  <si>
    <t>GES AMRAY WALA</t>
  </si>
  <si>
    <t>Chack  Godha</t>
  </si>
  <si>
    <t>Mouza chak godha lodhran</t>
  </si>
  <si>
    <t>Amray Wala</t>
  </si>
  <si>
    <t>Wahi Imam Bakhsh</t>
  </si>
  <si>
    <t>Muhammad  Irshad  Ullah</t>
  </si>
  <si>
    <t>GES ANJUMAN-E-HIMAYAT TUL ISLAM</t>
  </si>
  <si>
    <t>College Town</t>
  </si>
  <si>
    <t>GES ANJUMAN-E-HIMAYAT TUL ISLAM College Town Vehari</t>
  </si>
  <si>
    <t>MC Vehari</t>
  </si>
  <si>
    <t>Abdul Shakoor</t>
  </si>
  <si>
    <t>GES ANWAR ABAD</t>
  </si>
  <si>
    <t>TAXILA - MALE</t>
  </si>
  <si>
    <t>Ahata</t>
  </si>
  <si>
    <t>ahata, Taxila</t>
  </si>
  <si>
    <t>Garhi Sikandar</t>
  </si>
  <si>
    <t>Hina Arif</t>
  </si>
  <si>
    <t>GES ANWAR UL ISLAM KAMAL ABAD</t>
  </si>
  <si>
    <t>Chak Jlal Din</t>
  </si>
  <si>
    <t>GES anwar ul islam chak jlal din</t>
  </si>
  <si>
    <t>M Zahir Shah</t>
  </si>
  <si>
    <t>GES AQIL SHAH</t>
  </si>
  <si>
    <t>SHAHPUR CITY - MALE</t>
  </si>
  <si>
    <t>aqil shah teh. shahpur sargodha</t>
  </si>
  <si>
    <t>GES AQIL WALA</t>
  </si>
  <si>
    <t>KOT SULTAN - MALE</t>
  </si>
  <si>
    <t>Aqil wala sohia thal  kotsultan layyah</t>
  </si>
  <si>
    <t>Aqil Wala</t>
  </si>
  <si>
    <t>Mujeeb Ahmad</t>
  </si>
  <si>
    <t>GES ARA AKBAR SHAH</t>
  </si>
  <si>
    <t>Rao Bella Garbi</t>
  </si>
  <si>
    <t>Basti Ara Akbar Shah Mouza Rao Bella Gharbi</t>
  </si>
  <si>
    <t>Basti Ara Akbar Shah</t>
  </si>
  <si>
    <t>Basheer hussain</t>
  </si>
  <si>
    <t>GES ARABIC CHAK KEHAL</t>
  </si>
  <si>
    <t>Basti Bidani Mouza Chak Kehal  P/O Gumaani</t>
  </si>
  <si>
    <t>Chak  Kehal</t>
  </si>
  <si>
    <t>GES ARAH TULLAH</t>
  </si>
  <si>
    <t>Aratullah</t>
  </si>
  <si>
    <t>Bahadar Shsh</t>
  </si>
  <si>
    <t>Muhammad Asif Qayyum</t>
  </si>
  <si>
    <t>GES ARAZI WADHAWA</t>
  </si>
  <si>
    <t>AKBAR - MALE</t>
  </si>
  <si>
    <t>Arazi Wadhaea</t>
  </si>
  <si>
    <t>GES Arazi Wadhawa</t>
  </si>
  <si>
    <t>Arazi Wadhawa</t>
  </si>
  <si>
    <t>40/GD</t>
  </si>
  <si>
    <t>Muhammad Imran Khaliq</t>
  </si>
  <si>
    <t>GES ARIF WALA</t>
  </si>
  <si>
    <t>Arif wala Uc Kacha Chohan , Tehsil Rojhan District RajanPur</t>
  </si>
  <si>
    <t>Arifwala</t>
  </si>
  <si>
    <t>Muhammad Alam Saghir</t>
  </si>
  <si>
    <t>GES AROOP (EAST)</t>
  </si>
  <si>
    <t>Aroop</t>
  </si>
  <si>
    <t>GES AROOP WEST</t>
  </si>
  <si>
    <t>Govt. Elementary School Aroop West</t>
  </si>
  <si>
    <t>Aroop / Bhindran</t>
  </si>
  <si>
    <t>GES ARSHAD ABAD</t>
  </si>
  <si>
    <t>Sadden Wali</t>
  </si>
  <si>
    <t>basti jawein Wala p/o basira moza sadan wali Teh &amp; Dis Muzaffargarh garh</t>
  </si>
  <si>
    <t>Jawein Wala</t>
  </si>
  <si>
    <t>Malik Ameer Hussain</t>
  </si>
  <si>
    <t>GES ARZANI PUR</t>
  </si>
  <si>
    <t>Arzanipur</t>
  </si>
  <si>
    <t>Govt. elementary school Arzanipur</t>
  </si>
  <si>
    <t>Muhammad Shabbir</t>
  </si>
  <si>
    <t>GES ASGHAR COLONY</t>
  </si>
  <si>
    <t>Asghar Colony Gujranwala</t>
  </si>
  <si>
    <t>Allah Bakhsh Colony</t>
  </si>
  <si>
    <t>Amjad Iqbal</t>
  </si>
  <si>
    <t>GES ASHRAF ABAD</t>
  </si>
  <si>
    <t>mouza ashrafabad taunsa sharif</t>
  </si>
  <si>
    <t>Bait Ashraf</t>
  </si>
  <si>
    <t>GES ASIAN</t>
  </si>
  <si>
    <t>Asian</t>
  </si>
  <si>
    <t>mouza Asian tehcil&amp;district chiniot</t>
  </si>
  <si>
    <t>Mouza Asian</t>
  </si>
  <si>
    <t>Hersa Sheikh</t>
  </si>
  <si>
    <t>Muhammad Ahsan Tahir</t>
  </si>
  <si>
    <t>GES ASIF ABAD</t>
  </si>
  <si>
    <t>Rakh Mari</t>
  </si>
  <si>
    <t>rakh mari asif abad shikar pur &amp; distric rajan put</t>
  </si>
  <si>
    <t>Shikar Pur</t>
  </si>
  <si>
    <t>GES ASIM ABAD</t>
  </si>
  <si>
    <t>GES Asim Abad Basti Allah Bhx</t>
  </si>
  <si>
    <t>GES ASNI</t>
  </si>
  <si>
    <t>post office asni distt rajanpur</t>
  </si>
  <si>
    <t>Abdul Sattar</t>
  </si>
  <si>
    <t>GES AURA</t>
  </si>
  <si>
    <t>Aura</t>
  </si>
  <si>
    <t>moza aura</t>
  </si>
  <si>
    <t>Marishahsakhera</t>
  </si>
  <si>
    <t>Imran Abbas</t>
  </si>
  <si>
    <t>GES AURANG ABAD</t>
  </si>
  <si>
    <t>village  Aurangabad  tehsil jand  district attock</t>
  </si>
  <si>
    <t>GES AWAN</t>
  </si>
  <si>
    <t>SHEIKHUPURA-XIV - MALE</t>
  </si>
  <si>
    <t>Awan</t>
  </si>
  <si>
    <t>Rechand</t>
  </si>
  <si>
    <t>Saif Ullah Anjam</t>
  </si>
  <si>
    <t>GES AWAN ABAD</t>
  </si>
  <si>
    <t>Khairay Wala</t>
  </si>
  <si>
    <t>Awan Abad Moza Khairay Wala Tehsil Choubara District Layah</t>
  </si>
  <si>
    <t>Awan Abad</t>
  </si>
  <si>
    <t>Arshad Hussain</t>
  </si>
  <si>
    <t>GES AWAN ABAD (LUNDI)</t>
  </si>
  <si>
    <t>AWAN ABAD - MALE</t>
  </si>
  <si>
    <t>Village Awan Abad PO Shadi Khan Tehsil Hazro District Attock</t>
  </si>
  <si>
    <t>Awan abad</t>
  </si>
  <si>
    <t>Tajak</t>
  </si>
  <si>
    <t>Syed Kausar Ali Shah</t>
  </si>
  <si>
    <t>GES AWAN CHAK 39</t>
  </si>
  <si>
    <t>HANJARAI KHURD - MALE</t>
  </si>
  <si>
    <t>Awan Ch 39</t>
  </si>
  <si>
    <t>awan ch 39</t>
  </si>
  <si>
    <t>Muhammad Sohail Akbar</t>
  </si>
  <si>
    <t>GES AWAN DHAI WALA</t>
  </si>
  <si>
    <t>Awan Dhai Wala</t>
  </si>
  <si>
    <t>awan dhai wala lahore</t>
  </si>
  <si>
    <t>Babar Masood</t>
  </si>
  <si>
    <t>GES AWAN KALAN</t>
  </si>
  <si>
    <t>Awan Kalan</t>
  </si>
  <si>
    <t>Awan Kalan P/O Hujra Shah Muqeem Okara</t>
  </si>
  <si>
    <t>GES AYYA NAGER KALAN</t>
  </si>
  <si>
    <t>Ayya Nager Kalan</t>
  </si>
  <si>
    <t>Govt E/S Ayya Nager Kalan Teh.Ferozewala District Sheikhupura</t>
  </si>
  <si>
    <t>Village Ayya Nager Kalan</t>
  </si>
  <si>
    <t>Nadir Ali Shah</t>
  </si>
  <si>
    <t>GES AZAM HANS P/O KOTHAY WALA</t>
  </si>
  <si>
    <t>BUDHLA SANT - MALE</t>
  </si>
  <si>
    <t>Azam Hans</t>
  </si>
  <si>
    <t>Basti Judge Moza Azam Hans P/o Kothay wala</t>
  </si>
  <si>
    <t>Basti Judge</t>
  </si>
  <si>
    <t>Muhammad Akram Usmani</t>
  </si>
  <si>
    <t>GES AZIZ CHAK</t>
  </si>
  <si>
    <t>Aziz chak</t>
  </si>
  <si>
    <t>Aziz chak Teh Wazirabad GRW</t>
  </si>
  <si>
    <t>Ghakka mitter</t>
  </si>
  <si>
    <t>Muhammad Razzaq Ranjha</t>
  </si>
  <si>
    <t>GES AZMAT PUR</t>
  </si>
  <si>
    <t>basti naichwala moza Bait Mullanwai</t>
  </si>
  <si>
    <t>Basti Naich Wala</t>
  </si>
  <si>
    <t>Shahnawaz Khan</t>
  </si>
  <si>
    <t>GES AZMAT ULLAH</t>
  </si>
  <si>
    <t>waghwan</t>
  </si>
  <si>
    <t>moza waghwan khanpur.ryk</t>
  </si>
  <si>
    <t>waghwab</t>
  </si>
  <si>
    <t>MUHAMMAD USMAN</t>
  </si>
  <si>
    <t>GES BAAT</t>
  </si>
  <si>
    <t>govt Elementary School BaaT post office Jhuggi Wala</t>
  </si>
  <si>
    <t>Basti Meerani</t>
  </si>
  <si>
    <t>Muhammad Nawaz Khan</t>
  </si>
  <si>
    <t>GES BABA GHARIB SHAH</t>
  </si>
  <si>
    <t>Kot Dareya</t>
  </si>
  <si>
    <t>basti baba ghareeb shah</t>
  </si>
  <si>
    <t>Baba Gharib Shah</t>
  </si>
  <si>
    <t>R Y K  Deh</t>
  </si>
  <si>
    <t>Abdul Rehman Zahid</t>
  </si>
  <si>
    <t>GES BABLIANA UTTAR</t>
  </si>
  <si>
    <t>Babliana Ottar</t>
  </si>
  <si>
    <t>Zahoor Elahi Malik</t>
  </si>
  <si>
    <t>GES BABRAL</t>
  </si>
  <si>
    <t>SHAH GHARIB NO.2 - MALE</t>
  </si>
  <si>
    <t>Babral</t>
  </si>
  <si>
    <t>Village Babral P.O khas Tesh Shakergrah Dist Narowal</t>
  </si>
  <si>
    <t>Mullah</t>
  </si>
  <si>
    <t>GES BABUL WALI</t>
  </si>
  <si>
    <t>KOTLA MUGHLAN - MALE</t>
  </si>
  <si>
    <t>Babul Wali</t>
  </si>
  <si>
    <t>Chah Maqami wala moza babul wali jampur</t>
  </si>
  <si>
    <t>Maqami Wala</t>
  </si>
  <si>
    <t>Kotla diwan</t>
  </si>
  <si>
    <t>Syed Munir Hussain Shah</t>
  </si>
  <si>
    <t>GES BACHIAN WALI</t>
  </si>
  <si>
    <t>BACHIANWALI</t>
  </si>
  <si>
    <t>basti bachianwali mouza bachianwali tehsil mimchinabad bahawalnagat</t>
  </si>
  <si>
    <t>Bachianwali</t>
  </si>
  <si>
    <t>Muhammad Sajid Mehmood</t>
  </si>
  <si>
    <t>GES BADDO MALHI CHAK 113/RB</t>
  </si>
  <si>
    <t>baddo malhi</t>
  </si>
  <si>
    <t>GES School baddo malhi sanglahill</t>
  </si>
  <si>
    <t>Aamar Irshad</t>
  </si>
  <si>
    <t>GES BADER KOT MOMIN</t>
  </si>
  <si>
    <t>Baddar</t>
  </si>
  <si>
    <t>Govt. Elementary School for Boys Badar Kotmomin</t>
  </si>
  <si>
    <t>Badar</t>
  </si>
  <si>
    <t>Takht Hazara</t>
  </si>
  <si>
    <t>Muhammad Saqlain</t>
  </si>
  <si>
    <t>GES BADOCHIDA</t>
  </si>
  <si>
    <t>Chida</t>
  </si>
  <si>
    <t>v.p.o chida. tehsil and district. narowal.</t>
  </si>
  <si>
    <t>Laala</t>
  </si>
  <si>
    <t>Azhar Hussain Shah</t>
  </si>
  <si>
    <t>GES BADOKI</t>
  </si>
  <si>
    <t>Baddoki</t>
  </si>
  <si>
    <t>Badoki village</t>
  </si>
  <si>
    <t>Muhammad Asghar Sageer</t>
  </si>
  <si>
    <t>GES BADOO MURADEY</t>
  </si>
  <si>
    <t>Badoo</t>
  </si>
  <si>
    <t>GES BADOO Muraday</t>
  </si>
  <si>
    <t>Muraday Kalan</t>
  </si>
  <si>
    <t>Muhammad Sohail Shoukat</t>
  </si>
  <si>
    <t>GES BADOOKI SANI</t>
  </si>
  <si>
    <t>Baddoki Sani</t>
  </si>
  <si>
    <t>Baddoki Sani Tehsil Raiwind Lahore</t>
  </si>
  <si>
    <t>GES BADRI NARIEN PUR</t>
  </si>
  <si>
    <t>Badri Narien Pur</t>
  </si>
  <si>
    <t>Badri Narien pur</t>
  </si>
  <si>
    <t>syed abdulhafeez</t>
  </si>
  <si>
    <t>GES BADSHAH PUR</t>
  </si>
  <si>
    <t>MALAK WAL -I- MALE</t>
  </si>
  <si>
    <t>Badshahpur</t>
  </si>
  <si>
    <t>Badshahpur ,Tehsil Malakwal, District: Mandi Baha din</t>
  </si>
  <si>
    <t>GES BAGGA CHAK NO. 2/GB</t>
  </si>
  <si>
    <t>Bagga Chak</t>
  </si>
  <si>
    <t>bagga chak</t>
  </si>
  <si>
    <t>Chak 5</t>
  </si>
  <si>
    <t>M Mansha</t>
  </si>
  <si>
    <t>GES BAGH SANGRA</t>
  </si>
  <si>
    <t>Bagh Sangra</t>
  </si>
  <si>
    <t>BAGH SANGRA RWP</t>
  </si>
  <si>
    <t>Maqsood Ali</t>
  </si>
  <si>
    <t>GES BAGHAR SHARIF</t>
  </si>
  <si>
    <t>Baghar Sharif</t>
  </si>
  <si>
    <t>baghar sharif</t>
  </si>
  <si>
    <t>Aftab Hussain</t>
  </si>
  <si>
    <t>GES BAGHRI</t>
  </si>
  <si>
    <t>MADDUKI-MALE</t>
  </si>
  <si>
    <t>Baghri</t>
  </si>
  <si>
    <t>mouza baghri jhang</t>
  </si>
  <si>
    <t>Qadeemi</t>
  </si>
  <si>
    <t>Ranjha Nawaz Khan</t>
  </si>
  <si>
    <t>GES BAHADUR GARH</t>
  </si>
  <si>
    <t>SHAH SADAR DIN WEST MALE</t>
  </si>
  <si>
    <t>Bahadur Garh</t>
  </si>
  <si>
    <t>Bahadur garh, Kot Mubarak, D. G. Khan</t>
  </si>
  <si>
    <t>GES BAHADUR PURA</t>
  </si>
  <si>
    <t>HAMEED NIZAMI - MALE</t>
  </si>
  <si>
    <t>Bahadur Pura</t>
  </si>
  <si>
    <t>Bahadur pura</t>
  </si>
  <si>
    <t>GES BAHADUR SHAH, P/O MOHRI PUR, SARAI SIDHU</t>
  </si>
  <si>
    <t>Manga Werid</t>
  </si>
  <si>
    <t>darbar peer bahadur shah mohripur kabirwala</t>
  </si>
  <si>
    <t>Mohripur</t>
  </si>
  <si>
    <t>Marhi Sohu</t>
  </si>
  <si>
    <t>Akhtar Abbas</t>
  </si>
  <si>
    <t>GES BAHAL</t>
  </si>
  <si>
    <t>Bhal</t>
  </si>
  <si>
    <t>GBE/S Bhal</t>
  </si>
  <si>
    <t>Chappri</t>
  </si>
  <si>
    <t>Electric Moter</t>
  </si>
  <si>
    <t>GES BAHAR</t>
  </si>
  <si>
    <t>Bahar Gharbi</t>
  </si>
  <si>
    <t>bahar gharbi</t>
  </si>
  <si>
    <t>Bahar</t>
  </si>
  <si>
    <t>Mohammad Arif</t>
  </si>
  <si>
    <t>GES BAHAR KHAKHI</t>
  </si>
  <si>
    <t>BAHAR KHAKHI-MALE</t>
  </si>
  <si>
    <t>BAHAR KHAKHI</t>
  </si>
  <si>
    <t>BAHAR KHAKHI TEH:LQP DISTT:RYK</t>
  </si>
  <si>
    <t>BBAHAR KHAKHI</t>
  </si>
  <si>
    <t>Muhammad Akhter</t>
  </si>
  <si>
    <t>GES BAHAR WALI</t>
  </si>
  <si>
    <t>BAHARWALI</t>
  </si>
  <si>
    <t>Baharwali</t>
  </si>
  <si>
    <t>GES BAHARI COLONY</t>
  </si>
  <si>
    <t>Behari Colony, Gujranwala</t>
  </si>
  <si>
    <t>Peoples Colony</t>
  </si>
  <si>
    <t>ZIA-UL-MUSTAFA</t>
  </si>
  <si>
    <t>GES BAHARI COLONY GREEN TOWN LAHORE</t>
  </si>
  <si>
    <t>Govt. E/S BEHARI COLONY GREEN TOWN Lahore</t>
  </si>
  <si>
    <t>Green Town</t>
  </si>
  <si>
    <t>SAEED AHMAD</t>
  </si>
  <si>
    <t>GES BAHAWAL PUR P/O CHOPRATTA ,SARAI SIDHU</t>
  </si>
  <si>
    <t>BAGAR SARGANA - MALE</t>
  </si>
  <si>
    <t>Bahawal Pur</t>
  </si>
  <si>
    <t>adda chopperhatta jhang road</t>
  </si>
  <si>
    <t>Copperhatta</t>
  </si>
  <si>
    <t>TAYYAB YAQOOB</t>
  </si>
  <si>
    <t>GES BAHISHTI</t>
  </si>
  <si>
    <t>BAHISHTI -MALE</t>
  </si>
  <si>
    <t>Mouza Bahishti P.O Kot Samaba Tehsil &amp; District Rahim Yar Khan</t>
  </si>
  <si>
    <t>HAIDER HAMEED</t>
  </si>
  <si>
    <t>GES BAHIWAL</t>
  </si>
  <si>
    <t>Bahiwal</t>
  </si>
  <si>
    <t>GES Bahiwal tehsil lalian district chiniot</t>
  </si>
  <si>
    <t>Bilal Hassan</t>
  </si>
  <si>
    <t>GES BAHMENI WALA</t>
  </si>
  <si>
    <t>Saldaddar</t>
  </si>
  <si>
    <t>Govt boys  elementary school Bahmni  wala lodhran</t>
  </si>
  <si>
    <t>Bahmni  Wala</t>
  </si>
  <si>
    <t>Salsaddar</t>
  </si>
  <si>
    <t>GES BAHRI</t>
  </si>
  <si>
    <t>Bahri</t>
  </si>
  <si>
    <t>vpo bahri teh.phalia distt.m.b din</t>
  </si>
  <si>
    <t>GES BAHTAR</t>
  </si>
  <si>
    <t>Bahtar</t>
  </si>
  <si>
    <t>V AND P/O Bahtar</t>
  </si>
  <si>
    <t>BAHTAR</t>
  </si>
  <si>
    <t>Riasat Ali Malik</t>
  </si>
  <si>
    <t>GES BAIG PUR</t>
  </si>
  <si>
    <t>Govt. E/S Baig Pur</t>
  </si>
  <si>
    <t>Syed Abdul Mannan</t>
  </si>
  <si>
    <t>GES BAILDARAN</t>
  </si>
  <si>
    <t>AHMADPUR CITY - MALE</t>
  </si>
  <si>
    <t>Baildaran</t>
  </si>
  <si>
    <t>Government Elementary school baildaran near Abu- zahbi canal Tehsil Ahmad Pur East</t>
  </si>
  <si>
    <t>Rasheed Ahmed Akhtar</t>
  </si>
  <si>
    <t>GES BAIR WALA</t>
  </si>
  <si>
    <t>BWN-X-MALE</t>
  </si>
  <si>
    <t>Wazir Pura</t>
  </si>
  <si>
    <t>Bair Wala Mouza Wazir Pura</t>
  </si>
  <si>
    <t>Kaporian</t>
  </si>
  <si>
    <t>Atiq Ur Rehman</t>
  </si>
  <si>
    <t>GES BAIT CHEEN WALA</t>
  </si>
  <si>
    <t>Bait Cheen Wala</t>
  </si>
  <si>
    <t>Maoza Bait Cheen Wala Tehsil Kot Chutta District D.G.Khan</t>
  </si>
  <si>
    <t>Bait Bate Wala</t>
  </si>
  <si>
    <t>GES BAIT GUJJI</t>
  </si>
  <si>
    <t>bait gujji</t>
  </si>
  <si>
    <t>bakhri ahmed khan</t>
  </si>
  <si>
    <t>ghulam yaseen</t>
  </si>
  <si>
    <t>GES BAIT KAISAR JALALPUR PIRWALA</t>
  </si>
  <si>
    <t>Maoza Bait Qaisar</t>
  </si>
  <si>
    <t>Maoza Bait Qaisar Teh.JalaÄº pur pir wala Dist.Multan</t>
  </si>
  <si>
    <t>Basti molvi Muhammad Hussain Maoza Bait Qaisar</t>
  </si>
  <si>
    <t>Malik Muhammad Siddiq</t>
  </si>
  <si>
    <t>GES BAIT LADHA</t>
  </si>
  <si>
    <t>Bait Ladha</t>
  </si>
  <si>
    <t>Nutkani Teh Taunsa Distt DGKhan</t>
  </si>
  <si>
    <t>Busti Mirani</t>
  </si>
  <si>
    <t>Panjgrain</t>
  </si>
  <si>
    <t>GES BAIT MIR AHMED</t>
  </si>
  <si>
    <t>Bait Mir Ahmed</t>
  </si>
  <si>
    <t>moza bait mir ahmed abad pur rahim yar khan</t>
  </si>
  <si>
    <t>Jam Meer Ahmed</t>
  </si>
  <si>
    <t>Abad Pur</t>
  </si>
  <si>
    <t>GES BAIT MOONGER</t>
  </si>
  <si>
    <t>WARAH SERHAN - MALE</t>
  </si>
  <si>
    <t>Bait Moonger</t>
  </si>
  <si>
    <t>GES BAIT MOONGER P/O WARAH SEHRHAN</t>
  </si>
  <si>
    <t>Warah Sehrhan</t>
  </si>
  <si>
    <t>allah ditta</t>
  </si>
  <si>
    <t>GES BAIT MUGHAL BASTI DE-WALA</t>
  </si>
  <si>
    <t>KHAN BELA - MALE</t>
  </si>
  <si>
    <t>Baitmughal</t>
  </si>
  <si>
    <t>basti Dwala baitmughal</t>
  </si>
  <si>
    <t>Muhammad Javaid Iqbal</t>
  </si>
  <si>
    <t>GES BAIT SHIKRANI</t>
  </si>
  <si>
    <t>jagir Sadiq abad</t>
  </si>
  <si>
    <t>moza jageer sadiqabad</t>
  </si>
  <si>
    <t>Shikrani</t>
  </si>
  <si>
    <t>Hafiz Muhammad Raza</t>
  </si>
  <si>
    <t>GES BAJAR</t>
  </si>
  <si>
    <t>Bajar</t>
  </si>
  <si>
    <t>bajjar</t>
  </si>
  <si>
    <t>Raiba Kalan</t>
  </si>
  <si>
    <t>Mukhtar  Ahmad Sabir</t>
  </si>
  <si>
    <t>GES BAJNIAL</t>
  </si>
  <si>
    <t>GES,bajnial, tehsil and district rawalpindi via  P/O  Noon</t>
  </si>
  <si>
    <t>bajnial</t>
  </si>
  <si>
    <t>Muhammad Azam Khan</t>
  </si>
  <si>
    <t>GES BAJRA GARHI</t>
  </si>
  <si>
    <t>Bajra Garhi</t>
  </si>
  <si>
    <t>village bajra garhi tehsil pasrur district sialkot</t>
  </si>
  <si>
    <t>GES BAJWALA KALAN</t>
  </si>
  <si>
    <t>Bajwala Kalan</t>
  </si>
  <si>
    <t>village and post office bajwala Kalan</t>
  </si>
  <si>
    <t>Atta Ur Rehman</t>
  </si>
  <si>
    <t>GES BAKHIR PUR</t>
  </si>
  <si>
    <t>Bakhar pur</t>
  </si>
  <si>
    <t>Bakhar pur thisil jampur Distirc Rajan pur</t>
  </si>
  <si>
    <t>Zubair Ahmad</t>
  </si>
  <si>
    <t>GES BAKHOO ARBI</t>
  </si>
  <si>
    <t>Bakho Arbi</t>
  </si>
  <si>
    <t>Basti bakir shah, tehsil Ahmad Pur East</t>
  </si>
  <si>
    <t>Bakir Shah</t>
  </si>
  <si>
    <t>Shams Ud Din</t>
  </si>
  <si>
    <t>GES BAKHRAY WALI KALAN</t>
  </si>
  <si>
    <t>Bhakray Wali Kalan</t>
  </si>
  <si>
    <t>bhakray wali kalan teh and distt gujranwala</t>
  </si>
  <si>
    <t>Bhakry Wali Kalan</t>
  </si>
  <si>
    <t>Kot Amar Singh</t>
  </si>
  <si>
    <t>Shoaib Mirza</t>
  </si>
  <si>
    <t>GES BALHEEM ABAD MOUZA PUGAL WARI</t>
  </si>
  <si>
    <t>pugalwari</t>
  </si>
  <si>
    <t>basti Sair wala moza pugalwari</t>
  </si>
  <si>
    <t>sair Wala</t>
  </si>
  <si>
    <t>Malik KARAM HUSSAIN</t>
  </si>
  <si>
    <t>GES BALLA JHULLAN</t>
  </si>
  <si>
    <t>Bella Jhullan</t>
  </si>
  <si>
    <t>bella jullan moza bella jullan p.o gamani teh.ape dis.bahawal pur</t>
  </si>
  <si>
    <t>Balla Jhullan</t>
  </si>
  <si>
    <t>GES BALLO KHEL</t>
  </si>
  <si>
    <t>MIAN WALI SADDAR-MALE</t>
  </si>
  <si>
    <t>Government Elementary School Ballo khel Mianwali</t>
  </si>
  <si>
    <t>GES BALLO SHAHABAL</t>
  </si>
  <si>
    <t>KHEWA - MALE</t>
  </si>
  <si>
    <t>Balloshahaball</t>
  </si>
  <si>
    <t>Mozah Balloshahabal</t>
  </si>
  <si>
    <t>Balloshahabal</t>
  </si>
  <si>
    <t>GES BALOCHAN, NAWAN SHEHR (UPGRADED SED L#S.O(B-1)KHANEWAL/2017 DATED 03-11-2017)</t>
  </si>
  <si>
    <t>SALAR WAHIN - MALE</t>
  </si>
  <si>
    <t>Balochan</t>
  </si>
  <si>
    <t>GES Balochan, Nawan Shehr, Teh. Kabirwala, Distt. Khanewal</t>
  </si>
  <si>
    <t>Maan Kot</t>
  </si>
  <si>
    <t>GES BALWAL</t>
  </si>
  <si>
    <t>DHURNAL-MALE</t>
  </si>
  <si>
    <t>Balwal</t>
  </si>
  <si>
    <t>Vpo balwal tehsile lawa district chakwal</t>
  </si>
  <si>
    <t>GES BANDOT</t>
  </si>
  <si>
    <t>Bandot</t>
  </si>
  <si>
    <t>VPO Bandot  Teh. Gujarkhan Distt Rawalpindi</t>
  </si>
  <si>
    <t>M Akram</t>
  </si>
  <si>
    <t>GES BANGAL WALA P/O KOT ABBAS MELA RAM</t>
  </si>
  <si>
    <t>Bangal Wala</t>
  </si>
  <si>
    <t>Basti Bangal Wala</t>
  </si>
  <si>
    <t>Malik Muneer Ahmed</t>
  </si>
  <si>
    <t>GES BANGISH COLONY PIR WADHI</t>
  </si>
  <si>
    <t>PIR WADHAI - MALE</t>
  </si>
  <si>
    <t>BANGUSH COLONY</t>
  </si>
  <si>
    <t>BANGUSH COLONY PIRWADHAI</t>
  </si>
  <si>
    <t>NADEEM AHMED</t>
  </si>
  <si>
    <t>GES BANGRI</t>
  </si>
  <si>
    <t>Ahmed Shah Wali</t>
  </si>
  <si>
    <t>Bangri village</t>
  </si>
  <si>
    <t>Bangri</t>
  </si>
  <si>
    <t>Kacha Gujrat</t>
  </si>
  <si>
    <t>Muhammad Surkhru</t>
  </si>
  <si>
    <t>GES BANI AFGHAN</t>
  </si>
  <si>
    <t>Banniafghan</t>
  </si>
  <si>
    <t>post office banniafghan</t>
  </si>
  <si>
    <t>Muhammad Ayaz Khan</t>
  </si>
  <si>
    <t>from iskanderabad through van</t>
  </si>
  <si>
    <t>GES BANIAN</t>
  </si>
  <si>
    <t>GES Banian Markaz kakrali Teh Kharian Distt Gujrat</t>
  </si>
  <si>
    <t>Bazurgwal</t>
  </si>
  <si>
    <t>Nazir Ahmed</t>
  </si>
  <si>
    <t>GES BANKA CHEEMA</t>
  </si>
  <si>
    <t>Vill. Banka Cheema Teh. Wazirabad Gujranwala</t>
  </si>
  <si>
    <t>Hafiz Khalid Mehmood</t>
  </si>
  <si>
    <t>GES BAQIR PUR</t>
  </si>
  <si>
    <t>MANGWANI - MALE</t>
  </si>
  <si>
    <t>Baqir pur</t>
  </si>
  <si>
    <t>MUMTAZ HUSSAIN</t>
  </si>
  <si>
    <t>GES BARA SADAT</t>
  </si>
  <si>
    <t>Gudaray Wala</t>
  </si>
  <si>
    <t>Bara sadaat</t>
  </si>
  <si>
    <t>Bara Sadaat</t>
  </si>
  <si>
    <t>Aali Daha</t>
  </si>
  <si>
    <t>SHAHID KHALIL</t>
  </si>
  <si>
    <t>GES BARAL</t>
  </si>
  <si>
    <t>Baral</t>
  </si>
  <si>
    <t>village baral p.o baral tehsil dina distt. jhelum</t>
  </si>
  <si>
    <t>Ladhar</t>
  </si>
  <si>
    <t>mohsin Abrar</t>
  </si>
  <si>
    <t>GES BARBEGY, P/O QATAL PUR, SARAI SIDHU</t>
  </si>
  <si>
    <t>barbegi</t>
  </si>
  <si>
    <t>mauza barbegi post office qatal pur tehsil kabirwala district khanewal</t>
  </si>
  <si>
    <t>qatal pur</t>
  </si>
  <si>
    <t>qatai pur</t>
  </si>
  <si>
    <t>Muhammad Imtiaz</t>
  </si>
  <si>
    <t>GES BARBOCHI WALI</t>
  </si>
  <si>
    <t>Khaki Gharbi</t>
  </si>
  <si>
    <t>GES Barbochi wala near alhamd textile mill paigha dera ghazi khan</t>
  </si>
  <si>
    <t>GES BAREY WALA, KABIRWALA</t>
  </si>
  <si>
    <t>Barey Wala</t>
  </si>
  <si>
    <t>mouza barey wala kabirwala</t>
  </si>
  <si>
    <t>Naeem Iqbal</t>
  </si>
  <si>
    <t>GES BARJH SARGANA, SARAI SIDHU</t>
  </si>
  <si>
    <t>SARAI SIDHU - MALE</t>
  </si>
  <si>
    <t>Barajh Sargana</t>
  </si>
  <si>
    <t>Moza Barajh Sargana Sarai Sidhu</t>
  </si>
  <si>
    <t>Umar Nasir</t>
  </si>
  <si>
    <t>GES BARKAT ABAD</t>
  </si>
  <si>
    <t>Basti Ali Muhammad Arain Jhang Sadar</t>
  </si>
  <si>
    <t>Basti Ali Muhammad Arain</t>
  </si>
  <si>
    <t>Mc Jhang</t>
  </si>
  <si>
    <t>Hussain</t>
  </si>
  <si>
    <t>RO plant</t>
  </si>
  <si>
    <t>GES BARKHUDAR</t>
  </si>
  <si>
    <t>village Barkhurdar</t>
  </si>
  <si>
    <t>Iftikhar Ahmad Dar</t>
  </si>
  <si>
    <t>GES BARRI MINHASAN</t>
  </si>
  <si>
    <t>Barri</t>
  </si>
  <si>
    <t>Barri Minhasan</t>
  </si>
  <si>
    <t>Darman</t>
  </si>
  <si>
    <t>WARIS HUSSAIN</t>
  </si>
  <si>
    <t>GES BASE RAFIQUE</t>
  </si>
  <si>
    <t>DARKHANA-MALE</t>
  </si>
  <si>
    <t>GES PAF Base Rafiqui tehsil pirmahal T.T.Singh</t>
  </si>
  <si>
    <t>PAF base Rafiqui</t>
  </si>
  <si>
    <t>chak no 326gb</t>
  </si>
  <si>
    <t>Muhammad Tahir Hussain</t>
  </si>
  <si>
    <t>GES BASI WALA</t>
  </si>
  <si>
    <t>BAN BAJWA - MALE</t>
  </si>
  <si>
    <t>Basi Wala</t>
  </si>
  <si>
    <t>govt ES basiwala tehsil pasrur</t>
  </si>
  <si>
    <t>Chichar Wali</t>
  </si>
  <si>
    <t>Maqsood Ahmad janjua</t>
  </si>
  <si>
    <t>GES BASIR PUR NO. 2</t>
  </si>
  <si>
    <t>Basirpur</t>
  </si>
  <si>
    <t>Allama Iqbal Town Basirpur</t>
  </si>
  <si>
    <t>M C Basirpur</t>
  </si>
  <si>
    <t>GES BASIRA JADEED</t>
  </si>
  <si>
    <t>baseera tehsil karor</t>
  </si>
  <si>
    <t>abdul razzaq</t>
  </si>
  <si>
    <t>GES BASSI WALA</t>
  </si>
  <si>
    <t>Bassiwala</t>
  </si>
  <si>
    <t>P.O  Bassiwala tehsil &amp; district Gujranwalq</t>
  </si>
  <si>
    <t>Mokhal Sandhwan</t>
  </si>
  <si>
    <t>M Abbas Mehar</t>
  </si>
  <si>
    <t>GES BASTI ADAM SOHABA</t>
  </si>
  <si>
    <t>ADAM SAHABA-MALE</t>
  </si>
  <si>
    <t>164/p</t>
  </si>
  <si>
    <t>basti adam sahaba</t>
  </si>
  <si>
    <t>Basti Adam Sahaba</t>
  </si>
  <si>
    <t>Ehsan Ullah Bajwa</t>
  </si>
  <si>
    <t>GES BASTI AHMAD SHAH WALI</t>
  </si>
  <si>
    <t>Mehar Imam Shah Daggar</t>
  </si>
  <si>
    <t>Basti Ahmad Shah Wali P / o. Panjgirain Teh. Daryakhan District. Bhakkar</t>
  </si>
  <si>
    <t>Basti Ahmad Shah Wali</t>
  </si>
  <si>
    <t>GHULAM YASEEN</t>
  </si>
  <si>
    <t>GES BASTI ALLAH WASAYA</t>
  </si>
  <si>
    <t>BANGLA SHEREEN - MALE</t>
  </si>
  <si>
    <t>Basti Allah WASAYAP/O AKRAM  ABAD</t>
  </si>
  <si>
    <t>Basti Allah Wasaya</t>
  </si>
  <si>
    <t>Akram Sbad</t>
  </si>
  <si>
    <t>Jalil Ahmad</t>
  </si>
  <si>
    <t>GES BASTI ARAIN</t>
  </si>
  <si>
    <t>NAWAZ ABAD - MALE</t>
  </si>
  <si>
    <t>Ahmad Khan  Dahir</t>
  </si>
  <si>
    <t>Basti Arif Abad Mouza Ahmad Khan Dahir P/O Nawaz Abad Tehsil Sadiq Abad District Rahim Yar  Khan</t>
  </si>
  <si>
    <t>Arif Abad</t>
  </si>
  <si>
    <t>Mubeen Azhar</t>
  </si>
  <si>
    <t>GES BASTI AZEEM</t>
  </si>
  <si>
    <t>TIBBI QAISRANI MALE</t>
  </si>
  <si>
    <t>JALAL KHAN</t>
  </si>
  <si>
    <t>BASTI AZEEM, P/O TIBBI QAISRANI, U/C PANJGRAIN</t>
  </si>
  <si>
    <t>BASTI AZEEM</t>
  </si>
  <si>
    <t>PANJGRAIN</t>
  </si>
  <si>
    <t>GES BASTI BIRMANI</t>
  </si>
  <si>
    <t>Chahil Chahan</t>
  </si>
  <si>
    <t>basti birmani chahil chahan thatha gabolan p/o choti zareen</t>
  </si>
  <si>
    <t>Basti Birmani</t>
  </si>
  <si>
    <t>Zohair Abbas</t>
  </si>
  <si>
    <t>GES BASTI BUZDAR</t>
  </si>
  <si>
    <t>MANGROTHA MALE</t>
  </si>
  <si>
    <t>Basti Buzdar tehsil taunsa district DG khan</t>
  </si>
  <si>
    <t>non govt</t>
  </si>
  <si>
    <t>GES BASTI CHANNAR</t>
  </si>
  <si>
    <t>Basti Channar</t>
  </si>
  <si>
    <t>ges basti channar p/o dajal tehsil jampur district rajanpur</t>
  </si>
  <si>
    <t>Jhook Mahar</t>
  </si>
  <si>
    <t>Muhammad Rashid</t>
  </si>
  <si>
    <t>GES BASTI CHHEENA</t>
  </si>
  <si>
    <t>bhakkar nashaib</t>
  </si>
  <si>
    <t>GES basti chheena bhakkar</t>
  </si>
  <si>
    <t>basti chheena bhakkar</t>
  </si>
  <si>
    <t>gadola</t>
  </si>
  <si>
    <t>MUHAMMAD UMAR FAROOQ</t>
  </si>
  <si>
    <t>GES BASTI CHHINA</t>
  </si>
  <si>
    <t>Basti Cheena</t>
  </si>
  <si>
    <t>Basti Cheena Tehsil Jampur District Rajanpur</t>
  </si>
  <si>
    <t>GES BASTI DHANDLAY WALA</t>
  </si>
  <si>
    <t>basti dhandla uc tal shumali</t>
  </si>
  <si>
    <t>Basti Dhandla</t>
  </si>
  <si>
    <t>GES BASTI DOCTOR MUNEER</t>
  </si>
  <si>
    <t>Ghulamoon arain</t>
  </si>
  <si>
    <t>basti khokheran tehsil bahawalpur sadar</t>
  </si>
  <si>
    <t>Basti Khokheran</t>
  </si>
  <si>
    <t>Mohammed Adnan Shakeel</t>
  </si>
  <si>
    <t>GES BASTI ELAHI BUX NONARI</t>
  </si>
  <si>
    <t>MURTAZA ABAD - MALE</t>
  </si>
  <si>
    <t>Basti Elahi Bux Nonari R Y Khan</t>
  </si>
  <si>
    <t>Basti Elahi Bux Nonari</t>
  </si>
  <si>
    <t>GES BASTI FAUJA</t>
  </si>
  <si>
    <t>Basti fauja</t>
  </si>
  <si>
    <t>GES BASTI GAGRA P/O JHOKE VAINCE</t>
  </si>
  <si>
    <t>MATITAL - MALE</t>
  </si>
  <si>
    <t>BASTI GAGRA</t>
  </si>
  <si>
    <t>GES  BASTI GAGRA P/O JHOKE VAINCE</t>
  </si>
  <si>
    <t>JUNGLE KALRANWALA</t>
  </si>
  <si>
    <t>muhammad badar maqbool</t>
  </si>
  <si>
    <t>GES BASTI GAZRAN</t>
  </si>
  <si>
    <t>Jesalwain</t>
  </si>
  <si>
    <t>BASTI GAZRAN PURANA RANG PUR ROAD JAISALWAHIN PO BHUTTAPUR MUZAFFARGARH</t>
  </si>
  <si>
    <t>BASTI GAZRAN</t>
  </si>
  <si>
    <t>BHUTTAPUR</t>
  </si>
  <si>
    <t>GES BASTI GHAZI SHAH</t>
  </si>
  <si>
    <t>Ghazi Shah</t>
  </si>
  <si>
    <t>GES basti ghazi shah jhang</t>
  </si>
  <si>
    <t>arif ali</t>
  </si>
  <si>
    <t>GES BASTI GHULAM FARID</t>
  </si>
  <si>
    <t>MALay Kay Taroo</t>
  </si>
  <si>
    <t>GES GHULAM FARID MALAYka</t>
  </si>
  <si>
    <t>GHULAM FARID MALEKA</t>
  </si>
  <si>
    <t>KUMHARI WALA</t>
  </si>
  <si>
    <t>ABID ALI</t>
  </si>
  <si>
    <t>GES BASTI HIRAJ</t>
  </si>
  <si>
    <t>KHANPUR SHUMALI</t>
  </si>
  <si>
    <t>basti haraj district muzaffargarh</t>
  </si>
  <si>
    <t>Basti Haraj</t>
  </si>
  <si>
    <t>KHANPUR NORTH</t>
  </si>
  <si>
    <t>Hafiz Muhammad Binyamin</t>
  </si>
  <si>
    <t>GES BASTI ISLAMABAD</t>
  </si>
  <si>
    <t>basti islamabad</t>
  </si>
  <si>
    <t>Basti Islamabad</t>
  </si>
  <si>
    <t>GES BASTI JAM</t>
  </si>
  <si>
    <t>Basti Jam Post Office Kot Chhutta Tehsil Kot Chhutta District D.G.Khan</t>
  </si>
  <si>
    <t>MUHAMMAD YASEEN KHAN</t>
  </si>
  <si>
    <t>GES BASTI JAM ELLAHI BUX CHACHAR</t>
  </si>
  <si>
    <t>UMER KOT - MALE</t>
  </si>
  <si>
    <t>Basti Jaam Ellahi Bux Chachar saleemabad uc bangla hidayat tehsil Rojhan</t>
  </si>
  <si>
    <t>BASTI CHACHRAN</t>
  </si>
  <si>
    <t>Bangla Hidayat</t>
  </si>
  <si>
    <t>GHULAM GHOUS</t>
  </si>
  <si>
    <t>GES BASTI KACHA</t>
  </si>
  <si>
    <t>PATTAN MANARA - MALE</t>
  </si>
  <si>
    <t>Kachha</t>
  </si>
  <si>
    <t>G E/S basti kachha Pattan manara road rahim yar khan</t>
  </si>
  <si>
    <t>114-P</t>
  </si>
  <si>
    <t>Farhan Ahmad Nouman</t>
  </si>
  <si>
    <t>GES BASTI KHADAL KALAN MULTAN</t>
  </si>
  <si>
    <t>JHOKE WAINS - MALE</t>
  </si>
  <si>
    <t>Khadal</t>
  </si>
  <si>
    <t>Mouza khadal multan</t>
  </si>
  <si>
    <t>Khadal kalan</t>
  </si>
  <si>
    <t>Jungle kalran</t>
  </si>
  <si>
    <t>GES BASTI KHAHI</t>
  </si>
  <si>
    <t>Wahid Bux Lar</t>
  </si>
  <si>
    <t>basti khahi</t>
  </si>
  <si>
    <t>Basti Khahi</t>
  </si>
  <si>
    <t>GES BASTI KHAN MUHAMMAD</t>
  </si>
  <si>
    <t>Noor Wah</t>
  </si>
  <si>
    <t>E/S Khan Muhammad</t>
  </si>
  <si>
    <t>Shafique Ahmed Siddique</t>
  </si>
  <si>
    <t>GES BASTI KHAN PUR</t>
  </si>
  <si>
    <t>Khan Pur tibba    p. O dhanote</t>
  </si>
  <si>
    <t>Khan Pur Taba</t>
  </si>
  <si>
    <t>Thati Sameja</t>
  </si>
  <si>
    <t>Syed Gohar Shabbir</t>
  </si>
  <si>
    <t>GES BASTI KHARA</t>
  </si>
  <si>
    <t>Sabzo Jatt</t>
  </si>
  <si>
    <t>Basti khara post office basira muzafargarh</t>
  </si>
  <si>
    <t>Basti Khara</t>
  </si>
  <si>
    <t>Malik Ashiq Hussain</t>
  </si>
  <si>
    <t>Nearby handpump</t>
  </si>
  <si>
    <t>GES BASTI KHARANI</t>
  </si>
  <si>
    <t>basti kharani</t>
  </si>
  <si>
    <t>Basti Kharani</t>
  </si>
  <si>
    <t>Mohammad Waqas</t>
  </si>
  <si>
    <t>GES BASTI KHOJAN WALI NO 1</t>
  </si>
  <si>
    <t>Karam Khan</t>
  </si>
  <si>
    <t>Govt E/S Basti Khawaja Abad</t>
  </si>
  <si>
    <t>Basti Khawaja Abad</t>
  </si>
  <si>
    <t>Abdullah</t>
  </si>
  <si>
    <t>GES BASTI KUDNA</t>
  </si>
  <si>
    <t>Rao Bela Sharqi</t>
  </si>
  <si>
    <t>Basti Kudna, Mauza Rao Bela Sharqi, Near mahmood Kot (city), Distt Muzaffargarh</t>
  </si>
  <si>
    <t>Basti Kudna</t>
  </si>
  <si>
    <t>GES BASTI LAKHA, MOUZA MARI SAHU, KABIRWALA</t>
  </si>
  <si>
    <t>MARI SAHU</t>
  </si>
  <si>
    <t>BASTI LAKHA, MOUZA MARI SAHU, KABIRWALA</t>
  </si>
  <si>
    <t>MIAN MUJAHID HUSSAIN</t>
  </si>
  <si>
    <t>GES BASTI LAL SHAH P/O BAHMENI WALA</t>
  </si>
  <si>
    <t>salsadar</t>
  </si>
  <si>
    <t>Basti khanqa wala salsadar lodhran</t>
  </si>
  <si>
    <t>khanqa wala</t>
  </si>
  <si>
    <t>Abdul Rahman</t>
  </si>
  <si>
    <t>GES BASTI LANG BASTI LANG</t>
  </si>
  <si>
    <t>Basti lang</t>
  </si>
  <si>
    <t>permit road, basti lang, Jalal Pur Pir Wala District Multan</t>
  </si>
  <si>
    <t>Nauraja Bhutta</t>
  </si>
  <si>
    <t>Sana Ullah Nasir</t>
  </si>
  <si>
    <t>GES BASTI LARAN</t>
  </si>
  <si>
    <t>basti Laran P/o Jamal Din Wali ,SDK</t>
  </si>
  <si>
    <t>Basti Laran</t>
  </si>
  <si>
    <t>Jamal DiN Wali</t>
  </si>
  <si>
    <t>Yasmin Aziz</t>
  </si>
  <si>
    <t>GES BASTI LOTHER</t>
  </si>
  <si>
    <t>Khokhar isra nashaib</t>
  </si>
  <si>
    <t>gES basti loother tehsil karor district layyah</t>
  </si>
  <si>
    <t>basti loother</t>
  </si>
  <si>
    <t>sahu wala</t>
  </si>
  <si>
    <t>Aziz abbas</t>
  </si>
  <si>
    <t>GES BASTI LUQMAN (EID GAH) NOORPUR NAURANGA</t>
  </si>
  <si>
    <t>Ghulamu Arain</t>
  </si>
  <si>
    <t>Basti luqman</t>
  </si>
  <si>
    <t>Muhammad Arslan</t>
  </si>
  <si>
    <t>GES BASTI MAKORA</t>
  </si>
  <si>
    <t>Rakh Kacha Chohan</t>
  </si>
  <si>
    <t>Basti Abdul rehman adv</t>
  </si>
  <si>
    <t>Basti Makora</t>
  </si>
  <si>
    <t>Syed Aleem Hussain Shah</t>
  </si>
  <si>
    <t>GES BASTI MALANA</t>
  </si>
  <si>
    <t>GES BASTI MOLVIAN</t>
  </si>
  <si>
    <t>Basti Molvian p/o Taj garh Rahim Yar Khan</t>
  </si>
  <si>
    <t>IFTIKHAR ALI</t>
  </si>
  <si>
    <t>GES BASTI MOND</t>
  </si>
  <si>
    <t>Mound</t>
  </si>
  <si>
    <t>chah kaley wala mouza mond p/ o  khangarh</t>
  </si>
  <si>
    <t>Hafiz ghulam Rasool</t>
  </si>
  <si>
    <t>GES BASTI NURD</t>
  </si>
  <si>
    <t>ABBAS NAGAR- MALE</t>
  </si>
  <si>
    <t>Basti nurd</t>
  </si>
  <si>
    <t>Basti Nurd</t>
  </si>
  <si>
    <t>Abdul jabbar</t>
  </si>
  <si>
    <t>GES BASTI PAKKA</t>
  </si>
  <si>
    <t>Pakka</t>
  </si>
  <si>
    <t>basti pakka ali pur kanju tehsile kehror pakka district lodhran</t>
  </si>
  <si>
    <t>Basti Pakka</t>
  </si>
  <si>
    <t>Ali Pur Kanju</t>
  </si>
  <si>
    <t>Abdul Raheem Shahin</t>
  </si>
  <si>
    <t>GES BASTI PATHANAN</t>
  </si>
  <si>
    <t>maoza bait malana ghazi ghat</t>
  </si>
  <si>
    <t>Basti Pathanan</t>
  </si>
  <si>
    <t>Riaz Hussain Khan</t>
  </si>
  <si>
    <t>GES BASTI PUNJAB</t>
  </si>
  <si>
    <t>UMER  KOT</t>
  </si>
  <si>
    <t>BASTII PUNJAB UMER KOT TEHSIL ROJHAN DISTRICT RAJANPUR</t>
  </si>
  <si>
    <t>UMER KOT</t>
  </si>
  <si>
    <t>umer KOT</t>
  </si>
  <si>
    <t>GES BASTI PURSAN</t>
  </si>
  <si>
    <t>AKRAM ABAD - MALE</t>
  </si>
  <si>
    <t>Khukharan</t>
  </si>
  <si>
    <t>basti pursan ryk</t>
  </si>
  <si>
    <t>Basti Pursan</t>
  </si>
  <si>
    <t>Kot Kumoo Shah</t>
  </si>
  <si>
    <t>GES BASTI RANA MUHAMMAD HUSSAIN SHARKIR</t>
  </si>
  <si>
    <t>chaudry</t>
  </si>
  <si>
    <t>basti rana muhammad hussain shakir</t>
  </si>
  <si>
    <t>basti rana shakir</t>
  </si>
  <si>
    <t>Waqar ul Hassan Raja</t>
  </si>
  <si>
    <t>GES BASTI RUSTOMANI EAST</t>
  </si>
  <si>
    <t>Bela</t>
  </si>
  <si>
    <t>basti rustmani monza Bela,  darkhana wadoor markaz sadar west dg khan.</t>
  </si>
  <si>
    <t>Basti Rustmani East</t>
  </si>
  <si>
    <t>GES BASTI SEEKAR</t>
  </si>
  <si>
    <t>Seekar</t>
  </si>
  <si>
    <t>Basti and Mouza Seekar, Kahror Pacca, District Lodhran.</t>
  </si>
  <si>
    <t>Tibbi Waddan</t>
  </si>
  <si>
    <t>GES BASTI SHAH MUHAMMAD</t>
  </si>
  <si>
    <t>Kot Ghunia</t>
  </si>
  <si>
    <t>basti shah muhammad</t>
  </si>
  <si>
    <t>Basti Shah Muhammad Muhammad</t>
  </si>
  <si>
    <t>GES BASTI SHER WALI</t>
  </si>
  <si>
    <t>JABBI SHARIF (SOUTH) (MALE)</t>
  </si>
  <si>
    <t>Govt.E/S Basti Sherwali</t>
  </si>
  <si>
    <t>Basti Sherwali</t>
  </si>
  <si>
    <t>Syed Waqar Hassan Shah</t>
  </si>
  <si>
    <t>GES BASTI SIALKOT (Upgraded)</t>
  </si>
  <si>
    <t>Sialkot</t>
  </si>
  <si>
    <t>basti sialkot</t>
  </si>
  <si>
    <t>Gudra</t>
  </si>
  <si>
    <t>Muhammad Yousuf Malik</t>
  </si>
  <si>
    <t>GES BASTI SIKHANI</t>
  </si>
  <si>
    <t>BASTI SIKHANI, P/O NUTKANI, U/C PANJGRAIN</t>
  </si>
  <si>
    <t>BASTI SIKHANI</t>
  </si>
  <si>
    <t>GES BASTI SODA</t>
  </si>
  <si>
    <t>govt elementary school basti soda</t>
  </si>
  <si>
    <t>GES BASTI SWAITRA</t>
  </si>
  <si>
    <t>RAHIM ABAD - MALE</t>
  </si>
  <si>
    <t>Shera swaitra</t>
  </si>
  <si>
    <t>Basti Swaitra</t>
  </si>
  <si>
    <t>swaitra</t>
  </si>
  <si>
    <t>Muhammad Anjum shahzad</t>
  </si>
  <si>
    <t>GES BASTI TAYYAB</t>
  </si>
  <si>
    <t>basti Tayyab</t>
  </si>
  <si>
    <t>Basti Tayyab</t>
  </si>
  <si>
    <t>Muhammad Zakiullah Shafique</t>
  </si>
  <si>
    <t>water plant RO</t>
  </si>
  <si>
    <t>GES BASTI YAR MUHAMMAD</t>
  </si>
  <si>
    <t>AIRPORT - MALE</t>
  </si>
  <si>
    <t>Nauabad</t>
  </si>
  <si>
    <t>Basti Yar Muhammad</t>
  </si>
  <si>
    <t>Mari Shaikh Shujra</t>
  </si>
  <si>
    <t>Muhammad zahid</t>
  </si>
  <si>
    <t>GES BASTIKALWAR BASTI KALWAR</t>
  </si>
  <si>
    <t>BHONG-MALE</t>
  </si>
  <si>
    <t>Rahim Abad</t>
  </si>
  <si>
    <t>GES basti kalwar rahim abad</t>
  </si>
  <si>
    <t>GES BATE BOGHA SOUTH</t>
  </si>
  <si>
    <t>Bait Bogha</t>
  </si>
  <si>
    <t>Basti Muhammad Ali shah, Bait bogha tehsil and distt Bhakkar</t>
  </si>
  <si>
    <t>Basti Muhammad Ali Shah</t>
  </si>
  <si>
    <t>Muhammad Yasir Aqeel</t>
  </si>
  <si>
    <t>GES BATH KALAN TEH PATTOKI</t>
  </si>
  <si>
    <t>SARAI MUGHAL - MALE</t>
  </si>
  <si>
    <t>bath kalan</t>
  </si>
  <si>
    <t>bath kalan Tehsil pattoki disst kasur</t>
  </si>
  <si>
    <t>GES BATH MULTAN ROAD</t>
  </si>
  <si>
    <t>Batth</t>
  </si>
  <si>
    <t>GES Batth multan road Lahore</t>
  </si>
  <si>
    <t>Manga Tarray</t>
  </si>
  <si>
    <t>Anwar Ali Shah</t>
  </si>
  <si>
    <t>GES BATJRANA KANIAL</t>
  </si>
  <si>
    <t>Kanial Bajrana</t>
  </si>
  <si>
    <t>GBES Bajrana kanial teh gujar khan district rawal pindi</t>
  </si>
  <si>
    <t>Mohra Kanial</t>
  </si>
  <si>
    <t>Mohra Noori</t>
  </si>
  <si>
    <t>MUHAMMAD BILAL RASHEED</t>
  </si>
  <si>
    <t>GES BAWALI</t>
  </si>
  <si>
    <t>S.A.GIR II - MALE</t>
  </si>
  <si>
    <t>bawali</t>
  </si>
  <si>
    <t>village bawali teh sarai alamgir distt gujrat</t>
  </si>
  <si>
    <t>Muhammad  Atta Mustafa</t>
  </si>
  <si>
    <t>GES BAWATA</t>
  </si>
  <si>
    <t>BAWATA-MALE</t>
  </si>
  <si>
    <t>Bawata</t>
  </si>
  <si>
    <t>bawata p/o khar fourtminroo</t>
  </si>
  <si>
    <t>Tuman Legharee</t>
  </si>
  <si>
    <t>GES BEERH</t>
  </si>
  <si>
    <t>Beerh</t>
  </si>
  <si>
    <t>village beerh</t>
  </si>
  <si>
    <t>Adha</t>
  </si>
  <si>
    <t>Ifrat Ali</t>
  </si>
  <si>
    <t>GES BEGA MEHRAJ PUR</t>
  </si>
  <si>
    <t>Bega</t>
  </si>
  <si>
    <t>BEGA MEHROJPUR TEH KHARIAN DISTT GUJRAT</t>
  </si>
  <si>
    <t>BEGA MEHROJPUR</t>
  </si>
  <si>
    <t>Bahrwal</t>
  </si>
  <si>
    <t>ZAFAR IQBAL</t>
  </si>
  <si>
    <t>GES BEGAL</t>
  </si>
  <si>
    <t>VPO Begal ,Chakwal</t>
  </si>
  <si>
    <t>GES BEGUM DA KOT</t>
  </si>
  <si>
    <t>CHUNIAN SADAR - MALE</t>
  </si>
  <si>
    <t>Cheena Hithar</t>
  </si>
  <si>
    <t>begum da kot</t>
  </si>
  <si>
    <t>Begum Da Kot</t>
  </si>
  <si>
    <t>Muhammad Younas Shah</t>
  </si>
  <si>
    <t>GES BEHAK LURKA</t>
  </si>
  <si>
    <t>Behak Lurka</t>
  </si>
  <si>
    <t>village behak lurka via mangni pull</t>
  </si>
  <si>
    <t>Ghulla Pur</t>
  </si>
  <si>
    <t>Amaan Ullah</t>
  </si>
  <si>
    <t>GES BEHAK MAIKEN</t>
  </si>
  <si>
    <t>CHAK 84-NB - MALE</t>
  </si>
  <si>
    <t>Behak Maiken</t>
  </si>
  <si>
    <t>Chak behak maken</t>
  </si>
  <si>
    <t>92NB</t>
  </si>
  <si>
    <t>Muhammad Younis Khan</t>
  </si>
  <si>
    <t>GES BEHAR COLONY</t>
  </si>
  <si>
    <t>AEO (M) CHINIOT NO.42</t>
  </si>
  <si>
    <t>Mohallah Behar Colony Chiniot</t>
  </si>
  <si>
    <t>Behar Colony</t>
  </si>
  <si>
    <t>GES BEHARI COLONY</t>
  </si>
  <si>
    <t>Chak 111/P</t>
  </si>
  <si>
    <t>30-A</t>
  </si>
  <si>
    <t>Muhammad Sharif Gujar</t>
  </si>
  <si>
    <t>GES BEHARI COLONY LALA MUSA</t>
  </si>
  <si>
    <t>MOHALLAH BEHARI COLONY LALAMUSA</t>
  </si>
  <si>
    <t>Lalamusa</t>
  </si>
  <si>
    <t>MC LALAMUSA</t>
  </si>
  <si>
    <t>GES BEHARI GHARBI</t>
  </si>
  <si>
    <t>ALI KHEL - MALE</t>
  </si>
  <si>
    <t>GES Bahari Gharbi Tehsil kallur kot District Bhakkar</t>
  </si>
  <si>
    <t>Bahari Gharbi</t>
  </si>
  <si>
    <t>Ali Khel</t>
  </si>
  <si>
    <t>GES BEHBOODI</t>
  </si>
  <si>
    <t>behboodi</t>
  </si>
  <si>
    <t>v.p.o behboodi tehsil hazro  district attock</t>
  </si>
  <si>
    <t>malik mala</t>
  </si>
  <si>
    <t>AHMED SAEED</t>
  </si>
  <si>
    <t>GES BEHL CHAKKA</t>
  </si>
  <si>
    <t>Bhangal</t>
  </si>
  <si>
    <t>. P. O  lehtrar Behl chakka kotlisattian</t>
  </si>
  <si>
    <t>Behl chakka</t>
  </si>
  <si>
    <t>motor pipe</t>
  </si>
  <si>
    <t>GES BEHLOL PUR</t>
  </si>
  <si>
    <t>GES Behlolpur P/O Ahmadabad</t>
  </si>
  <si>
    <t>Muhammad Rasheed</t>
  </si>
  <si>
    <t>GES BEHLOT</t>
  </si>
  <si>
    <t>Bahlot</t>
  </si>
  <si>
    <t>village bahlot p.o Jhang Teh.fathejang distt.attock</t>
  </si>
  <si>
    <t>Ghulam Muhammad</t>
  </si>
  <si>
    <t>GES BENGLAW NAWAN KOT</t>
  </si>
  <si>
    <t>bangla mori, bangla nawan kot</t>
  </si>
  <si>
    <t>Bangla</t>
  </si>
  <si>
    <t>Ijaz Hussain Abbasi</t>
  </si>
  <si>
    <t>GES BERI WALA</t>
  </si>
  <si>
    <t>Beriwala</t>
  </si>
  <si>
    <t>village beriwala post office vanike tarar tehsil dist. hafizabad</t>
  </si>
  <si>
    <t>Deernky Lalky</t>
  </si>
  <si>
    <t>Junaid Zahid</t>
  </si>
  <si>
    <t>GES BHABRA WAH CANTT</t>
  </si>
  <si>
    <t>WAH - MALE</t>
  </si>
  <si>
    <t>Bhabra</t>
  </si>
  <si>
    <t>village bhabra post office lalazar wah cantt</t>
  </si>
  <si>
    <t>wah Cantt Board</t>
  </si>
  <si>
    <t>Dr Muhammad Anwar</t>
  </si>
  <si>
    <t>boaring</t>
  </si>
  <si>
    <t>GES BHABRIAN WALA</t>
  </si>
  <si>
    <t>Bhabrianwala</t>
  </si>
  <si>
    <t>Sabar Hussain</t>
  </si>
  <si>
    <t>GES BHADAY WALA</t>
  </si>
  <si>
    <t>BAMBANWALA - MALE</t>
  </si>
  <si>
    <t>Bhadaywala</t>
  </si>
  <si>
    <t>Mitranwali</t>
  </si>
  <si>
    <t>Muhammad Arshad Khan</t>
  </si>
  <si>
    <t>GES BHAG</t>
  </si>
  <si>
    <t>Bhag Tehsil Pasrur District Sialkot</t>
  </si>
  <si>
    <t>Umer Masood</t>
  </si>
  <si>
    <t>GES BHAGOON</t>
  </si>
  <si>
    <t>Bhagoon</t>
  </si>
  <si>
    <t>P/o Bhagoon Tehsil Kahuta Dist Rwp</t>
  </si>
  <si>
    <t>Muhammad Mansoor Sadiq</t>
  </si>
  <si>
    <t>GES BHAGOWAL KALAN</t>
  </si>
  <si>
    <t>TANDA-II-MALE</t>
  </si>
  <si>
    <t>Bhagowal Kalan</t>
  </si>
  <si>
    <t>bhagowal kalan</t>
  </si>
  <si>
    <t>M Asif</t>
  </si>
  <si>
    <t>GES BHAGOWELA</t>
  </si>
  <si>
    <t>Bhagwaila</t>
  </si>
  <si>
    <t>Pull Qadir Wali Bhagwaila Post Office Kotsamaba 64170 tehsil &amp; disst. Rahim Yar Khan</t>
  </si>
  <si>
    <t>Khawar Shahzad Mughal</t>
  </si>
  <si>
    <t>GES BHAGWAL</t>
  </si>
  <si>
    <t>Karsal</t>
  </si>
  <si>
    <t>Faqeer Muhammad</t>
  </si>
  <si>
    <t>GES BHAGWAL AWAN</t>
  </si>
  <si>
    <t>bhagwal awan</t>
  </si>
  <si>
    <t>Javid Iqbal</t>
  </si>
  <si>
    <t>GES BHAHO GHASIT PUR</t>
  </si>
  <si>
    <t>NOONA WALI II - MALE</t>
  </si>
  <si>
    <t>Bhau Ghaseet</t>
  </si>
  <si>
    <t>bhau ghaseet pur kharian gujrat</t>
  </si>
  <si>
    <t>Bhau Ghaset Pur</t>
  </si>
  <si>
    <t>Bhau Ghaseet Pur</t>
  </si>
  <si>
    <t>Muhammad Hayat Javed</t>
  </si>
  <si>
    <t>GES BHAI KHAN</t>
  </si>
  <si>
    <t>Bhai Khan</t>
  </si>
  <si>
    <t>bhai khan tehsil gujarkhan</t>
  </si>
  <si>
    <t>Jero Ratial</t>
  </si>
  <si>
    <t>GES BHAIDAIN WALA</t>
  </si>
  <si>
    <t>Malik pur</t>
  </si>
  <si>
    <t>p/o retra bhaidain wali taunsa sharif</t>
  </si>
  <si>
    <t>Bhaidain Wali</t>
  </si>
  <si>
    <t>Muhammad Husnain</t>
  </si>
  <si>
    <t>GES BHAIR SODDIAN</t>
  </si>
  <si>
    <t>Bhair Sodian</t>
  </si>
  <si>
    <t>Bhair sodian</t>
  </si>
  <si>
    <t>Bhagiana Khurd</t>
  </si>
  <si>
    <t>Hafiz Muhammad Imran</t>
  </si>
  <si>
    <t>GES BHAKA BHATTIAN</t>
  </si>
  <si>
    <t>SHAMIR DINGA - MALE</t>
  </si>
  <si>
    <t>Bhaka Bhattian</t>
  </si>
  <si>
    <t>Village Bhaka Bhattian Tehsil &amp; District Hafizabad</t>
  </si>
  <si>
    <t>Nahrianwala</t>
  </si>
  <si>
    <t>Hafiz Naseem</t>
  </si>
  <si>
    <t>GES BHAKAL BHER P/O GULZAR PUR</t>
  </si>
  <si>
    <t>Bhakal Bher</t>
  </si>
  <si>
    <t>GES Bhakal Bher p/o gulzar pur purana duniya pur Multan</t>
  </si>
  <si>
    <t>Bhaini</t>
  </si>
  <si>
    <t>Asif Saeed</t>
  </si>
  <si>
    <t>GES BHAKHIAN WALA</t>
  </si>
  <si>
    <t>Bhakhian Wala</t>
  </si>
  <si>
    <t>Bhakhian Wala tehsil daska district sialkot</t>
  </si>
  <si>
    <t>Sahjo Kala</t>
  </si>
  <si>
    <t>GES BHAKHO BHATTI</t>
  </si>
  <si>
    <t>GADGORE - MALE</t>
  </si>
  <si>
    <t>Bakho Bhatti</t>
  </si>
  <si>
    <t>Village Bakho Bhatti Tehsil Pasrur District Sialkot</t>
  </si>
  <si>
    <t>Bhakho Bhatti</t>
  </si>
  <si>
    <t>Mubshar Raza</t>
  </si>
  <si>
    <t>GES BHAKHRAY WALI</t>
  </si>
  <si>
    <t>DHANAWALI - MALE</t>
  </si>
  <si>
    <t>Bhakhray wali</t>
  </si>
  <si>
    <t>P O box &amp; village Bhakhray wali  Teh Sambrial Dirt. Sialkot</t>
  </si>
  <si>
    <t>Majra kalan</t>
  </si>
  <si>
    <t>Ulfat Nazir Cheema</t>
  </si>
  <si>
    <t>GES BHAKOKI</t>
  </si>
  <si>
    <t>Bhakoki</t>
  </si>
  <si>
    <t>Bhakoki post office jalalpur jattan Gujrat</t>
  </si>
  <si>
    <t>Thata Musa</t>
  </si>
  <si>
    <t>GES BHAL SYEDAN</t>
  </si>
  <si>
    <t>FATEH JANG - MALE</t>
  </si>
  <si>
    <t>Bhall Syedan</t>
  </si>
  <si>
    <t>bhall Syedan p.o &amp;Tehseel Fateh Jang district attock</t>
  </si>
  <si>
    <t>Ajju Wala</t>
  </si>
  <si>
    <t>Abdul Jabbar Shah</t>
  </si>
  <si>
    <t>GES BHALESRAN WALA</t>
  </si>
  <si>
    <t>DINGA I - MALE</t>
  </si>
  <si>
    <t>Bhalesranwala</t>
  </si>
  <si>
    <t>GES Bhalesranwala</t>
  </si>
  <si>
    <t>Warainchanawala</t>
  </si>
  <si>
    <t>Muhammed Zaman</t>
  </si>
  <si>
    <t>GES BHALIAN</t>
  </si>
  <si>
    <t>chah bhalian p/o nawan kot tehsile choubara dusty layyah</t>
  </si>
  <si>
    <t>Bhalian</t>
  </si>
  <si>
    <t>MUHAMMAD ASHFAQ HUSSAIN</t>
  </si>
  <si>
    <t>GES BHALLOWAL</t>
  </si>
  <si>
    <t>Bhallowal</t>
  </si>
  <si>
    <t>Daffar</t>
  </si>
  <si>
    <t>Raheel Abbas</t>
  </si>
  <si>
    <t>GES BHAN BARRAY KHAIL</t>
  </si>
  <si>
    <t>GES BARRAY KHAIL</t>
  </si>
  <si>
    <t>Barray Khail</t>
  </si>
  <si>
    <t>KHUDA BAKHSH</t>
  </si>
  <si>
    <t>GES BHANDAR</t>
  </si>
  <si>
    <t>Bhander</t>
  </si>
  <si>
    <t>v p/o bhander tehsil Jand district attock</t>
  </si>
  <si>
    <t>Langer</t>
  </si>
  <si>
    <t>GES BHANGALA</t>
  </si>
  <si>
    <t>V &amp; PO Bhangala Tehsil Sohawa Distt Jhelum</t>
  </si>
  <si>
    <t>GES BHANGALI DAIRY FARM</t>
  </si>
  <si>
    <t>Bangali Dairy</t>
  </si>
  <si>
    <t>Bangali dairy farm lahore cantt</t>
  </si>
  <si>
    <t>Bhangali</t>
  </si>
  <si>
    <t>GES BHANGALI GUJAR</t>
  </si>
  <si>
    <t>Bhangali Gujar</t>
  </si>
  <si>
    <t>GES Bhangali Gujar Mandra Chakwal Road Gujarkhan</t>
  </si>
  <si>
    <t>Jhongal</t>
  </si>
  <si>
    <t>Muhammad Haris Qureshi</t>
  </si>
  <si>
    <t>GES BHANIAN</t>
  </si>
  <si>
    <t>RAYYA KHAS - MALE</t>
  </si>
  <si>
    <t>Bhanian</t>
  </si>
  <si>
    <t>Muhammad Malik</t>
  </si>
  <si>
    <t>GES BHARAIRI</t>
  </si>
  <si>
    <t>Bharairi</t>
  </si>
  <si>
    <t>MOUZA BHARAIRI P /O SAME TEHSIL 18 hazari district Jhang</t>
  </si>
  <si>
    <t>7/2 Thall Janoobi</t>
  </si>
  <si>
    <t>M Hanif Kalyar</t>
  </si>
  <si>
    <t>GES BHARGAL</t>
  </si>
  <si>
    <t>Bhurgil</t>
  </si>
  <si>
    <t>Mouza Bhurgil Post office Notak</t>
  </si>
  <si>
    <t>GES BHARYON WALA</t>
  </si>
  <si>
    <t>MUSA KHEL-MALE</t>
  </si>
  <si>
    <t>Bharion Wala</t>
  </si>
  <si>
    <t>GES Bharionwala Tehsil and District Mianwali</t>
  </si>
  <si>
    <t>Rokhari</t>
  </si>
  <si>
    <t>Muhammad Yaqoob Baqir</t>
  </si>
  <si>
    <t>GES BHATTAL</t>
  </si>
  <si>
    <t>Village Bathal</t>
  </si>
  <si>
    <t>GES Bathal</t>
  </si>
  <si>
    <t>Bathal</t>
  </si>
  <si>
    <t>Bharian Wala</t>
  </si>
  <si>
    <t>Muhammad Siddique</t>
  </si>
  <si>
    <t>GES BHATTIAN DEWAN</t>
  </si>
  <si>
    <t>Bhattian Dewan</t>
  </si>
  <si>
    <t>Bhattian dewan tehsil zafarwal dist narowal</t>
  </si>
  <si>
    <t>GES BHATTIAN GUJJRAN</t>
  </si>
  <si>
    <t>NOOR KOT - MALE</t>
  </si>
  <si>
    <t>Bhattian Gujjran</t>
  </si>
  <si>
    <t>Gumtala</t>
  </si>
  <si>
    <t>Muhammad Yasin Abid</t>
  </si>
  <si>
    <t>GES BHATU</t>
  </si>
  <si>
    <t>BAHTER - MALE</t>
  </si>
  <si>
    <t>Bathu</t>
  </si>
  <si>
    <t>vill bathu teh fateh jang distt Attock</t>
  </si>
  <si>
    <t>Zakia Basheer</t>
  </si>
  <si>
    <t>GES BHAWANPUR</t>
  </si>
  <si>
    <t>Bhawanpur</t>
  </si>
  <si>
    <t>bhawan pur p/o behal tehsil and district bhakkar</t>
  </si>
  <si>
    <t>Bhawan Pur</t>
  </si>
  <si>
    <t>GES BHEDIAN CHAK 35</t>
  </si>
  <si>
    <t>PATTOKI CITY - MALE</t>
  </si>
  <si>
    <t>Bhedian Chak 35,multan road pattoki</t>
  </si>
  <si>
    <t>BhEdina Chak 35</t>
  </si>
  <si>
    <t>MC pattoki</t>
  </si>
  <si>
    <t>SYED BAQAR HUSSAIN KAZMI</t>
  </si>
  <si>
    <t>GES BHEDIAN KALAN</t>
  </si>
  <si>
    <t>Bhedian Kalan</t>
  </si>
  <si>
    <t>post office khas bhedian kalan tehsil and district kasur</t>
  </si>
  <si>
    <t>bhedian kalan</t>
  </si>
  <si>
    <t>GES BHEEL NAGAR RAHIM YAR KHAN</t>
  </si>
  <si>
    <t>Noor-e-Wali</t>
  </si>
  <si>
    <t>By Pass Road Bheel Nagar RYK</t>
  </si>
  <si>
    <t>Bheel Nagar</t>
  </si>
  <si>
    <t>I</t>
  </si>
  <si>
    <t>Hafiz Muhammad Tahir</t>
  </si>
  <si>
    <t>GES BHEKHO</t>
  </si>
  <si>
    <t>CHAK SHAHBAZ -MALE</t>
  </si>
  <si>
    <t>Bhekho</t>
  </si>
  <si>
    <t>Muhammad Ali Nawaz Anjam</t>
  </si>
  <si>
    <t>GES BHENI NANAK WALI, P/O MOUZA JODH PUR, KABIRWALA</t>
  </si>
  <si>
    <t>Jodhpur</t>
  </si>
  <si>
    <t>ges bhanni nanak wali</t>
  </si>
  <si>
    <t>Bhanni Nanak Wali</t>
  </si>
  <si>
    <t>Mohammad Iqbal</t>
  </si>
  <si>
    <t>GES BHENI PAR</t>
  </si>
  <si>
    <t>FEROZWALA-V - MALE</t>
  </si>
  <si>
    <t>Bhaini Par</t>
  </si>
  <si>
    <t>village bhaini par</t>
  </si>
  <si>
    <t>Bhani Par</t>
  </si>
  <si>
    <t>Bhirth</t>
  </si>
  <si>
    <t>Muhammad Ifrahim</t>
  </si>
  <si>
    <t>GES BHERA</t>
  </si>
  <si>
    <t>Bhera</t>
  </si>
  <si>
    <t>GES Bhera</t>
  </si>
  <si>
    <t>Bhera 1</t>
  </si>
  <si>
    <t>Khan Zaman Khan</t>
  </si>
  <si>
    <t>GES BHERO</t>
  </si>
  <si>
    <t>Moza Bhairo teh&amp;dist jhang</t>
  </si>
  <si>
    <t>Muhammad Anwar Sial</t>
  </si>
  <si>
    <t>GES BHIBHRANA</t>
  </si>
  <si>
    <t>bhibhrana</t>
  </si>
  <si>
    <t>govt.elementry school bhibhrana p/o kandiwal tehsil lalian district  chiniot</t>
  </si>
  <si>
    <t>kandiwal</t>
  </si>
  <si>
    <t>Ahmad Sher</t>
  </si>
  <si>
    <t>GES BHIDWAL WALA</t>
  </si>
  <si>
    <t>Bhidwal Wala</t>
  </si>
  <si>
    <t>Bhidwal wala Tahsil mankera distt Bhakkar</t>
  </si>
  <si>
    <t>Ahmad Bakhsh</t>
  </si>
  <si>
    <t>GES BHIKO CHAK</t>
  </si>
  <si>
    <t>BARA MANGA-MALE</t>
  </si>
  <si>
    <t>Bhiko Chak</t>
  </si>
  <si>
    <t>village bhiko chak p.o baramanga tehsil shakargarh district narowal</t>
  </si>
  <si>
    <t>Wali Pur Borah</t>
  </si>
  <si>
    <t>ABDUL SATTAR</t>
  </si>
  <si>
    <t>GES BHILMANA</t>
  </si>
  <si>
    <t>Bhilmana</t>
  </si>
  <si>
    <t>bhilmana p/o notak tehsil and district bhakkar</t>
  </si>
  <si>
    <t>syed zakir hussain</t>
  </si>
  <si>
    <t>GES BHILOWAL</t>
  </si>
  <si>
    <t>Bhilowal</t>
  </si>
  <si>
    <t>vpo bhilowal tehsil p d khan district jhelum</t>
  </si>
  <si>
    <t>Toba</t>
  </si>
  <si>
    <t>HAFIZ ALI AHMAD SABIR</t>
  </si>
  <si>
    <t>GES BHINDA GHULAM HUSSAIN</t>
  </si>
  <si>
    <t>Kasra Monjal</t>
  </si>
  <si>
    <t>GES Bhinda Ghulam Hussain Nawabpura Jhangiwala Bahawalpur</t>
  </si>
  <si>
    <t>Nawabpura</t>
  </si>
  <si>
    <t>GES BHINDER KALAN</t>
  </si>
  <si>
    <t>HELAN - MALE</t>
  </si>
  <si>
    <t>Bhinder Kalan</t>
  </si>
  <si>
    <t>Bhinder Kalan P/O Helan Teh: Phalia Dist: M.B.Din</t>
  </si>
  <si>
    <t>Helan</t>
  </si>
  <si>
    <t>Atiq-Ur-Rehman</t>
  </si>
  <si>
    <t>GES BHINDI</t>
  </si>
  <si>
    <t>Noor Sial</t>
  </si>
  <si>
    <t>Basti Bhindi</t>
  </si>
  <si>
    <t>Bhindi</t>
  </si>
  <si>
    <t>Muhammad iqbal baibrus</t>
  </si>
  <si>
    <t>GES BHINDI KORAI</t>
  </si>
  <si>
    <t>BHINDI KORAI- MALE</t>
  </si>
  <si>
    <t>Bhindi Korai</t>
  </si>
  <si>
    <t>moza bhindi korai tehsil jatoi district muzafar garh</t>
  </si>
  <si>
    <t>Lundi Petafi</t>
  </si>
  <si>
    <t>GES BHIRA</t>
  </si>
  <si>
    <t>Neraghi</t>
  </si>
  <si>
    <t>Naraghi Adda Tehsil Talagang District Chakwal</t>
  </si>
  <si>
    <t>Naraghi Adda</t>
  </si>
  <si>
    <t>Naraghhi</t>
  </si>
  <si>
    <t>GES BHIRKI JAHANIAN</t>
  </si>
  <si>
    <t>Bhirki</t>
  </si>
  <si>
    <t>chak# 142/10-R Bhirki Tehsil jahanian 
District khanewal</t>
  </si>
  <si>
    <t>142/10-R Bhirki</t>
  </si>
  <si>
    <t>Mian Pur</t>
  </si>
  <si>
    <t>GES BHOBRA</t>
  </si>
  <si>
    <t>Bhobra</t>
  </si>
  <si>
    <t>Govt E/S Bhobra</t>
  </si>
  <si>
    <t>GES BHOCHRA JADEED</t>
  </si>
  <si>
    <t>Bhochra</t>
  </si>
  <si>
    <t>dara.teh.sahiwal.distt.sargodha</t>
  </si>
  <si>
    <t>Kot Ameer Khan</t>
  </si>
  <si>
    <t>Bhochra Khuna</t>
  </si>
  <si>
    <t>GES BHOJ PUR</t>
  </si>
  <si>
    <t>bhojpur</t>
  </si>
  <si>
    <t>vill bhoj pur p.o karriyanwala teh and distt Gujrat</t>
  </si>
  <si>
    <t>hazara mughlan</t>
  </si>
  <si>
    <t>GES BHOJI KOT</t>
  </si>
  <si>
    <t>HAZOOR PUR - MALE</t>
  </si>
  <si>
    <t>Bhoji Koot</t>
  </si>
  <si>
    <t>jhal colony khairo koot</t>
  </si>
  <si>
    <t>Khairo Koot Jhal</t>
  </si>
  <si>
    <t>GES BHOJOWAL</t>
  </si>
  <si>
    <t>Bhojowal</t>
  </si>
  <si>
    <t>Bosal Masoor</t>
  </si>
  <si>
    <t>Muhammad Azmat Ullah</t>
  </si>
  <si>
    <t>GES BHOLA CHAK 178/RB</t>
  </si>
  <si>
    <t>SHAHKOT CITY - MALE</t>
  </si>
  <si>
    <t>Bhola Chack</t>
  </si>
  <si>
    <t>bhola chack 178 /rb</t>
  </si>
  <si>
    <t>Bhola Chk</t>
  </si>
  <si>
    <t>Ram Garh Noda</t>
  </si>
  <si>
    <t>Sarfraz ahmad</t>
  </si>
  <si>
    <t>GES BHOMAN BATTH</t>
  </si>
  <si>
    <t>KALASKE - MALE</t>
  </si>
  <si>
    <t>vpo bhoman bath teh sil  wazirabad district gujranwala</t>
  </si>
  <si>
    <t>Bhoman Batth</t>
  </si>
  <si>
    <t>Bhoman Bath</t>
  </si>
  <si>
    <t>mohammad Javed</t>
  </si>
  <si>
    <t>GES BHONE MANZABTA</t>
  </si>
  <si>
    <t>CHURASTA MIAN KHAN - MALE</t>
  </si>
  <si>
    <t>Bhone Manzabta</t>
  </si>
  <si>
    <t>bhone manzabta tehsil depalpur distrik okara</t>
  </si>
  <si>
    <t>Adnan Ahmed</t>
  </si>
  <si>
    <t>GES BHOON</t>
  </si>
  <si>
    <t>Bhone</t>
  </si>
  <si>
    <t>p/o khas tehsil and district Jhang</t>
  </si>
  <si>
    <t>Kot Issa Shah</t>
  </si>
  <si>
    <t>Mehboob Ali</t>
  </si>
  <si>
    <t>GES BHOPAL PUR MANJHLA</t>
  </si>
  <si>
    <t>Bhopal Pur</t>
  </si>
  <si>
    <t>Bhopal pur manjhla tehsil shakargarh district narowal</t>
  </si>
  <si>
    <t>Bhopalpur</t>
  </si>
  <si>
    <t>Chak Amru</t>
  </si>
  <si>
    <t>A shakoor khalid</t>
  </si>
  <si>
    <t>GES BHORE SHARIF</t>
  </si>
  <si>
    <t>BHORE SHARIF</t>
  </si>
  <si>
    <t>BHORE SHARIF ISAKHEL</t>
  </si>
  <si>
    <t>MUHAMMAD JUNAID</t>
  </si>
  <si>
    <t>GES BHULAIR BAJWA</t>
  </si>
  <si>
    <t>BHULAIR Bajwa</t>
  </si>
  <si>
    <t>BHULAIR BAJWA PASRUR SIALKOT</t>
  </si>
  <si>
    <t>BHULAIR BAJWA</t>
  </si>
  <si>
    <t>CHICHERYALI</t>
  </si>
  <si>
    <t>Muhammad Abdur Rehman</t>
  </si>
  <si>
    <t>GES BHULAY BANEWAL</t>
  </si>
  <si>
    <t>Bhullay Banewal</t>
  </si>
  <si>
    <t>Bhullay Banewal Ferlzewala</t>
  </si>
  <si>
    <t>Ferozewala</t>
  </si>
  <si>
    <t>Umar Hayat</t>
  </si>
  <si>
    <t>GES BHUTTAIN</t>
  </si>
  <si>
    <t>Jung Wala</t>
  </si>
  <si>
    <t>basti bhutta jang wala behli shareef markaz jahan pur</t>
  </si>
  <si>
    <t>Bhuttain</t>
  </si>
  <si>
    <t>Behli Sharif</t>
  </si>
  <si>
    <t>Elahi Buksh</t>
  </si>
  <si>
    <t>GES BHUTTAJI</t>
  </si>
  <si>
    <t>Bhutaji Teh &amp; Distt Lodhran</t>
  </si>
  <si>
    <t>WASEEM TARIQ</t>
  </si>
  <si>
    <t>GES BIDDER</t>
  </si>
  <si>
    <t>SUGIAL</t>
  </si>
  <si>
    <t>Govt. Elementary School,Bidder.Sohawa.</t>
  </si>
  <si>
    <t>BIDDER</t>
  </si>
  <si>
    <t>PHULRAY SYEDAN</t>
  </si>
  <si>
    <t>Talib Hussain Hashmi</t>
  </si>
  <si>
    <t>GES BILAL WALA</t>
  </si>
  <si>
    <t>nawakot</t>
  </si>
  <si>
    <t>chah haji abdullah wala nawakot</t>
  </si>
  <si>
    <t>chah Haji Abdullah wal</t>
  </si>
  <si>
    <t>Naeem Tahir</t>
  </si>
  <si>
    <t>GES BILAWAL PUR, KABIRWALA</t>
  </si>
  <si>
    <t>p/o Bilawalpur teh kabirwala distt khanewal</t>
  </si>
  <si>
    <t>Mushtaq Hussain</t>
  </si>
  <si>
    <t>GES BILHER</t>
  </si>
  <si>
    <t>Rakh Kotla Sikhani</t>
  </si>
  <si>
    <t>Ges Bilhar</t>
  </si>
  <si>
    <t>Bilhar</t>
  </si>
  <si>
    <t>Tibbi Kharak</t>
  </si>
  <si>
    <t>Muhammad Anwar Khan</t>
  </si>
  <si>
    <t>GES BILOOKA HITHAR</t>
  </si>
  <si>
    <t>Billuka</t>
  </si>
  <si>
    <t>Bahadarka P/O Chak Abdullah Tehsile and District Bahawalnagar.</t>
  </si>
  <si>
    <t>Chah Ahamad Khan</t>
  </si>
  <si>
    <t>Qasimka</t>
  </si>
  <si>
    <t>Ahmad Hassan</t>
  </si>
  <si>
    <t>GES BINDA</t>
  </si>
  <si>
    <t>Vehova Shomali</t>
  </si>
  <si>
    <t>p/o vehova tahsil taunsa Sharif Dist D.G.khan</t>
  </si>
  <si>
    <t>Binda</t>
  </si>
  <si>
    <t>Zafar Ullah</t>
  </si>
  <si>
    <t>GES BINDA BAHOO SHAH</t>
  </si>
  <si>
    <t>Binda Bahoo  Shah</t>
  </si>
  <si>
    <t>basti madada mouza Binda Bahoo Shah p/o shahani tehsil&amp; district bhakkar</t>
  </si>
  <si>
    <t>Basti Madada</t>
  </si>
  <si>
    <t>Badiani</t>
  </si>
  <si>
    <t>Abidullah Khan</t>
  </si>
  <si>
    <t>GES BINDA SARGANA P/O MUMDAL</t>
  </si>
  <si>
    <t>SARDAR PUR - MALE</t>
  </si>
  <si>
    <t>Binda Sargana</t>
  </si>
  <si>
    <t>mouza binda sargana</t>
  </si>
  <si>
    <t>Mumdal</t>
  </si>
  <si>
    <t>GES BINDI</t>
  </si>
  <si>
    <t>GES Bindi</t>
  </si>
  <si>
    <t>Fakhar Abbas</t>
  </si>
  <si>
    <t>GES BINDI PATUANA NO 1</t>
  </si>
  <si>
    <t>MASSAN - MALE</t>
  </si>
  <si>
    <t>Bindi Patuana Kalan</t>
  </si>
  <si>
    <t>Moza Bindi patuana kalan</t>
  </si>
  <si>
    <t>Pirkot Sadhana</t>
  </si>
  <si>
    <t>GES BINDOOR KOKARI</t>
  </si>
  <si>
    <t>MANZOOR ABAD-MALE</t>
  </si>
  <si>
    <t>Bindoor</t>
  </si>
  <si>
    <t>GES Bindor kokari</t>
  </si>
  <si>
    <t>Deh C</t>
  </si>
  <si>
    <t>Muhammad Ayaz Munir</t>
  </si>
  <si>
    <t>GES BITTAH GHULAM ALI</t>
  </si>
  <si>
    <t>Dj Khan Gharbi No 2</t>
  </si>
  <si>
    <t>basti bitta ghulam ali</t>
  </si>
  <si>
    <t>Bitta Ghulam Ali</t>
  </si>
  <si>
    <t>Dj Khan</t>
  </si>
  <si>
    <t>Khursheed Ahmad</t>
  </si>
  <si>
    <t>GES BITTI</t>
  </si>
  <si>
    <t>Bitti</t>
  </si>
  <si>
    <t>P/o chak no 55 db, tehsil kalur kot dist. bhakkar</t>
  </si>
  <si>
    <t>Chak No 40 Ml</t>
  </si>
  <si>
    <t>GES BITTIAN</t>
  </si>
  <si>
    <t>Watta Khel</t>
  </si>
  <si>
    <t>GES bittian</t>
  </si>
  <si>
    <t>Bittian</t>
  </si>
  <si>
    <t>Muhammad Hayat Khan</t>
  </si>
  <si>
    <t>GES BLAIR CHAK NO 46</t>
  </si>
  <si>
    <t>blair chak no46</t>
  </si>
  <si>
    <t>blair chak no 46 tehsil pattoki district kasur</t>
  </si>
  <si>
    <t>blair chak no 46</t>
  </si>
  <si>
    <t>halla</t>
  </si>
  <si>
    <t>Muhammad hussain</t>
  </si>
  <si>
    <t>GES BLOCK NO. 2 KHANPUR</t>
  </si>
  <si>
    <t>JETHA BHUTTA - MALE</t>
  </si>
  <si>
    <t>GES block#02 old cenma road khanpur (R Y K)</t>
  </si>
  <si>
    <t>70 A</t>
  </si>
  <si>
    <t>Jam Hassan Bakhsh</t>
  </si>
  <si>
    <t>GES BLOCK Y NEW SATTELITE TOWN</t>
  </si>
  <si>
    <t>NEW SATELLITE TOWN - MALE</t>
  </si>
  <si>
    <t>Govt E/S block y sargodha</t>
  </si>
  <si>
    <t>NST</t>
  </si>
  <si>
    <t>M Farooq Malik</t>
  </si>
  <si>
    <t>water delivery</t>
  </si>
  <si>
    <t>GES BOHAR BOGHAY SHAH LODHRAN</t>
  </si>
  <si>
    <t>Bohar Bogey Shah</t>
  </si>
  <si>
    <t>Basti and Mauza Bohar Bogey Shah,Lodhran.</t>
  </si>
  <si>
    <t>Syed Iqbal Hussain Shah</t>
  </si>
  <si>
    <t>GES BOHARA HAYAL</t>
  </si>
  <si>
    <t>Bhora Hayal</t>
  </si>
  <si>
    <t>bhora Hayal Kahuta</t>
  </si>
  <si>
    <t>Raja Muhammad Ishraq</t>
  </si>
  <si>
    <t>GES BOLA</t>
  </si>
  <si>
    <t>JAUHARABAD SADAR (MALE)</t>
  </si>
  <si>
    <t>Hadali</t>
  </si>
  <si>
    <t>bola</t>
  </si>
  <si>
    <t>Bola</t>
  </si>
  <si>
    <t>GES BOLAY WALA</t>
  </si>
  <si>
    <t>Boolay Wala</t>
  </si>
  <si>
    <t>Aadhi Wala UC Boolay wala P/O Muhammadpur Tehsil Jampur District Rajanpur</t>
  </si>
  <si>
    <t>Aadhi Wala</t>
  </si>
  <si>
    <t>GES BOOPRA KALAN</t>
  </si>
  <si>
    <t>Bupra kalan</t>
  </si>
  <si>
    <t>Bupra Kalan</t>
  </si>
  <si>
    <t>Mohammad Mubasher</t>
  </si>
  <si>
    <t>GES BORALA CHAK NO. 182/RB</t>
  </si>
  <si>
    <t>Shahkot</t>
  </si>
  <si>
    <t>borala chak 182</t>
  </si>
  <si>
    <t>Borala</t>
  </si>
  <si>
    <t>Nathuwala</t>
  </si>
  <si>
    <t>Muhammad Awais Aslam</t>
  </si>
  <si>
    <t>GES BORI KHEL</t>
  </si>
  <si>
    <t>Boring Khel</t>
  </si>
  <si>
    <t>village and p/o borikhel the and disst mianwali</t>
  </si>
  <si>
    <t>bori khel</t>
  </si>
  <si>
    <t>Ghundi</t>
  </si>
  <si>
    <t>GES BOSAN HITTAR</t>
  </si>
  <si>
    <t>BOSAN - MALE</t>
  </si>
  <si>
    <t>BOSAN HITHAR</t>
  </si>
  <si>
    <t>BASTI BOSAN HITHAR MARKAZ BOSAN TEHSIL MULTAN SADDAR DISTRICT MULTAN</t>
  </si>
  <si>
    <t>BOSAN</t>
  </si>
  <si>
    <t>EJAZ RASOOL</t>
  </si>
  <si>
    <t>GES BOTALA</t>
  </si>
  <si>
    <t>MITHA TIWANA (WEST) (MALE)</t>
  </si>
  <si>
    <t>Botala</t>
  </si>
  <si>
    <t>govt elementary school Botala, Tehsil &amp;distt. Khushab</t>
  </si>
  <si>
    <t>Mahmood-ul-Hassan</t>
  </si>
  <si>
    <t>GES BOUNKAN</t>
  </si>
  <si>
    <t>Bounkan</t>
  </si>
  <si>
    <t>Bounkan Tehsil &amp; District Sialkot</t>
  </si>
  <si>
    <t>Naimat Ullah</t>
  </si>
  <si>
    <t>GES BRAMKA HITHAR</t>
  </si>
  <si>
    <t>MND-XIV-MALE</t>
  </si>
  <si>
    <t>Behramka hithar</t>
  </si>
  <si>
    <t>behramka hithar tehsil minchnabad bahawalnagar</t>
  </si>
  <si>
    <t>behramka hithar</t>
  </si>
  <si>
    <t>Behramka Hithar</t>
  </si>
  <si>
    <t>GES BRAWARA</t>
  </si>
  <si>
    <t>Malot Sattian</t>
  </si>
  <si>
    <t>brawara malot sattian tehsil kotli sattian district rawalpindi</t>
  </si>
  <si>
    <t>Brawara</t>
  </si>
  <si>
    <t>Afaq Khalid</t>
  </si>
  <si>
    <t>GES BROTHA</t>
  </si>
  <si>
    <t>SHAKARDARA - MALE</t>
  </si>
  <si>
    <t>Brotha</t>
  </si>
  <si>
    <t>Village Brotha , Tehsil &amp; District Attock</t>
  </si>
  <si>
    <t>Syed Saqlain Abbas Shah</t>
  </si>
  <si>
    <t>GES BUBIA KHURAD</t>
  </si>
  <si>
    <t>MND-II-MALE</t>
  </si>
  <si>
    <t>Babia Khurd</t>
  </si>
  <si>
    <t>babia Khurd</t>
  </si>
  <si>
    <t>Hafiz Muhammad Dawood  Faisal</t>
  </si>
  <si>
    <t>GES BUCH P/O KHOKHAR</t>
  </si>
  <si>
    <t>SHER SHAH - MALE</t>
  </si>
  <si>
    <t>Buch</t>
  </si>
  <si>
    <t>Basti wa Moza Buch  p/o Khokhar</t>
  </si>
  <si>
    <t>Sadiq Hussain</t>
  </si>
  <si>
    <t>GES BUCHIAL</t>
  </si>
  <si>
    <t>Buchial</t>
  </si>
  <si>
    <t>GES BUCHIAL TEHSIL GUJAR KHAN DISTRICT RAWALPINDI</t>
  </si>
  <si>
    <t>Matowa</t>
  </si>
  <si>
    <t>GES BUDDHA PIND</t>
  </si>
  <si>
    <t>SANKHATRA-MALE</t>
  </si>
  <si>
    <t>Buddha Pind</t>
  </si>
  <si>
    <t>village &amp; p/o buddha pind, tehsil zafarwal, narowal.</t>
  </si>
  <si>
    <t>Sankhatra</t>
  </si>
  <si>
    <t>Tanveer Javed Nasir</t>
  </si>
  <si>
    <t>GES BUDHIAR</t>
  </si>
  <si>
    <t>Budhair</t>
  </si>
  <si>
    <t>GES Budhair</t>
  </si>
  <si>
    <t>Sajjad Ahmed</t>
  </si>
  <si>
    <t>local</t>
  </si>
  <si>
    <t>GES BUDHO PO SARDAR PUR JHANDIR</t>
  </si>
  <si>
    <t>MIRAN PUR - MALE</t>
  </si>
  <si>
    <t>Budho</t>
  </si>
  <si>
    <t>Mauza Budho Mailsi  Vehari</t>
  </si>
  <si>
    <t>GES BUDHU</t>
  </si>
  <si>
    <t>budho</t>
  </si>
  <si>
    <t>Wahcantt</t>
  </si>
  <si>
    <t>Shakeel Akhtar</t>
  </si>
  <si>
    <t>GES BUDHU ANA</t>
  </si>
  <si>
    <t>BUDHUANA</t>
  </si>
  <si>
    <t>MOUZA BUDHUANA P/O QAIM BHARWANA</t>
  </si>
  <si>
    <t>MEHRAM SIAL</t>
  </si>
  <si>
    <t>Muhammad Shakeel Usman</t>
  </si>
  <si>
    <t>GES BUDHU SHARIF</t>
  </si>
  <si>
    <t>SHARAQPUR-III - MALE</t>
  </si>
  <si>
    <t>Budho Sharif</t>
  </si>
  <si>
    <t>Budho Sharif , tehsil sharaqpur sharif, district sheikhupura</t>
  </si>
  <si>
    <t>Marh Bhangwan</t>
  </si>
  <si>
    <t>GES BUDWAL</t>
  </si>
  <si>
    <t>IKHLAS PUR - MALE</t>
  </si>
  <si>
    <t>Budwal</t>
  </si>
  <si>
    <t>Gorsial</t>
  </si>
  <si>
    <t>GES BUGHLANI</t>
  </si>
  <si>
    <t>SOKAR MALE</t>
  </si>
  <si>
    <t>Bughlani</t>
  </si>
  <si>
    <t>P/o sokar tehsil taunsa distt d g khan</t>
  </si>
  <si>
    <t>Sokar</t>
  </si>
  <si>
    <t>Allah Wasaya Akhtar</t>
  </si>
  <si>
    <t>line water</t>
  </si>
  <si>
    <t>GES BUKHARA</t>
  </si>
  <si>
    <t>BUKHARA POST OFFICE M.PUR TEHSIL JAMPUR DISTRICT RAJANPUR</t>
  </si>
  <si>
    <t>Rasheed Ahmad</t>
  </si>
  <si>
    <t>GES BUKHSHI PARK T.T.SINGH</t>
  </si>
  <si>
    <t>TOBA TEK SINGH</t>
  </si>
  <si>
    <t>TOBA CITY-MALE</t>
  </si>
  <si>
    <t>b.park t.t.singh</t>
  </si>
  <si>
    <t>City Toba</t>
  </si>
  <si>
    <t>GES BUKKAN KAY</t>
  </si>
  <si>
    <t>Bukkan Kay</t>
  </si>
  <si>
    <t>bukkan Kay.chunian kasur</t>
  </si>
  <si>
    <t>GES BULEHWAL</t>
  </si>
  <si>
    <t>BHULLY WAL-MALE</t>
  </si>
  <si>
    <t>Bullhe Wal</t>
  </si>
  <si>
    <t>Chak bullhe wal p/o haveli lakha (okara)</t>
  </si>
  <si>
    <t>Bhully Wal</t>
  </si>
  <si>
    <t>Shahamad</t>
  </si>
  <si>
    <t>Muhammad younas</t>
  </si>
  <si>
    <t>GES BUN DHOLA</t>
  </si>
  <si>
    <t>MANRKA MALE</t>
  </si>
  <si>
    <t>Bun Dahola</t>
  </si>
  <si>
    <t>Basti bun dahola</t>
  </si>
  <si>
    <t>Fazala Kachh</t>
  </si>
  <si>
    <t>GES BUNGA HAYAT</t>
  </si>
  <si>
    <t>BUNGA HAYAT</t>
  </si>
  <si>
    <t>MUHAMMAD IMRAN</t>
  </si>
  <si>
    <t>GES BUNGA SALEH</t>
  </si>
  <si>
    <t>Bonga Saleh</t>
  </si>
  <si>
    <t>G ovt elementary school bonga saleh depalpur okara,</t>
  </si>
  <si>
    <t>GES BUNGI LALOO</t>
  </si>
  <si>
    <t>Bungi Laloo</t>
  </si>
  <si>
    <t>Govt. E/S Bungi Laloo Tehsil Pattoki District Kasur</t>
  </si>
  <si>
    <t>GES BURANA</t>
  </si>
  <si>
    <t>KARAM PUR - MALE</t>
  </si>
  <si>
    <t>Burana</t>
  </si>
  <si>
    <t>Moza Burana PO Karampur</t>
  </si>
  <si>
    <t>Muhammad Kamran Khalid Khalid</t>
  </si>
  <si>
    <t>GES BUREKAY</t>
  </si>
  <si>
    <t>Bhureke</t>
  </si>
  <si>
    <t>Bhureke p\o talwandi bhindran teh.. pasrur</t>
  </si>
  <si>
    <t>Ghatialian</t>
  </si>
  <si>
    <t>Syed Mukhtar Hussain</t>
  </si>
  <si>
    <t>GES BURJ KALAN</t>
  </si>
  <si>
    <t>Burj kalan</t>
  </si>
  <si>
    <t>Village Burj Kalan tehsil and district kasur.</t>
  </si>
  <si>
    <t>Burj Kalan</t>
  </si>
  <si>
    <t>Sanda Chistana</t>
  </si>
  <si>
    <t>GES BURRAH</t>
  </si>
  <si>
    <t>MOEEN ABAD - MALE</t>
  </si>
  <si>
    <t>Chak No 108 NP</t>
  </si>
  <si>
    <t>chak no 108 np</t>
  </si>
  <si>
    <t>Doda Lar</t>
  </si>
  <si>
    <t>FayyazAhmad</t>
  </si>
  <si>
    <t>GES BUSINESS MEN COLONY</t>
  </si>
  <si>
    <t>RahimYar Khan</t>
  </si>
  <si>
    <t>buisnessmen colony</t>
  </si>
  <si>
    <t>Ryk</t>
  </si>
  <si>
    <t>MC Rahim Yar Khan</t>
  </si>
  <si>
    <t>Muhammad Bakhsh Sabri</t>
  </si>
  <si>
    <t>GES BUTTA KOT, KABIRWALA</t>
  </si>
  <si>
    <t>Butta Kot</t>
  </si>
  <si>
    <t>Mouza Butta kot Sardar pur road Tehsil Kabirwala District Khanewal</t>
  </si>
  <si>
    <t>Narhal</t>
  </si>
  <si>
    <t>Mudassar Shafiq</t>
  </si>
  <si>
    <t>GES BUTTA SINGH WALA, P/O MOUZA BUTTA SINGH WALA, KABIRWALA</t>
  </si>
  <si>
    <t>MAHNI SIAL - MALE</t>
  </si>
  <si>
    <t>boota singh wala</t>
  </si>
  <si>
    <t>3 kassi syedan boota singh wala</t>
  </si>
  <si>
    <t>3 kassi syedan</t>
  </si>
  <si>
    <t>Boota Singh Wala</t>
  </si>
  <si>
    <t>M Tanveer Abas Anjam</t>
  </si>
  <si>
    <t>GES CADET COLLEGE HASSANABDAL</t>
  </si>
  <si>
    <t>TMA Hassan Abdal</t>
  </si>
  <si>
    <t>GES.CADET COLLEGE HASSAN ABDAL</t>
  </si>
  <si>
    <t>Hassan Abdal</t>
  </si>
  <si>
    <t>Mumraiz Khan</t>
  </si>
  <si>
    <t>tube well supply</t>
  </si>
  <si>
    <t>GES CANADA COLONY</t>
  </si>
  <si>
    <t>Govet. E/S Canada colony Nankana Sahib</t>
  </si>
  <si>
    <t>Nankana</t>
  </si>
  <si>
    <t>Mc Nankana</t>
  </si>
  <si>
    <t>M.Anees Adnan Shah</t>
  </si>
  <si>
    <t>GES CANAL COLONY</t>
  </si>
  <si>
    <t>Daud Khl</t>
  </si>
  <si>
    <t>Canal Colony Daud Khel</t>
  </si>
  <si>
    <t>Colony Colony</t>
  </si>
  <si>
    <t>MC Daud Khel</t>
  </si>
  <si>
    <t>Muhammad Raiz Khan</t>
  </si>
  <si>
    <t>GES CANAL COLONY GUNJIAL</t>
  </si>
  <si>
    <t>WARCHA (MALE)</t>
  </si>
  <si>
    <t>Gunjial Shumali</t>
  </si>
  <si>
    <t>Gunjial shumali</t>
  </si>
  <si>
    <t>GES CANAL COLONY HEAD PALLA HASILPUR</t>
  </si>
  <si>
    <t>HEAD ISLAM - MALE</t>
  </si>
  <si>
    <t>Pallah</t>
  </si>
  <si>
    <t>CANAL COLONY HEEAD PALLAH HASILPUR DISTT. BAHAWALPUR</t>
  </si>
  <si>
    <t>CANAL COLONY HEEAD PALLAH</t>
  </si>
  <si>
    <t>Abdul Razzaq Asif</t>
  </si>
  <si>
    <t>GES CDG CHAH MIRAN</t>
  </si>
  <si>
    <t>chah Miran makhan pura lahore</t>
  </si>
  <si>
    <t>Chah Miran</t>
  </si>
  <si>
    <t>Hussain Park</t>
  </si>
  <si>
    <t>Abdul razaq</t>
  </si>
  <si>
    <t>GES CDG DHOLANWAL</t>
  </si>
  <si>
    <t>SANDA - MALE</t>
  </si>
  <si>
    <t>Dholanwal</t>
  </si>
  <si>
    <t>Bilal colony dholanwal lahore</t>
  </si>
  <si>
    <t>Muhammad Abdal Hussain</t>
  </si>
  <si>
    <t>GES CDG GOWALA COLONY</t>
  </si>
  <si>
    <t>KOTLAKHPAT-MALE</t>
  </si>
  <si>
    <t>chungi amar sidhu</t>
  </si>
  <si>
    <t>gowala colony chandrai road chungi amar sidhu</t>
  </si>
  <si>
    <t>gowala colony</t>
  </si>
  <si>
    <t>chandrai</t>
  </si>
  <si>
    <t>IMRAN LIAQAT</t>
  </si>
  <si>
    <t>GES CDG JAFARIA COLONY</t>
  </si>
  <si>
    <t>SAMANABAD-MALE</t>
  </si>
  <si>
    <t>Jafaria Colony</t>
  </si>
  <si>
    <t>jafaria colony bund road lahore</t>
  </si>
  <si>
    <t>Rizwan Park</t>
  </si>
  <si>
    <t>GES CDG JEVAN HANA</t>
  </si>
  <si>
    <t>JEVEN HANA</t>
  </si>
  <si>
    <t>city district government boys middle school jeven Hana 194garder block Lahore</t>
  </si>
  <si>
    <t>Garden Town</t>
  </si>
  <si>
    <t>inam ullah bhatti</t>
  </si>
  <si>
    <t>GES CDG JR.MODEL ICHHRA NO. 2 LAHORE</t>
  </si>
  <si>
    <t>Ichra</t>
  </si>
  <si>
    <t>11 azeem street noor muhalla ichra 2 lahore</t>
  </si>
  <si>
    <t>Najma Sadique</t>
  </si>
  <si>
    <t>GES CDG KOTLI PIR ABDUL REHMAN</t>
  </si>
  <si>
    <t>Kotli Pir Abdur  Rehman</t>
  </si>
  <si>
    <t>Main bazar Kotli Pit Abdulrehman</t>
  </si>
  <si>
    <t>Kotli Pir Abdulrehman</t>
  </si>
  <si>
    <t>Angori Bagh</t>
  </si>
  <si>
    <t>GES CDG MEHMOOD BOOTI</t>
  </si>
  <si>
    <t>mehmood booti</t>
  </si>
  <si>
    <t>mehmood booti lahore</t>
  </si>
  <si>
    <t>muslim abad</t>
  </si>
  <si>
    <t>SYED ILYAS HUSSAIN</t>
  </si>
  <si>
    <t>GES CDG MODEL TARGARH SHAHDARA</t>
  </si>
  <si>
    <t>Targar</t>
  </si>
  <si>
    <t>CDG boys middle school targar shahdra lahore</t>
  </si>
  <si>
    <t>GES CDG MUSLIM COLONY RAJ GARH LAHORE</t>
  </si>
  <si>
    <t>Rajgarh</t>
  </si>
  <si>
    <t>cdg boys middle school muslim colony rajgarh lhr</t>
  </si>
  <si>
    <t>Riwaz Garden</t>
  </si>
  <si>
    <t>Faqir Hussain</t>
  </si>
  <si>
    <t>GES CDG NAULAKHA PARK</t>
  </si>
  <si>
    <t>Misri Shah</t>
  </si>
  <si>
    <t>opp. misri shah police station Lahore</t>
  </si>
  <si>
    <t>Kacho Pura</t>
  </si>
  <si>
    <t>Zulkfiqar Ali</t>
  </si>
  <si>
    <t>GES CDG PAKKI THATHI SAMANABAD</t>
  </si>
  <si>
    <t>Pakki thathi</t>
  </si>
  <si>
    <t>near arif chock</t>
  </si>
  <si>
    <t>Pakki Thath</t>
  </si>
  <si>
    <t>GES CDG RAM GARH COLONY</t>
  </si>
  <si>
    <t>GHARHI SHAHU-MALE</t>
  </si>
  <si>
    <t>Shalimar</t>
  </si>
  <si>
    <t>cdg boys elementary school no1 ramghar lahore</t>
  </si>
  <si>
    <t>Ramgbar</t>
  </si>
  <si>
    <t>Mughalpura</t>
  </si>
  <si>
    <t>GES CDG SAWAMI NAGAR</t>
  </si>
  <si>
    <t>swami nagor</t>
  </si>
  <si>
    <t>swami nagor 45 GTroad Lahore</t>
  </si>
  <si>
    <t>sultanpura</t>
  </si>
  <si>
    <t>Tariq Aziz Virk</t>
  </si>
  <si>
    <t>GES CDGF AJODHIA PUR JOHAR TOWN</t>
  </si>
  <si>
    <t>Ajodhia Pur Johar Town Lahore</t>
  </si>
  <si>
    <t>Ajodhia pur Johar town Lahore</t>
  </si>
  <si>
    <t>Ajodhia Pur</t>
  </si>
  <si>
    <t>GES CENTRE MAL</t>
  </si>
  <si>
    <t>Mal</t>
  </si>
  <si>
    <t>Mal village tehsil Raiwind Lahore</t>
  </si>
  <si>
    <t>Sultan Key</t>
  </si>
  <si>
    <t>Qaisar Majeed</t>
  </si>
  <si>
    <t>GES CHABBA PURANA</t>
  </si>
  <si>
    <t>Chabba Purana</t>
  </si>
  <si>
    <t>vpo chabba purana Teh. Bhalwal Distt. Sargodha</t>
  </si>
  <si>
    <t>GES CHABRI ZAREEN</t>
  </si>
  <si>
    <t>Chabri Zareen</t>
  </si>
  <si>
    <t>chabri Zareen Marka sadder north</t>
  </si>
  <si>
    <t>Chabri ZAREEN</t>
  </si>
  <si>
    <t>Asjad Iqbal Nazim</t>
  </si>
  <si>
    <t>GES CHACHA</t>
  </si>
  <si>
    <t>TUMMAN GURCHANI - MALE</t>
  </si>
  <si>
    <t>CHACHA</t>
  </si>
  <si>
    <t>Mauza chacha,tribal area tehsil jampur,distt.Rajanpur</t>
  </si>
  <si>
    <t>Tribal Area</t>
  </si>
  <si>
    <t>Muhammad Ahsaan</t>
  </si>
  <si>
    <t>ROODKOHI</t>
  </si>
  <si>
    <t>GES CHACHAR</t>
  </si>
  <si>
    <t>Chachar</t>
  </si>
  <si>
    <t>Village and post office Chachar Teh.Shah pur District.Sargodha</t>
  </si>
  <si>
    <t>Kot Phelwan</t>
  </si>
  <si>
    <t>Haq DAD</t>
  </si>
  <si>
    <t>GES CHACHO WALI</t>
  </si>
  <si>
    <t>Chachowali</t>
  </si>
  <si>
    <t>chachowali bedian road lahore cantt</t>
  </si>
  <si>
    <t>Cantt Area</t>
  </si>
  <si>
    <t>GES CHADHAR</t>
  </si>
  <si>
    <t>CHADHAR</t>
  </si>
  <si>
    <t>P/o chadhar  Tehsil Multan Saddar District Multan</t>
  </si>
  <si>
    <t>Muhammad Hafiz Ullah</t>
  </si>
  <si>
    <t>GES CHAH ANNA</t>
  </si>
  <si>
    <t>PINDI BHATTIAN - MALE</t>
  </si>
  <si>
    <t>Chah Anna</t>
  </si>
  <si>
    <t>Govt.Elementary school Chah Anna</t>
  </si>
  <si>
    <t>Kot Nakka</t>
  </si>
  <si>
    <t>Muhammad Arfan</t>
  </si>
  <si>
    <t>GES CHAH CHIMNI BHAKKAR</t>
  </si>
  <si>
    <t>College road Bhakkar</t>
  </si>
  <si>
    <t>Mohallah Chah chimni</t>
  </si>
  <si>
    <t>MC Bhakkar</t>
  </si>
  <si>
    <t>Muhammad Asghar Khan</t>
  </si>
  <si>
    <t>GES CHAH GHUNIAN</t>
  </si>
  <si>
    <t>Chah Ghunian</t>
  </si>
  <si>
    <t>ges chah ghunian basti gagan 92 1/L</t>
  </si>
  <si>
    <t>Basti Gagan Matuja</t>
  </si>
  <si>
    <t>Bhatha Shaikha</t>
  </si>
  <si>
    <t>Ahsan Ul Haq</t>
  </si>
  <si>
    <t>GES CHAH JABHANA RANGPUR</t>
  </si>
  <si>
    <t>BILAND (MALE)</t>
  </si>
  <si>
    <t>Rang Pur Baghoor</t>
  </si>
  <si>
    <t>Chah jabhana Rang pur Baghoor tehsil noor pur District</t>
  </si>
  <si>
    <t>Chah Jabhana</t>
  </si>
  <si>
    <t>habib ullah</t>
  </si>
  <si>
    <t>GES CHAH MIANA</t>
  </si>
  <si>
    <t>WATTA KHEL-MALE</t>
  </si>
  <si>
    <t>Zala</t>
  </si>
  <si>
    <t>Chah Miana</t>
  </si>
  <si>
    <t>Gulmiri</t>
  </si>
  <si>
    <t>GES CHAH MOULVIAN</t>
  </si>
  <si>
    <t>Ali Kharak</t>
  </si>
  <si>
    <t>moza ali kharak</t>
  </si>
  <si>
    <t>Ali Khrak</t>
  </si>
  <si>
    <t>Bakht Ali</t>
  </si>
  <si>
    <t>GES CHAH SARDAR KHAN</t>
  </si>
  <si>
    <t>Basti chah sardar khan moza mehrab wala</t>
  </si>
  <si>
    <t>Basti Chah Sardar Khan</t>
  </si>
  <si>
    <t>SHABIR AHMAD SHAHID</t>
  </si>
  <si>
    <t>GES CHAH YOUSUF WALA</t>
  </si>
  <si>
    <t>Chah Yousuf Wala</t>
  </si>
  <si>
    <t>Khuda Bux Mahar</t>
  </si>
  <si>
    <t>Abdul aziz</t>
  </si>
  <si>
    <t>GES CHAHIL KHURD</t>
  </si>
  <si>
    <t>GUJRANWALA SADAR 3 - MALE</t>
  </si>
  <si>
    <t>Chahal Khurd</t>
  </si>
  <si>
    <t>chahal khurd</t>
  </si>
  <si>
    <t>Chahal Kalan</t>
  </si>
  <si>
    <t>muhammad Asim</t>
  </si>
  <si>
    <t>GES CHAHOOR</t>
  </si>
  <si>
    <t>Village  P.O Chahoor Tehsil Pasrur District Sialkot</t>
  </si>
  <si>
    <t>Dugree Harya</t>
  </si>
  <si>
    <t>Jehangir Alim</t>
  </si>
  <si>
    <t>GES CHAHOOR GHARBI SANGLA HILL</t>
  </si>
  <si>
    <t>Govt Elementary school chahoor Gharbi Sangla Hill</t>
  </si>
  <si>
    <t>MC sangla</t>
  </si>
  <si>
    <t>Inaam ullah</t>
  </si>
  <si>
    <t>GES CHAHOOR SIKHAN 118</t>
  </si>
  <si>
    <t>Choor Sikhan 118/R.B</t>
  </si>
  <si>
    <t>Chahoor Sikhan 118/R.B Tehsil Sangla Hill District Nankana Sahib.</t>
  </si>
  <si>
    <t>Chahoor Sikhan 118/r.B.</t>
  </si>
  <si>
    <t>Chahoor Muslim Chak No. 118/R.B</t>
  </si>
  <si>
    <t>Hafiz Muhammad Ali</t>
  </si>
  <si>
    <t>GES CHAIT SINGH WALA</t>
  </si>
  <si>
    <t>Chait Singh Wala</t>
  </si>
  <si>
    <t>chait Singh Wala</t>
  </si>
  <si>
    <t>Jhandianwala</t>
  </si>
  <si>
    <t>Allah Rakha</t>
  </si>
  <si>
    <t>GES CHAK  65 KB</t>
  </si>
  <si>
    <t>65/kb</t>
  </si>
  <si>
    <t>chak #65/kb p/o luddan tehsil and district vehari</t>
  </si>
  <si>
    <t>Muhammad Ikram Hussain</t>
  </si>
  <si>
    <t>GES CHAK 1 GULZAR</t>
  </si>
  <si>
    <t>Chak No 1 Gulzar</t>
  </si>
  <si>
    <t>Chak No. 1 Gulzar Near Pul Manga Old Dunyapur Road Multan</t>
  </si>
  <si>
    <t>Basti Sher Singh</t>
  </si>
  <si>
    <t>GES CHAK 10/1-AL</t>
  </si>
  <si>
    <t>10/1AL</t>
  </si>
  <si>
    <t>.10/1AL</t>
  </si>
  <si>
    <t>9/1AL Akhtarabad</t>
  </si>
  <si>
    <t>Syed Khalid Mehmood Shah</t>
  </si>
  <si>
    <t>GES CHAK 100 GB</t>
  </si>
  <si>
    <t>ALI PUR BANGLA - MALE</t>
  </si>
  <si>
    <t>100 GB Purtabpur</t>
  </si>
  <si>
    <t>100 GB jaranwala</t>
  </si>
  <si>
    <t>Chak #101 GB Ali pur</t>
  </si>
  <si>
    <t>M Nawaz</t>
  </si>
  <si>
    <t>GES CHAK 100 JB I</t>
  </si>
  <si>
    <t>Chak 100 JB I</t>
  </si>
  <si>
    <t>Chak No 100 JB I. Kurri wala, Faisalabad</t>
  </si>
  <si>
    <t>Kurri Wala</t>
  </si>
  <si>
    <t>Jamil ahmad</t>
  </si>
  <si>
    <t>GES CHAK 102 JB FSD</t>
  </si>
  <si>
    <t>BURJ PIND</t>
  </si>
  <si>
    <t>CHAK NO 102 JB BURJ</t>
  </si>
  <si>
    <t>BURJ</t>
  </si>
  <si>
    <t>M Anser</t>
  </si>
  <si>
    <t>GES CHAK 102 RB JARANWALA</t>
  </si>
  <si>
    <t>KHURRIANWALA - MALE</t>
  </si>
  <si>
    <t>Chak  No    102 rb</t>
  </si>
  <si>
    <t>Chak.  no.   102.   rb.    Jaranwala.     Faisalabad</t>
  </si>
  <si>
    <t>Chak   No  102     rb</t>
  </si>
  <si>
    <t>Chak   No   99   rb</t>
  </si>
  <si>
    <t>Muhammad     Sajjad</t>
  </si>
  <si>
    <t>GES CHAK 106 GB</t>
  </si>
  <si>
    <t>MAKUANA - MALE</t>
  </si>
  <si>
    <t>106 GB</t>
  </si>
  <si>
    <t>GES CHAK 106/P</t>
  </si>
  <si>
    <t>Chak 106 P</t>
  </si>
  <si>
    <t>chak 106 p RYK</t>
  </si>
  <si>
    <t>GES CHAK 107 GB PO SAME JARANWALA</t>
  </si>
  <si>
    <t>107 GB</t>
  </si>
  <si>
    <t>ckak no 107 gb fsd</t>
  </si>
  <si>
    <t>M Ameen Rabbani</t>
  </si>
  <si>
    <t>GES CHAK 115 GB I</t>
  </si>
  <si>
    <t>JASUANA - MALE</t>
  </si>
  <si>
    <t>Goband Pura</t>
  </si>
  <si>
    <t>Govt. E/ S 115 gb, Teh. Jaranwala. Distt. Faisalabad</t>
  </si>
  <si>
    <t>115 Gb</t>
  </si>
  <si>
    <t>Faizan Chaudhary</t>
  </si>
  <si>
    <t>GES CHAK 116 JB</t>
  </si>
  <si>
    <t>Rarra</t>
  </si>
  <si>
    <t>Chak no.116 JB</t>
  </si>
  <si>
    <t>116 Jb</t>
  </si>
  <si>
    <t>115 Jb</t>
  </si>
  <si>
    <t>GES CHAK 11-FAIZ P/O BASTI MALOOK</t>
  </si>
  <si>
    <t>11/ Faiz</t>
  </si>
  <si>
    <t>GES11/ faiz</t>
  </si>
  <si>
    <t>Basti Malook</t>
  </si>
  <si>
    <t>GES CHAK 120/P</t>
  </si>
  <si>
    <t>MANTHAR SDK - MALE</t>
  </si>
  <si>
    <t>Chak No 120P</t>
  </si>
  <si>
    <t>Chak No 120p</t>
  </si>
  <si>
    <t>148p</t>
  </si>
  <si>
    <t>GES CHAK 122/6-R</t>
  </si>
  <si>
    <t>HND-13-MALE</t>
  </si>
  <si>
    <t>122/6R</t>
  </si>
  <si>
    <t>chak no 122/6 R Faqirwali Teh HND</t>
  </si>
  <si>
    <t>122/6 R</t>
  </si>
  <si>
    <t>101/6 R</t>
  </si>
  <si>
    <t>GES CHAK 128GB JARANWALA</t>
  </si>
  <si>
    <t>JARANWALA - MALE</t>
  </si>
  <si>
    <t>Chak No. 128 GB Jaranwala</t>
  </si>
  <si>
    <t>Chak No 128 GB</t>
  </si>
  <si>
    <t>MC Jaranwala</t>
  </si>
  <si>
    <t>Muhammad Mansha Azam</t>
  </si>
  <si>
    <t>GES CHAK 129 RB</t>
  </si>
  <si>
    <t>129 RB</t>
  </si>
  <si>
    <t>gES 129 RB  CHAK  JHUMRA   FSD</t>
  </si>
  <si>
    <t>129  rb</t>
  </si>
  <si>
    <t>44  JB  PAKKA  DALLA</t>
  </si>
  <si>
    <t>IMTIAZ ANWAR</t>
  </si>
  <si>
    <t>GES CHAK 130 GB</t>
  </si>
  <si>
    <t>130GB</t>
  </si>
  <si>
    <t>GES 130GB FSD</t>
  </si>
  <si>
    <t>JAGGAT PUR</t>
  </si>
  <si>
    <t>Sarfaraz Khan</t>
  </si>
  <si>
    <t>GES CHAK 149 GB</t>
  </si>
  <si>
    <t>BHAGAT BANGLA-MALE</t>
  </si>
  <si>
    <t>149 GB</t>
  </si>
  <si>
    <t>chak 149 GB toba tek singh</t>
  </si>
  <si>
    <t>chak 151 GB</t>
  </si>
  <si>
    <t>Mahmood Akhtar</t>
  </si>
  <si>
    <t>GES CHAK 15 GAJIANI</t>
  </si>
  <si>
    <t>CTN-I-MALE</t>
  </si>
  <si>
    <t>chak 15 gajiyani p.o chishtian tehsil chishtian disst. bahawalnagar</t>
  </si>
  <si>
    <t>15 Gajiyani</t>
  </si>
  <si>
    <t>MC CTN</t>
  </si>
  <si>
    <t>Rana Sultan Mahmood</t>
  </si>
  <si>
    <t>GES CHAK 154 GB I</t>
  </si>
  <si>
    <t>MONGI BANGLA MALE</t>
  </si>
  <si>
    <t>CHAK NO 154 GB</t>
  </si>
  <si>
    <t>CHAK NO 154GB TEH Gojra. DISTT TOBA TEK SINGH</t>
  </si>
  <si>
    <t>154GB</t>
  </si>
  <si>
    <t>WAJID ALI</t>
  </si>
  <si>
    <t>GES CHAK 155 GB</t>
  </si>
  <si>
    <t>155gb</t>
  </si>
  <si>
    <t>chak no 155gb tehsil gojra</t>
  </si>
  <si>
    <t>Chahil</t>
  </si>
  <si>
    <t>Chak154gb</t>
  </si>
  <si>
    <t>muhammad munir</t>
  </si>
  <si>
    <t>GES CHAK 158 GB KHAKHAN</t>
  </si>
  <si>
    <t>TARIQ ABAD MALE</t>
  </si>
  <si>
    <t>158 GB</t>
  </si>
  <si>
    <t>chak 158gb gojra</t>
  </si>
  <si>
    <t>158gb Gojra</t>
  </si>
  <si>
    <t>Mohammad Aslam Khan</t>
  </si>
  <si>
    <t>GES CHAK 160/P</t>
  </si>
  <si>
    <t>KANDAIR-MALE</t>
  </si>
  <si>
    <t>Chak 160/P</t>
  </si>
  <si>
    <t>Chak no.160/p Bangla manther sadiq abad</t>
  </si>
  <si>
    <t>Munir Ahmed Nadeem</t>
  </si>
  <si>
    <t>GES CHAK 162 GB</t>
  </si>
  <si>
    <t>GES 162 GB, GOJRA, DISTRICT: TOBA TEK SINGH</t>
  </si>
  <si>
    <t>162GB</t>
  </si>
  <si>
    <t>161GB</t>
  </si>
  <si>
    <t>GES CHAK 166 GB</t>
  </si>
  <si>
    <t>KANIANBANGLAW - MALE</t>
  </si>
  <si>
    <t>166 GB</t>
  </si>
  <si>
    <t>166 G.B</t>
  </si>
  <si>
    <t>Khurram Shehzad</t>
  </si>
  <si>
    <t>GES CHAK 166/7-R WEST</t>
  </si>
  <si>
    <t>FTS-VII-MALE</t>
  </si>
  <si>
    <t>Chak 166/7R West</t>
  </si>
  <si>
    <t>chak no.166/7r.w fortabbas bahawalnagar</t>
  </si>
  <si>
    <t>166/7R West</t>
  </si>
  <si>
    <t>GES CHAK 167/M</t>
  </si>
  <si>
    <t>CTN-IX-MALE</t>
  </si>
  <si>
    <t>Chak 167/M</t>
  </si>
  <si>
    <t>Chak 167/M Teh: Chishtian Distt: BWN</t>
  </si>
  <si>
    <t>GES CHAK 172/7-R</t>
  </si>
  <si>
    <t>FTS -X-MALE</t>
  </si>
  <si>
    <t>Chak No 172-7R</t>
  </si>
  <si>
    <t>Chak No 172-7R Tehsil Fortabbas Distt.BWN</t>
  </si>
  <si>
    <t>Chak 185-7R</t>
  </si>
  <si>
    <t>GES CHAK 174/7-R</t>
  </si>
  <si>
    <t>174/7R</t>
  </si>
  <si>
    <t>Chak No. 174/7R Tehsil Fortabbas District Bahawalnagr</t>
  </si>
  <si>
    <t>Chak No176/7R</t>
  </si>
  <si>
    <t>Irfan Sarwar</t>
  </si>
  <si>
    <t>GES CHAK 18/1-L</t>
  </si>
  <si>
    <t>RENALA KHURD - MALE</t>
  </si>
  <si>
    <t>18 1l</t>
  </si>
  <si>
    <t>CHAK NO. 18/1.L, renala Khurd, Okara</t>
  </si>
  <si>
    <t>18 1L</t>
  </si>
  <si>
    <t>20/2.L</t>
  </si>
  <si>
    <t>Liaqat Ali Nayyar</t>
  </si>
  <si>
    <t>GES CHAK 18/4L</t>
  </si>
  <si>
    <t>SHAHBORE - MALE</t>
  </si>
  <si>
    <t>Okara Cantt</t>
  </si>
  <si>
    <t>chak No 18 /4L Okara cantt</t>
  </si>
  <si>
    <t>18/4L</t>
  </si>
  <si>
    <t>Cantt Board</t>
  </si>
  <si>
    <t>Ajaz Akhtar</t>
  </si>
  <si>
    <t>GES CHAK 182 GB</t>
  </si>
  <si>
    <t>182GB</t>
  </si>
  <si>
    <t>Chak no 182 GB</t>
  </si>
  <si>
    <t>Chak No 182GB</t>
  </si>
  <si>
    <t>Chak No183GB</t>
  </si>
  <si>
    <t>Ahmad Sohaib</t>
  </si>
  <si>
    <t>GES CHAK 186/7R</t>
  </si>
  <si>
    <t>CHAK 225/1-L-MALE</t>
  </si>
  <si>
    <t>186/7R</t>
  </si>
  <si>
    <t>chak no 186/7R</t>
  </si>
  <si>
    <t>Islam Garh</t>
  </si>
  <si>
    <t>Muhammmad Raheel</t>
  </si>
  <si>
    <t>GES CHAK 189 GB I</t>
  </si>
  <si>
    <t>KOT DARIABAL-MALE</t>
  </si>
  <si>
    <t>189 Gb</t>
  </si>
  <si>
    <t>chak no  189 g b</t>
  </si>
  <si>
    <t>chak no 189 g b</t>
  </si>
  <si>
    <t>GES CHAK 190 RB FSD</t>
  </si>
  <si>
    <t>Karari kalan</t>
  </si>
  <si>
    <t>Chak No 190Rb Karari kalan</t>
  </si>
  <si>
    <t>Moloani</t>
  </si>
  <si>
    <t>Dilawar Hussain</t>
  </si>
  <si>
    <t>GES CHAK 191 GB</t>
  </si>
  <si>
    <t>SONAHRI BANGLA MALE</t>
  </si>
  <si>
    <t>Chak no 191 Gb</t>
  </si>
  <si>
    <t>chak no 191 gb</t>
  </si>
  <si>
    <t>Chak No 191 Gb</t>
  </si>
  <si>
    <t>Chak No 184</t>
  </si>
  <si>
    <t>GES CHAK 191 RB WEST</t>
  </si>
  <si>
    <t>191 RB west</t>
  </si>
  <si>
    <t>191 RB WEST FAISALABAD</t>
  </si>
  <si>
    <t>191 Moloani</t>
  </si>
  <si>
    <t>190 RB KHURD</t>
  </si>
  <si>
    <t>Muhammad yaqoob</t>
  </si>
  <si>
    <t>GES CHAK 193 RB</t>
  </si>
  <si>
    <t>Sharianwala 193</t>
  </si>
  <si>
    <t>CHAK NO. 193 RB SHAREEN WALA</t>
  </si>
  <si>
    <t>200 RB LATHIANWALA</t>
  </si>
  <si>
    <t>MUHAMMAD MAJID JAVID</t>
  </si>
  <si>
    <t>GES CHAK 194 EB</t>
  </si>
  <si>
    <t>MIAN PAKHI - MALE</t>
  </si>
  <si>
    <t>Chak No 194/EB</t>
  </si>
  <si>
    <t>GES 194/EB VEHARI</t>
  </si>
  <si>
    <t>194/EB</t>
  </si>
  <si>
    <t>Qaisar Abbas Adam</t>
  </si>
  <si>
    <t>GES CHAK 197 RB</t>
  </si>
  <si>
    <t>Chak No 197 Rb</t>
  </si>
  <si>
    <t>Chak No. 197 RB FAISALABAD</t>
  </si>
  <si>
    <t>chak no. 197 rB</t>
  </si>
  <si>
    <t>CHAK NO. 197 RB</t>
  </si>
  <si>
    <t>KHALID SHARIF SAJJAD</t>
  </si>
  <si>
    <t>GES CHAK 200/GB</t>
  </si>
  <si>
    <t>200 GB Kartarpur</t>
  </si>
  <si>
    <t>GES 200 GB, Samundri, Faisalabad</t>
  </si>
  <si>
    <t>Chak No 200 GB</t>
  </si>
  <si>
    <t>Chak No 203 GB</t>
  </si>
  <si>
    <t>IJAZ AHMAD</t>
  </si>
  <si>
    <t>GES CHAK 211/P</t>
  </si>
  <si>
    <t>Cha K No 211p</t>
  </si>
  <si>
    <t>chak no. 211p , sdk</t>
  </si>
  <si>
    <t>Chak No 211 P</t>
  </si>
  <si>
    <t>Chak No 264 P</t>
  </si>
  <si>
    <t>Mohsin Hassan</t>
  </si>
  <si>
    <t>GES CHAK 220 RB JUDGE WALA FSD</t>
  </si>
  <si>
    <t>220 RB</t>
  </si>
  <si>
    <t>220 RB Judge wala</t>
  </si>
  <si>
    <t>220 RB judge wala</t>
  </si>
  <si>
    <t>judge wala</t>
  </si>
  <si>
    <t>Muhammad ashraf</t>
  </si>
  <si>
    <t>GES CHAK 23/2-L</t>
  </si>
  <si>
    <t>23/2-L</t>
  </si>
  <si>
    <t>chak no. 23/2L</t>
  </si>
  <si>
    <t>23/2L</t>
  </si>
  <si>
    <t>Abdul Razaq Bhatti</t>
  </si>
  <si>
    <t>GES CHAK 232 GB</t>
  </si>
  <si>
    <t>Chak no 232 GB, Tehsil Jarawalan, Disst. Faisalabad</t>
  </si>
  <si>
    <t>Chak no 232 GB</t>
  </si>
  <si>
    <t>39 GB Satiana</t>
  </si>
  <si>
    <t>Faiz Mehmood</t>
  </si>
  <si>
    <t>GES CHAK 233 GB</t>
  </si>
  <si>
    <t>chak 233 gb</t>
  </si>
  <si>
    <t>chak no 233 gb jaranwala faisalabad</t>
  </si>
  <si>
    <t>chak 591 gb</t>
  </si>
  <si>
    <t>ADNAN ARSHAD</t>
  </si>
  <si>
    <t>GES CHAK 234/9-R</t>
  </si>
  <si>
    <t>FTS-17-MALE</t>
  </si>
  <si>
    <t>234-9R</t>
  </si>
  <si>
    <t>chak no.234-9R Tehsil Fort Abbas Distt.Bahawalnagar</t>
  </si>
  <si>
    <t>238-9R</t>
  </si>
  <si>
    <t>GES CHAK 235 GB JARANWALA</t>
  </si>
  <si>
    <t>Chak No 235gb Partab Nagar</t>
  </si>
  <si>
    <t>chak no 235 gb jaranwala</t>
  </si>
  <si>
    <t>Chak No 235 Gb</t>
  </si>
  <si>
    <t>MUHAMMAD SARWER</t>
  </si>
  <si>
    <t>GES CHAK 236 GB</t>
  </si>
  <si>
    <t>Kot Daya Kishan</t>
  </si>
  <si>
    <t>Chak No 236 GB TEHSILNJARANWALA DISTRICT FAISALABAD</t>
  </si>
  <si>
    <t>Chak No 236 GB</t>
  </si>
  <si>
    <t>Chak NO 236 GB</t>
  </si>
  <si>
    <t>GES CHAK 237 RB II</t>
  </si>
  <si>
    <t>Khudi Waraich</t>
  </si>
  <si>
    <t>chak no 237/rb Faisalabad</t>
  </si>
  <si>
    <t>Khudian Waraichan</t>
  </si>
  <si>
    <t>Amir Manzoor</t>
  </si>
  <si>
    <t>cooler</t>
  </si>
  <si>
    <t>GES CHAK 240 GB I</t>
  </si>
  <si>
    <t>singh pura</t>
  </si>
  <si>
    <t>ges chak no 240 gb jaranwala</t>
  </si>
  <si>
    <t>chak 240GB</t>
  </si>
  <si>
    <t>chak 240 gb</t>
  </si>
  <si>
    <t>MUHAMMAD RIAZ</t>
  </si>
  <si>
    <t>GES CHAK 241 RB FSD</t>
  </si>
  <si>
    <t>THIKRIWALA 1 - MALE</t>
  </si>
  <si>
    <t>Chak No. 241 R.B</t>
  </si>
  <si>
    <t>Jhang Road, Faisalabad</t>
  </si>
  <si>
    <t>Chanchal Singh Wala</t>
  </si>
  <si>
    <t>Abbas Pur</t>
  </si>
  <si>
    <t>Muhammad Nouman</t>
  </si>
  <si>
    <t>GES CHAK 242 GB NOOR PUR</t>
  </si>
  <si>
    <t>KOGHA-MALE</t>
  </si>
  <si>
    <t>Chak 242 Gb Noorpur</t>
  </si>
  <si>
    <t>chak no.242gb</t>
  </si>
  <si>
    <t>Chak No242gb</t>
  </si>
  <si>
    <t>Chak No 178 gb</t>
  </si>
  <si>
    <t>Waseem Anwar</t>
  </si>
  <si>
    <t>GES CHAK 244 GB I</t>
  </si>
  <si>
    <t>Chak 244 GB</t>
  </si>
  <si>
    <t>chak 244 gb 1</t>
  </si>
  <si>
    <t>Chak 244 Gb 1</t>
  </si>
  <si>
    <t>chak 154 Gb</t>
  </si>
  <si>
    <t>Haji Uzair Arshad</t>
  </si>
  <si>
    <t>GES CHAK 244 RB FSD</t>
  </si>
  <si>
    <t>Waseeran</t>
  </si>
  <si>
    <t>chak no 244RB waseeran</t>
  </si>
  <si>
    <t>Chak No 244 RB</t>
  </si>
  <si>
    <t>Bolaki</t>
  </si>
  <si>
    <t>Ali Arshad</t>
  </si>
  <si>
    <t>GES CHAK 246/P</t>
  </si>
  <si>
    <t>PALACE - MALE</t>
  </si>
  <si>
    <t>chak 246/p</t>
  </si>
  <si>
    <t>Chak 246/P</t>
  </si>
  <si>
    <t>93/p</t>
  </si>
  <si>
    <t>Shahbaz Safdar</t>
  </si>
  <si>
    <t>GES CHAK 247 GB</t>
  </si>
  <si>
    <t>PHALORE MALE</t>
  </si>
  <si>
    <t>Chak No 247gb</t>
  </si>
  <si>
    <t>GES 247gb toba tek singh</t>
  </si>
  <si>
    <t>Chak No247gb tts</t>
  </si>
  <si>
    <t>Chak No 251gb</t>
  </si>
  <si>
    <t>Muhammad Tariq Mahmood</t>
  </si>
  <si>
    <t>GES CHAK 25/1-AL</t>
  </si>
  <si>
    <t>VICTORIA -MALE</t>
  </si>
  <si>
    <t>Chak No 25/1Al</t>
  </si>
  <si>
    <t>chak no 25/1Al tehsil renala khurd distt okara</t>
  </si>
  <si>
    <t>Abdul Samad</t>
  </si>
  <si>
    <t>GES CHAK 25/A</t>
  </si>
  <si>
    <t>CHAK 25/A-MALE</t>
  </si>
  <si>
    <t>Chak 25/A</t>
  </si>
  <si>
    <t>chak 25/A liaquat pur</t>
  </si>
  <si>
    <t>GES CHAK 252 GB</t>
  </si>
  <si>
    <t>Lasoore</t>
  </si>
  <si>
    <t>252 GB Lasori  Toba Tek Singh</t>
  </si>
  <si>
    <t>252 GB</t>
  </si>
  <si>
    <t>183 Miankot</t>
  </si>
  <si>
    <t>Abdul Qadar</t>
  </si>
  <si>
    <t>GES CHAK 255 GB KALAN</t>
  </si>
  <si>
    <t>Madahpur</t>
  </si>
  <si>
    <t>Chak No.255 GB Toba Tek Singh</t>
  </si>
  <si>
    <t>183 GB Miankot</t>
  </si>
  <si>
    <t>ABAID ULLAH</t>
  </si>
  <si>
    <t>GES CHAK 257 GB I</t>
  </si>
  <si>
    <t>Chak 257 GB Kot Badal Khan</t>
  </si>
  <si>
    <t>Chak 257 GB</t>
  </si>
  <si>
    <t>Chak 256 GB</t>
  </si>
  <si>
    <t>Asid Majeed</t>
  </si>
  <si>
    <t>GES CHAK 258 GB</t>
  </si>
  <si>
    <t>Chak No 256 GB</t>
  </si>
  <si>
    <t>Chak No 258 GB</t>
  </si>
  <si>
    <t>258GB</t>
  </si>
  <si>
    <t>256GB</t>
  </si>
  <si>
    <t>Wasim Abbas</t>
  </si>
  <si>
    <t>GES CHAK 260 GB</t>
  </si>
  <si>
    <t>Chak#260GB</t>
  </si>
  <si>
    <t>Chak#260GB Toba Tek singh</t>
  </si>
  <si>
    <t>Chak#184GB</t>
  </si>
  <si>
    <t>Shafqat Nawaz</t>
  </si>
  <si>
    <t>GES CHAK 260 RB</t>
  </si>
  <si>
    <t>DIJKOT 2 - MALE</t>
  </si>
  <si>
    <t>260RB</t>
  </si>
  <si>
    <t>CHAK NO 260 RB</t>
  </si>
  <si>
    <t>WAHEELA</t>
  </si>
  <si>
    <t>WAHEELA KALAN</t>
  </si>
  <si>
    <t>Pervaiz Iqbal Saleemi</t>
  </si>
  <si>
    <t>GES CHAK 261 GB</t>
  </si>
  <si>
    <t>Chak No. 261 GB.</t>
  </si>
  <si>
    <t>Chak No 261 GB</t>
  </si>
  <si>
    <t>Chak No 184 GB</t>
  </si>
  <si>
    <t>M Rehman zaheer</t>
  </si>
  <si>
    <t>GES CHAK 262 GB</t>
  </si>
  <si>
    <t>KOT KHITRAN MALE</t>
  </si>
  <si>
    <t>Martha Wala</t>
  </si>
  <si>
    <t>chak 262GB  teh and distt TTSingh</t>
  </si>
  <si>
    <t>262GB</t>
  </si>
  <si>
    <t>GES CHAK 270 RB FSD</t>
  </si>
  <si>
    <t>Majhiwal</t>
  </si>
  <si>
    <t>chak no. 270 r.b., majhiwal.</t>
  </si>
  <si>
    <t>Muhammad Rizwan Sadaf</t>
  </si>
  <si>
    <t>GES CHAK 271 GB II</t>
  </si>
  <si>
    <t>271 GB II Abadi Sheikhan</t>
  </si>
  <si>
    <t>Chak 271 gb ii</t>
  </si>
  <si>
    <t>271 GB</t>
  </si>
  <si>
    <t>Kot Khitran</t>
  </si>
  <si>
    <t>Muhammad Kamran</t>
  </si>
  <si>
    <t>GES CHAK 271 JB FSD</t>
  </si>
  <si>
    <t>NARWALA - MALE</t>
  </si>
  <si>
    <t>271 Jb</t>
  </si>
  <si>
    <t>G E S 271 JB FSD</t>
  </si>
  <si>
    <t>34 Jb</t>
  </si>
  <si>
    <t>Afzaal Hussain</t>
  </si>
  <si>
    <t>GES CHAK 271 RB</t>
  </si>
  <si>
    <t>JALANDHAR-MALE</t>
  </si>
  <si>
    <t>Chak 271rb</t>
  </si>
  <si>
    <t>chak No 271 rb fsd</t>
  </si>
  <si>
    <t>Maghar Singh</t>
  </si>
  <si>
    <t>Chak No 268rb Laddy Chak</t>
  </si>
  <si>
    <t>Qamar Uz Zaman</t>
  </si>
  <si>
    <t>GES CHAK 272 JB</t>
  </si>
  <si>
    <t>272 Jb Fsd</t>
  </si>
  <si>
    <t>Chak no 272 jb fsd</t>
  </si>
  <si>
    <t>38 Jb Fsd</t>
  </si>
  <si>
    <t>Shamsul haq shaheen</t>
  </si>
  <si>
    <t>GES CHAK 272 RB I FSD</t>
  </si>
  <si>
    <t>Seman Nag</t>
  </si>
  <si>
    <t>CHAK 272 RB FSD</t>
  </si>
  <si>
    <t>Chak 272 RB</t>
  </si>
  <si>
    <t>CHAK 270 RB FSD</t>
  </si>
  <si>
    <t>MUHAMMAD IMRAN YOUSAF</t>
  </si>
  <si>
    <t>GES CHAK 276 RB FSD</t>
  </si>
  <si>
    <t>Chak No276 Rb Gokhowal</t>
  </si>
  <si>
    <t>ges 276 rb chak no.276 rb</t>
  </si>
  <si>
    <t>276 Rb</t>
  </si>
  <si>
    <t>Chak No 275 Rb</t>
  </si>
  <si>
    <t>GES CHAK 282 HR</t>
  </si>
  <si>
    <t>FTS-XI-MALE</t>
  </si>
  <si>
    <t>282/HR</t>
  </si>
  <si>
    <t>chak 282/HR</t>
  </si>
  <si>
    <t>281/HR</t>
  </si>
  <si>
    <t>GES CHAK 284 GB</t>
  </si>
  <si>
    <t>RAJANA MALE</t>
  </si>
  <si>
    <t>Ges 284 GB, Toba Tek Singh</t>
  </si>
  <si>
    <t>284GB</t>
  </si>
  <si>
    <t>chak No. 291GB</t>
  </si>
  <si>
    <t>GES CHAK 289 GB</t>
  </si>
  <si>
    <t>chak no 289 GB</t>
  </si>
  <si>
    <t>289GB</t>
  </si>
  <si>
    <t>Chak No 290 GB</t>
  </si>
  <si>
    <t>GES CHAK 289 RB</t>
  </si>
  <si>
    <t>THIKRIWALA 2 - MALE</t>
  </si>
  <si>
    <t>Arori</t>
  </si>
  <si>
    <t>chak 289 r.b</t>
  </si>
  <si>
    <t>Chak 289 RB</t>
  </si>
  <si>
    <t>Mohammad Mushtaq Javaid</t>
  </si>
  <si>
    <t>GES CHAK 29 JB SOUTH</t>
  </si>
  <si>
    <t>29 JB south</t>
  </si>
  <si>
    <t>Chak 29 JB south Fsd</t>
  </si>
  <si>
    <t>29 JB North</t>
  </si>
  <si>
    <t>Muhammad Amjad Aleem</t>
  </si>
  <si>
    <t>GES CHAK 290 GB</t>
  </si>
  <si>
    <t>MUHAMMAD IQBAL TAHIR</t>
  </si>
  <si>
    <t>GES CHAK 294 GB SIAL PUR</t>
  </si>
  <si>
    <t>PUL NAGRA-MALE</t>
  </si>
  <si>
    <t>Sial Pur</t>
  </si>
  <si>
    <t>Chak No 294 GB, Sial Our,  Tehsil and District Toba  Tek Singh</t>
  </si>
  <si>
    <t>GES 294 GB</t>
  </si>
  <si>
    <t>Chak 296 GB</t>
  </si>
  <si>
    <t>Azhar Ali</t>
  </si>
  <si>
    <t>GES CHAK 295 JB</t>
  </si>
  <si>
    <t>JANIWALA-MALE</t>
  </si>
  <si>
    <t>davi das</t>
  </si>
  <si>
    <t>Chak No. 295 JB</t>
  </si>
  <si>
    <t>Chak no. 295 JB</t>
  </si>
  <si>
    <t>Chak No. 290 JB</t>
  </si>
  <si>
    <t>Muhammad afzal</t>
  </si>
  <si>
    <t>GES CHAK 296 GB</t>
  </si>
  <si>
    <t>BARIAN WALA-MALE</t>
  </si>
  <si>
    <t>296gb</t>
  </si>
  <si>
    <t>Chak no 296gb tts</t>
  </si>
  <si>
    <t>GES CHAK 297/HR</t>
  </si>
  <si>
    <t>297/HR</t>
  </si>
  <si>
    <t>chak no 297/H.R, P/O 297/H.r, Tehsil Fortabbas, Bwn</t>
  </si>
  <si>
    <t>296/HR</t>
  </si>
  <si>
    <t>MUHAMMAD IBRAHIM</t>
  </si>
  <si>
    <t>GES CHAK 299 GB</t>
  </si>
  <si>
    <t>CHUTIANA MALE</t>
  </si>
  <si>
    <t>Chak No.299 G.B. TobaTek Singh</t>
  </si>
  <si>
    <t>299 GB</t>
  </si>
  <si>
    <t>393 JB</t>
  </si>
  <si>
    <t>GES CHAK 3 JB</t>
  </si>
  <si>
    <t>3 Jb</t>
  </si>
  <si>
    <t>chak no 3 jb fsd</t>
  </si>
  <si>
    <t>Chan 3 In Fsd</t>
  </si>
  <si>
    <t>Chak No 2 Jb</t>
  </si>
  <si>
    <t>Tahir Naveed Sajid</t>
  </si>
  <si>
    <t>GES CHAK 30 JB</t>
  </si>
  <si>
    <t>30 JB</t>
  </si>
  <si>
    <t>GES 30 JB Faisalabad</t>
  </si>
  <si>
    <t>Faiz Pur</t>
  </si>
  <si>
    <t>GES CHAK 306 JB</t>
  </si>
  <si>
    <t>DHAMMA BANGLA MALE</t>
  </si>
  <si>
    <t>Chak No 304 Jb</t>
  </si>
  <si>
    <t>chak no 306 jb. tehsil gojra. dist. TT Singh</t>
  </si>
  <si>
    <t>Chak No 306 Jb</t>
  </si>
  <si>
    <t>Qadar Abad</t>
  </si>
  <si>
    <t>GES CHAK 31 GB</t>
  </si>
  <si>
    <t>31 GB</t>
  </si>
  <si>
    <t>Govt. Elementry School, Chak No. 31/GB, Tehsil Jaranwala, Distt. Faisalabad</t>
  </si>
  <si>
    <t>Chak 32 GB</t>
  </si>
  <si>
    <t>GES CHAK 31 JB</t>
  </si>
  <si>
    <t>31jb</t>
  </si>
  <si>
    <t>chak no 31 jb fsd</t>
  </si>
  <si>
    <t>Chak No 31 Jb Fsd</t>
  </si>
  <si>
    <t>Chak No 30 Jb Fsd</t>
  </si>
  <si>
    <t>Muhammad Khalid Mahmud</t>
  </si>
  <si>
    <t>GES CHAK 31/4-L</t>
  </si>
  <si>
    <t>TABROOQ - MALE</t>
  </si>
  <si>
    <t>31/4L</t>
  </si>
  <si>
    <t>Chak No 31 4L Okara</t>
  </si>
  <si>
    <t>Chak 31 4L</t>
  </si>
  <si>
    <t>GES CHAK 311/HR</t>
  </si>
  <si>
    <t>FTS-XIV-MALE</t>
  </si>
  <si>
    <t>Chak No 311/hr</t>
  </si>
  <si>
    <t>chak311-H. R marot tehsil fortabbas distt bahawalnagar</t>
  </si>
  <si>
    <t>Chak311- H R</t>
  </si>
  <si>
    <t>311-H R</t>
  </si>
  <si>
    <t>Muhammad Tanveer Arshad</t>
  </si>
  <si>
    <t>GES CHAK 318 JB</t>
  </si>
  <si>
    <t>Chak 318 JB TOBA TEK SINGH</t>
  </si>
  <si>
    <t>Chak 318 Jb</t>
  </si>
  <si>
    <t>Chak 319 JB</t>
  </si>
  <si>
    <t>GES CHAK 319 GB I</t>
  </si>
  <si>
    <t>ZAKIR ABAD-MALE</t>
  </si>
  <si>
    <t>Chak no. 319 gB tehsil pirmahal district toba tek singh.</t>
  </si>
  <si>
    <t>Chak no. 319 gB</t>
  </si>
  <si>
    <t>shahid hussain</t>
  </si>
  <si>
    <t>GES CHAK 319 JB</t>
  </si>
  <si>
    <t>319 Jb</t>
  </si>
  <si>
    <t>319 jb t t singh</t>
  </si>
  <si>
    <t>Muhammad Iqbal Javaid</t>
  </si>
  <si>
    <t>GES CHAK 32 GB</t>
  </si>
  <si>
    <t>32 G B</t>
  </si>
  <si>
    <t>32 G. B Jaranwala</t>
  </si>
  <si>
    <t>GES CHAK 32 JB I</t>
  </si>
  <si>
    <t>Kareem  Pur</t>
  </si>
  <si>
    <t>chak no. 32 JB 1 Tehsil Saddar District Faisalabad</t>
  </si>
  <si>
    <t>Chak No 32 JB1</t>
  </si>
  <si>
    <t>Chak No 34 JB</t>
  </si>
  <si>
    <t>GES CHAK 32/4-L</t>
  </si>
  <si>
    <t>32 4L</t>
  </si>
  <si>
    <t>Chak 32 4L Okara</t>
  </si>
  <si>
    <t>37 4L</t>
  </si>
  <si>
    <t>GES CHAK 322 JB</t>
  </si>
  <si>
    <t>322 Jb</t>
  </si>
  <si>
    <t>chak #322 jb</t>
  </si>
  <si>
    <t>328 Jb</t>
  </si>
  <si>
    <t>GES CHAK 323 GB</t>
  </si>
  <si>
    <t>GRANTIAN WALI MALE</t>
  </si>
  <si>
    <t>Chak No 323 GB</t>
  </si>
  <si>
    <t>chak no 323 G. B Tehsil Pir mahal District Toba Tek Singh</t>
  </si>
  <si>
    <t>Chak No 323 G B</t>
  </si>
  <si>
    <t>Chak No 330 G B South</t>
  </si>
  <si>
    <t>Abdul Basit Farooq</t>
  </si>
  <si>
    <t>GES CHAK 323 JB I TRANDI</t>
  </si>
  <si>
    <t>chak 323 jb</t>
  </si>
  <si>
    <t>CHAK 323 JB,TTS</t>
  </si>
  <si>
    <t>Chak 328 Jb</t>
  </si>
  <si>
    <t>Tahir Mehood Sahi</t>
  </si>
  <si>
    <t>GES CHAK 327 GB I</t>
  </si>
  <si>
    <t>FARID ABAD MALE</t>
  </si>
  <si>
    <t>327 Gb</t>
  </si>
  <si>
    <t>chak no. 327 gb</t>
  </si>
  <si>
    <t>Chak No 327 Gb</t>
  </si>
  <si>
    <t>Chak No327 Gb</t>
  </si>
  <si>
    <t>Sajid Saleem</t>
  </si>
  <si>
    <t>GES CHAK 33 JB I</t>
  </si>
  <si>
    <t>33 Jb</t>
  </si>
  <si>
    <t>Chak no 33 JB</t>
  </si>
  <si>
    <t>Waruana</t>
  </si>
  <si>
    <t>Chak no-30</t>
  </si>
  <si>
    <t>MUHAMMAD SIDDIQUE</t>
  </si>
  <si>
    <t>GES CHAK 332 JB</t>
  </si>
  <si>
    <t>NIA LAHORE MALE</t>
  </si>
  <si>
    <t>332 Jb</t>
  </si>
  <si>
    <t>chak 332 j.b</t>
  </si>
  <si>
    <t>Chak 332 Jb</t>
  </si>
  <si>
    <t>334 Jb</t>
  </si>
  <si>
    <t>Qamar Rashid</t>
  </si>
  <si>
    <t>GES CHAK 333 GB</t>
  </si>
  <si>
    <t>333 Gb</t>
  </si>
  <si>
    <t>Chak No 333 G.B</t>
  </si>
  <si>
    <t>333 G.B</t>
  </si>
  <si>
    <t>333gb</t>
  </si>
  <si>
    <t>GES CHAK 335 GB II</t>
  </si>
  <si>
    <t>chak No 335 GB</t>
  </si>
  <si>
    <t>Chak No.335 GB II</t>
  </si>
  <si>
    <t>chak No335GB II</t>
  </si>
  <si>
    <t>291 GB</t>
  </si>
  <si>
    <t>SYED RAZA HUSSAIN BUKHARI</t>
  </si>
  <si>
    <t>GES CHAK 337 JB SIKANDAR ABAD</t>
  </si>
  <si>
    <t>SHAH PUR-MALE</t>
  </si>
  <si>
    <t>337jb</t>
  </si>
  <si>
    <t>chak no. 337jb Gojra</t>
  </si>
  <si>
    <t>345jb</t>
  </si>
  <si>
    <t>GES CHAK 337/HR</t>
  </si>
  <si>
    <t>FTS-XVI-MALE</t>
  </si>
  <si>
    <t>Chak No 337/Hr</t>
  </si>
  <si>
    <t>chak no 337/ hr tehsil Fort Abbas bwn</t>
  </si>
  <si>
    <t>Chak No 330/Hr</t>
  </si>
  <si>
    <t>GES CHAK 338/HR</t>
  </si>
  <si>
    <t>338/hr</t>
  </si>
  <si>
    <t>chak no 338/hr tehseel fortabbas District bahawalnagar</t>
  </si>
  <si>
    <t>330/hr</t>
  </si>
  <si>
    <t>Abdul Hakeem</t>
  </si>
  <si>
    <t>GES CHAK 339 JB</t>
  </si>
  <si>
    <t>Vero K  Kajlay</t>
  </si>
  <si>
    <t>CHAK 339JB GOJRA</t>
  </si>
  <si>
    <t>KAJLay</t>
  </si>
  <si>
    <t>Chak 338JB</t>
  </si>
  <si>
    <t>Hafiz Umar Hayat</t>
  </si>
  <si>
    <t>GES CHAK 34/1-AL</t>
  </si>
  <si>
    <t>34-1AL</t>
  </si>
  <si>
    <t>34/1AL</t>
  </si>
  <si>
    <t>Muhammad Ali Shahid</t>
  </si>
  <si>
    <t>GES CHAK 340 GB</t>
  </si>
  <si>
    <t>CHAK NO 340 GB</t>
  </si>
  <si>
    <t>CHAK NO 517 GB</t>
  </si>
  <si>
    <t>GES CHAK 341 GB</t>
  </si>
  <si>
    <t>KHIKHA BANGLA-MALE</t>
  </si>
  <si>
    <t>nagal</t>
  </si>
  <si>
    <t>chak no 341 gb</t>
  </si>
  <si>
    <t>341gb</t>
  </si>
  <si>
    <t>342 gb</t>
  </si>
  <si>
    <t>Dr Abdul Ghafoor</t>
  </si>
  <si>
    <t>GES CHAK 342 GB</t>
  </si>
  <si>
    <t>Choharwala</t>
  </si>
  <si>
    <t>chak no 342 GB TOBA TEK SINGH</t>
  </si>
  <si>
    <t>Chak 342 GB</t>
  </si>
  <si>
    <t>Ghulam abbas</t>
  </si>
  <si>
    <t>Technical High</t>
  </si>
  <si>
    <t>GES CHAK 347 GB</t>
  </si>
  <si>
    <t>Chak No 347 Gb</t>
  </si>
  <si>
    <t>Chak No.347 GB</t>
  </si>
  <si>
    <t>Chak No 342 Gb</t>
  </si>
  <si>
    <t>Muhammad Shabbir Tahir</t>
  </si>
  <si>
    <t>GES CHAK 358 GB NORTH</t>
  </si>
  <si>
    <t>Mugli</t>
  </si>
  <si>
    <t>Phlore Road,Chak No.358 GB (North)  District &amp; Tehsil Toba Tek Singh</t>
  </si>
  <si>
    <t>chak No.358 gB (north) Toba Tek Singh</t>
  </si>
  <si>
    <t>chak 361 gBDistrict &amp; Tehsil Toba Tek Singh</t>
  </si>
  <si>
    <t>Hafiz Muhammad Asif Javed</t>
  </si>
  <si>
    <t>suply water</t>
  </si>
  <si>
    <t>GES CHAK 358 GB SOUTH</t>
  </si>
  <si>
    <t>Chak No. 358 GB South</t>
  </si>
  <si>
    <t>Chak No. 361 GB</t>
  </si>
  <si>
    <t>MUHAMMAD NADEEM</t>
  </si>
  <si>
    <t>GES CHAK 359 GB</t>
  </si>
  <si>
    <t>359 GB Singh Pura Toba</t>
  </si>
  <si>
    <t>Chak No 359 ,GB Singh Pura Toba Tek Singh</t>
  </si>
  <si>
    <t>359 GB Toba</t>
  </si>
  <si>
    <t>361 GB Daood Pur Toba</t>
  </si>
  <si>
    <t>Shaukat Ali Naz</t>
  </si>
  <si>
    <t>GES CHAK 36 4L</t>
  </si>
  <si>
    <t>36/4L</t>
  </si>
  <si>
    <t>Government Elementary School, 36/4L</t>
  </si>
  <si>
    <t>36 A/4L</t>
  </si>
  <si>
    <t>Maqbool Ahmad Nadeem</t>
  </si>
  <si>
    <t>GES CHAK 370 JB</t>
  </si>
  <si>
    <t>370jb</t>
  </si>
  <si>
    <t>ges370jbgojra ttsingh</t>
  </si>
  <si>
    <t>Muhammad Arshad Javed</t>
  </si>
  <si>
    <t>GES CHAK 380 JB TALI</t>
  </si>
  <si>
    <t>USMAN PUR MALE</t>
  </si>
  <si>
    <t>Chak No 380jb</t>
  </si>
  <si>
    <t>Chak No.380 JB</t>
  </si>
  <si>
    <t>Chak No 380 JB Tali</t>
  </si>
  <si>
    <t>Chak NO 324 JB</t>
  </si>
  <si>
    <t>Imtiaz Ahmed</t>
  </si>
  <si>
    <t>GES CHAK 381 JB</t>
  </si>
  <si>
    <t>CHAK NO  381 JB</t>
  </si>
  <si>
    <t>CHK 381 JB TOBA TEK SINGH</t>
  </si>
  <si>
    <t>Chk 381 Jb</t>
  </si>
  <si>
    <t>Chk 375 Jb</t>
  </si>
  <si>
    <t>MUHAMMAD IHSAN</t>
  </si>
  <si>
    <t>GES CHAK 383 JB CHOTA ALHAR</t>
  </si>
  <si>
    <t>383 jb</t>
  </si>
  <si>
    <t>chak 383 jb</t>
  </si>
  <si>
    <t>Chak 383 jb</t>
  </si>
  <si>
    <t>Chak 383 Jb</t>
  </si>
  <si>
    <t>Ghulam Hasan Tahir</t>
  </si>
  <si>
    <t>GES CHAK 386 JB</t>
  </si>
  <si>
    <t>Chak 386 JB</t>
  </si>
  <si>
    <t>Ges 386 Jb T.T.SINGH</t>
  </si>
  <si>
    <t>386 JB</t>
  </si>
  <si>
    <t>383 JB</t>
  </si>
  <si>
    <t>M Sajjad Sattar</t>
  </si>
  <si>
    <t>GES CHAK 388 JB II</t>
  </si>
  <si>
    <t>Chak 388 Jb</t>
  </si>
  <si>
    <t>Govt. Elementary School, Chak No. 388 JB, PO Same, Toba Tek Singh</t>
  </si>
  <si>
    <t>Chak NO 388 JB</t>
  </si>
  <si>
    <t>Chak No. 388 JB</t>
  </si>
  <si>
    <t>Muhammad Rafiq Anjum</t>
  </si>
  <si>
    <t>GES CHAK 392 JB I</t>
  </si>
  <si>
    <t>KHAN PUR-MALE</t>
  </si>
  <si>
    <t>392 Jb 1</t>
  </si>
  <si>
    <t>Chak no 392 jb 1</t>
  </si>
  <si>
    <t>391 Jb</t>
  </si>
  <si>
    <t>GES CHAK 395 JB</t>
  </si>
  <si>
    <t>chak no 395 j.b</t>
  </si>
  <si>
    <t>395 Jb</t>
  </si>
  <si>
    <t>Ali Asghar</t>
  </si>
  <si>
    <t>GES CHAK 399 JB</t>
  </si>
  <si>
    <t>chak 399 jb</t>
  </si>
  <si>
    <t>Chak399 Jb</t>
  </si>
  <si>
    <t>Chak 393 Jb</t>
  </si>
  <si>
    <t>Nadeem Ahmad</t>
  </si>
  <si>
    <t>GES CHAK 39-A/4L</t>
  </si>
  <si>
    <t>40/4-L-MALE</t>
  </si>
  <si>
    <t>39A/4L</t>
  </si>
  <si>
    <t>chak no.39.A/4.L</t>
  </si>
  <si>
    <t>37/4L</t>
  </si>
  <si>
    <t>Ijaz Hussain</t>
  </si>
  <si>
    <t>GES CHAK 4/FW</t>
  </si>
  <si>
    <t>4/fW</t>
  </si>
  <si>
    <t>4/FW</t>
  </si>
  <si>
    <t>city ward</t>
  </si>
  <si>
    <t>Muhammad Zeshan Akhtar  Baig</t>
  </si>
  <si>
    <t>GES CHAK 405 JB</t>
  </si>
  <si>
    <t>chak no 405jb tehsil and district toba tek simngh</t>
  </si>
  <si>
    <t>405 Jb</t>
  </si>
  <si>
    <t>Chak 314 GB</t>
  </si>
  <si>
    <t>GES CHAK 409 GB TANDLIANWALA FSD</t>
  </si>
  <si>
    <t>TANDLIANWALA 2 - MALE</t>
  </si>
  <si>
    <t>Chak No 409 Gb</t>
  </si>
  <si>
    <t>CHAK nO.  409GB, TEHSIL TANDLIANWALA, DISTRICT FAISALABAD</t>
  </si>
  <si>
    <t>Chak No.409 GB</t>
  </si>
  <si>
    <t>cHAK NO. 405 GB</t>
  </si>
  <si>
    <t>Muhammad Alam  Siddiqui</t>
  </si>
  <si>
    <t>GES CHAK 412 GB I TANDLIANWALA</t>
  </si>
  <si>
    <t>chak no 412 GB</t>
  </si>
  <si>
    <t>Chak no 412 gB</t>
  </si>
  <si>
    <t>Chak no 411 gB</t>
  </si>
  <si>
    <t>GES CHAK 413 GB SAMUNDRI</t>
  </si>
  <si>
    <t>Chak no413</t>
  </si>
  <si>
    <t>chak no 413gb Teh..samundri Distt,Faisalabad</t>
  </si>
  <si>
    <t>Chak No413gb</t>
  </si>
  <si>
    <t>Chak  no441gb</t>
  </si>
  <si>
    <t>GES CHAK 415 JB</t>
  </si>
  <si>
    <t>MURAD SHAH MALE</t>
  </si>
  <si>
    <t>Chandarkay</t>
  </si>
  <si>
    <t>GES 415 JB TEHSIL GOJRA</t>
  </si>
  <si>
    <t>415 Jb</t>
  </si>
  <si>
    <t>349 Jb</t>
  </si>
  <si>
    <t>GES CHAK 42/3R</t>
  </si>
  <si>
    <t>33/2R - MALE</t>
  </si>
  <si>
    <t>Pathanwala</t>
  </si>
  <si>
    <t>Chak 42/3R Pathanwala</t>
  </si>
  <si>
    <t>Chak 42/3R</t>
  </si>
  <si>
    <t>Sachanwala</t>
  </si>
  <si>
    <t>Muhammad Arif Dar</t>
  </si>
  <si>
    <t>GES CHAK 42/D KALAN</t>
  </si>
  <si>
    <t>DOLOWAL-MALE</t>
  </si>
  <si>
    <t>42/D kalan</t>
  </si>
  <si>
    <t>Chak 42/D Kalan Tehsil Dipalpur Distt.Okara</t>
  </si>
  <si>
    <t>Chak 40/D</t>
  </si>
  <si>
    <t>Muhammad Abu Huraira</t>
  </si>
  <si>
    <t>GES CHAK 42/SP SAMUNDARI</t>
  </si>
  <si>
    <t>42/sp</t>
  </si>
  <si>
    <t>haveli lakha</t>
  </si>
  <si>
    <t>Mohd Sadiq</t>
  </si>
  <si>
    <t>GES CHAK 420 GB TANDLIANWALA</t>
  </si>
  <si>
    <t>TANDLIANWALA 1 - MALE</t>
  </si>
  <si>
    <t>Chak 420 GB</t>
  </si>
  <si>
    <t>420 GB</t>
  </si>
  <si>
    <t>GES CHAK 425 JB PRANAWALA</t>
  </si>
  <si>
    <t>DARSANA BANGLA MALE</t>
  </si>
  <si>
    <t>Chak No 425 JB</t>
  </si>
  <si>
    <t>chak No 425 j.b</t>
  </si>
  <si>
    <t>Chak No 316 JB</t>
  </si>
  <si>
    <t>Shahbaz Rocks</t>
  </si>
  <si>
    <t>GES CHAK 429 JB</t>
  </si>
  <si>
    <t>PUL AADA-MALE</t>
  </si>
  <si>
    <t>Tajposhi Pur</t>
  </si>
  <si>
    <t>chak no 429 JB Gojra</t>
  </si>
  <si>
    <t>429 JB</t>
  </si>
  <si>
    <t>431 JB</t>
  </si>
  <si>
    <t>GES CHAK 43/4-L</t>
  </si>
  <si>
    <t>43/4L</t>
  </si>
  <si>
    <t>Chak #43/4L Okara</t>
  </si>
  <si>
    <t>40A/4L</t>
  </si>
  <si>
    <t>Abdul Wahab</t>
  </si>
  <si>
    <t>GES CHAK 43-D KALAN</t>
  </si>
  <si>
    <t>PIPLI PAHAR - MALE</t>
  </si>
  <si>
    <t>43/ Kalan</t>
  </si>
  <si>
    <t>GES 43/D kalan Depalpur Okara</t>
  </si>
  <si>
    <t>43/D Kalan</t>
  </si>
  <si>
    <t>Dolowal</t>
  </si>
  <si>
    <t>Ahmad Saeed</t>
  </si>
  <si>
    <t>GES CHAK 44/2-L</t>
  </si>
  <si>
    <t>4/4-L-MALE</t>
  </si>
  <si>
    <t>44/2L</t>
  </si>
  <si>
    <t>Chak no 44/2 L Okara</t>
  </si>
  <si>
    <t>Chak#44/2L</t>
  </si>
  <si>
    <t>GES CHAK 440/6-R EAST</t>
  </si>
  <si>
    <t>HDN-17-MALE</t>
  </si>
  <si>
    <t>Latifabad</t>
  </si>
  <si>
    <t>GES  Chak 440/6-R Tehsil Haroon Abad</t>
  </si>
  <si>
    <t>Chak 440/6-R</t>
  </si>
  <si>
    <t>438/6-R</t>
  </si>
  <si>
    <t>GES CHAK 45/GD</t>
  </si>
  <si>
    <t>BURJ JIWAY KHAN-MALE</t>
  </si>
  <si>
    <t>Akbar</t>
  </si>
  <si>
    <t>GES 45/G.D OKARA</t>
  </si>
  <si>
    <t>45/GD</t>
  </si>
  <si>
    <t>GES CHAK 457 GB I TANDLIANWALA</t>
  </si>
  <si>
    <t>SHERAZA-MALE</t>
  </si>
  <si>
    <t>GARH</t>
  </si>
  <si>
    <t>Govt ES 457 GB</t>
  </si>
  <si>
    <t>Chak NO 457 GB</t>
  </si>
  <si>
    <t>Chak No 458 GB</t>
  </si>
  <si>
    <t>Siraj  Din</t>
  </si>
  <si>
    <t>GES CHAK 459 GB PO 128 GB JARANWALA</t>
  </si>
  <si>
    <t>HAMAND DI JHOK-MALE</t>
  </si>
  <si>
    <t>Bholi Di Jhok</t>
  </si>
  <si>
    <t>chk no 459 gb</t>
  </si>
  <si>
    <t>Chk No 459 Gb</t>
  </si>
  <si>
    <t>Chk No 147 Gb</t>
  </si>
  <si>
    <t>GES CHAK 47/P VIA KHAN PUR</t>
  </si>
  <si>
    <t>Chak 47/P</t>
  </si>
  <si>
    <t>Bahishiti</t>
  </si>
  <si>
    <t>GES CHAK 485 JB</t>
  </si>
  <si>
    <t>Chak No 485 Teh: Shorkot Distt: Jhang</t>
  </si>
  <si>
    <t>Chak No 485</t>
  </si>
  <si>
    <t>Chiyan Wala</t>
  </si>
  <si>
    <t>GES CHAK 49</t>
  </si>
  <si>
    <t>MURIDKE-V - MALE</t>
  </si>
  <si>
    <t>chak 49 najar</t>
  </si>
  <si>
    <t>Chak 49 Najar mdk</t>
  </si>
  <si>
    <t>Chak 49 Najar</t>
  </si>
  <si>
    <t>dharoor muslim</t>
  </si>
  <si>
    <t>muhammad meqdaam an war</t>
  </si>
  <si>
    <t>GES CHAK 49 JB FSD</t>
  </si>
  <si>
    <t>Chak No 49 Jb</t>
  </si>
  <si>
    <t>GES 49 JB</t>
  </si>
  <si>
    <t>Munda Pind</t>
  </si>
  <si>
    <t>Chak No 50 Jb II</t>
  </si>
  <si>
    <t>Ikram Ul Haq</t>
  </si>
  <si>
    <t>GES CHAK 5 FAIZ MULTAN</t>
  </si>
  <si>
    <t>Chack 5 Faiz</t>
  </si>
  <si>
    <t>GES CHAK 5/4-L</t>
  </si>
  <si>
    <t>5/4-L</t>
  </si>
  <si>
    <t>5/4-L , Okara</t>
  </si>
  <si>
    <t>muhammad attique khari</t>
  </si>
  <si>
    <t>GES CHAK 5/FW</t>
  </si>
  <si>
    <t>5/ Fw</t>
  </si>
  <si>
    <t>Chak no. 5 / fw tehsil chishtian district Bahawalnagar.</t>
  </si>
  <si>
    <t>GES CHAK 51 JB SAJJAD FSD</t>
  </si>
  <si>
    <t>SAJJAD FAISALABAD</t>
  </si>
  <si>
    <t>CHAK NO.51 JB SAJJAD FAISALABAD</t>
  </si>
  <si>
    <t>CHAK NO.58 JB LAHLAN FAISALABAD</t>
  </si>
  <si>
    <t>MUKHTAR ALI</t>
  </si>
  <si>
    <t>GES CHAK 51/2L OKARA</t>
  </si>
  <si>
    <t>KARMAN WALA - MALE</t>
  </si>
  <si>
    <t>51/2L</t>
  </si>
  <si>
    <t>Govt. Elementary School chak# 51/2L</t>
  </si>
  <si>
    <t>52/2L</t>
  </si>
  <si>
    <t>GES CHAK 517 GB</t>
  </si>
  <si>
    <t>Chak No. 517 GB Tehsil &amp; District Toba Tek Singh.</t>
  </si>
  <si>
    <t>Chak No. 517 GB</t>
  </si>
  <si>
    <t>Chak No. 517</t>
  </si>
  <si>
    <t>AMIR RAZA KHAN</t>
  </si>
  <si>
    <t>GES CHAK 52/3-R</t>
  </si>
  <si>
    <t>GASHKORI - MALE</t>
  </si>
  <si>
    <t>52/3R</t>
  </si>
  <si>
    <t>chak no 52/3R post office 49/3R Teh &amp; Distt Okara</t>
  </si>
  <si>
    <t>Muhammad Rashid Ali</t>
  </si>
  <si>
    <t>GES CHAK 52/P</t>
  </si>
  <si>
    <t>Chak No 52/P</t>
  </si>
  <si>
    <t>Chak No. 52/P Rahim Yar Khan</t>
  </si>
  <si>
    <t>Chak No 51/P</t>
  </si>
  <si>
    <t>GES CHAK 53/2L</t>
  </si>
  <si>
    <t>53/2L</t>
  </si>
  <si>
    <t>House # 23  street # 3 Siddique Nagar GT road Okara</t>
  </si>
  <si>
    <t>Syed Sajjad Hussain Shamsi</t>
  </si>
  <si>
    <t>GES CHAK 54 JB</t>
  </si>
  <si>
    <t>54 JB Fsd</t>
  </si>
  <si>
    <t>chak no 54 jb tehsil and district fsd</t>
  </si>
  <si>
    <t>54 JB</t>
  </si>
  <si>
    <t>57 JB FSD</t>
  </si>
  <si>
    <t>Muhammad Aslam Nadeem</t>
  </si>
  <si>
    <t>portable water</t>
  </si>
  <si>
    <t>GES CHAK 543 GB TANDLIANWALA</t>
  </si>
  <si>
    <t>Manganawala</t>
  </si>
  <si>
    <t>Government elementary school 543G B</t>
  </si>
  <si>
    <t>543 GB</t>
  </si>
  <si>
    <t>458GB</t>
  </si>
  <si>
    <t>THIRAJ Ahmed</t>
  </si>
  <si>
    <t>GES CHAK 55/F</t>
  </si>
  <si>
    <t>Chak No 55/F</t>
  </si>
  <si>
    <t>Government elementary school 55/F Chishtian</t>
  </si>
  <si>
    <t>55/F</t>
  </si>
  <si>
    <t>54/F</t>
  </si>
  <si>
    <t>Ghulam Mustafa Zaidi</t>
  </si>
  <si>
    <t>GES CHAK 56 JB I</t>
  </si>
  <si>
    <t>Chak No 56 JB</t>
  </si>
  <si>
    <t>Chak No 29 JB N</t>
  </si>
  <si>
    <t>NAVEED AHMAD</t>
  </si>
  <si>
    <t>GES CHAK 563 GB</t>
  </si>
  <si>
    <t>ZAFARWAL-MALE</t>
  </si>
  <si>
    <t>Buggay Mahal</t>
  </si>
  <si>
    <t>Ges Chak no 563 Buggay mahal</t>
  </si>
  <si>
    <t>Chak No 563 BM</t>
  </si>
  <si>
    <t>562 GB</t>
  </si>
  <si>
    <t>GES CHAK 58 GB</t>
  </si>
  <si>
    <t>Chak No 58GB</t>
  </si>
  <si>
    <t>Chak No 58GB Jaranwala District Faislabad</t>
  </si>
  <si>
    <t>Chak No 58GB Jaranwala</t>
  </si>
  <si>
    <t>pervaiz iqbal</t>
  </si>
  <si>
    <t>GES CHAK 58/3 TUKRA</t>
  </si>
  <si>
    <t>QADIR BUKHSH MALE</t>
  </si>
  <si>
    <t>58/3 Tukra</t>
  </si>
  <si>
    <t>ges58/3 tukra Kamala District Toba Tek Singh</t>
  </si>
  <si>
    <t>737 Gb</t>
  </si>
  <si>
    <t>Habib Ullah</t>
  </si>
  <si>
    <t>GES CHAK 616/GB</t>
  </si>
  <si>
    <t>GARH 1 - MALE</t>
  </si>
  <si>
    <t>Garh Fateh Shah</t>
  </si>
  <si>
    <t>CHAK NO 616 gb</t>
  </si>
  <si>
    <t>616gb</t>
  </si>
  <si>
    <t>Chak No617</t>
  </si>
  <si>
    <t>muhammad jamshed khawaja</t>
  </si>
  <si>
    <t>GES CHAK 621 GB TANDLIANWALA</t>
  </si>
  <si>
    <t>621 Gb</t>
  </si>
  <si>
    <t>chak no 621 gB .Teh.tandlianwala .distt. faisalabad</t>
  </si>
  <si>
    <t>chak no 621 gB</t>
  </si>
  <si>
    <t>Sheraza</t>
  </si>
  <si>
    <t>Muhammad Naveed Anjum</t>
  </si>
  <si>
    <t>GES CHAK 63 JB Faisalabad</t>
  </si>
  <si>
    <t>Mehta</t>
  </si>
  <si>
    <t>CHAK NO. 63 JB MEHTA</t>
  </si>
  <si>
    <t>CHAK NO. 64 JB</t>
  </si>
  <si>
    <t>Muhammad Shafiq Ghani</t>
  </si>
  <si>
    <t>GES CHAK 64 JB</t>
  </si>
  <si>
    <t>Chak No 64 JB Seetal Mansooran</t>
  </si>
  <si>
    <t>Chak NO 64 JB Seetal Mansooran, Tehsil Sadar, Faisalabad</t>
  </si>
  <si>
    <t>Chak NO 64 JB</t>
  </si>
  <si>
    <t>GES CHAK 654/5 GB</t>
  </si>
  <si>
    <t>LUNDIANWALA - MALE</t>
  </si>
  <si>
    <t>Chak</t>
  </si>
  <si>
    <t>Chak Number 654/5 GB</t>
  </si>
  <si>
    <t>654/5 GB</t>
  </si>
  <si>
    <t>650/1 GB</t>
  </si>
  <si>
    <t>GES CHAK 656/7 GB II</t>
  </si>
  <si>
    <t>BUCHIANA - MALE</t>
  </si>
  <si>
    <t>Chan No 656/ 7 GB II</t>
  </si>
  <si>
    <t>Chak 656/7 GB. II</t>
  </si>
  <si>
    <t>Chak No 656/7 GB II</t>
  </si>
  <si>
    <t>Chak No 657/8 G B</t>
  </si>
  <si>
    <t>Muhammad Saleem Shad</t>
  </si>
  <si>
    <t>GES CHAK 669/10 GB</t>
  </si>
  <si>
    <t>GOPAY RAW-MALE</t>
  </si>
  <si>
    <t>Chak No 669/10 669/10GB</t>
  </si>
  <si>
    <t>Chak No 669/10GB tehsil Pirmahal distt toba Tek Singh</t>
  </si>
  <si>
    <t>Chak No 669/10GB</t>
  </si>
  <si>
    <t>Chak No 670/11 GB</t>
  </si>
  <si>
    <t>GES CHAK 673/14 GB</t>
  </si>
  <si>
    <t>PIR MAHAL CITY MALE</t>
  </si>
  <si>
    <t>Chak No 673 GB Sadhu Junaig</t>
  </si>
  <si>
    <t>Govt E/S Chak no 673/14 GB</t>
  </si>
  <si>
    <t>Chak No 673/14 GB</t>
  </si>
  <si>
    <t>C plot PML</t>
  </si>
  <si>
    <t>Muhammad Ashraf Zahid</t>
  </si>
  <si>
    <t>Elcctic turbine</t>
  </si>
  <si>
    <t>GES CHAK 674/15 GB</t>
  </si>
  <si>
    <t>BAGH WALA-MALE</t>
  </si>
  <si>
    <t>Chak No 674 GB</t>
  </si>
  <si>
    <t>GES Chak no. 674/15 GB Tehsil Pirmahal District Toba Tek Singh</t>
  </si>
  <si>
    <t>Chak No. 674/15 GB</t>
  </si>
  <si>
    <t>Chak No. 674 GB</t>
  </si>
  <si>
    <t>Riaz Ali qamar</t>
  </si>
  <si>
    <t>GES CHAK 68 GB JARANWALA</t>
  </si>
  <si>
    <t>68gb</t>
  </si>
  <si>
    <t>67gb</t>
  </si>
  <si>
    <t>GES CHAK 68 JB I</t>
  </si>
  <si>
    <t>68 JB Leelan</t>
  </si>
  <si>
    <t>Chak 68 JB Leelan Faisalabad</t>
  </si>
  <si>
    <t>70 JB Mansooran</t>
  </si>
  <si>
    <t>muhammad zahid rasheed</t>
  </si>
  <si>
    <t>GES CHAK 688/28 GB NANAK PUR</t>
  </si>
  <si>
    <t>688/28 gb</t>
  </si>
  <si>
    <t>ChAK NO. 688/28 GB NANAK PUR teh pirmahal dist. toba tek singh</t>
  </si>
  <si>
    <t>chak 688 gb nanak pur</t>
  </si>
  <si>
    <t>KHURSHEED ABAD</t>
  </si>
  <si>
    <t>MUHAMMAD WASEEM SHAHID</t>
  </si>
  <si>
    <t>GES CHAK 69 GB</t>
  </si>
  <si>
    <t>69 Malki</t>
  </si>
  <si>
    <t>chak no .116 gb</t>
  </si>
  <si>
    <t>69 GB</t>
  </si>
  <si>
    <t>112 GB</t>
  </si>
  <si>
    <t>SYED TAJDEED HUSSAIN BOKHARI</t>
  </si>
  <si>
    <t>GES CHAK 69/4-R</t>
  </si>
  <si>
    <t>69/4R</t>
  </si>
  <si>
    <t>Chak no 69/4R</t>
  </si>
  <si>
    <t>chak 69/4R</t>
  </si>
  <si>
    <t>chak no 62/4R</t>
  </si>
  <si>
    <t>Ziker Elahi</t>
  </si>
  <si>
    <t>GES CHAK 7 JB  PUNJWAR</t>
  </si>
  <si>
    <t>7 JB PUNJWAR</t>
  </si>
  <si>
    <t>GES CHAK 7 JB PUNJWAR</t>
  </si>
  <si>
    <t>PUNJWAR</t>
  </si>
  <si>
    <t>muhammad nisar</t>
  </si>
  <si>
    <t>GES CHAK 7 JB NALKA KOHALA</t>
  </si>
  <si>
    <t>chak no.7 jb kohala faislabad</t>
  </si>
  <si>
    <t>samana</t>
  </si>
  <si>
    <t>Ayyaz Mehmood</t>
  </si>
  <si>
    <t>water filteration plant</t>
  </si>
  <si>
    <t>GES CHAK 704/46 GB</t>
  </si>
  <si>
    <t>Gull pur</t>
  </si>
  <si>
    <t>Chak 704/46 GB</t>
  </si>
  <si>
    <t>Chak 694/36 GB</t>
  </si>
  <si>
    <t>Adnan Hameed</t>
  </si>
  <si>
    <t>GES CHAK 705 GB</t>
  </si>
  <si>
    <t>705gb</t>
  </si>
  <si>
    <t>chak no 705 gb teh kamalia toba tek singh</t>
  </si>
  <si>
    <t>Chak No 705 Gb</t>
  </si>
  <si>
    <t>Uc 661/ 2 Gb</t>
  </si>
  <si>
    <t>Khalid Ahmad</t>
  </si>
  <si>
    <t>GES CHAK 71 JB I</t>
  </si>
  <si>
    <t>Chak 71 Jb Sarli</t>
  </si>
  <si>
    <t>Chak 71 jb sarli Faisalabad</t>
  </si>
  <si>
    <t>Oad Basti Chak 71 Jb Sarli</t>
  </si>
  <si>
    <t>Jhapal</t>
  </si>
  <si>
    <t>Muhammad Waseem Rashid</t>
  </si>
  <si>
    <t>GES CHAK 710 GB</t>
  </si>
  <si>
    <t>chakno710 kamalia</t>
  </si>
  <si>
    <t>710gb</t>
  </si>
  <si>
    <t>Mohammad Atique ur Redman Khan</t>
  </si>
  <si>
    <t>GES CHAK 712 GB</t>
  </si>
  <si>
    <t>JAKHAR MALE</t>
  </si>
  <si>
    <t>712  G B</t>
  </si>
  <si>
    <t>govt e/s 712 g b</t>
  </si>
  <si>
    <t>712 G B</t>
  </si>
  <si>
    <t>Laldin</t>
  </si>
  <si>
    <t>GES CHAK 714 GB</t>
  </si>
  <si>
    <t>ASWAAR SHAH-MALE</t>
  </si>
  <si>
    <t>Chak No 714 GB</t>
  </si>
  <si>
    <t>chak no 714  GB kamalia toba Tek Singh</t>
  </si>
  <si>
    <t>724 GB</t>
  </si>
  <si>
    <t>GES CHAK 716 GB</t>
  </si>
  <si>
    <t>Chak No. 716 GB, Kamalia</t>
  </si>
  <si>
    <t>CHAK  No 716 GB</t>
  </si>
  <si>
    <t>CHAK NO 715 GB</t>
  </si>
  <si>
    <t>Mubashar Iqbal Abid</t>
  </si>
  <si>
    <t>GES CHAK 717 GB</t>
  </si>
  <si>
    <t>Chak No 717</t>
  </si>
  <si>
    <t>chak no 717 gb tehsil kamalia district tt singh</t>
  </si>
  <si>
    <t>Chak No 717gb</t>
  </si>
  <si>
    <t>Chak No 715</t>
  </si>
  <si>
    <t>Zafar Ali</t>
  </si>
  <si>
    <t>GES CHAK 72 JB</t>
  </si>
  <si>
    <t>Gulalipur</t>
  </si>
  <si>
    <t>chak no 72jb tehsil saddar faisalabad</t>
  </si>
  <si>
    <t>72jb</t>
  </si>
  <si>
    <t>41jb</t>
  </si>
  <si>
    <t>nawaz Akhtar</t>
  </si>
  <si>
    <t>purchase from plant</t>
  </si>
  <si>
    <t>GES CHAK 721 GB</t>
  </si>
  <si>
    <t>721GB</t>
  </si>
  <si>
    <t>chak no.721G.B</t>
  </si>
  <si>
    <t>GES CHAK 724 GB</t>
  </si>
  <si>
    <t>Chak 724 GB Kamalia</t>
  </si>
  <si>
    <t>Chak 724 GB</t>
  </si>
  <si>
    <t>Muzzamil Hussain</t>
  </si>
  <si>
    <t>GES CHAK 725 GB</t>
  </si>
  <si>
    <t>Chak 725 gb</t>
  </si>
  <si>
    <t>chak no 725 gb</t>
  </si>
  <si>
    <t>Ges 725 gb</t>
  </si>
  <si>
    <t>Chak No 724 gb</t>
  </si>
  <si>
    <t>Asif Freed</t>
  </si>
  <si>
    <t>GES CHAK 728 GB</t>
  </si>
  <si>
    <t>WAHGI MALE</t>
  </si>
  <si>
    <t>Chak No. 728 GB</t>
  </si>
  <si>
    <t>Chak No 728 GB</t>
  </si>
  <si>
    <t>Rana Rehan Khalid</t>
  </si>
  <si>
    <t>GES CHAK 734 GB</t>
  </si>
  <si>
    <t>Chak 734 GB kamalia</t>
  </si>
  <si>
    <t>Chak 734 G B</t>
  </si>
  <si>
    <t>57/3 Tukra</t>
  </si>
  <si>
    <t>GES CHAK 74/P</t>
  </si>
  <si>
    <t>Chack 74p</t>
  </si>
  <si>
    <t>chack no 74p</t>
  </si>
  <si>
    <t>GES CHAK 75/P</t>
  </si>
  <si>
    <t>Chak 75/p</t>
  </si>
  <si>
    <t>GES CHAK NO 75/P RAHIM YAR KHAN</t>
  </si>
  <si>
    <t>Dari Azim Khan</t>
  </si>
  <si>
    <t>Mohammad Akram Tahir</t>
  </si>
  <si>
    <t>GES CHAK 756 GB</t>
  </si>
  <si>
    <t>Chak No 756 GB</t>
  </si>
  <si>
    <t>Post office 755 GB chak No 756 GB Teh Pirmhal Disst Toba Tek Singh</t>
  </si>
  <si>
    <t>Nawab Bhoori</t>
  </si>
  <si>
    <t>Qaiser Abbas</t>
  </si>
  <si>
    <t>GES CHAK 763 GB</t>
  </si>
  <si>
    <t>763gb</t>
  </si>
  <si>
    <t>GES763gb</t>
  </si>
  <si>
    <t>762gb</t>
  </si>
  <si>
    <t>GES CHAK 77 JB</t>
  </si>
  <si>
    <t>Mullanpur</t>
  </si>
  <si>
    <t>chak no 77jb</t>
  </si>
  <si>
    <t>Chak No 77 Jb</t>
  </si>
  <si>
    <t>Jawadi</t>
  </si>
  <si>
    <t>rafiq ahmad</t>
  </si>
  <si>
    <t>GES CHAK 77/NP</t>
  </si>
  <si>
    <t>77np</t>
  </si>
  <si>
    <t>Chak 77 NP</t>
  </si>
  <si>
    <t>Tibi Gul Mohammad</t>
  </si>
  <si>
    <t>GES CHAK 770 GB</t>
  </si>
  <si>
    <t>AROTI MALE</t>
  </si>
  <si>
    <t>770gb</t>
  </si>
  <si>
    <t>chak no 770 GB p/o arooti teh.pirmahal t.t.sing</t>
  </si>
  <si>
    <t>694/36</t>
  </si>
  <si>
    <t>GES CHAK 78 GB WEST</t>
  </si>
  <si>
    <t>Neelam Wala</t>
  </si>
  <si>
    <t>Chak # 78 gb West</t>
  </si>
  <si>
    <t>Chak # 78 Gb West</t>
  </si>
  <si>
    <t>Khudiyan Waraichan</t>
  </si>
  <si>
    <t>GES CHAK 78/A</t>
  </si>
  <si>
    <t>CHAK 178/7-R-MALE</t>
  </si>
  <si>
    <t>78/A</t>
  </si>
  <si>
    <t>chak no. 78/A tehsil liaquat pur</t>
  </si>
  <si>
    <t>Chak #78/A</t>
  </si>
  <si>
    <t>68/A</t>
  </si>
  <si>
    <t>carried from outside</t>
  </si>
  <si>
    <t>GES CHAK 78/P</t>
  </si>
  <si>
    <t>TARANDA SAWAY KHAN - MALE</t>
  </si>
  <si>
    <t>78/P</t>
  </si>
  <si>
    <t>78p Tranda sawaye khan Rahim yar khan</t>
  </si>
  <si>
    <t>78p</t>
  </si>
  <si>
    <t>Tranda Sawaye Khan</t>
  </si>
  <si>
    <t>Sakhawat Ali</t>
  </si>
  <si>
    <t>GES CHAK 8 MB</t>
  </si>
  <si>
    <t>Chak 6 MB</t>
  </si>
  <si>
    <t>P/O 8 MB Tehsil Quaidabad District Khushab</t>
  </si>
  <si>
    <t>Chak 8 MB</t>
  </si>
  <si>
    <t>Okhli Mohla</t>
  </si>
  <si>
    <t>GES CHAK 8/A</t>
  </si>
  <si>
    <t>CHAK 10/A-MALE</t>
  </si>
  <si>
    <t>chak no 8/a</t>
  </si>
  <si>
    <t>chak no 8/a tehsil liaquat pur</t>
  </si>
  <si>
    <t>chak no 10/a</t>
  </si>
  <si>
    <t>Hafiz Muhammad Attaullah</t>
  </si>
  <si>
    <t>GES CHAK 81 JB</t>
  </si>
  <si>
    <t>GES 81 JB FSD</t>
  </si>
  <si>
    <t>81 JB</t>
  </si>
  <si>
    <t>Chak No. 82 JB 1 Jaghat Pur</t>
  </si>
  <si>
    <t>perchase</t>
  </si>
  <si>
    <t>GES CHAK 82/5-R</t>
  </si>
  <si>
    <t>HND-5-MALE</t>
  </si>
  <si>
    <t>82/5r</t>
  </si>
  <si>
    <t>86/5r</t>
  </si>
  <si>
    <t>GES CHAK 84 / M</t>
  </si>
  <si>
    <t>Chak 84 M</t>
  </si>
  <si>
    <t>chak 84-m,multan road,jppw</t>
  </si>
  <si>
    <t>Municipal Committee JPPW</t>
  </si>
  <si>
    <t>GES CHAK 88 JB</t>
  </si>
  <si>
    <t>Hassiana</t>
  </si>
  <si>
    <t>Chak No. 88 J.b (Hassiana) tehsil &amp; district Faisalabad</t>
  </si>
  <si>
    <t>88 Jb</t>
  </si>
  <si>
    <t>88 Jb Hassiana</t>
  </si>
  <si>
    <t>Dr Liaqat Ali</t>
  </si>
  <si>
    <t>GES CHAK 9 GD</t>
  </si>
  <si>
    <t>9gd</t>
  </si>
  <si>
    <t>Uc 4/GD</t>
  </si>
  <si>
    <t>GES CHAK 9/62 BARA GHAR</t>
  </si>
  <si>
    <t>BARA GHAR - MALE</t>
  </si>
  <si>
    <t>chak no 9/62</t>
  </si>
  <si>
    <t>chak no 9/62 p/o chak no 8/60 teh/distt nankana sahib</t>
  </si>
  <si>
    <t>chak haider abad</t>
  </si>
  <si>
    <t>MUHAMMAD AMJAD ALI KHAN</t>
  </si>
  <si>
    <t>GES CHAK 90 JB</t>
  </si>
  <si>
    <t>PAKKA ANNA-MALE</t>
  </si>
  <si>
    <t>Chak # 90 Jb</t>
  </si>
  <si>
    <t>GES 90 JB (1) THAROO</t>
  </si>
  <si>
    <t>Chak # 90 Jb Tharoo</t>
  </si>
  <si>
    <t>Chak # 93 Jb</t>
  </si>
  <si>
    <t>Aziz Ur Rehman</t>
  </si>
  <si>
    <t>GES CHAK 93 RB</t>
  </si>
  <si>
    <t>BADIANWALA - MALE</t>
  </si>
  <si>
    <t>chitti</t>
  </si>
  <si>
    <t>93 rb</t>
  </si>
  <si>
    <t>61 rb</t>
  </si>
  <si>
    <t>GES CHAK 95/6-R</t>
  </si>
  <si>
    <t>HND-6-MALE</t>
  </si>
  <si>
    <t>Chak 95-6R</t>
  </si>
  <si>
    <t>95/6.R</t>
  </si>
  <si>
    <t>Ehsan Ghani</t>
  </si>
  <si>
    <t>GES CHAK 98 GB I</t>
  </si>
  <si>
    <t>Saidowal</t>
  </si>
  <si>
    <t>chak no 98 gb faisalabad</t>
  </si>
  <si>
    <t>Chak No 98 GB</t>
  </si>
  <si>
    <t>GHULAM ALI</t>
  </si>
  <si>
    <t>GES CHAK 99 JB</t>
  </si>
  <si>
    <t>Chak No. 99 JB</t>
  </si>
  <si>
    <t>99 JB</t>
  </si>
  <si>
    <t>97 JB</t>
  </si>
  <si>
    <t>GES CHAK 99 RB</t>
  </si>
  <si>
    <t>Chak 99 RB</t>
  </si>
  <si>
    <t>GES 99 RB</t>
  </si>
  <si>
    <t>Chak No 99 RB</t>
  </si>
  <si>
    <t>Shehswar Ali Khan</t>
  </si>
  <si>
    <t>GES CHAK AADIL</t>
  </si>
  <si>
    <t>Chak Adil</t>
  </si>
  <si>
    <t>Chak Adil Sialkot</t>
  </si>
  <si>
    <t>Kourpour</t>
  </si>
  <si>
    <t>Javeed Iqbal Khokhar</t>
  </si>
  <si>
    <t>GES CHAK ABBAS</t>
  </si>
  <si>
    <t>Chak Abbas</t>
  </si>
  <si>
    <t>Basti Noor pur p o Chak Abbas</t>
  </si>
  <si>
    <t>Jam Zahoor Ahmad</t>
  </si>
  <si>
    <t>GES CHAK ABDUL KHALIQ</t>
  </si>
  <si>
    <t>Chak Abdul Khaliq</t>
  </si>
  <si>
    <t>village chak Abdul khaliq</t>
  </si>
  <si>
    <t>Chak Abdul khaliq</t>
  </si>
  <si>
    <t>GES CHAK AKKA</t>
  </si>
  <si>
    <t>Chak Akka</t>
  </si>
  <si>
    <t>G.e.s Chak Akka, Tehsil Dina, District Jhelum</t>
  </si>
  <si>
    <t>GES CHAK BAKHTAWAR</t>
  </si>
  <si>
    <t>Chak Bakhtawar</t>
  </si>
  <si>
    <t>VPO chak bakhtawar</t>
  </si>
  <si>
    <t>Guliana</t>
  </si>
  <si>
    <t>GES CHAK BALOCHAN</t>
  </si>
  <si>
    <t>Chak Balochan</t>
  </si>
  <si>
    <t>Chak balochan tehsil and district jhang</t>
  </si>
  <si>
    <t>Syed Shehr wa Ali Shah</t>
  </si>
  <si>
    <t>GES CHAK BAQAR SHAH</t>
  </si>
  <si>
    <t>Chak Baqar Shah</t>
  </si>
  <si>
    <t>Asmat Zia</t>
  </si>
  <si>
    <t>GES CHAK BAWA</t>
  </si>
  <si>
    <t>Chak Bawa</t>
  </si>
  <si>
    <t>Chak Bawa P/O Haveli Lakha Tehsil Depalpur District Okara</t>
  </si>
  <si>
    <t>Bareet</t>
  </si>
  <si>
    <t>GES CHAK BEHRAM</t>
  </si>
  <si>
    <t>Chak Behram</t>
  </si>
  <si>
    <t>GES Chak Behram Teh and district Jhelum</t>
  </si>
  <si>
    <t>Kala Gujran</t>
  </si>
  <si>
    <t>Azhar Mahmood</t>
  </si>
  <si>
    <t>GES CHAK BELI KHAN</t>
  </si>
  <si>
    <t>Chak Beli Khan</t>
  </si>
  <si>
    <t>VPO CHAK BELI KHAN</t>
  </si>
  <si>
    <t>Khan Waiz</t>
  </si>
  <si>
    <t>GES CHAK BODLA</t>
  </si>
  <si>
    <t>mansaraam</t>
  </si>
  <si>
    <t>nizd jimco chowk qasba gujrat</t>
  </si>
  <si>
    <t>chak bodla</t>
  </si>
  <si>
    <t>douna</t>
  </si>
  <si>
    <t>Hamid Khan</t>
  </si>
  <si>
    <t>GES CHAK CHATHA</t>
  </si>
  <si>
    <t>Chak Chattha</t>
  </si>
  <si>
    <t>GES chak chattha</t>
  </si>
  <si>
    <t>GES CHAK CHOOPA</t>
  </si>
  <si>
    <t>Chak Chopa</t>
  </si>
  <si>
    <t>GES Chak Chopa</t>
  </si>
  <si>
    <t>GES CHAK DAULAT</t>
  </si>
  <si>
    <t>MANDRA - MALE</t>
  </si>
  <si>
    <t>Chakdaulat</t>
  </si>
  <si>
    <t>village chakdaulat.the gujarkhan distt rwp</t>
  </si>
  <si>
    <t>Sukho</t>
  </si>
  <si>
    <t>Muhammad Saqlain Kiani</t>
  </si>
  <si>
    <t>GES CHAK DHEERRA</t>
  </si>
  <si>
    <t>Chak Dheera</t>
  </si>
  <si>
    <t>Village Chak Dheera, Inside DHA Phase 7, Post Office Barki, Lahore Cantt</t>
  </si>
  <si>
    <t>MUHAMMAD QAMAR ALAM</t>
  </si>
  <si>
    <t>GES CHAK DINA</t>
  </si>
  <si>
    <t>LALAMUSA-II-MALE</t>
  </si>
  <si>
    <t>Chak Dina</t>
  </si>
  <si>
    <t>Chak Dina p/o Shahsarmast. tehsil Kharian district. Gujrat</t>
  </si>
  <si>
    <t>Kotla Qasim Khan</t>
  </si>
  <si>
    <t>GES CHAK DOONI CHAND</t>
  </si>
  <si>
    <t>chak doni chand</t>
  </si>
  <si>
    <t>GES chak doni chand</t>
  </si>
  <si>
    <t>abid abad</t>
  </si>
  <si>
    <t>Amjid Ali Hunjra</t>
  </si>
  <si>
    <t>GES CHAK GHAZI</t>
  </si>
  <si>
    <t>Chak Ghazi</t>
  </si>
  <si>
    <t>P/O Sooianwala, District &amp;Tehsil, Hafizabad</t>
  </si>
  <si>
    <t>Ramke Chattha</t>
  </si>
  <si>
    <t>Muhammad Abubaker</t>
  </si>
  <si>
    <t>GES CHAK HOTIYANA</t>
  </si>
  <si>
    <t>BWN-IV-MALE</t>
  </si>
  <si>
    <t>Qamar Deen Hans</t>
  </si>
  <si>
    <t>Govt. E/S Chak Hotiana</t>
  </si>
  <si>
    <t>Chak Hotiana</t>
  </si>
  <si>
    <t>Musa Bhoota</t>
  </si>
  <si>
    <t>GES CHAK JAMAL</t>
  </si>
  <si>
    <t>chak jamal</t>
  </si>
  <si>
    <t>Village Chak Jamal tehsil and district Jhelum</t>
  </si>
  <si>
    <t>GES CHAK JANI</t>
  </si>
  <si>
    <t>CHAK SHADI - MALE</t>
  </si>
  <si>
    <t>p/o chak jani pd khan</t>
  </si>
  <si>
    <t>Chak Jani</t>
  </si>
  <si>
    <t>Muhammad Umar Bilal</t>
  </si>
  <si>
    <t>GES CHAK JANI KALAN</t>
  </si>
  <si>
    <t>Chak Jani Kalan</t>
  </si>
  <si>
    <t>v.p.o chak jani kalan</t>
  </si>
  <si>
    <t>Riaz Baig</t>
  </si>
  <si>
    <t>GES CHAK JEEWAN</t>
  </si>
  <si>
    <t>Chak Jeewan</t>
  </si>
  <si>
    <t>Chak jeewan Tehsil Phalia District Mandi Bahauddin</t>
  </si>
  <si>
    <t>Charanwala</t>
  </si>
  <si>
    <t>Mansha Ullah</t>
  </si>
  <si>
    <t>GES CHAK JHUMRA</t>
  </si>
  <si>
    <t>CHAK JHUMRA - MALE</t>
  </si>
  <si>
    <t>Chak Jhumra</t>
  </si>
  <si>
    <t>Railway Road Chak Jhumra, District Faisalabad.</t>
  </si>
  <si>
    <t>MC Chak Jhumra</t>
  </si>
  <si>
    <t>Muhammad Irfan Iqbal</t>
  </si>
  <si>
    <t>GES CHAK JHUMRA 2 18 JB</t>
  </si>
  <si>
    <t>Hamaoonky</t>
  </si>
  <si>
    <t>GOVT. ELEMENTARY SCHOOL CHAK NO.  18 JB HAMONKAY</t>
  </si>
  <si>
    <t>CHAK 18 JB HAMONKAY</t>
  </si>
  <si>
    <t>CHAK NO. 19 JB QADARKAY</t>
  </si>
  <si>
    <t>GES CHAK JODH</t>
  </si>
  <si>
    <t>CHAK 46-SB - MALE</t>
  </si>
  <si>
    <t>Chak Jodh</t>
  </si>
  <si>
    <t>chak jodh</t>
  </si>
  <si>
    <t>Chak 52 Sb</t>
  </si>
  <si>
    <t>Bilal Ahmad</t>
  </si>
  <si>
    <t>GES CHAK KATORA</t>
  </si>
  <si>
    <t>HASILPUR OLD - MALE</t>
  </si>
  <si>
    <t>Bidana</t>
  </si>
  <si>
    <t>chak katora</t>
  </si>
  <si>
    <t>Chak Katora</t>
  </si>
  <si>
    <t>MUHAMMAD IQABL</t>
  </si>
  <si>
    <t>GES CHAK KHARAK</t>
  </si>
  <si>
    <t>Chak Kharak</t>
  </si>
  <si>
    <t>vpo chak kharak</t>
  </si>
  <si>
    <t>Bananas Khan</t>
  </si>
  <si>
    <t>GES CHAK KHARAL</t>
  </si>
  <si>
    <t>Chak Kharl</t>
  </si>
  <si>
    <t>Kalian Wala</t>
  </si>
  <si>
    <t>Asmat Ullah Bhatti</t>
  </si>
  <si>
    <t>GES CHAK MANDHAR</t>
  </si>
  <si>
    <t>Chakmandahar</t>
  </si>
  <si>
    <t>Vill &amp; PO Chakmandahar Sialkot .</t>
  </si>
  <si>
    <t>Ballanwala</t>
  </si>
  <si>
    <t>Shahid Ali Baig</t>
  </si>
  <si>
    <t>GES CHAK MANJUN</t>
  </si>
  <si>
    <t>village and post office chak manju</t>
  </si>
  <si>
    <t>Abbas Baig</t>
  </si>
  <si>
    <t>GES CHAK NADAR SHAH</t>
  </si>
  <si>
    <t>Nadar Shah</t>
  </si>
  <si>
    <t>Chak Nadar Shah</t>
  </si>
  <si>
    <t>Musa Bhota</t>
  </si>
  <si>
    <t>Ghulam Shabbir Khan</t>
  </si>
  <si>
    <t>GES CHAK NIZAM</t>
  </si>
  <si>
    <t>GUJRANWALA SADAR 1 - MALE</t>
  </si>
  <si>
    <t>Chak Nizam Kalan Kalah</t>
  </si>
  <si>
    <t>GES chak nizam kalan gujranwala</t>
  </si>
  <si>
    <t>Chak Nizam Kalan</t>
  </si>
  <si>
    <t>Musaddaq Rashid</t>
  </si>
  <si>
    <t>GES CHAK NO 1/1-AL</t>
  </si>
  <si>
    <t>1/1AL</t>
  </si>
  <si>
    <t>Chak No 1/1AL</t>
  </si>
  <si>
    <t>4/1AL KALAN</t>
  </si>
  <si>
    <t>Muhammad Aslam Khan</t>
  </si>
  <si>
    <t>GES CHAK NO 10 GUJJAR</t>
  </si>
  <si>
    <t>Chak No 10/jb</t>
  </si>
  <si>
    <t>Chak No.10/jb Gujjar Lahore road chiniot</t>
  </si>
  <si>
    <t>Sarrwala</t>
  </si>
  <si>
    <t>MUHAMMAD AMEER HAMZA</t>
  </si>
  <si>
    <t>GES CHAK NO 10 THAL COLONY NO 4</t>
  </si>
  <si>
    <t>Chak 10 Thal</t>
  </si>
  <si>
    <t>colony no 4 chak 10 thal</t>
  </si>
  <si>
    <t>Colony No 4</t>
  </si>
  <si>
    <t>Muhammad Moman Khan</t>
  </si>
  <si>
    <t>GES CHAK NO 102 TDA</t>
  </si>
  <si>
    <t>PIR SEWAG - MALE</t>
  </si>
  <si>
    <t>Daggar Sewag</t>
  </si>
  <si>
    <t>pir sewag drbar chak number 102tda</t>
  </si>
  <si>
    <t>Chak No 102 Tda</t>
  </si>
  <si>
    <t>Gary Wala</t>
  </si>
  <si>
    <t>MUHAMMAD TAUQEER ULLAH</t>
  </si>
  <si>
    <t>GES CHAK NO 103 TDA</t>
  </si>
  <si>
    <t>THAL KALAN - MALE</t>
  </si>
  <si>
    <t>Khokhar isra</t>
  </si>
  <si>
    <t>Chak no 103 TDA tehsil karor lal e sen District layyah</t>
  </si>
  <si>
    <t>Chak no 103 TDA</t>
  </si>
  <si>
    <t>Chak no 110 TDA</t>
  </si>
  <si>
    <t>M Ejaz</t>
  </si>
  <si>
    <t>GES CHAK NO 104 ML</t>
  </si>
  <si>
    <t>Chak No 104ml</t>
  </si>
  <si>
    <t>Chak No 104ml tehsil karor district layyah</t>
  </si>
  <si>
    <t>Garay Wala</t>
  </si>
  <si>
    <t>naveed ishaq</t>
  </si>
  <si>
    <t>GES CHAK NO 11/3 L</t>
  </si>
  <si>
    <t>CHAK NO 11/3L</t>
  </si>
  <si>
    <t>GES CHAK NO 11/3L, TEHSIL AHMAD PUR SIAL, JHANG</t>
  </si>
  <si>
    <t>KAPOORI</t>
  </si>
  <si>
    <t>Akhtar Hussain Khalid</t>
  </si>
  <si>
    <t>GES CHAK NO 110/F</t>
  </si>
  <si>
    <t>CTN-V-MALE</t>
  </si>
  <si>
    <t>110/F</t>
  </si>
  <si>
    <t>chak no 110/F</t>
  </si>
  <si>
    <t>35/F</t>
  </si>
  <si>
    <t>Hafiz Muhammad Yaseen</t>
  </si>
  <si>
    <t>GES CHAK NO 110/NP S</t>
  </si>
  <si>
    <t>110np</t>
  </si>
  <si>
    <t>gps chak 110np</t>
  </si>
  <si>
    <t>Chak 110np</t>
  </si>
  <si>
    <t>Muhmmad Akhtar Javed</t>
  </si>
  <si>
    <t>GES CHAK NO 114 ML</t>
  </si>
  <si>
    <t>112/ML MALE</t>
  </si>
  <si>
    <t>114 ML</t>
  </si>
  <si>
    <t>CHAK NO 114 ML TEHSIL KAROR DISTRICT LAYYAH</t>
  </si>
  <si>
    <t>112ML</t>
  </si>
  <si>
    <t>GES CHAK NO 116/1-L</t>
  </si>
  <si>
    <t>CHAK45/P-MALE</t>
  </si>
  <si>
    <t>Chak no 116 1L</t>
  </si>
  <si>
    <t>ckak no 116 1L</t>
  </si>
  <si>
    <t>45/p</t>
  </si>
  <si>
    <t>Ghulam Yaseen</t>
  </si>
  <si>
    <t>GES CHAK NO 119-P</t>
  </si>
  <si>
    <t>Lunda</t>
  </si>
  <si>
    <t>GES Chak no119/p sadiq abad disst rahim year khan</t>
  </si>
  <si>
    <t>119 P</t>
  </si>
  <si>
    <t>Chak No 148/p</t>
  </si>
  <si>
    <t>fazal abbas</t>
  </si>
  <si>
    <t>GES CHAK NO 121/1-L</t>
  </si>
  <si>
    <t>BAGH O BAHAR - MALE</t>
  </si>
  <si>
    <t>Chak 121/1L, bagho bahar tehsil khanpur, district ryk</t>
  </si>
  <si>
    <t>Chak 121/1L</t>
  </si>
  <si>
    <t>bagho bahar</t>
  </si>
  <si>
    <t>GES CHAK NO 126 JB</t>
  </si>
  <si>
    <t>Chak No 126/JB</t>
  </si>
  <si>
    <t>Sahmal</t>
  </si>
  <si>
    <t>GES CHAK NO 127/M</t>
  </si>
  <si>
    <t>CTN-II-MALE</t>
  </si>
  <si>
    <t>Chak no 127/m po 129/m</t>
  </si>
  <si>
    <t>127/murad</t>
  </si>
  <si>
    <t>Chak 128/m</t>
  </si>
  <si>
    <t>Qamar Hussain</t>
  </si>
  <si>
    <t>GES CHAK NO 13 JB NOOR KA</t>
  </si>
  <si>
    <t>Noor Ka</t>
  </si>
  <si>
    <t>GES Chak No.13 Noor Ka Chiniot</t>
  </si>
  <si>
    <t>Abdul Nasir</t>
  </si>
  <si>
    <t>GES CHAK NO 13 ML</t>
  </si>
  <si>
    <t>DABB-MALE</t>
  </si>
  <si>
    <t>Chak 13 Ml</t>
  </si>
  <si>
    <t>Chak 13 ml.po liaqat abad.teh piplan.distt mianwali</t>
  </si>
  <si>
    <t>Mohammad Tanvir Akhtar</t>
  </si>
  <si>
    <t>GES CHAK NO 13 TDA</t>
  </si>
  <si>
    <t>13 Tda</t>
  </si>
  <si>
    <t>Chak No 13 TDA Darya khan Bhakkar</t>
  </si>
  <si>
    <t>Chak No 13 Tda</t>
  </si>
  <si>
    <t>Daggar Qureshi</t>
  </si>
  <si>
    <t>Qazi Bilal Ahsan</t>
  </si>
  <si>
    <t>GES CHAK NO 130 TDA</t>
  </si>
  <si>
    <t>LAYYAH-I - MALE</t>
  </si>
  <si>
    <t>SUMRA THAL KALAN</t>
  </si>
  <si>
    <t>chak no 130/TDA P/O chak no 279/TDA adda bhagal Layyah</t>
  </si>
  <si>
    <t>Ckak No 130</t>
  </si>
  <si>
    <t>Chowk Azam Rural</t>
  </si>
  <si>
    <t>GES CHAK NO 130/6-R</t>
  </si>
  <si>
    <t>LATIF ABAD</t>
  </si>
  <si>
    <t>CHAK  No 130/6R PO bOX SAME TEHSIL HAROON  ABAD</t>
  </si>
  <si>
    <t>130/6R</t>
  </si>
  <si>
    <t>CHAK  NO 438/6R</t>
  </si>
  <si>
    <t>MUHAMMAD SARFRAZ MEHMOOD</t>
  </si>
  <si>
    <t>GES CHAK NO 131 JB EAST</t>
  </si>
  <si>
    <t>Chak No 131JB</t>
  </si>
  <si>
    <t>Chak No 131J.B East chiniot</t>
  </si>
  <si>
    <t>Chak No 131JB East</t>
  </si>
  <si>
    <t>Chak No 128 J b</t>
  </si>
  <si>
    <t>Saqib Hayat</t>
  </si>
  <si>
    <t>GES CHAK NO 131-32/1-L</t>
  </si>
  <si>
    <t>131/1-L</t>
  </si>
  <si>
    <t>CHAK NO 131 /1-L KPR</t>
  </si>
  <si>
    <t>CHAK NO 131/1-L</t>
  </si>
  <si>
    <t>Bhatta Shekhain</t>
  </si>
  <si>
    <t>MUHAMMAD AQEEL MEHMOOD</t>
  </si>
  <si>
    <t>GES CHAK NO 133 JB</t>
  </si>
  <si>
    <t>AEO (M) CHINIOT NO.41</t>
  </si>
  <si>
    <t>Bahadri Wala</t>
  </si>
  <si>
    <t>Chak no 133 jb chiniot</t>
  </si>
  <si>
    <t>Chak No 133</t>
  </si>
  <si>
    <t>Chak 146</t>
  </si>
  <si>
    <t>Muhammad Rafique Tahir</t>
  </si>
  <si>
    <t>GES CHAK NO 136 TDA</t>
  </si>
  <si>
    <t>Thal</t>
  </si>
  <si>
    <t>chak no 136/TDA Layyah</t>
  </si>
  <si>
    <t>Chak No 136/TDA Layyah</t>
  </si>
  <si>
    <t>Ghulam Mustafa Shah</t>
  </si>
  <si>
    <t>GES CHAK NO 138/6-R</t>
  </si>
  <si>
    <t>HND-14-MALE</t>
  </si>
  <si>
    <t>chak no 138/6r</t>
  </si>
  <si>
    <t>chak no 138/6.r tehsil HND</t>
  </si>
  <si>
    <t>138/6r</t>
  </si>
  <si>
    <t>chak no 133/6r</t>
  </si>
  <si>
    <t>GES CHAK NO 139 EB</t>
  </si>
  <si>
    <t>Chack 139/EB</t>
  </si>
  <si>
    <t>Chack 151/EB</t>
  </si>
  <si>
    <t>Rana Nasser Ahmad Aftab</t>
  </si>
  <si>
    <t>GES CHAK NO 139 JB</t>
  </si>
  <si>
    <t>chak no139 jb chiniot</t>
  </si>
  <si>
    <t>chak no 139 jb chiniot</t>
  </si>
  <si>
    <t>chak no 140 jb chiniot</t>
  </si>
  <si>
    <t>Muhammad Atif Zahid</t>
  </si>
  <si>
    <t>GES CHAK NO 142 JB</t>
  </si>
  <si>
    <t>Chak No 142</t>
  </si>
  <si>
    <t>chak no 142jb</t>
  </si>
  <si>
    <t>Chak No 146</t>
  </si>
  <si>
    <t>Mohsin Raza</t>
  </si>
  <si>
    <t>GES CHAK NO 143 JB</t>
  </si>
  <si>
    <t>JHOK KALRA</t>
  </si>
  <si>
    <t>GES Chak No 143JB</t>
  </si>
  <si>
    <t>Chak No 143 JB</t>
  </si>
  <si>
    <t>GATTI SAYEDA</t>
  </si>
  <si>
    <t>MUHAMMAD TAYYAB</t>
  </si>
  <si>
    <t>GES CHAK NO 144 JB WEST</t>
  </si>
  <si>
    <t>chak no 144 jb purana pind khokhran tehsil.&amp; district chiniot</t>
  </si>
  <si>
    <t>Chak No 144 Jb</t>
  </si>
  <si>
    <t>Lal Kotiyan Khokhar</t>
  </si>
  <si>
    <t>GES CHAK NO 144 TDA</t>
  </si>
  <si>
    <t>chak no 144/TDA Layyah</t>
  </si>
  <si>
    <t>Chak 144/TDA</t>
  </si>
  <si>
    <t>Ladhana</t>
  </si>
  <si>
    <t>Tariq Manzoor Khan</t>
  </si>
  <si>
    <t>GES CHAK NO 145/P</t>
  </si>
  <si>
    <t>RANJHY KHAN - MALE</t>
  </si>
  <si>
    <t>Chak No 145p</t>
  </si>
  <si>
    <t>chak no 145 adam sahaba sadiqabad</t>
  </si>
  <si>
    <t>Mustafa Shaheen</t>
  </si>
  <si>
    <t>GES CHAK NO 150 A TDA</t>
  </si>
  <si>
    <t>Kunal Thal Jhandi</t>
  </si>
  <si>
    <t>chak number 150-A/tda  kotla narang sarang layyah</t>
  </si>
  <si>
    <t>Kotla Narang Sarang</t>
  </si>
  <si>
    <t>Maher Aziz Muhammad</t>
  </si>
  <si>
    <t>GES CHAK NO 151 JB</t>
  </si>
  <si>
    <t>Chak No 151</t>
  </si>
  <si>
    <t>chak no 151</t>
  </si>
  <si>
    <t>Chak No 153</t>
  </si>
  <si>
    <t>GES CHAK NO 151/P</t>
  </si>
  <si>
    <t>CHAK NO 151P</t>
  </si>
  <si>
    <t>chak no. 151 P, sadiq abad</t>
  </si>
  <si>
    <t>Chak No151 / P</t>
  </si>
  <si>
    <t>Chak No148 P</t>
  </si>
  <si>
    <t>Syed Muhmmad Ahsen Raza Gillani</t>
  </si>
  <si>
    <t>GES CHAK NO 152 TDA</t>
  </si>
  <si>
    <t>Chak No152/ TDA</t>
  </si>
  <si>
    <t>Chak No. 152/ TDA</t>
  </si>
  <si>
    <t>Chak No 152/ TDA</t>
  </si>
  <si>
    <t>Maher Hasnain Shehzad</t>
  </si>
  <si>
    <t>GES CHAK NO 153 A TDA</t>
  </si>
  <si>
    <t>chak no 153-A tda  Tehsil and district layyah</t>
  </si>
  <si>
    <t>Chak No 153-A</t>
  </si>
  <si>
    <t>Shehzad Mehmood</t>
  </si>
  <si>
    <t>GES CHAK NO 153/P</t>
  </si>
  <si>
    <t>SADAR SDK - MALE</t>
  </si>
  <si>
    <t>Chak No. 153/p Sadiqabad</t>
  </si>
  <si>
    <t>153/p</t>
  </si>
  <si>
    <t>160/p</t>
  </si>
  <si>
    <t>Muhammad Khalid Naveed</t>
  </si>
  <si>
    <t>near by handpump</t>
  </si>
  <si>
    <t>GES CHAK NO 154 A TDA JATTAY WALA</t>
  </si>
  <si>
    <t>GOLAY ADDA MALE</t>
  </si>
  <si>
    <t>THAL KALAN</t>
  </si>
  <si>
    <t>chak # 154-A/TDA Layyah</t>
  </si>
  <si>
    <t>Chak No.154-A/TDA</t>
  </si>
  <si>
    <t>MUHAMMAD IQBAL ANJUM</t>
  </si>
  <si>
    <t>GES CHAK NO 154/3-L E</t>
  </si>
  <si>
    <t>HND-8-MALE</t>
  </si>
  <si>
    <t>chak 154/3.L (E)</t>
  </si>
  <si>
    <t>Chak 154/3L</t>
  </si>
  <si>
    <t>152/2L</t>
  </si>
  <si>
    <t>Yousaf Saeed</t>
  </si>
  <si>
    <t>GES CHAK NO 155 JB</t>
  </si>
  <si>
    <t>Chak No 155 Jb</t>
  </si>
  <si>
    <t>Chak no 155 j.b teh bhowana disstt chiniot</t>
  </si>
  <si>
    <t>Khuda Bakhash</t>
  </si>
  <si>
    <t>GES CHAK NO 156 TDA</t>
  </si>
  <si>
    <t>Chak no 156/ Tda p.o Ladhana</t>
  </si>
  <si>
    <t>Check 156/TDA</t>
  </si>
  <si>
    <t>Muhammad Aslam Bhatti</t>
  </si>
  <si>
    <t>GES CHAK NO 156/P SADIQABAD</t>
  </si>
  <si>
    <t>Chak 156/p</t>
  </si>
  <si>
    <t>GES CHak No. 156/p SAdiq Abad</t>
  </si>
  <si>
    <t>Goth Jangu</t>
  </si>
  <si>
    <t>GES CHAK NO 161 JB NORTH</t>
  </si>
  <si>
    <t>MOCHI WALA - MALE</t>
  </si>
  <si>
    <t>Chak no. 161/JB North Gunyana</t>
  </si>
  <si>
    <t>Chak 161 North</t>
  </si>
  <si>
    <t>Werh Sipra</t>
  </si>
  <si>
    <t>GES CHAK NO 163/P</t>
  </si>
  <si>
    <t>Chak # 163/P, Sadiqabad.</t>
  </si>
  <si>
    <t>Chak # 163/P</t>
  </si>
  <si>
    <t>Chak # 160/P</t>
  </si>
  <si>
    <t>HAJI PIARA</t>
  </si>
  <si>
    <t>GES CHAK NO 164/NP</t>
  </si>
  <si>
    <t>Chak # 164/NP</t>
  </si>
  <si>
    <t>chak # 164/NY sadiqabad</t>
  </si>
  <si>
    <t>Dhandi</t>
  </si>
  <si>
    <t>M Younas</t>
  </si>
  <si>
    <t>GES CHAK NO 168 TDA</t>
  </si>
  <si>
    <t>PEER JAGGI - MALE</t>
  </si>
  <si>
    <t>Chak No 168/TDA</t>
  </si>
  <si>
    <t>chak no 168/TDA P/O ladhana tehsil &amp; district layyah</t>
  </si>
  <si>
    <t>Chak No 164-A/TDA</t>
  </si>
  <si>
    <t>Saleem ullah</t>
  </si>
  <si>
    <t>GES CHAK NO 17 ML</t>
  </si>
  <si>
    <t>Dab</t>
  </si>
  <si>
    <t>GES Chak no 17ml</t>
  </si>
  <si>
    <t>17 ML</t>
  </si>
  <si>
    <t>Dabb</t>
  </si>
  <si>
    <t>Abdulhameed</t>
  </si>
  <si>
    <t>GES CHAK NO 17 TDA</t>
  </si>
  <si>
    <t>DAGGAR LEEL</t>
  </si>
  <si>
    <t>GES CHAK NO 17 TDA, P/O SARWAR ABAD, TEHSIL DARYA KHAN, DIST BHAKKAR.</t>
  </si>
  <si>
    <t>Chak No 17TDA</t>
  </si>
  <si>
    <t>DAGGAR WAGHWRA WAHGWARA</t>
  </si>
  <si>
    <t>GES CHAK NO 170/P</t>
  </si>
  <si>
    <t>Chak No 170 P</t>
  </si>
  <si>
    <t>chak  170 p. sdk</t>
  </si>
  <si>
    <t>Wahid Buksh Lar</t>
  </si>
  <si>
    <t>saifullah</t>
  </si>
  <si>
    <t>rooter. pump</t>
  </si>
  <si>
    <t>GES CHAK NO 175/P</t>
  </si>
  <si>
    <t>GOTH JANGOO - MALE</t>
  </si>
  <si>
    <t>Wahi Peer Bux</t>
  </si>
  <si>
    <t>chak No 175/p Sadiqabad</t>
  </si>
  <si>
    <t>Chak 175/P</t>
  </si>
  <si>
    <t>Goth Jangoo</t>
  </si>
  <si>
    <t>GES CHAK NO 19 DB PIPLAN</t>
  </si>
  <si>
    <t>Chak 13db</t>
  </si>
  <si>
    <t>Village @P/o chak 19db teh piplan distt mianwali</t>
  </si>
  <si>
    <t>Chak 19db</t>
  </si>
  <si>
    <t>Khuda bakhsh</t>
  </si>
  <si>
    <t>GES CHAK NO 19 GB NANKANA SAHIB</t>
  </si>
  <si>
    <t>CHAK NO 5 KALAN-MALE</t>
  </si>
  <si>
    <t>Chak 19 Gb</t>
  </si>
  <si>
    <t>Ges chak 19gb</t>
  </si>
  <si>
    <t>Chak No 19 Gb</t>
  </si>
  <si>
    <t>Chak 12 Garmola</t>
  </si>
  <si>
    <t>Muhammad arif</t>
  </si>
  <si>
    <t>GES CHAK NO 191 JB</t>
  </si>
  <si>
    <t>AEO (M) BHOWANA NO.45</t>
  </si>
  <si>
    <t>Khokhar 191</t>
  </si>
  <si>
    <t>chak no 191 Jb tehsil bhowana district chiniot</t>
  </si>
  <si>
    <t>Chak No 191 Jb</t>
  </si>
  <si>
    <t>Arbi</t>
  </si>
  <si>
    <t>GHULAM SHABBIR</t>
  </si>
  <si>
    <t>GES CHAK NO 195/P SADIQABAD</t>
  </si>
  <si>
    <t>GORHELA-MALE</t>
  </si>
  <si>
    <t>peer wahi buhkash</t>
  </si>
  <si>
    <t>chak no 195/p sdk</t>
  </si>
  <si>
    <t>chak no 195/p</t>
  </si>
  <si>
    <t>chak no 173/p</t>
  </si>
  <si>
    <t>Zeshan Ali</t>
  </si>
  <si>
    <t>GES CHAK NO 2 MR P/O MUKHDOOM RASHID</t>
  </si>
  <si>
    <t>MAKHDOOM RASHEED - MALE</t>
  </si>
  <si>
    <t>Chak 2/ MR</t>
  </si>
  <si>
    <t>Chak 2 / MR, P/O Makhdoom Rasheed, Tehsil Multan Sadar, Distt Multan</t>
  </si>
  <si>
    <t>2/ MR</t>
  </si>
  <si>
    <t>GES CHAK NO 206/P</t>
  </si>
  <si>
    <t>KHALTEE</t>
  </si>
  <si>
    <t>MOZA KHALTEE,CHAK NO. 206/P. SADIQ ABAD</t>
  </si>
  <si>
    <t>CHAK 206/P</t>
  </si>
  <si>
    <t>DHANDI</t>
  </si>
  <si>
    <t>illahi Bux Soomro</t>
  </si>
  <si>
    <t>GES CHAK NO 209 TDA</t>
  </si>
  <si>
    <t>60-61/ML NO.2 - MALE</t>
  </si>
  <si>
    <t>Khanpor</t>
  </si>
  <si>
    <t>govt e/s chak no.209/tda bhakkar</t>
  </si>
  <si>
    <t>Chakno209/TDA</t>
  </si>
  <si>
    <t>6061ml</t>
  </si>
  <si>
    <t>GES CHAK NO 211/F</t>
  </si>
  <si>
    <t>CTN-VIII-MALE</t>
  </si>
  <si>
    <t>CHAK211</t>
  </si>
  <si>
    <t>211/F</t>
  </si>
  <si>
    <t>95/F</t>
  </si>
  <si>
    <t>GES CHAK NO 222 JB</t>
  </si>
  <si>
    <t>Chak No.222/jb Teh. Bhowana Distt.Chiniot</t>
  </si>
  <si>
    <t>Chak No 222/jb</t>
  </si>
  <si>
    <t>Arbaian</t>
  </si>
  <si>
    <t>GES CHAK NO 225 JB</t>
  </si>
  <si>
    <t>Chak No225 Jb</t>
  </si>
  <si>
    <t>G.E.S.  Chak No. 225 JB, Bhowana</t>
  </si>
  <si>
    <t>Chak No 225</t>
  </si>
  <si>
    <t>Mangoana</t>
  </si>
  <si>
    <t>GES CHAK NO 227 B TDA</t>
  </si>
  <si>
    <t>PIR CHATTAR MALE</t>
  </si>
  <si>
    <t>MOJ GARH</t>
  </si>
  <si>
    <t>GES CHAK NO 227B TDA</t>
  </si>
  <si>
    <t>CHAK 227 B TDA</t>
  </si>
  <si>
    <t>Shoukat Abad</t>
  </si>
  <si>
    <t>Electric cooler/hand pump/electric moter</t>
  </si>
  <si>
    <t>GES CHAK NO 240 JB WEST</t>
  </si>
  <si>
    <t>Handlana</t>
  </si>
  <si>
    <t>chak no.240 jb</t>
  </si>
  <si>
    <t>chak no.240</t>
  </si>
  <si>
    <t>chak no 208</t>
  </si>
  <si>
    <t>Umer Hayat</t>
  </si>
  <si>
    <t>GES CHAK NO 244 JB</t>
  </si>
  <si>
    <t>AEO (M) BHOWANA NO.47-MALE</t>
  </si>
  <si>
    <t>Chak no. 244 JB</t>
  </si>
  <si>
    <t>Chak No 244 JB</t>
  </si>
  <si>
    <t>Chak No 210 JB Tarar</t>
  </si>
  <si>
    <t>Azhar Naeem</t>
  </si>
  <si>
    <t>GES CHAK NO 245 JB WEST</t>
  </si>
  <si>
    <t>Chak No 245</t>
  </si>
  <si>
    <t>Chak No 245 JB Tehsil Bhowana</t>
  </si>
  <si>
    <t>Chak No 245 JB</t>
  </si>
  <si>
    <t>Baloana</t>
  </si>
  <si>
    <t>PARVEZ AHMED</t>
  </si>
  <si>
    <t>GES CHAK NO 25/NP</t>
  </si>
  <si>
    <t>AHMED PUR LAMMA - MALE</t>
  </si>
  <si>
    <t>25np</t>
  </si>
  <si>
    <t>chak no 25 np</t>
  </si>
  <si>
    <t>Chak 25 NP</t>
  </si>
  <si>
    <t>Darigra</t>
  </si>
  <si>
    <t>Saif Ur Rehman</t>
  </si>
  <si>
    <t>GES CHAK NO 250 JB</t>
  </si>
  <si>
    <t>Chak No 250jb</t>
  </si>
  <si>
    <t>Chak No 250</t>
  </si>
  <si>
    <t>Nanga Amrana Chak 250</t>
  </si>
  <si>
    <t>Muhammad Arif Shah</t>
  </si>
  <si>
    <t>GES CHAK NO 251 TDA</t>
  </si>
  <si>
    <t>FATEH PUR - MALE</t>
  </si>
  <si>
    <t>Chak No 251/TDA</t>
  </si>
  <si>
    <t>Chak No 251/TDA P/O Fateh pur</t>
  </si>
  <si>
    <t>112/ML</t>
  </si>
  <si>
    <t>GES CHAK NO 252 TDA</t>
  </si>
  <si>
    <t>252 Tda</t>
  </si>
  <si>
    <t>chak no 252 Tda fateh pur</t>
  </si>
  <si>
    <t>Chak No 252 Tda</t>
  </si>
  <si>
    <t>GES CHAK NO 261 WB</t>
  </si>
  <si>
    <t>Chak No 261/wb</t>
  </si>
  <si>
    <t>chak no 261/wb</t>
  </si>
  <si>
    <t>Chak No 261/b</t>
  </si>
  <si>
    <t>Abdul Rashid</t>
  </si>
  <si>
    <t>GES CHAK NO 262 JB NORTH</t>
  </si>
  <si>
    <t>MOKHIANA-MALE</t>
  </si>
  <si>
    <t>none</t>
  </si>
  <si>
    <t>chak no 262 north jhang</t>
  </si>
  <si>
    <t>mokhiana</t>
  </si>
  <si>
    <t>Muhammad Ejaz</t>
  </si>
  <si>
    <t>GES CHAK NO 268 JB</t>
  </si>
  <si>
    <t>Chak no 268 jhang</t>
  </si>
  <si>
    <t>Chak No 268</t>
  </si>
  <si>
    <t>Muti Ur Rehman</t>
  </si>
  <si>
    <t>GES CHAK NO 269 JB EAST</t>
  </si>
  <si>
    <t>Chak 269</t>
  </si>
  <si>
    <t>chak no 269 jhang</t>
  </si>
  <si>
    <t>GES CHAK NO 27/2-L</t>
  </si>
  <si>
    <t>Chak no 27/2L</t>
  </si>
  <si>
    <t>Chak no 27/2L tehsil renala khurd distric okara</t>
  </si>
  <si>
    <t>27/2L</t>
  </si>
  <si>
    <t>Manshad Ahmad</t>
  </si>
  <si>
    <t>GES CHAK NO 274/TDA</t>
  </si>
  <si>
    <t>LAYYAH THAL KALAN MALE</t>
  </si>
  <si>
    <t>Chak No 274 TDA</t>
  </si>
  <si>
    <t>Tail Indus</t>
  </si>
  <si>
    <t>GES CHAK NO 283 TDA</t>
  </si>
  <si>
    <t>Chak No 283 Tda</t>
  </si>
  <si>
    <t>chak no 283 tda</t>
  </si>
  <si>
    <t>Layyah Thal Kalan</t>
  </si>
  <si>
    <t>Faiz Bux</t>
  </si>
  <si>
    <t>GES CHAK NO 288 HR</t>
  </si>
  <si>
    <t>288/HR</t>
  </si>
  <si>
    <t>chak no 288/HR,fort Abbas</t>
  </si>
  <si>
    <t>Mir Garh</t>
  </si>
  <si>
    <t>MUHAMMAD JAVED</t>
  </si>
  <si>
    <t>GES CHAK NO 3 KMR P/O KOT MELA RAM</t>
  </si>
  <si>
    <t>MULTANI WALA - MALE</t>
  </si>
  <si>
    <t>3 Kot  Mela Ram</t>
  </si>
  <si>
    <t>chak 3kmr</t>
  </si>
  <si>
    <t>3kmr</t>
  </si>
  <si>
    <t>Kotla Maharan</t>
  </si>
  <si>
    <t>GES CHAK NO 302 HR</t>
  </si>
  <si>
    <t>FTS-XIII-MALE</t>
  </si>
  <si>
    <t>Chak No 302/HR</t>
  </si>
  <si>
    <t>chak no 302/HR p/o same Teh. FTS Distt. BWN</t>
  </si>
  <si>
    <t>Chak No 304/HR</t>
  </si>
  <si>
    <t>GES CHAK NO 325/HR (A&amp;T)</t>
  </si>
  <si>
    <t>FTS-XV-MALE</t>
  </si>
  <si>
    <t>Maroot</t>
  </si>
  <si>
    <t>ges 325 hr maroot tehseel fort abbas distic bwn</t>
  </si>
  <si>
    <t>325/hr</t>
  </si>
  <si>
    <t>327hr</t>
  </si>
  <si>
    <t>Salah ud Din</t>
  </si>
  <si>
    <t>GES CHAK NO 332 TDA</t>
  </si>
  <si>
    <t>332/tda</t>
  </si>
  <si>
    <t>chak no 332/tda chowk azam tehsil &amp; district layyah</t>
  </si>
  <si>
    <t>Chak No 332/tda</t>
  </si>
  <si>
    <t>Layyah Thal Kallan</t>
  </si>
  <si>
    <t>GES CHAK NO 388 TDA</t>
  </si>
  <si>
    <t>MARHAN - MALE</t>
  </si>
  <si>
    <t>Kunal Thal Kalan</t>
  </si>
  <si>
    <t>chak no 388/tda district and tehsil layyah</t>
  </si>
  <si>
    <t>Chak No 388/TDA</t>
  </si>
  <si>
    <t>Chak No 164A/ TDA</t>
  </si>
  <si>
    <t>muhammad nadeem anjum</t>
  </si>
  <si>
    <t>GES CHAK NO 39 MB</t>
  </si>
  <si>
    <t>39 MB</t>
  </si>
  <si>
    <t>chak no 39 M B</t>
  </si>
  <si>
    <t>50MB</t>
  </si>
  <si>
    <t>GES CHAK NO 40/F</t>
  </si>
  <si>
    <t>CHAK 40 F</t>
  </si>
  <si>
    <t>Chak no. 40. f. tehsil Chishtian Distt. Bahawalnagar</t>
  </si>
  <si>
    <t>40 F</t>
  </si>
  <si>
    <t>Chak 40 F</t>
  </si>
  <si>
    <t>GES CHAK NO 423/HR</t>
  </si>
  <si>
    <t>423 HR</t>
  </si>
  <si>
    <t>Chak no 308/HR Teh.Fortabbas Dist.BWN</t>
  </si>
  <si>
    <t>423/HR</t>
  </si>
  <si>
    <t>319/HR</t>
  </si>
  <si>
    <t>GES CHAK NO 44 FEROZWALA</t>
  </si>
  <si>
    <t>Chak 44</t>
  </si>
  <si>
    <t>chak 44</t>
  </si>
  <si>
    <t>Zahid Anwar</t>
  </si>
  <si>
    <t>GES CHAK NO 44/F</t>
  </si>
  <si>
    <t>Chak No 44/F</t>
  </si>
  <si>
    <t>chak No 44/F</t>
  </si>
  <si>
    <t>Chak No 45/F</t>
  </si>
  <si>
    <t>Sajid Mahmood</t>
  </si>
  <si>
    <t>GES CHAK NO 442 JB</t>
  </si>
  <si>
    <t>Chak no 442 JB Tehsil &amp; Dist Jhang</t>
  </si>
  <si>
    <t>Chak No 442 Jb</t>
  </si>
  <si>
    <t>Chak No 463 JB</t>
  </si>
  <si>
    <t>GES CHAK NO 444 JB</t>
  </si>
  <si>
    <t>Chk NO 444</t>
  </si>
  <si>
    <t>Chk No 444 p/o khas tehsil and district jhang</t>
  </si>
  <si>
    <t>Chk No 444</t>
  </si>
  <si>
    <t>Hsan Shah</t>
  </si>
  <si>
    <t>GES CHAK NO 451 GB I TANDLIANWALA</t>
  </si>
  <si>
    <t>Chak No 451 GB</t>
  </si>
  <si>
    <t>Chak no 451 G.B Roperian Tehsil Tandlianwala District Faisalabad</t>
  </si>
  <si>
    <t>Chak No 451 GB Roperian</t>
  </si>
  <si>
    <t>Chak No 449 GB</t>
  </si>
  <si>
    <t>Ahmad Waqar Firdous</t>
  </si>
  <si>
    <t>GES CHAK NO 451 JB</t>
  </si>
  <si>
    <t>BANGLA NOUL-MALE</t>
  </si>
  <si>
    <t>CHAK NO.451/JB</t>
  </si>
  <si>
    <t>Chak No 451</t>
  </si>
  <si>
    <t>Chak No 446</t>
  </si>
  <si>
    <t>HAFIZ MUHAMMAD NASIR IQBAL</t>
  </si>
  <si>
    <t>GES CHAK NO 459</t>
  </si>
  <si>
    <t>KOT Lakhnana</t>
  </si>
  <si>
    <t>chak 459 jb gojra road jhang</t>
  </si>
  <si>
    <t>Chak 459</t>
  </si>
  <si>
    <t>Khoi Adda</t>
  </si>
  <si>
    <t>Abdul Majeed Anjum</t>
  </si>
  <si>
    <t>GES CHAK NO 46 MB</t>
  </si>
  <si>
    <t>46 Mb</t>
  </si>
  <si>
    <t>chak no 46 mb teh &amp; district khushab</t>
  </si>
  <si>
    <t>Chak No 46 Mb</t>
  </si>
  <si>
    <t>Chak No 50</t>
  </si>
  <si>
    <t>rasheed ahmed</t>
  </si>
  <si>
    <t>GES CHAK NO 460 WEST</t>
  </si>
  <si>
    <t>chak 460 jhang</t>
  </si>
  <si>
    <t>Basti Ghazi Shah</t>
  </si>
  <si>
    <t>M ZAIN UL ABIDIEN</t>
  </si>
  <si>
    <t>GES CHAK NO 466 JB EAST</t>
  </si>
  <si>
    <t>AEO (M) BHOWANA NO.44</t>
  </si>
  <si>
    <t>Somunder</t>
  </si>
  <si>
    <t>Chak No 466 JB East Tehsil Bhowana District Chiniot</t>
  </si>
  <si>
    <t>Chak No 466 JB</t>
  </si>
  <si>
    <t>GES CHAK NO 489 JB</t>
  </si>
  <si>
    <t>Chak no 489 jb tehsil shorkot distt jhang</t>
  </si>
  <si>
    <t>Chak No 493</t>
  </si>
  <si>
    <t>Zain ul abideen shah</t>
  </si>
  <si>
    <t>GES CHAK NO 49 ML PO AMIR ABAD</t>
  </si>
  <si>
    <t>BARKAT WALA - MALE</t>
  </si>
  <si>
    <t>48ML</t>
  </si>
  <si>
    <t>CHAK NO 49ML TEHSIL DARYA KHAN BHAKKAR</t>
  </si>
  <si>
    <t>49ML</t>
  </si>
  <si>
    <t>BARKAT WALA</t>
  </si>
  <si>
    <t>RIAZ HUSSAIN</t>
  </si>
  <si>
    <t>GES CHAK NO 491 JB KHAS</t>
  </si>
  <si>
    <t>Chak No. 491 JB Khas P/O Waryam Station Tehsil Shorkot District Jhang</t>
  </si>
  <si>
    <t>Chak No 491 JB Khas</t>
  </si>
  <si>
    <t>Chaiyan Wala</t>
  </si>
  <si>
    <t>Naveed Ahmad Asad</t>
  </si>
  <si>
    <t>GES CHAK NO 496 JB</t>
  </si>
  <si>
    <t>SHORKOT CANTT - MALE</t>
  </si>
  <si>
    <t>Chak No 496 JB</t>
  </si>
  <si>
    <t>Chak no 496 JB Tehsil Shorkot Distt Jhang</t>
  </si>
  <si>
    <t>Chak No 497 JB</t>
  </si>
  <si>
    <t>MUHAMMAD ZAHID IMRAN</t>
  </si>
  <si>
    <t>GES CHAK NO 4-MR P/O MAKHDOOM RASHEED</t>
  </si>
  <si>
    <t>4Mr</t>
  </si>
  <si>
    <t>Chak no 4Mr MakhdoomRasheed Multan</t>
  </si>
  <si>
    <t>Chak 2Mr</t>
  </si>
  <si>
    <t>Abdul Latif Tahir</t>
  </si>
  <si>
    <t>GES CHAK NO 5 DB</t>
  </si>
  <si>
    <t>Chak No 5DB</t>
  </si>
  <si>
    <t>Chak No 5DB P/O 1-4DB</t>
  </si>
  <si>
    <t>Chak NO 5DB</t>
  </si>
  <si>
    <t>1-4DB</t>
  </si>
  <si>
    <t>Jabir Hussain Shah</t>
  </si>
  <si>
    <t>GES CHAK NO 50 TDA</t>
  </si>
  <si>
    <t>chak no 50 tda</t>
  </si>
  <si>
    <t>50 TDA</t>
  </si>
  <si>
    <t>57 TDA</t>
  </si>
  <si>
    <t>GES CHAK NO 593 GB</t>
  </si>
  <si>
    <t>593 Gb</t>
  </si>
  <si>
    <t>593gb</t>
  </si>
  <si>
    <t>599gb</t>
  </si>
  <si>
    <t>Ghulam Farooq</t>
  </si>
  <si>
    <t>GES CHAK NO 6 GB RAM NAGAR</t>
  </si>
  <si>
    <t>Chak  No 6</t>
  </si>
  <si>
    <t>chak no 6</t>
  </si>
  <si>
    <t>Chak No 6</t>
  </si>
  <si>
    <t>Chak  No 4</t>
  </si>
  <si>
    <t>Javed Ashraf</t>
  </si>
  <si>
    <t>GES CHAK NO 6 T P/O MUKHDOOM RASHID</t>
  </si>
  <si>
    <t>CHAK 6/T</t>
  </si>
  <si>
    <t>chak no 6/t p/o Makhdoom Rashif multan</t>
  </si>
  <si>
    <t>6/t</t>
  </si>
  <si>
    <t>Chak 2/mr</t>
  </si>
  <si>
    <t>M Javed Akhtar</t>
  </si>
  <si>
    <t>GES CHAK NO 6/G</t>
  </si>
  <si>
    <t>Chak  No 6/G</t>
  </si>
  <si>
    <t>Chak No. 6/G P/O  khaas Tehsil Chishtian Distt. Bahawalnagar</t>
  </si>
  <si>
    <t>Chak No 6/G</t>
  </si>
  <si>
    <t>Chak  No 23/G</t>
  </si>
  <si>
    <t>Shahid Naeem</t>
  </si>
  <si>
    <t>GES CHAK NO 62 ML</t>
  </si>
  <si>
    <t>Chak No. 62ml, Tehsil District, Bhakkar</t>
  </si>
  <si>
    <t>chak No. 62ML</t>
  </si>
  <si>
    <t>60-61ML</t>
  </si>
  <si>
    <t>MOEEN UD DIN</t>
  </si>
  <si>
    <t>GES CHAK NO 63 M MOZA CHAK NO 63</t>
  </si>
  <si>
    <t>TAJAY WALA - MALE</t>
  </si>
  <si>
    <t>chak 63/m</t>
  </si>
  <si>
    <t>chak 63m jppw</t>
  </si>
  <si>
    <t>chak63/M</t>
  </si>
  <si>
    <t>juggo wala</t>
  </si>
  <si>
    <t>Mahboob Ahmad</t>
  </si>
  <si>
    <t>GES CHAK NO 63 MB</t>
  </si>
  <si>
    <t>JAUHARABAD EAST (MALE)</t>
  </si>
  <si>
    <t>63MB</t>
  </si>
  <si>
    <t>Chak No 63 MB p/o khushab</t>
  </si>
  <si>
    <t>Chak No 63 MB</t>
  </si>
  <si>
    <t>GES CHAK NO 63/P</t>
  </si>
  <si>
    <t>Chak No 63p</t>
  </si>
  <si>
    <t>chak no 63p</t>
  </si>
  <si>
    <t>Chak 63p</t>
  </si>
  <si>
    <t>Sahja</t>
  </si>
  <si>
    <t>ABDUL AZIZ</t>
  </si>
  <si>
    <t>GES CHAK NO 66/P</t>
  </si>
  <si>
    <t>Chak 66/P</t>
  </si>
  <si>
    <t>GES Chak 66/P markaz Latki P/O Sahja Teh.Khan Pur Distt.Rahim Yar Khan</t>
  </si>
  <si>
    <t>Asif Zahoor</t>
  </si>
  <si>
    <t>GES CHAK NO 67 KB</t>
  </si>
  <si>
    <t>GARHA MORE WEST - MALE</t>
  </si>
  <si>
    <t>Chak No 67/Kb Mailsi</t>
  </si>
  <si>
    <t>chak no 67/k.b mailsi</t>
  </si>
  <si>
    <t>67/Kb Mailsi</t>
  </si>
  <si>
    <t>Kotli Mahtam</t>
  </si>
  <si>
    <t>GES CHAK NO 68 ML</t>
  </si>
  <si>
    <t>Chak No 68ml</t>
  </si>
  <si>
    <t>govt e/s chak no68ml p/o 75ml Mankera Bhakkar</t>
  </si>
  <si>
    <t>Chak No 67ml</t>
  </si>
  <si>
    <t>Mian Fazal Haq</t>
  </si>
  <si>
    <t>GES CHAK NO 7 GHAGH</t>
  </si>
  <si>
    <t>Chak No 7 Ghagh</t>
  </si>
  <si>
    <t>CHAK NO 7 GHAGH TEHSIL SHORKOT DISTRICT JHANG</t>
  </si>
  <si>
    <t>CHAK NO 7 GHAGH</t>
  </si>
  <si>
    <t>MUHAMMAD IRFN SHAH HASHMI</t>
  </si>
  <si>
    <t>GES CHAK NO 7/1.L</t>
  </si>
  <si>
    <t>7-1L</t>
  </si>
  <si>
    <t>chak no 7 1L</t>
  </si>
  <si>
    <t>10-1L</t>
  </si>
  <si>
    <t>Munawar Ali Tabassum</t>
  </si>
  <si>
    <t>GES CHAK NO 71 ML</t>
  </si>
  <si>
    <t>Chak No 73ml</t>
  </si>
  <si>
    <t>Chak No.71/ml p/o 71/ml Tehsil Mankera Distt Bhakkar</t>
  </si>
  <si>
    <t>Chak No 71ml</t>
  </si>
  <si>
    <t>67ml</t>
  </si>
  <si>
    <t>Muhammad Mazhar Iqbal</t>
  </si>
  <si>
    <t>GES CHAK NO 71/4-R</t>
  </si>
  <si>
    <t>Chak 71/4R</t>
  </si>
  <si>
    <t>Chak 71/4-R The.Haroonabad</t>
  </si>
  <si>
    <t>71/4R</t>
  </si>
  <si>
    <t>71/4-R</t>
  </si>
  <si>
    <t>Muhammad Amir Riaz</t>
  </si>
  <si>
    <t>GES CHAK NO 74/A FEROZA</t>
  </si>
  <si>
    <t>SUGAR MILL-MALE</t>
  </si>
  <si>
    <t>Chak 74/A</t>
  </si>
  <si>
    <t>chak 74/A</t>
  </si>
  <si>
    <t>GES CHAK NO 75 ML</t>
  </si>
  <si>
    <t>75ml</t>
  </si>
  <si>
    <t>govt elemantry school chak no 75ml</t>
  </si>
  <si>
    <t>GES CHAK NO 79 C TDA</t>
  </si>
  <si>
    <t>Jharkal</t>
  </si>
  <si>
    <t>Chak No 79c/TDA</t>
  </si>
  <si>
    <t>SAMTIA</t>
  </si>
  <si>
    <t>GES CHAK NO 82 ML</t>
  </si>
  <si>
    <t>90-ML - MALE</t>
  </si>
  <si>
    <t>82ML</t>
  </si>
  <si>
    <t>82ML Tehsil Karor District Layyah</t>
  </si>
  <si>
    <t>90ML</t>
  </si>
  <si>
    <t>BILAL HUSSAIN</t>
  </si>
  <si>
    <t>GES CHAK NO 82 TDA</t>
  </si>
  <si>
    <t>ROSHAN SHAH MALE</t>
  </si>
  <si>
    <t>Chak No 82 / TDA</t>
  </si>
  <si>
    <t>Roshan Shah</t>
  </si>
  <si>
    <t>MALIK ABDUL SATTAR</t>
  </si>
  <si>
    <t>GES CHAK NO 9-MR P/O MUKHDOOM RASHEED</t>
  </si>
  <si>
    <t>CHAK nO 9-MR</t>
  </si>
  <si>
    <t>CHAK NO 9-MR P/O 8MR</t>
  </si>
  <si>
    <t>CHAK NO 9-MR</t>
  </si>
  <si>
    <t>KHAN PUR</t>
  </si>
  <si>
    <t>GES CHAK NO NO 18</t>
  </si>
  <si>
    <t>CHANGA MANGA - MALE</t>
  </si>
  <si>
    <t>Chak No 18</t>
  </si>
  <si>
    <t>chak no 18</t>
  </si>
  <si>
    <t>GES CHAK NO. 1 JB</t>
  </si>
  <si>
    <t>chak no 1 jb faisalabad</t>
  </si>
  <si>
    <t>1 JB</t>
  </si>
  <si>
    <t>M TAYYAB ZAUK</t>
  </si>
  <si>
    <t>GES CHAK NO. 1 ML</t>
  </si>
  <si>
    <t>Chak No 1ml</t>
  </si>
  <si>
    <t>chak no1ml</t>
  </si>
  <si>
    <t>Chak no 1ml</t>
  </si>
  <si>
    <t>Shahenshah</t>
  </si>
  <si>
    <t>GES CHAK NO. 1/3-L</t>
  </si>
  <si>
    <t>Wijhi</t>
  </si>
  <si>
    <t>GES CHAK NO. 1/3L, NEAR DAINA MORE, A.P.SIAL,
JHANG</t>
  </si>
  <si>
    <t>Chak No 1/3L</t>
  </si>
  <si>
    <t>Kapuri</t>
  </si>
  <si>
    <t>Main Khizar Hayat</t>
  </si>
  <si>
    <t>GES CHAK NO. 1/51</t>
  </si>
  <si>
    <t>Chak No 1/51</t>
  </si>
  <si>
    <t>GES chak no 1/51</t>
  </si>
  <si>
    <t>Muhammad sher</t>
  </si>
  <si>
    <t>GES CHAK NO. 102 /D</t>
  </si>
  <si>
    <t>102/D</t>
  </si>
  <si>
    <t>Chak No, 102/D teh &amp; distt pakpattan</t>
  </si>
  <si>
    <t>96/D</t>
  </si>
  <si>
    <t>Muhammad Yaqub Shaheen</t>
  </si>
  <si>
    <t>GES CHAK NO. 105/F</t>
  </si>
  <si>
    <t>105/F</t>
  </si>
  <si>
    <t>GES 105/F</t>
  </si>
  <si>
    <t>40/f</t>
  </si>
  <si>
    <t>Zafar Iqbal Khan</t>
  </si>
  <si>
    <t>GES CHAK NO. 109/ EB</t>
  </si>
  <si>
    <t>Chak No 109/EB</t>
  </si>
  <si>
    <t>chak no. 109/EB, Arifwala</t>
  </si>
  <si>
    <t>Chao No 109/eb</t>
  </si>
  <si>
    <t>Chao No 109/EB</t>
  </si>
  <si>
    <t>GES CHAK NO. 109/6-R</t>
  </si>
  <si>
    <t>HND-12-MALE</t>
  </si>
  <si>
    <t>109/6R</t>
  </si>
  <si>
    <t>chak no 109-6/r</t>
  </si>
  <si>
    <t>Chak# 109 -6/R</t>
  </si>
  <si>
    <t>Ghulam Hasan</t>
  </si>
  <si>
    <t>GES CHAK NO. 11 COLONY NO. 1 THAL</t>
  </si>
  <si>
    <t>Chak 11</t>
  </si>
  <si>
    <t>Kashmir colony no 1 chak no 11 thal post office bhareri teh 18 Hazari district jhang</t>
  </si>
  <si>
    <t>Kashmir Colony No 1</t>
  </si>
  <si>
    <t>Tabarak Hussain</t>
  </si>
  <si>
    <t>GES CHAK NO. 11/M DUNPUR</t>
  </si>
  <si>
    <t>Chak No 11/M</t>
  </si>
  <si>
    <t>Chak No 11/M  Tehseel dunyapur district lodhran</t>
  </si>
  <si>
    <t>AKHLAQ AHMAD</t>
  </si>
  <si>
    <t>GES CHAK NO. 111/P</t>
  </si>
  <si>
    <t>Chak 111p</t>
  </si>
  <si>
    <t>Chak no 111p East Tehsil and District Rahim Yar Khan</t>
  </si>
  <si>
    <t>MC RYK</t>
  </si>
  <si>
    <t>Mohammad Javed</t>
  </si>
  <si>
    <t>GES CHAK NO. 112/6-R</t>
  </si>
  <si>
    <t>112/6R</t>
  </si>
  <si>
    <t>chak no 112/6R tehsil Haroon Abad district Bahawal Nagar</t>
  </si>
  <si>
    <t>118/6R</t>
  </si>
  <si>
    <t>GES CHAK NO. 116 WB</t>
  </si>
  <si>
    <t>chak no.116wb</t>
  </si>
  <si>
    <t>Chak No116 Wb</t>
  </si>
  <si>
    <t>124 Wb</t>
  </si>
  <si>
    <t>GHULAM MERAN</t>
  </si>
  <si>
    <t>GES CHAK NO. 118/6-R</t>
  </si>
  <si>
    <t>HND-15-MALE</t>
  </si>
  <si>
    <t>Chak no.118/6.R</t>
  </si>
  <si>
    <t>liaqat Ali</t>
  </si>
  <si>
    <t>GES CHAK NO. 119/6-R</t>
  </si>
  <si>
    <t>HND-16-MALE</t>
  </si>
  <si>
    <t>119/6r</t>
  </si>
  <si>
    <t>Chak No. 119/6r Tehsil Haroonabad District Bahawalnagar</t>
  </si>
  <si>
    <t>Faqirwali</t>
  </si>
  <si>
    <t>GES CHAK NO. 12 GARMULA</t>
  </si>
  <si>
    <t>CHAK NO 12GB</t>
  </si>
  <si>
    <t>CHAK NO 12GARMULA GB TEHSIL&amp;DISTRICT NANKANA</t>
  </si>
  <si>
    <t>CHAK NO 12 GARMULA 12GARMULA GB</t>
  </si>
  <si>
    <t>Nadeem Hussain</t>
  </si>
  <si>
    <t>GES CHAK NO. 124 NP</t>
  </si>
  <si>
    <t>Chak 124 NP</t>
  </si>
  <si>
    <t>Chak 124 NP PO FEROZA</t>
  </si>
  <si>
    <t>Chak 124 NP LQP</t>
  </si>
  <si>
    <t>HAYAT LAR</t>
  </si>
  <si>
    <t>Zulfqar Abbasi</t>
  </si>
  <si>
    <t>GES CHAK NO. 124/M</t>
  </si>
  <si>
    <t>CTN-X-MALE</t>
  </si>
  <si>
    <t>Chak No 124/m</t>
  </si>
  <si>
    <t>Chak no 124/m Tahsil Chishtian district Bahawalnagar</t>
  </si>
  <si>
    <t>Uc-118</t>
  </si>
  <si>
    <t>GES CHAK NO. 127/P</t>
  </si>
  <si>
    <t>Tally Wali</t>
  </si>
  <si>
    <t>chak no. 127/P post office 125/P RYK</t>
  </si>
  <si>
    <t>Chak 127/P</t>
  </si>
  <si>
    <t>Wah Kohna</t>
  </si>
  <si>
    <t>Irshad AHMAD</t>
  </si>
  <si>
    <t>GES CHAK NO. 130/ML</t>
  </si>
  <si>
    <t>AZIZ ABAD-II- MALE</t>
  </si>
  <si>
    <t>Chak No 130/ml</t>
  </si>
  <si>
    <t>chak no.130/ml</t>
  </si>
  <si>
    <t>Muhammad Javaid iqbal</t>
  </si>
  <si>
    <t>GES CHAK NO. 139/6-R</t>
  </si>
  <si>
    <t>139/6R</t>
  </si>
  <si>
    <t>chak no. 139/6.R. tehsil Haroonabad Distt. Bahawalnagar</t>
  </si>
  <si>
    <t>133/6R</t>
  </si>
  <si>
    <t>Muhammad Sohaib Tariq</t>
  </si>
  <si>
    <t>GES CHAK NO. 14/GD RAZA ABAD</t>
  </si>
  <si>
    <t>JABOOKA - MALE</t>
  </si>
  <si>
    <t>14GD Raza Abad</t>
  </si>
  <si>
    <t>14gd raza abad okara</t>
  </si>
  <si>
    <t>Allah Yaar Asif</t>
  </si>
  <si>
    <t>GES CHAK NO. 14/M JAWAIN</t>
  </si>
  <si>
    <t>14m Jawain</t>
  </si>
  <si>
    <t>14m jawain dunyapur</t>
  </si>
  <si>
    <t>14m</t>
  </si>
  <si>
    <t>Sultan Ayob Qattal</t>
  </si>
  <si>
    <t>Fazal Ellahi</t>
  </si>
  <si>
    <t>GES CHAK NO. 143 P</t>
  </si>
  <si>
    <t>Chak No 143-P</t>
  </si>
  <si>
    <t>Chak No 143-P  Rahim Yar Khan</t>
  </si>
  <si>
    <t>Chak No 139-P</t>
  </si>
  <si>
    <t>Khaliq Mehmood</t>
  </si>
  <si>
    <t>Hand pump and electric water pmp</t>
  </si>
  <si>
    <t>GES CHAK NO. 144/9-L</t>
  </si>
  <si>
    <t>144/9L</t>
  </si>
  <si>
    <t>Chak no. 144/9L</t>
  </si>
  <si>
    <t>Chak No144/9L</t>
  </si>
  <si>
    <t>Mumtaz Ali Abid</t>
  </si>
  <si>
    <t>GES CHAK NO. 144/P</t>
  </si>
  <si>
    <t>CHAMAN-MALE</t>
  </si>
  <si>
    <t>Chak No 144/p</t>
  </si>
  <si>
    <t>Chak no 144/p East</t>
  </si>
  <si>
    <t>Chak 144/p East</t>
  </si>
  <si>
    <t>Chak 139/p</t>
  </si>
  <si>
    <t>M Adnan Shahid</t>
  </si>
  <si>
    <t>GES CHAK NO. 148/6-R</t>
  </si>
  <si>
    <t>chak no.148/6r</t>
  </si>
  <si>
    <t>98/6-R</t>
  </si>
  <si>
    <t>NAEEM SAJID</t>
  </si>
  <si>
    <t>GES CHAK NO. 149/A</t>
  </si>
  <si>
    <t>CHAK 32/A-MALE</t>
  </si>
  <si>
    <t>Chak no149/A</t>
  </si>
  <si>
    <t>Chak no.149/A</t>
  </si>
  <si>
    <t>Chak No 149/A</t>
  </si>
  <si>
    <t>Chak No 42/A</t>
  </si>
  <si>
    <t>GES CHAK NO. 16</t>
  </si>
  <si>
    <t>Chak 16</t>
  </si>
  <si>
    <t>chak 16</t>
  </si>
  <si>
    <t>Gohar</t>
  </si>
  <si>
    <t>GES CHAK NO. 16/1-AL</t>
  </si>
  <si>
    <t>16/1AL</t>
  </si>
  <si>
    <t>16 /1 A L</t>
  </si>
  <si>
    <t>14/1AL</t>
  </si>
  <si>
    <t>Muhammad Imran Rashid</t>
  </si>
  <si>
    <t>GES CHAK NO. 160/7-R</t>
  </si>
  <si>
    <t>160/7r</t>
  </si>
  <si>
    <t>chak no 160/7.r</t>
  </si>
  <si>
    <t>Chak 160/7r</t>
  </si>
  <si>
    <t>164/7r</t>
  </si>
  <si>
    <t>Maqsood Hussain</t>
  </si>
  <si>
    <t>GES CHAK NO. 163/WB</t>
  </si>
  <si>
    <t>163/wb</t>
  </si>
  <si>
    <t>chak no 163/wb  vehari</t>
  </si>
  <si>
    <t>155/wb</t>
  </si>
  <si>
    <t>Imdad Hussain Kazmi</t>
  </si>
  <si>
    <t>GES CHAK NO. 166/ EB</t>
  </si>
  <si>
    <t>MACHIWAL - MALE</t>
  </si>
  <si>
    <t>166/EB</t>
  </si>
  <si>
    <t>chak no. 166/EB Vehari</t>
  </si>
  <si>
    <t>166/EB Vehari</t>
  </si>
  <si>
    <t>GES CHAK NO. 176 JB (De-consolidated)</t>
  </si>
  <si>
    <t>Chak No 214</t>
  </si>
  <si>
    <t>chak no. 176jb</t>
  </si>
  <si>
    <t>Reemy</t>
  </si>
  <si>
    <t>Chak 450jb</t>
  </si>
  <si>
    <t>GES CHAK NO. 176/M</t>
  </si>
  <si>
    <t>176murad</t>
  </si>
  <si>
    <t>chak no 176murad</t>
  </si>
  <si>
    <t>167murad</t>
  </si>
  <si>
    <t>Noor Ahmad Noorani</t>
  </si>
  <si>
    <t>GES CHAK NO. 182/ EB</t>
  </si>
  <si>
    <t>182/eb</t>
  </si>
  <si>
    <t>Chan no 182/eb tehsil &amp; district vehari.</t>
  </si>
  <si>
    <t>Chan No 182/eb</t>
  </si>
  <si>
    <t>198/eb</t>
  </si>
  <si>
    <t>Rana Ashiq Ali</t>
  </si>
  <si>
    <t>GES CHAK NO. 182/P</t>
  </si>
  <si>
    <t>182/P</t>
  </si>
  <si>
    <t>Chak No.182/P</t>
  </si>
  <si>
    <t>160/P</t>
  </si>
  <si>
    <t>GES CHAK NO. 19 MR</t>
  </si>
  <si>
    <t>19mr</t>
  </si>
  <si>
    <t>GES 19mr</t>
  </si>
  <si>
    <t>Chak No 18-mr</t>
  </si>
  <si>
    <t>KHALIL-UR-REHMAN</t>
  </si>
  <si>
    <t>GES CHAK NO. 192/7-R</t>
  </si>
  <si>
    <t>192/7R</t>
  </si>
  <si>
    <t>192/7R tehsil haroon abad</t>
  </si>
  <si>
    <t>GES CHAK NO. 193/P</t>
  </si>
  <si>
    <t>Chak No 193/P</t>
  </si>
  <si>
    <t>Govt Boys E/S Chak no 193/P</t>
  </si>
  <si>
    <t>Chak 193/P</t>
  </si>
  <si>
    <t>Chak No 173/P</t>
  </si>
  <si>
    <t>Usman Anjum</t>
  </si>
  <si>
    <t>GES CHAK NO. 2 MB</t>
  </si>
  <si>
    <t>SHADIA-MALE</t>
  </si>
  <si>
    <t>Chak 2mb</t>
  </si>
  <si>
    <t>Govt elementary school chak no 2mb</t>
  </si>
  <si>
    <t>Wanbachran</t>
  </si>
  <si>
    <t>Ahmed Sher</t>
  </si>
  <si>
    <t>GES CHAK NO. 2 ML</t>
  </si>
  <si>
    <t>2 ML</t>
  </si>
  <si>
    <t>2 ML Piplan Mianwali</t>
  </si>
  <si>
    <t>Muhammad Rafique</t>
  </si>
  <si>
    <t>GES CHAK NO. 20/MB</t>
  </si>
  <si>
    <t>20mb</t>
  </si>
  <si>
    <t>vilage,p/o 20mb thsil nurpur distk khushab</t>
  </si>
  <si>
    <t>adhi sargl</t>
  </si>
  <si>
    <t>Muhammad bilal</t>
  </si>
  <si>
    <t>GES CHAK NO. 204/9-R</t>
  </si>
  <si>
    <t>FTS-18-MALE</t>
  </si>
  <si>
    <t>Chak 204/9-R</t>
  </si>
  <si>
    <t>chak no 204/9-R</t>
  </si>
  <si>
    <t>204/9-R</t>
  </si>
  <si>
    <t>Chak No 204/9-R</t>
  </si>
  <si>
    <t>Abid Hussain Abid</t>
  </si>
  <si>
    <t>GES CHAK NO. 204/M</t>
  </si>
  <si>
    <t>MALE-17</t>
  </si>
  <si>
    <t>chak no.204/m</t>
  </si>
  <si>
    <t>Govt. Elementary School Chak 204/m P/O Chak 177/m</t>
  </si>
  <si>
    <t>chak no. 204/m</t>
  </si>
  <si>
    <t>Chak 177/m</t>
  </si>
  <si>
    <t>GES CHAK NO. 206/9-R</t>
  </si>
  <si>
    <t>FTS-VI-MALE</t>
  </si>
  <si>
    <t>206/9-r</t>
  </si>
  <si>
    <t>199/8-r</t>
  </si>
  <si>
    <t>Muhammad Shamoon</t>
  </si>
  <si>
    <t>GES CHAK NO. 207 EB P.O SAME ARIF WALA</t>
  </si>
  <si>
    <t>CHAK NO. 207 EB</t>
  </si>
  <si>
    <t>CHAK NO. 207 EB Arifwala distt. Pakpattan</t>
  </si>
  <si>
    <t>CHAK NO. 163 EB</t>
  </si>
  <si>
    <t>kashif amin</t>
  </si>
  <si>
    <t>GES CHAK NO. 209/M</t>
  </si>
  <si>
    <t>Chak 209m</t>
  </si>
  <si>
    <t>GES chak No 209 /m</t>
  </si>
  <si>
    <t>Chak No 209/m</t>
  </si>
  <si>
    <t>Chak No 201</t>
  </si>
  <si>
    <t>GES CHAK NO. 21/SP</t>
  </si>
  <si>
    <t>Chack No 21-SP</t>
  </si>
  <si>
    <t>Chack No 21-SP pakpattan</t>
  </si>
  <si>
    <t>Chack Noor Muhammad Muhammad Muhammad Muhammad  Muhammad Muhammad Muhammad</t>
  </si>
  <si>
    <t>GES CHAK NO. 213/F</t>
  </si>
  <si>
    <t>Chak No 213/f B</t>
  </si>
  <si>
    <t>chak no 213/f B</t>
  </si>
  <si>
    <t>95/f A</t>
  </si>
  <si>
    <t>GES CHAK NO. 216 EB</t>
  </si>
  <si>
    <t>PIPLI - MALE</t>
  </si>
  <si>
    <t>216/EB</t>
  </si>
  <si>
    <t>chak no 216/EB</t>
  </si>
  <si>
    <t>216/WB</t>
  </si>
  <si>
    <t>34/ Wb</t>
  </si>
  <si>
    <t>Ehsan Asghar</t>
  </si>
  <si>
    <t>GES CHAK NO. 22/GD</t>
  </si>
  <si>
    <t>22 Gd</t>
  </si>
  <si>
    <t>22 gd okara</t>
  </si>
  <si>
    <t>Zakheera Gushkory</t>
  </si>
  <si>
    <t>Muhammad Akram Sabir</t>
  </si>
  <si>
    <t>GES CHAK NO. 221/9-R</t>
  </si>
  <si>
    <t>FTS-V-MALE</t>
  </si>
  <si>
    <t>221/9R</t>
  </si>
  <si>
    <t>213/9R</t>
  </si>
  <si>
    <t>Shahid Islam</t>
  </si>
  <si>
    <t>GES CHAK NO. 221/WB</t>
  </si>
  <si>
    <t>221 WB</t>
  </si>
  <si>
    <t>Chak no 221 WB Dunyapur district Lodhran</t>
  </si>
  <si>
    <t>231 WB</t>
  </si>
  <si>
    <t>GES CHAK NO. 223/P</t>
  </si>
  <si>
    <t>Chak NO 223 P</t>
  </si>
  <si>
    <t>Chak 223 P P/O 140 P Tehsil &amp; District Rahim Yar Khan</t>
  </si>
  <si>
    <t>Chak NO 93 P</t>
  </si>
  <si>
    <t>Muhammad TAHIR RAFIQ</t>
  </si>
  <si>
    <t>GES CHAK NO. 227/WB</t>
  </si>
  <si>
    <t>ZAKHIRA- MALE</t>
  </si>
  <si>
    <t>Chackno  227/wb</t>
  </si>
  <si>
    <t>post office Adda zakhira Teh Dunyapur Distt. Lodhran</t>
  </si>
  <si>
    <t>227/ w b</t>
  </si>
  <si>
    <t>231/w b</t>
  </si>
  <si>
    <t>GES CHAK NO. 229/P</t>
  </si>
  <si>
    <t>Chak No 229p Chamman</t>
  </si>
  <si>
    <t>GES CHAK NO. 229/P RYK</t>
  </si>
  <si>
    <t>Chak No 229/p</t>
  </si>
  <si>
    <t>Chak No 93p</t>
  </si>
  <si>
    <t>Muhammad Ammar Hassan</t>
  </si>
  <si>
    <t>GES CHAK NO. 23 UCC NORTH</t>
  </si>
  <si>
    <t>23chak</t>
  </si>
  <si>
    <t>Govt E/S CHAK 23 NORTH</t>
  </si>
  <si>
    <t>23 Chak</t>
  </si>
  <si>
    <t>22 Chak</t>
  </si>
  <si>
    <t>Yasir Munir</t>
  </si>
  <si>
    <t>GES CHAK NO. 239-B TDA</t>
  </si>
  <si>
    <t>RAKH MOJ GARH</t>
  </si>
  <si>
    <t>chak no.239b tda fatehpur tehsil karor district Layyah</t>
  </si>
  <si>
    <t>CHAK NO.239-B/TDA</t>
  </si>
  <si>
    <t>FATEH PUR RURAL</t>
  </si>
  <si>
    <t>Abdul Raheem</t>
  </si>
  <si>
    <t>GES CHAK NO. 24 NP</t>
  </si>
  <si>
    <t>24/Np</t>
  </si>
  <si>
    <t>chak 24/np post office same</t>
  </si>
  <si>
    <t>Drighra</t>
  </si>
  <si>
    <t>GES CHAK NO. 25 / EB</t>
  </si>
  <si>
    <t>25/EB</t>
  </si>
  <si>
    <t>chak no 25/EB tensile arifwala</t>
  </si>
  <si>
    <t>Pir Sadar Din</t>
  </si>
  <si>
    <t>IQRAR HUSSAIN AMIR</t>
  </si>
  <si>
    <t>GES CHAK NO. 25/3-R</t>
  </si>
  <si>
    <t>HND-4-MALE</t>
  </si>
  <si>
    <t>25/3-R</t>
  </si>
  <si>
    <t>Govt Elementary school chak no 25/3r ,p/o same Haroonabad</t>
  </si>
  <si>
    <t>23-24/3-R  Laleka</t>
  </si>
  <si>
    <t>GES CHAK NO. 26 NP</t>
  </si>
  <si>
    <t>GOTH JORA-  MALE</t>
  </si>
  <si>
    <t>CHAK NO 26/NP</t>
  </si>
  <si>
    <t>CHAK NO.26/NP JDW Road Sadiq Abad</t>
  </si>
  <si>
    <t>CHAK NO26/NP</t>
  </si>
  <si>
    <t>Fatta Katta</t>
  </si>
  <si>
    <t>Abdul Salam</t>
  </si>
  <si>
    <t>GES CHAK NO. 26/M</t>
  </si>
  <si>
    <t>CHAK NO 26/M</t>
  </si>
  <si>
    <t>CHAK NO 26/M Tehsil DUNYA PUR DIST. LODHRAN</t>
  </si>
  <si>
    <t>CHAK NO 35/M</t>
  </si>
  <si>
    <t>Akhtar Hussain</t>
  </si>
  <si>
    <t>GES CHAK NO. 267/WB P/O NOOR GARH</t>
  </si>
  <si>
    <t>267/wb p/o noor garh Teh.Dunyapur (Lodhran)</t>
  </si>
  <si>
    <t>Noorgarh</t>
  </si>
  <si>
    <t>GES CHAK NO. 27 DB</t>
  </si>
  <si>
    <t>Chak 27</t>
  </si>
  <si>
    <t>Boys Elementary shool Chak no 27db</t>
  </si>
  <si>
    <t>27 DB</t>
  </si>
  <si>
    <t>Wan Bhachran 2</t>
  </si>
  <si>
    <t>Rauf Ahmad</t>
  </si>
  <si>
    <t>GES CHAK NO. 275/ TDA</t>
  </si>
  <si>
    <t>Chak No 275 TDA</t>
  </si>
  <si>
    <t>chak no 275/TDA p/o same</t>
  </si>
  <si>
    <t>Muhammad Ayub</t>
  </si>
  <si>
    <t>GES CHAK NO. 281-83</t>
  </si>
  <si>
    <t>Chak No 281-83/WB Tehsil Dunyapur Lodhran</t>
  </si>
  <si>
    <t>281-83/WB</t>
  </si>
  <si>
    <t>jhandir wah</t>
  </si>
  <si>
    <t>Ghafoor Ahmad</t>
  </si>
  <si>
    <t>GES CHAK NO. 29 KB</t>
  </si>
  <si>
    <t>Chak No.29/KB</t>
  </si>
  <si>
    <t>GES 29/KB  P/O Qaboola Teh. Arifwala District Pakpattan</t>
  </si>
  <si>
    <t>29/kB</t>
  </si>
  <si>
    <t>Jamoon Bodla</t>
  </si>
  <si>
    <t>Sardar Ahmad</t>
  </si>
  <si>
    <t>Submercibale Pump</t>
  </si>
  <si>
    <t>GES CHAK NO. 29/1-AL</t>
  </si>
  <si>
    <t>Chak 29/1.A.L</t>
  </si>
  <si>
    <t>GES Chak 29/1.A.L</t>
  </si>
  <si>
    <t>Chak 25/1.A.L</t>
  </si>
  <si>
    <t>Tariq Abbas</t>
  </si>
  <si>
    <t>GES CHAK NO. 297/WB</t>
  </si>
  <si>
    <t>297 wb</t>
  </si>
  <si>
    <t>chak no 297 wb tehsil dunya pur</t>
  </si>
  <si>
    <t>maqool wah</t>
  </si>
  <si>
    <t>Naveed Akhtar Bashir</t>
  </si>
  <si>
    <t>GES CHAK NO. 3/1-RA</t>
  </si>
  <si>
    <t>4/GD - MALE</t>
  </si>
  <si>
    <t>Chak No 3/1RA</t>
  </si>
  <si>
    <t>4/1RA</t>
  </si>
  <si>
    <t>GES CHAK NO. 3/3-R</t>
  </si>
  <si>
    <t>Kundal Khokhran</t>
  </si>
  <si>
    <t>GES Chak No.3/3R, Near Kundal Khokhran, Tehsil Ahmad Pur Sial, Jhang</t>
  </si>
  <si>
    <t>Chak No 3/3R</t>
  </si>
  <si>
    <t>muhammad zafar iqbal</t>
  </si>
  <si>
    <t>GES CHAK NO. 305/WB</t>
  </si>
  <si>
    <t>Chak No 305/W.B tehsil dunya pur district lodhran</t>
  </si>
  <si>
    <t>Chak No 305/W B</t>
  </si>
  <si>
    <t>Sultan Ayyoub Qatal</t>
  </si>
  <si>
    <t>Tariq Raheem</t>
  </si>
  <si>
    <t>GES CHAK NO. 32 / EB</t>
  </si>
  <si>
    <t>32/EbB</t>
  </si>
  <si>
    <t>Chak No 32/EB teshil Arifwala District Pakpattan.</t>
  </si>
  <si>
    <t>Chak No. 32/EB</t>
  </si>
  <si>
    <t>Chak No. 34/EB</t>
  </si>
  <si>
    <t>Shamas Javed</t>
  </si>
  <si>
    <t>GES CHAK NO. 32 MB</t>
  </si>
  <si>
    <t>CHAK NO 22/MB (MALE)</t>
  </si>
  <si>
    <t>32MB</t>
  </si>
  <si>
    <t>GOVT.ELEMENTARY SCHOOL 32MB</t>
  </si>
  <si>
    <t>Chak No14MB</t>
  </si>
  <si>
    <t>GES CHAK NO. 32 SP</t>
  </si>
  <si>
    <t>BABA FARID - MALE</t>
  </si>
  <si>
    <t>32/Sp</t>
  </si>
  <si>
    <t>chak no.32/sp</t>
  </si>
  <si>
    <t>30/Sp</t>
  </si>
  <si>
    <t>SALEEM  AKHTAR</t>
  </si>
  <si>
    <t>GES CHAK NO. 323 TDA</t>
  </si>
  <si>
    <t>JAMAL CHAPRI - MALE</t>
  </si>
  <si>
    <t>chak no 323/tda</t>
  </si>
  <si>
    <t>Chak No323/Tda</t>
  </si>
  <si>
    <t>Jammal Chapri</t>
  </si>
  <si>
    <t>GES CHAK NO. 33/BC-A</t>
  </si>
  <si>
    <t>33/BC-A</t>
  </si>
  <si>
    <t>GPS 33/BC-A</t>
  </si>
  <si>
    <t>Muhammad  Shahzad Nawaz</t>
  </si>
  <si>
    <t>GES CHAK NO. 33-34/ ML</t>
  </si>
  <si>
    <t>HAITU - MALE</t>
  </si>
  <si>
    <t>33 ML</t>
  </si>
  <si>
    <t>CHAK NO 33 ML, KALLUR KOT</t>
  </si>
  <si>
    <t>MUHAMMAD HUSSAIN SHAH</t>
  </si>
  <si>
    <t>GES CHAK NO. 34/M</t>
  </si>
  <si>
    <t>Chak No 34/M</t>
  </si>
  <si>
    <t>GET Chak No 34/More dunya pur, lodhran</t>
  </si>
  <si>
    <t>Siraj Wala</t>
  </si>
  <si>
    <t>talib hussain</t>
  </si>
  <si>
    <t>GES CHAK NO. 344/WB</t>
  </si>
  <si>
    <t>344wb</t>
  </si>
  <si>
    <t>chak 344/WB teh.Dunyapur Distt.Lodhran</t>
  </si>
  <si>
    <t>344/WB</t>
  </si>
  <si>
    <t>357/WB</t>
  </si>
  <si>
    <t>GES CHAK NO. 35 H/DNB</t>
  </si>
  <si>
    <t>ADDA 32 MOOR - MALE</t>
  </si>
  <si>
    <t>Head Rajkan</t>
  </si>
  <si>
    <t>GES 35 H/DNB madina colony head rajkan</t>
  </si>
  <si>
    <t>Madina Colony</t>
  </si>
  <si>
    <t>1/DNB</t>
  </si>
  <si>
    <t>Saleem Iqbal</t>
  </si>
  <si>
    <t>GES CHAK NO. 351/WB</t>
  </si>
  <si>
    <t>Chak No 351WB</t>
  </si>
  <si>
    <t>chak no 351 Wb dunyapur pur</t>
  </si>
  <si>
    <t>351 Wb</t>
  </si>
  <si>
    <t>Chak No 355 Wb</t>
  </si>
  <si>
    <t>Mukhtar Ali</t>
  </si>
  <si>
    <t>GES CHAK NO. 35-36 ML</t>
  </si>
  <si>
    <t>p/o 35-36 ml teh kalur kot distt bhakkar</t>
  </si>
  <si>
    <t>35-36 Ml</t>
  </si>
  <si>
    <t>40 Ml</t>
  </si>
  <si>
    <t>Ameer Azam Khan</t>
  </si>
  <si>
    <t>GES CHAK NO. 358/WB</t>
  </si>
  <si>
    <t>358/wb</t>
  </si>
  <si>
    <t>chak no 358/w.b.</t>
  </si>
  <si>
    <t>360/wb</t>
  </si>
  <si>
    <t>GES CHAK NO. 360/WB</t>
  </si>
  <si>
    <t>chat No 360wb tehsil Dunyapur District Lodhran</t>
  </si>
  <si>
    <t>360wb</t>
  </si>
  <si>
    <t>Zulfiqar Ahmad</t>
  </si>
  <si>
    <t>GES CHAK NO. 37/3-R</t>
  </si>
  <si>
    <t>HND-10-MALE</t>
  </si>
  <si>
    <t>37/3R</t>
  </si>
  <si>
    <t>Govt Elementary school chak # 37/3R tehsil Haroonabad district Bahawalnahar</t>
  </si>
  <si>
    <t>Sabir Ali Tahir</t>
  </si>
  <si>
    <t>GES CHAK NO. 37/M</t>
  </si>
  <si>
    <t>Chak No 37/m</t>
  </si>
  <si>
    <t>chak  no 37/m tehsil dunyapur distt.. Lodhran</t>
  </si>
  <si>
    <t>Chak No 37m</t>
  </si>
  <si>
    <t>Wazir Hussain Shah Hashmi</t>
  </si>
  <si>
    <t>GES CHAK NO. 370 B/TDA</t>
  </si>
  <si>
    <t>Sumra Thal Kalan</t>
  </si>
  <si>
    <t>chak no 370b/tda choubara</t>
  </si>
  <si>
    <t>Chak No 370B/tda</t>
  </si>
  <si>
    <t>Rafiqabad</t>
  </si>
  <si>
    <t>GES CHAK NO. 379/WB P.O. CHAK NO. 379/WB</t>
  </si>
  <si>
    <t>Chak No 379/Wb</t>
  </si>
  <si>
    <t>Chak no 377/wb</t>
  </si>
  <si>
    <t>Chak No 384/Wb</t>
  </si>
  <si>
    <t>GES CHAK NO. 38 DB</t>
  </si>
  <si>
    <t>38db</t>
  </si>
  <si>
    <t>chak No 38db</t>
  </si>
  <si>
    <t>Chak# 38db</t>
  </si>
  <si>
    <t>Bandial</t>
  </si>
  <si>
    <t>Hafiz Mahboob Ahamed</t>
  </si>
  <si>
    <t>GES CHAK NO. 38 WEST</t>
  </si>
  <si>
    <t>C. NO. I KUTHIALA SHEIKHAN - MALE</t>
  </si>
  <si>
    <t>Chak 38 west M.B.Din</t>
  </si>
  <si>
    <t>Chak 38 West</t>
  </si>
  <si>
    <t>Jhulana</t>
  </si>
  <si>
    <t>Mukhtar Ahmed</t>
  </si>
  <si>
    <t>GES CHAK NO. 38/F</t>
  </si>
  <si>
    <t>38/F</t>
  </si>
  <si>
    <t>govt. elementary school 38/F</t>
  </si>
  <si>
    <t>Sayed Abaidullah</t>
  </si>
  <si>
    <t>GES CHAK NO. 38/M</t>
  </si>
  <si>
    <t>Chak 38/M</t>
  </si>
  <si>
    <t>chak 38/M tehsile duniyapur district lodhran</t>
  </si>
  <si>
    <t>Duniyapur Dehi</t>
  </si>
  <si>
    <t>Muhammad Nasrullah</t>
  </si>
  <si>
    <t>GES CHAK NO. 388/WB</t>
  </si>
  <si>
    <t>Makhdoom Aali</t>
  </si>
  <si>
    <t>chak no.388/wb dunyapur</t>
  </si>
  <si>
    <t>Chak No 388/WB</t>
  </si>
  <si>
    <t>Muhammad Subtain</t>
  </si>
  <si>
    <t>GES CHAK NO. 39 DB</t>
  </si>
  <si>
    <t>38DB</t>
  </si>
  <si>
    <t>CHAK 39 DB</t>
  </si>
  <si>
    <t>39 Db</t>
  </si>
  <si>
    <t>Electric pump</t>
  </si>
  <si>
    <t>GES CHAK NO. 4 WB</t>
  </si>
  <si>
    <t>Chak No. 4/W.B Tehsil &amp; District Vehari</t>
  </si>
  <si>
    <t>Chak No. 4/W.B</t>
  </si>
  <si>
    <t>Chak No. 533/E.B</t>
  </si>
  <si>
    <t>GES CHAK NO. 40 MB</t>
  </si>
  <si>
    <t>MITHA TIWANA (SADAR) (MALE)</t>
  </si>
  <si>
    <t>Chak  40 MB</t>
  </si>
  <si>
    <t>Chak No 40 MB tehsil &amp; district khushab</t>
  </si>
  <si>
    <t>Chak No 40 MB</t>
  </si>
  <si>
    <t>50 MB</t>
  </si>
  <si>
    <t>GES CHAK NO. 40/GD</t>
  </si>
  <si>
    <t>chak no 40gd Rai Pur teh n district okara p/o same</t>
  </si>
  <si>
    <t>40gd Rai Pur</t>
  </si>
  <si>
    <t>m aslam</t>
  </si>
  <si>
    <t>filteration water plant</t>
  </si>
  <si>
    <t>GES CHAK NO. 421/EB</t>
  </si>
  <si>
    <t>LANDO MASJID-MALE</t>
  </si>
  <si>
    <t>Chak No 421/EB</t>
  </si>
  <si>
    <t>Chak No. 421/EB Tehsil Burewala District Vehari</t>
  </si>
  <si>
    <t>Chak No. 421/EB</t>
  </si>
  <si>
    <t>Chak No. 425/EB Fareedabad</t>
  </si>
  <si>
    <t>GES CHAK NO. 427 EB</t>
  </si>
  <si>
    <t>SHEIKH FAZAL - MALE</t>
  </si>
  <si>
    <t>chak no 427/EB</t>
  </si>
  <si>
    <t>GES chak no 427/EB</t>
  </si>
  <si>
    <t>427/EB</t>
  </si>
  <si>
    <t>chak no 425/EB</t>
  </si>
  <si>
    <t>GES CHAK NO. 427-A/TDA</t>
  </si>
  <si>
    <t>DHORI ADDA MALE</t>
  </si>
  <si>
    <t>Mirhan</t>
  </si>
  <si>
    <t>Chak no.427a layyah</t>
  </si>
  <si>
    <t>427a</t>
  </si>
  <si>
    <t>Peer Jagi</t>
  </si>
  <si>
    <t>Jam Muhammad akram</t>
  </si>
  <si>
    <t>GES CHAK NO. 428/6-R</t>
  </si>
  <si>
    <t>HDN-18-MALE</t>
  </si>
  <si>
    <t>428/6-R</t>
  </si>
  <si>
    <t>432/6-R</t>
  </si>
  <si>
    <t>Nazeer Ahmad</t>
  </si>
  <si>
    <t>GES CHAK NO. 43 WB LIAQAT PURA</t>
  </si>
  <si>
    <t>Liaqat pura</t>
  </si>
  <si>
    <t>43/wb liaqat pura vehari</t>
  </si>
  <si>
    <t>43/wb</t>
  </si>
  <si>
    <t>mc</t>
  </si>
  <si>
    <t>Abdul Islam</t>
  </si>
  <si>
    <t>GES CHAK NO. 431 EB</t>
  </si>
  <si>
    <t>GES431eb Burewala</t>
  </si>
  <si>
    <t>431eb</t>
  </si>
  <si>
    <t>425eb</t>
  </si>
  <si>
    <t>turbine</t>
  </si>
  <si>
    <t>GES CHAK NO. 436/6-R</t>
  </si>
  <si>
    <t>Chak No 436/6R</t>
  </si>
  <si>
    <t>chak no 436/6R tehsil haroon abad</t>
  </si>
  <si>
    <t>Chak No 438/6R</t>
  </si>
  <si>
    <t>Nasir Javed</t>
  </si>
  <si>
    <t>GES CHAK NO. 44/DB</t>
  </si>
  <si>
    <t>Chak 44 db</t>
  </si>
  <si>
    <t>Chak 44db</t>
  </si>
  <si>
    <t>GES CHAK NO. 46/SP PAKPATTAN</t>
  </si>
  <si>
    <t>46/sp</t>
  </si>
  <si>
    <t>chak no 46/sp tehsil &amp; district pakpattan</t>
  </si>
  <si>
    <t>46sp</t>
  </si>
  <si>
    <t>BOYLE Gunj</t>
  </si>
  <si>
    <t>GES CHAK NO. 47/ML</t>
  </si>
  <si>
    <t>Chak 47 Ml</t>
  </si>
  <si>
    <t>Chak no. 47 ml</t>
  </si>
  <si>
    <t>47 Ml</t>
  </si>
  <si>
    <t>Degar Qureshi</t>
  </si>
  <si>
    <t>Muhammad Rafique Sajid</t>
  </si>
  <si>
    <t>GES CHAK NO. 471 TDA</t>
  </si>
  <si>
    <t>MIRHAN II MALE</t>
  </si>
  <si>
    <t>Chak No 471 TDA</t>
  </si>
  <si>
    <t>Mirhaan</t>
  </si>
  <si>
    <t>GES CHAK NO. 475/EB</t>
  </si>
  <si>
    <t>Chak No 475/E B</t>
  </si>
  <si>
    <t>Chak No. 475/E.B, Vehari</t>
  </si>
  <si>
    <t>Chak No 537/E B</t>
  </si>
  <si>
    <t>GES CHAK NO. 48/3-R</t>
  </si>
  <si>
    <t>HND-3-MALE</t>
  </si>
  <si>
    <t>48/3r</t>
  </si>
  <si>
    <t>48.3r</t>
  </si>
  <si>
    <t>MC  Hnd</t>
  </si>
  <si>
    <t>GES CHAK NO. 48/A</t>
  </si>
  <si>
    <t>Chak 48/A</t>
  </si>
  <si>
    <t>Gbes chak 48/A</t>
  </si>
  <si>
    <t>46/A</t>
  </si>
  <si>
    <t>mushtaq ahmad</t>
  </si>
  <si>
    <t>GES CHAK NO. 49/F</t>
  </si>
  <si>
    <t>CTN-VII-MALE</t>
  </si>
  <si>
    <t>Chak No. 49/F Chishtian</t>
  </si>
  <si>
    <t>Chak No 49/F</t>
  </si>
  <si>
    <t>Muhammad Nasir Anjum</t>
  </si>
  <si>
    <t>GES CHAK NO. 498/TDA</t>
  </si>
  <si>
    <t>SHER GARH</t>
  </si>
  <si>
    <t>CHAK NO 498/TDA TEH. CHOUBARA DISTT. LAYYAH</t>
  </si>
  <si>
    <t>CHAK NO 498/TDA</t>
  </si>
  <si>
    <t>Sher GARH</t>
  </si>
  <si>
    <t>GES CHAK NO. 5 TDA</t>
  </si>
  <si>
    <t>Chak No 5 TDA</t>
  </si>
  <si>
    <t>GES Chak No. 5TDA</t>
  </si>
  <si>
    <t>Chak No 5TDA</t>
  </si>
  <si>
    <t>Muhammad Zakria Bilal Farooqi</t>
  </si>
  <si>
    <t>GES CHAK NO. 5/1-AL</t>
  </si>
  <si>
    <t>5/1-AL</t>
  </si>
  <si>
    <t>CHAK NO 5/1AL</t>
  </si>
  <si>
    <t>5/1al</t>
  </si>
  <si>
    <t>CHAK NO 61AL</t>
  </si>
  <si>
    <t>Saddam Hussain</t>
  </si>
  <si>
    <t>GES CHAK NO. 5/1-RA</t>
  </si>
  <si>
    <t>Chak No 5/1RA</t>
  </si>
  <si>
    <t>5/1RA</t>
  </si>
  <si>
    <t>Muhammad Tanveer</t>
  </si>
  <si>
    <t>GES CHAK NO. 5/3-R</t>
  </si>
  <si>
    <t>chak no 5/3_R Ahmad pur sial Jhang</t>
  </si>
  <si>
    <t>Chak 5/3R</t>
  </si>
  <si>
    <t>GES CHAK NO. 50</t>
  </si>
  <si>
    <t>MIANA GONDAL-I- MALE</t>
  </si>
  <si>
    <t>Chak 50</t>
  </si>
  <si>
    <t>chak 50 tehsil malakwal distt m b din</t>
  </si>
  <si>
    <t>50 Chak</t>
  </si>
  <si>
    <t>Pindi Rawan</t>
  </si>
  <si>
    <t>Muhammad Zulfqar</t>
  </si>
  <si>
    <t>GES CHAK NO. 53/WB</t>
  </si>
  <si>
    <t>CHAKRALA-MALE</t>
  </si>
  <si>
    <t>53wb</t>
  </si>
  <si>
    <t>chak no 53wb</t>
  </si>
  <si>
    <t>ABDUL JABBAR</t>
  </si>
  <si>
    <t>GES CHAK NO. 530/TDA</t>
  </si>
  <si>
    <t>SHADI KHAN MUNDA-I- MALE</t>
  </si>
  <si>
    <t>Chak no 530TDA</t>
  </si>
  <si>
    <t>Chak no .530 TDA kotadu</t>
  </si>
  <si>
    <t>Chak No 530 TDA</t>
  </si>
  <si>
    <t>Muhammad Yahya</t>
  </si>
  <si>
    <t>GES CHAK NO. 547/ EB</t>
  </si>
  <si>
    <t>chak no 547/eb</t>
  </si>
  <si>
    <t>chak no. 547/eb vehari</t>
  </si>
  <si>
    <t>chak no 547 /eb</t>
  </si>
  <si>
    <t>chak no 537</t>
  </si>
  <si>
    <t>GES CHAK NO. 55</t>
  </si>
  <si>
    <t>CHAK NO.55 - MALE</t>
  </si>
  <si>
    <t>chak no 55</t>
  </si>
  <si>
    <t>chak no 55 kot radha kishan kasur</t>
  </si>
  <si>
    <t>TAHIR HUSSAIN NAZ</t>
  </si>
  <si>
    <t>GES CHAK NO. 55 NP</t>
  </si>
  <si>
    <t>CHAK NO 55 NP</t>
  </si>
  <si>
    <t>Chao no 55 NP po mianwali quraishiyan  Rahim Yar Khan</t>
  </si>
  <si>
    <t>CHAK NO 55/NP</t>
  </si>
  <si>
    <t>DAULAT PUR</t>
  </si>
  <si>
    <t>farooq amir</t>
  </si>
  <si>
    <t>GES CHAK NO. 55 P PALACE PULL</t>
  </si>
  <si>
    <t>Chak 55/p</t>
  </si>
  <si>
    <t>chak 55/p palace pull</t>
  </si>
  <si>
    <t>Chak 51/p</t>
  </si>
  <si>
    <t>Talib Hussain</t>
  </si>
  <si>
    <t>ARO Plant</t>
  </si>
  <si>
    <t>GES CHAK NO. 55/BD</t>
  </si>
  <si>
    <t>55/BD</t>
  </si>
  <si>
    <t>chak no 55/BD tehsil Depalpur, Okara</t>
  </si>
  <si>
    <t>Piplipahar</t>
  </si>
  <si>
    <t>Muhammad Eisa</t>
  </si>
  <si>
    <t>GES CHAK NO. 555-TDA</t>
  </si>
  <si>
    <t>Chak No 555/TDA</t>
  </si>
  <si>
    <t>chak no 555/tDA</t>
  </si>
  <si>
    <t>Chak no 555/TDA</t>
  </si>
  <si>
    <t>meer pur</t>
  </si>
  <si>
    <t>GES CHAK NO. 57 SP</t>
  </si>
  <si>
    <t>WARIS SHAH - MALE</t>
  </si>
  <si>
    <t>57/Sp</t>
  </si>
  <si>
    <t>Chak 57SP</t>
  </si>
  <si>
    <t>26/SP</t>
  </si>
  <si>
    <t>ghulam Rasool</t>
  </si>
  <si>
    <t>GES CHAK NO. 58/KB EAST</t>
  </si>
  <si>
    <t>58 kB East</t>
  </si>
  <si>
    <t>chak 58/kB East , vehari</t>
  </si>
  <si>
    <t>58 kB East vehari</t>
  </si>
  <si>
    <t>GES CHAK NO. 58/WB</t>
  </si>
  <si>
    <t>RAHIM SHAH - MALE</t>
  </si>
  <si>
    <t>58/wb</t>
  </si>
  <si>
    <t>chak no 58/w.b</t>
  </si>
  <si>
    <t>MUHAMMAD ISHAQ SIDDIQI</t>
  </si>
  <si>
    <t>GES CHAK NO. 59 EB</t>
  </si>
  <si>
    <t>Chak No. 59/EB</t>
  </si>
  <si>
    <t>Chak No. 59/EB, Arifwala</t>
  </si>
  <si>
    <t>muhammad khan nasir</t>
  </si>
  <si>
    <t>GES CHAK NO. 59 MB</t>
  </si>
  <si>
    <t>59mb</t>
  </si>
  <si>
    <t>chak No 59MB Khushab</t>
  </si>
  <si>
    <t>Chak No 59 MB</t>
  </si>
  <si>
    <t>Chak No 63MB</t>
  </si>
  <si>
    <t>Inayat Ullah</t>
  </si>
  <si>
    <t>GES CHAK NO. 6 MR</t>
  </si>
  <si>
    <t>6/MR</t>
  </si>
  <si>
    <t>chak no 6/mr</t>
  </si>
  <si>
    <t>Chak No 6/MR</t>
  </si>
  <si>
    <t>Khan Pur Maral</t>
  </si>
  <si>
    <t>GES CHAK NO. 6/FW</t>
  </si>
  <si>
    <t>Chak 6 FW</t>
  </si>
  <si>
    <t>Chak no 6f.w roomiwala p.o. bakhshan khan tehsil chishtian district bahawalnagar</t>
  </si>
  <si>
    <t>Chak 5 FW</t>
  </si>
  <si>
    <t>GES CHAK NO. 60/4-R</t>
  </si>
  <si>
    <t>HND-1-MALE</t>
  </si>
  <si>
    <t>Chak No 60/4R</t>
  </si>
  <si>
    <t>Munsif Ali</t>
  </si>
  <si>
    <t>GES CHAK NO. 61 / SP</t>
  </si>
  <si>
    <t>61/sp</t>
  </si>
  <si>
    <t>chak no 61/sp Arifwala District Pakpattan</t>
  </si>
  <si>
    <t>GES CHAK NO. 61 DB</t>
  </si>
  <si>
    <t>CHAK NO 61 DB P/O KHAS TEHSIL KALLUR KOT DISTRICT BHAKKAR</t>
  </si>
  <si>
    <t>CHAK NO 61 DB</t>
  </si>
  <si>
    <t>63 DB</t>
  </si>
  <si>
    <t>RIAZ AHMAD TAHIR</t>
  </si>
  <si>
    <t>GES CHAK NO. 626/TDA</t>
  </si>
  <si>
    <t>Chak No 626/TDA</t>
  </si>
  <si>
    <t>Chak no 626/tda teshil kot Addu district Muzaffargarh</t>
  </si>
  <si>
    <t>Chak No 632/TDA</t>
  </si>
  <si>
    <t>GES CHAK NO. 63 D</t>
  </si>
  <si>
    <t>63 D</t>
  </si>
  <si>
    <t>Hella Watwan</t>
  </si>
  <si>
    <t>GES CHAK NO. 638/TDA</t>
  </si>
  <si>
    <t>Chak No 638/TDA</t>
  </si>
  <si>
    <t>GES CHAK NO. 64/KB</t>
  </si>
  <si>
    <t>Chak 64 KB</t>
  </si>
  <si>
    <t>chak 64 KB</t>
  </si>
  <si>
    <t>Tanveer Shahzad</t>
  </si>
  <si>
    <t>GES CHAK NO. 65 DB</t>
  </si>
  <si>
    <t>Chak 64DB</t>
  </si>
  <si>
    <t>P/O Ali khel Teh kalour kot District Bhakkar</t>
  </si>
  <si>
    <t>Chak 65 DB</t>
  </si>
  <si>
    <t>Chak63db</t>
  </si>
  <si>
    <t>GUL NAWAZ</t>
  </si>
  <si>
    <t>GES CHAK NO. 7/FW</t>
  </si>
  <si>
    <t>Chak no7/fw</t>
  </si>
  <si>
    <t>Chak no.7/fw syedanwala</t>
  </si>
  <si>
    <t>Chak No7/fw</t>
  </si>
  <si>
    <t>5/fw</t>
  </si>
  <si>
    <t>MUNAWAR HUSSAIN SHAH</t>
  </si>
  <si>
    <t>GES CHAK NO. 7/WB</t>
  </si>
  <si>
    <t>7/WB</t>
  </si>
  <si>
    <t>CHAK NO 7/WB VEHARI</t>
  </si>
  <si>
    <t>01/WB</t>
  </si>
  <si>
    <t>RANA MUHAMMAD TAHIR KHAN</t>
  </si>
  <si>
    <t>GES CHAK NO. 76/F</t>
  </si>
  <si>
    <t>TAIL MURAD - MALE</t>
  </si>
  <si>
    <t>Chak No. 76/F</t>
  </si>
  <si>
    <t>Chak No 76/F</t>
  </si>
  <si>
    <t>Chak No 79/F</t>
  </si>
  <si>
    <t>GES CHAK NO. 77/TDA</t>
  </si>
  <si>
    <t>Maoj Gahrh</t>
  </si>
  <si>
    <t>chak no 77 tda tehsil karor lal eson district layyah</t>
  </si>
  <si>
    <t>#chak 77 Tda</t>
  </si>
  <si>
    <t>90 Ml</t>
  </si>
  <si>
    <t>muhammad sharif</t>
  </si>
  <si>
    <t>GES CHAK NO. 80 TDA</t>
  </si>
  <si>
    <t>chak no 80 tda karor</t>
  </si>
  <si>
    <t>Chak No 80 TDA</t>
  </si>
  <si>
    <t>Haji Imdad Hussain</t>
  </si>
  <si>
    <t>GES CHAK NO. 80/P</t>
  </si>
  <si>
    <t>Chak 80 P</t>
  </si>
  <si>
    <t>GBES CHAK 80 P</t>
  </si>
  <si>
    <t>Mc Tranda Sway Khan</t>
  </si>
  <si>
    <t>Muhammad Sameer</t>
  </si>
  <si>
    <t>GES CHAK NO. 86/ML</t>
  </si>
  <si>
    <t>Chak No.86/ML Tehsil Karor District Layyah</t>
  </si>
  <si>
    <t>86/ML</t>
  </si>
  <si>
    <t>90/ML</t>
  </si>
  <si>
    <t>GES CHAK NO. 89 EB</t>
  </si>
  <si>
    <t>89/eb</t>
  </si>
  <si>
    <t>chak# 89/eb p/o QABULA teh.ARIFWALA  distt pakpattan</t>
  </si>
  <si>
    <t>Mehdi Khan</t>
  </si>
  <si>
    <t>GES CHAK NO. 9</t>
  </si>
  <si>
    <t>Chak No 9</t>
  </si>
  <si>
    <t>chak no 9  , Goze Baksh Pura</t>
  </si>
  <si>
    <t>Chak Raib</t>
  </si>
  <si>
    <t>GES CHAK NO. 9/MPR</t>
  </si>
  <si>
    <t>Chak NO 1-4 MPR</t>
  </si>
  <si>
    <t>GES 9/MPR</t>
  </si>
  <si>
    <t>1-4 MPR</t>
  </si>
  <si>
    <t>JALLAH ARAIN</t>
  </si>
  <si>
    <t>MUHAMMAD SHABIR AHMED</t>
  </si>
  <si>
    <t>GES CHAK NO. 91/WB</t>
  </si>
  <si>
    <t>91/WB</t>
  </si>
  <si>
    <t>GES 91/WB VEHARI MARKAZ CHAKRALA</t>
  </si>
  <si>
    <t>87/WB</t>
  </si>
  <si>
    <t>GES CHAK NO. 94/ML</t>
  </si>
  <si>
    <t>Moj Garh</t>
  </si>
  <si>
    <t>chak no 94 ml</t>
  </si>
  <si>
    <t>94 Ml</t>
  </si>
  <si>
    <t>Muhammad Nouman Habib</t>
  </si>
  <si>
    <t>GES CHAK NO. 96 NB</t>
  </si>
  <si>
    <t>SARGODHA SADAR - MALE</t>
  </si>
  <si>
    <t>96NB</t>
  </si>
  <si>
    <t>96nb sargodha</t>
  </si>
  <si>
    <t>Chak 96 NB</t>
  </si>
  <si>
    <t>Chak 79 NB</t>
  </si>
  <si>
    <t>Tahir Maqsood</t>
  </si>
  <si>
    <t>GES CHAK NO. 96/6-R</t>
  </si>
  <si>
    <t>96/6R</t>
  </si>
  <si>
    <t>Faryad Ali</t>
  </si>
  <si>
    <t>GES CHAK NO. 98/F</t>
  </si>
  <si>
    <t>Chak 98</t>
  </si>
  <si>
    <t>chak 98/F chishtian</t>
  </si>
  <si>
    <t>98/F</t>
  </si>
  <si>
    <t>ghulam mustafa</t>
  </si>
  <si>
    <t>GES CHAK NO.1 HANS P/O KOT MELA RAM</t>
  </si>
  <si>
    <t>1 hans</t>
  </si>
  <si>
    <t>chak no 1 hans p/o kot abbas shaheed district multan</t>
  </si>
  <si>
    <t>Chak 1 Hans</t>
  </si>
  <si>
    <t>Kurri Tamak</t>
  </si>
  <si>
    <t>ZUBAIR AHMAD</t>
  </si>
  <si>
    <t>GES CHAK NO.1 RAKH DHAREMA</t>
  </si>
  <si>
    <t>JHAL CHAKIAN - MALE</t>
  </si>
  <si>
    <t>Chak No 1 Rakh Dharema</t>
  </si>
  <si>
    <t>Chak No 58 NB</t>
  </si>
  <si>
    <t>FAZAL ZAHOOR AHMED</t>
  </si>
  <si>
    <t>GES CHAK NO.1 WB</t>
  </si>
  <si>
    <t>PAKHI MORE-MALE</t>
  </si>
  <si>
    <t>Chak No1/wb</t>
  </si>
  <si>
    <t>chak no 1/wb tehsil &amp; distt: vehari</t>
  </si>
  <si>
    <t>Chak No1/wb Vehari</t>
  </si>
  <si>
    <t>Babur Hussain</t>
  </si>
  <si>
    <t>GES CHAK NO.10 NB</t>
  </si>
  <si>
    <t>QUDRAT ABAD - MALE</t>
  </si>
  <si>
    <t>Chak No 10 NB</t>
  </si>
  <si>
    <t>Muhammad Ijaz</t>
  </si>
  <si>
    <t>GES CHAK NO.10 SB</t>
  </si>
  <si>
    <t>Chak NO 10 SB</t>
  </si>
  <si>
    <t>chak NO 10 SB kot momin</t>
  </si>
  <si>
    <t>Ishfaq Ahmed</t>
  </si>
  <si>
    <t>GES CHAK NO.10 WB</t>
  </si>
  <si>
    <t>10WB</t>
  </si>
  <si>
    <t>chak no. 10 WB</t>
  </si>
  <si>
    <t>Chak No 10 WB</t>
  </si>
  <si>
    <t>16 WB</t>
  </si>
  <si>
    <t>GES CHAK NO.10/1-R (W)</t>
  </si>
  <si>
    <t>Chak No 10/1-R W</t>
  </si>
  <si>
    <t>chak no.  10/1-R (W)</t>
  </si>
  <si>
    <t>Chak no  10/1-R W</t>
  </si>
  <si>
    <t>15/1-R</t>
  </si>
  <si>
    <t>Muhammad Iqbal Hussain</t>
  </si>
  <si>
    <t>GES CHAK NO.10/DRB</t>
  </si>
  <si>
    <t>MITHRA (A) - MALE</t>
  </si>
  <si>
    <t>10 DRB</t>
  </si>
  <si>
    <t>chak 10DRB yazman</t>
  </si>
  <si>
    <t>Chak 10DRB</t>
  </si>
  <si>
    <t>Derawer</t>
  </si>
  <si>
    <t>Muhammad Perrvaiz Akhter</t>
  </si>
  <si>
    <t>GES CHAK NO.100 SB</t>
  </si>
  <si>
    <t>100 SB</t>
  </si>
  <si>
    <t>elementary school chak 100sb sargodha</t>
  </si>
  <si>
    <t>Chak100 Sb</t>
  </si>
  <si>
    <t>Chak 100 Sb</t>
  </si>
  <si>
    <t>Mazhar Ali Khan</t>
  </si>
  <si>
    <t>GES CHAK NO.100/ML</t>
  </si>
  <si>
    <t>98/ML MALE</t>
  </si>
  <si>
    <t>100/ml</t>
  </si>
  <si>
    <t>chak no 100/ml</t>
  </si>
  <si>
    <t>98/ml</t>
  </si>
  <si>
    <t>Azkarullah</t>
  </si>
  <si>
    <t>GES CHAK NO.101 WB</t>
  </si>
  <si>
    <t>Chak No 101/WB</t>
  </si>
  <si>
    <t>chak no 101/W.B, Vehari</t>
  </si>
  <si>
    <t>Chak No 101/WB101/WB</t>
  </si>
  <si>
    <t>Chak No 95/WB</t>
  </si>
  <si>
    <t>GES CHAK NO.101/DNB</t>
  </si>
  <si>
    <t>ADDA 42000 - MALE</t>
  </si>
  <si>
    <t>chak no 101 dnb tehsil yazman</t>
  </si>
  <si>
    <t>Chak 101/DNB</t>
  </si>
  <si>
    <t>Chak No 98/DNB</t>
  </si>
  <si>
    <t>Shahbaz Qasid</t>
  </si>
  <si>
    <t>GES CHAK NO.103 SB</t>
  </si>
  <si>
    <t>Chak 103 sb</t>
  </si>
  <si>
    <t>GES CHAK 103 SB</t>
  </si>
  <si>
    <t>Chak 103 Sb</t>
  </si>
  <si>
    <t>GES CHAK NO.103/DNB</t>
  </si>
  <si>
    <t>chak no 103/dnb tehsil yazman district bwp</t>
  </si>
  <si>
    <t>Chak 103/DNB</t>
  </si>
  <si>
    <t>98/dnb</t>
  </si>
  <si>
    <t>Nadeem Iqbal Javeed</t>
  </si>
  <si>
    <t>GES CHAK NO.105 NB</t>
  </si>
  <si>
    <t>Godhay Wala</t>
  </si>
  <si>
    <t>Chak No 105 NB Sargodha</t>
  </si>
  <si>
    <t>Chak No 105 NB</t>
  </si>
  <si>
    <t>Chak No 104 NB</t>
  </si>
  <si>
    <t>GES CHAK NO.105 SB</t>
  </si>
  <si>
    <t>PULL 111-SB - MALE</t>
  </si>
  <si>
    <t>Chak No 105 SB</t>
  </si>
  <si>
    <t>Chak NO. 105 SB DISTRICT SARGODHA</t>
  </si>
  <si>
    <t>CHAK NO 107 SB</t>
  </si>
  <si>
    <t>Waseem Ahmad</t>
  </si>
  <si>
    <t>GES CHAK NO.105/ML</t>
  </si>
  <si>
    <t>98/Ml</t>
  </si>
  <si>
    <t>Chack No 105/ML Tehsil krore district layyah</t>
  </si>
  <si>
    <t>105/Ml</t>
  </si>
  <si>
    <t>Muhammad irfan ali</t>
  </si>
  <si>
    <t>GES CHAK NO.106 SB</t>
  </si>
  <si>
    <t>GES CHAK 106 S.B SARGODHA</t>
  </si>
  <si>
    <t>Chak 106 SB SGD</t>
  </si>
  <si>
    <t>Chak 107 SB SGD</t>
  </si>
  <si>
    <t>GES CHAK NO.107/DB</t>
  </si>
  <si>
    <t>TAIL WALA - MALE</t>
  </si>
  <si>
    <t>chak#107/DB</t>
  </si>
  <si>
    <t>107/DB</t>
  </si>
  <si>
    <t>106/DB</t>
  </si>
  <si>
    <t>Zahid Qayyum</t>
  </si>
  <si>
    <t>GES CHAK NO.108 NB</t>
  </si>
  <si>
    <t>chak no 108 NB sargodha</t>
  </si>
  <si>
    <t>chak no 108 NB sgd</t>
  </si>
  <si>
    <t>chak no 109 NB sgd</t>
  </si>
  <si>
    <t>GES CHAK NO.108 SB</t>
  </si>
  <si>
    <t>49-NB - MALE</t>
  </si>
  <si>
    <t>Chak No 108 SB</t>
  </si>
  <si>
    <t>chak no 108 SB sgd</t>
  </si>
  <si>
    <t>Chak No 108 Sb</t>
  </si>
  <si>
    <t>Chak No 109 Sb</t>
  </si>
  <si>
    <t>Khalid Sarfraz</t>
  </si>
  <si>
    <t>GES CHAK NO.108/DB</t>
  </si>
  <si>
    <t>GONDAL TOWN - MALE</t>
  </si>
  <si>
    <t>108 Db</t>
  </si>
  <si>
    <t>CHAK NO.108db</t>
  </si>
  <si>
    <t>GES CHAK NO.109/DB</t>
  </si>
  <si>
    <t>PULL TAIL WALA (A) - MALE</t>
  </si>
  <si>
    <t>109/DB</t>
  </si>
  <si>
    <t>chack no 109DB. Tehsil Yazman District Bahawalpur</t>
  </si>
  <si>
    <t>109DB</t>
  </si>
  <si>
    <t>Chack 108DB</t>
  </si>
  <si>
    <t>GES CHAK NO.11 SB</t>
  </si>
  <si>
    <t>Chak 11sb</t>
  </si>
  <si>
    <t>Govt E/S chak 11.sb</t>
  </si>
  <si>
    <t>GES CHAK NO.111/DB</t>
  </si>
  <si>
    <t>Chak no 111/DB</t>
  </si>
  <si>
    <t>Chak 108/DB</t>
  </si>
  <si>
    <t>GES CHAK NO.111/DNB</t>
  </si>
  <si>
    <t>HEADRAJKAN - MALE</t>
  </si>
  <si>
    <t>Chak#111DNB</t>
  </si>
  <si>
    <t>chak#111dnb yazman</t>
  </si>
  <si>
    <t>111dnb</t>
  </si>
  <si>
    <t>36dnb</t>
  </si>
  <si>
    <t>Muhammad Faisal Rashid</t>
  </si>
  <si>
    <t>GES CHAK NO.112 SB</t>
  </si>
  <si>
    <t>Chak No 112 Sb</t>
  </si>
  <si>
    <t>chak no 112 sb</t>
  </si>
  <si>
    <t>Chak No 113 Sb</t>
  </si>
  <si>
    <t>Umar Mushtaq</t>
  </si>
  <si>
    <t>GES CHAK NO.113 SB</t>
  </si>
  <si>
    <t>chak no 113 sb</t>
  </si>
  <si>
    <t>Waseem Akbar</t>
  </si>
  <si>
    <t>GES CHAK NO.116 NB</t>
  </si>
  <si>
    <t>SILLANWALI</t>
  </si>
  <si>
    <t>SHAHEENABAD - MALE</t>
  </si>
  <si>
    <t>Chak No 116 NB</t>
  </si>
  <si>
    <t>116 NB</t>
  </si>
  <si>
    <t>118 NB</t>
  </si>
  <si>
    <t>Muhammad Javed Azam</t>
  </si>
  <si>
    <t>GES CHAK NO.117 SB</t>
  </si>
  <si>
    <t>Chak No 117 SB</t>
  </si>
  <si>
    <t>Mohammad Asad</t>
  </si>
  <si>
    <t>GES CHAK NO.119 SB</t>
  </si>
  <si>
    <t>119 Sb</t>
  </si>
  <si>
    <t>chak no.119 sb</t>
  </si>
  <si>
    <t>120 sb</t>
  </si>
  <si>
    <t>Ali Kamran</t>
  </si>
  <si>
    <t>GES CHAK NO.12 MR MULTAN</t>
  </si>
  <si>
    <t>Chak NO12MR</t>
  </si>
  <si>
    <t>Chak no.12 MR P/O Chak No.18 MR Tehsil Multan Sadar District Multan</t>
  </si>
  <si>
    <t>Chak No18MR</t>
  </si>
  <si>
    <t>Shagufta Nasim</t>
  </si>
  <si>
    <t>GES CHAK NO.120/EB</t>
  </si>
  <si>
    <t>Chak No 120/EB</t>
  </si>
  <si>
    <t>Chak No. 120/EB</t>
  </si>
  <si>
    <t>Chak No 128//EB</t>
  </si>
  <si>
    <t>MUHAMMAD QAISER SHEKEEL</t>
  </si>
  <si>
    <t>GES CHAK NO.122/EB</t>
  </si>
  <si>
    <t>122/EB</t>
  </si>
  <si>
    <t>Chack No 122/EB</t>
  </si>
  <si>
    <t>128/EB</t>
  </si>
  <si>
    <t>M.Akram</t>
  </si>
  <si>
    <t>GES CHAK NO.125/1-L</t>
  </si>
  <si>
    <t>Chak No 125/1L</t>
  </si>
  <si>
    <t>Chak No 125/1.L P/O Bagh O Bahar Teh.khan pur Distt.R.Y.K</t>
  </si>
  <si>
    <t>Bagh O Bahar</t>
  </si>
  <si>
    <t>Hafiz Anees Ur Rehman</t>
  </si>
  <si>
    <t>water coler</t>
  </si>
  <si>
    <t>GES CHAK NO.125/NP QADEEM</t>
  </si>
  <si>
    <t>Chak 125 Np</t>
  </si>
  <si>
    <t>p/o firoza tehsil liaqatpur</t>
  </si>
  <si>
    <t>chak no 125 np jadeed</t>
  </si>
  <si>
    <t>kandani</t>
  </si>
  <si>
    <t>GES CHAK NO.126/M AB</t>
  </si>
  <si>
    <t>126 M</t>
  </si>
  <si>
    <t>126m</t>
  </si>
  <si>
    <t>128 M</t>
  </si>
  <si>
    <t>GES CHAK NO.127/6-R EAST</t>
  </si>
  <si>
    <t>Chak 127/6-R East</t>
  </si>
  <si>
    <t>Chak 132/6R</t>
  </si>
  <si>
    <t>Anwar-ul-Haq</t>
  </si>
  <si>
    <t>GES CHAK NO.128 SB</t>
  </si>
  <si>
    <t>128 SB</t>
  </si>
  <si>
    <t>Chak 128 SB</t>
  </si>
  <si>
    <t>126 SB</t>
  </si>
  <si>
    <t>GES CHAK NO.13 FAIZ</t>
  </si>
  <si>
    <t>ZAREEF SHAHEED - MALE</t>
  </si>
  <si>
    <t>Chak No 13 Faiz</t>
  </si>
  <si>
    <t>Govt Elementary School Chak No. 13 Faiz P/O Kotali Najabat tehsil Shujabad,  Multan.</t>
  </si>
  <si>
    <t>Kotali Najabat</t>
  </si>
  <si>
    <t>GES CHAK NO.13/BC-A</t>
  </si>
  <si>
    <t>chak 13BC</t>
  </si>
  <si>
    <t>chak 13A/BC, tehsil bahawalpur saddar, district bahawalpur</t>
  </si>
  <si>
    <t>Chak 13A-BC</t>
  </si>
  <si>
    <t>Chak 12BC</t>
  </si>
  <si>
    <t>Muhammad Idress</t>
  </si>
  <si>
    <t>GES CHAK NO.13/F.W</t>
  </si>
  <si>
    <t>Chak 13/Fw</t>
  </si>
  <si>
    <t>chak 13/fw hasilpur</t>
  </si>
  <si>
    <t>58/F</t>
  </si>
  <si>
    <t>GES CHAK NO.130 SB</t>
  </si>
  <si>
    <t>SILLANWALI-II - MALE</t>
  </si>
  <si>
    <t>Chak 130 Sb</t>
  </si>
  <si>
    <t>Chak No 130 Sb Tehsil sillanwali sg</t>
  </si>
  <si>
    <t>Chak No 130 Sb</t>
  </si>
  <si>
    <t>Chak132 Sb</t>
  </si>
  <si>
    <t>GES CHAK NO.131 NB</t>
  </si>
  <si>
    <t>SILLANWALI-I - MALE</t>
  </si>
  <si>
    <t>Chak131NB</t>
  </si>
  <si>
    <t>GES 131 NB</t>
  </si>
  <si>
    <t>Chak No131 NB</t>
  </si>
  <si>
    <t>Chak 131NB</t>
  </si>
  <si>
    <t>GES CHAK NO.132 TDA</t>
  </si>
  <si>
    <t>Ges chak.no.132/tda</t>
  </si>
  <si>
    <t>132/tda</t>
  </si>
  <si>
    <t>Chowkazam Rural</t>
  </si>
  <si>
    <t>Tanveer Ahmad</t>
  </si>
  <si>
    <t>GES CHAK NO.135 NB</t>
  </si>
  <si>
    <t>SHAH NIKDAR-II - MALE</t>
  </si>
  <si>
    <t>135NB</t>
  </si>
  <si>
    <t>chak no.135 NB tehsil sillanwali district sargodha</t>
  </si>
  <si>
    <t>Sobhaga</t>
  </si>
  <si>
    <t>Muhammad Zafar ullah</t>
  </si>
  <si>
    <t>GES CHAK NO.135 SB</t>
  </si>
  <si>
    <t>135 Sb</t>
  </si>
  <si>
    <t>135 sb sillanwali sargodha</t>
  </si>
  <si>
    <t>GES CHAK NO.136 NB</t>
  </si>
  <si>
    <t>CHAK NO 136 NB</t>
  </si>
  <si>
    <t>CHAK NO 136 NB SILLANWALI</t>
  </si>
  <si>
    <t>SOBHAGA</t>
  </si>
  <si>
    <t>MUHAMMAD QASIR JAMIL</t>
  </si>
  <si>
    <t>GES CHAK NO.136/DB (W)</t>
  </si>
  <si>
    <t>KHUTREE BANGLOW - MALE</t>
  </si>
  <si>
    <t>136 Db</t>
  </si>
  <si>
    <t>chak 136 db dakhana chak 119 db yazman bwp.</t>
  </si>
  <si>
    <t>Merana</t>
  </si>
  <si>
    <t>GES CHAK NO.138/EB</t>
  </si>
  <si>
    <t>DALLAN BANGLA WEST-MALE</t>
  </si>
  <si>
    <t>ges 138/e.b</t>
  </si>
  <si>
    <t>138/EB</t>
  </si>
  <si>
    <t>148/EB</t>
  </si>
  <si>
    <t>GES CHAK NO.140 SB</t>
  </si>
  <si>
    <t>Chak No140SB</t>
  </si>
  <si>
    <t>chak no 140SB Tehsil Sillanwali District Sargodha</t>
  </si>
  <si>
    <t>Chak No140 SB</t>
  </si>
  <si>
    <t>Chak No138 SB</t>
  </si>
  <si>
    <t>GES CHAK NO.140-A</t>
  </si>
  <si>
    <t>Chak 140/A</t>
  </si>
  <si>
    <t>chak 140/A</t>
  </si>
  <si>
    <t>Chak 46/A</t>
  </si>
  <si>
    <t>muhammad imran liaquat(Ù…Ø­Ù…Ø¯ Ø¹Ù…Ø±Ø§Ù† Ù„ÛŒØ§Ù‚Øª)</t>
  </si>
  <si>
    <t>GES CHAK NO.142 SB</t>
  </si>
  <si>
    <t>Chak No142 SB Sargodha</t>
  </si>
  <si>
    <t>chak no.142 SB sargodha</t>
  </si>
  <si>
    <t>Chak No113 SB Sargodha</t>
  </si>
  <si>
    <t>GES CHAK NO.146 EB</t>
  </si>
  <si>
    <t>146/e.b</t>
  </si>
  <si>
    <t>chak # 146/e.b    city burewala</t>
  </si>
  <si>
    <t>Chak # 146/e.b</t>
  </si>
  <si>
    <t>chak  148/e/b</t>
  </si>
  <si>
    <t>Ijaz Ahemd</t>
  </si>
  <si>
    <t>GES CHAK NO.148/M</t>
  </si>
  <si>
    <t>DAHRAN WALA RD - MALE</t>
  </si>
  <si>
    <t>148/M</t>
  </si>
  <si>
    <t>CHAK NO 148/ M HASILPUR</t>
  </si>
  <si>
    <t>CHAK NO 148/ M</t>
  </si>
  <si>
    <t>CHAK NO 79/ F</t>
  </si>
  <si>
    <t>MUHAMMAD RIAZ TAHIR</t>
  </si>
  <si>
    <t>GES CHAK NO.15 NB</t>
  </si>
  <si>
    <t>PURANA BHALWAL - MALE</t>
  </si>
  <si>
    <t>15 NB</t>
  </si>
  <si>
    <t>chak 15 NB</t>
  </si>
  <si>
    <t>Chak 15 NB</t>
  </si>
  <si>
    <t>Chak No 18NB</t>
  </si>
  <si>
    <t>GES CHAK NO.15/67</t>
  </si>
  <si>
    <t>SYED WALA - MALE</t>
  </si>
  <si>
    <t>Chak no 15/67</t>
  </si>
  <si>
    <t>Chak no 15/67 markz Syedwala teh&amp;dist nankana sahib</t>
  </si>
  <si>
    <t>Chak no 12/68</t>
  </si>
  <si>
    <t>Muhammad Nasir Nadeem</t>
  </si>
  <si>
    <t>GES CHAK NO.150/2-L</t>
  </si>
  <si>
    <t>Chak No 150/2L</t>
  </si>
  <si>
    <t>150/2L</t>
  </si>
  <si>
    <t>MUHAMMAD SHAHZAD ASLAM</t>
  </si>
  <si>
    <t>GES CHAK NO.151 NB</t>
  </si>
  <si>
    <t>SHAH NIKDAR-I - MALE</t>
  </si>
  <si>
    <t>Chak 151 NB</t>
  </si>
  <si>
    <t>Chak No. 151 NB tehsil Sillanwali Sargodha</t>
  </si>
  <si>
    <t>Chak 151 nB</t>
  </si>
  <si>
    <t>Chak152NB</t>
  </si>
  <si>
    <t>Abdussalam Arif</t>
  </si>
  <si>
    <t>GES CHAK NO.152/AB</t>
  </si>
  <si>
    <t>MERANA - MALE</t>
  </si>
  <si>
    <t>87 Bank</t>
  </si>
  <si>
    <t>chak 152 ab yazman</t>
  </si>
  <si>
    <t>Chak 152</t>
  </si>
  <si>
    <t>Syed Zubair Ahmed</t>
  </si>
  <si>
    <t>GES CHAK NO.154 NB</t>
  </si>
  <si>
    <t>Chak No 154 NB</t>
  </si>
  <si>
    <t>Chak  No 154 NB</t>
  </si>
  <si>
    <t>Chak No 152 NB</t>
  </si>
  <si>
    <t>Muhammad Iftikhar Ahmad</t>
  </si>
  <si>
    <t>GES CHAK NO.156/M</t>
  </si>
  <si>
    <t>CHHOONA WALA - MALE</t>
  </si>
  <si>
    <t>Chak156/M</t>
  </si>
  <si>
    <t>chak no 156/M</t>
  </si>
  <si>
    <t>156/M</t>
  </si>
  <si>
    <t>chak79/F</t>
  </si>
  <si>
    <t>GES CHAK NO.159/7-L</t>
  </si>
  <si>
    <t>CHAK 159/7-R</t>
  </si>
  <si>
    <t>CHAK NO 159/7-R CHOLISTAN TEHSIL LIAQUATPUR DISTRICT RAHIM YAR KHAN</t>
  </si>
  <si>
    <t>CHAK NO 159/7-R</t>
  </si>
  <si>
    <t>CHAK 225/1-L ISLAM GARH</t>
  </si>
  <si>
    <t>Nauman khaliq</t>
  </si>
  <si>
    <t>GES CHAK NO.159/WB</t>
  </si>
  <si>
    <t>159 Wb</t>
  </si>
  <si>
    <t>chak no 159 w.b</t>
  </si>
  <si>
    <t>Muhammad Amir Naseer</t>
  </si>
  <si>
    <t>GES CHAK NO.16 DB P/O 15 DB MIANWALI</t>
  </si>
  <si>
    <t>chak no 16 db p/ o 15 db Teh.Piplan Distt.Mianwali</t>
  </si>
  <si>
    <t>Chak No 16 Db</t>
  </si>
  <si>
    <t>MUHAMMAD IRFAN</t>
  </si>
  <si>
    <t>GES CHAK NO.16 SB</t>
  </si>
  <si>
    <t>Chak No 16/SB</t>
  </si>
  <si>
    <t>GES chak No 16/SB</t>
  </si>
  <si>
    <t>Chak No 16/Sb</t>
  </si>
  <si>
    <t>Chak No15/SB</t>
  </si>
  <si>
    <t>Ahmad Munir Zia</t>
  </si>
  <si>
    <t>GES CHAK NO.16/GD</t>
  </si>
  <si>
    <t>16GD</t>
  </si>
  <si>
    <t>16 Gd Okara</t>
  </si>
  <si>
    <t>16Gd</t>
  </si>
  <si>
    <t>14Gd</t>
  </si>
  <si>
    <t>Mushtaq Ali</t>
  </si>
  <si>
    <t>GES CHAK NO.160 NB</t>
  </si>
  <si>
    <t>Chak No 160 NB</t>
  </si>
  <si>
    <t>Chak No 160 NB Sillanwali</t>
  </si>
  <si>
    <t>Chak No 163 NB</t>
  </si>
  <si>
    <t>Sadullah</t>
  </si>
  <si>
    <t>GES CHAK NO.160/NP</t>
  </si>
  <si>
    <t>Chk No 160Np</t>
  </si>
  <si>
    <t>GES Chk No 160Np Teh.Ahmed pur east bahawalpur</t>
  </si>
  <si>
    <t>Qazi Abdul-Rsheed</t>
  </si>
  <si>
    <t>mineral water perches</t>
  </si>
  <si>
    <t>GES CHAK NO.166/167 NB</t>
  </si>
  <si>
    <t>Chak No 166/167 NB tehsil sillanwali district sargodha</t>
  </si>
  <si>
    <t>166/167 NB</t>
  </si>
  <si>
    <t>131 NB</t>
  </si>
  <si>
    <t>Aamir Shahzad</t>
  </si>
  <si>
    <t>GES CHAK NO.167/GB</t>
  </si>
  <si>
    <t>Katarian</t>
  </si>
  <si>
    <t>chak#167 G.B.Tehsil Samundri Distt.Faisalabad</t>
  </si>
  <si>
    <t>Chak#167GB</t>
  </si>
  <si>
    <t>Chak#166GB</t>
  </si>
  <si>
    <t>Imran Ali</t>
  </si>
  <si>
    <t>GES CHAK NO.169 NB</t>
  </si>
  <si>
    <t>chak 169 n.b</t>
  </si>
  <si>
    <t>Chak 169 N.B tehsil sillanwali district sargodha</t>
  </si>
  <si>
    <t>Chak 169 N.B</t>
  </si>
  <si>
    <t>Hameed Ullah</t>
  </si>
  <si>
    <t>GES CHAK NO.17/1-R</t>
  </si>
  <si>
    <t>HND-2-MALE</t>
  </si>
  <si>
    <t>chak no 17/1R</t>
  </si>
  <si>
    <t>chak no 17/1r</t>
  </si>
  <si>
    <t>chak no 20/3r</t>
  </si>
  <si>
    <t>GES CHAK NO.171 TDA</t>
  </si>
  <si>
    <t>Chak No. 171 TDA</t>
  </si>
  <si>
    <t>Chak No. 171 TDA Tehsil &amp; District Layyah</t>
  </si>
  <si>
    <t>chak no. 171 TDA</t>
  </si>
  <si>
    <t>Muhammad Sarwar Alvi</t>
  </si>
  <si>
    <t>GES CHAK NO.171/GB</t>
  </si>
  <si>
    <t>Chak 171 GB Bumboo</t>
  </si>
  <si>
    <t>Chak No 171 GB TESIL SAMMUNDRI FAISALABAD</t>
  </si>
  <si>
    <t>Chak No 171 GB</t>
  </si>
  <si>
    <t>Chak No 170 Qutrowal</t>
  </si>
  <si>
    <t>MOHAMMAD SHABBIR</t>
  </si>
  <si>
    <t>GES CHAK NO.175 TDA</t>
  </si>
  <si>
    <t>chak no 175 tda</t>
  </si>
  <si>
    <t>anarshah</t>
  </si>
  <si>
    <t>Daud Qadir</t>
  </si>
  <si>
    <t>GES CHAK NO.176/GB</t>
  </si>
  <si>
    <t>Peelay Gojran</t>
  </si>
  <si>
    <t>Chak No 176 GB Tehsil Samundri District Faisalabaf</t>
  </si>
  <si>
    <t>Chak 176 GB</t>
  </si>
  <si>
    <t>Chak No 175 GB Mehngra</t>
  </si>
  <si>
    <t>GES CHAK NO.18 NB</t>
  </si>
  <si>
    <t>Chak 18 Nb</t>
  </si>
  <si>
    <t>CHAK NO. 18 NB</t>
  </si>
  <si>
    <t>Chak 18 NB</t>
  </si>
  <si>
    <t>Abid Iqbal</t>
  </si>
  <si>
    <t>GES CHAK NO.18 SB</t>
  </si>
  <si>
    <t>KOT MOMIN EAST-I - MALE</t>
  </si>
  <si>
    <t>Chak no. 18 SB Teh. Kotmomin distt sargodha</t>
  </si>
  <si>
    <t>Chakno 18 Sb</t>
  </si>
  <si>
    <t>Muhammad hayat</t>
  </si>
  <si>
    <t>GES CHAK NO.18 WB</t>
  </si>
  <si>
    <t>Chak No 18/WB Vehari</t>
  </si>
  <si>
    <t>Chak No 18/WB</t>
  </si>
  <si>
    <t>Chak No 16/WB Vehari</t>
  </si>
  <si>
    <t>Shaukat Hussain</t>
  </si>
  <si>
    <t>GES CHAK NO.18/F.W</t>
  </si>
  <si>
    <t>QAIMPUR - MALE</t>
  </si>
  <si>
    <t>Chak#18f.w</t>
  </si>
  <si>
    <t>Chak#18fw</t>
  </si>
  <si>
    <t>Javed Iqbal Shaheen</t>
  </si>
  <si>
    <t>GES CHAK NO.188/WB</t>
  </si>
  <si>
    <t>MITRU - MALE</t>
  </si>
  <si>
    <t>188/WB</t>
  </si>
  <si>
    <t>chak no 188/W.B mailsi vehari</t>
  </si>
  <si>
    <t>GES CHAK NO.19 NB</t>
  </si>
  <si>
    <t>MARI - MALE</t>
  </si>
  <si>
    <t>19 nb sargodha</t>
  </si>
  <si>
    <t>19 Nb</t>
  </si>
  <si>
    <t>Rana Waseem Ashraf</t>
  </si>
  <si>
    <t>GES CHAK NO.19/WB</t>
  </si>
  <si>
    <t>Chak No. 19/wB</t>
  </si>
  <si>
    <t>Chak No.19/WB</t>
  </si>
  <si>
    <t>19 Wb</t>
  </si>
  <si>
    <t>GES CHAK NO.190 EB</t>
  </si>
  <si>
    <t>Chak No 190EB</t>
  </si>
  <si>
    <t>GES190/EB VEHARI</t>
  </si>
  <si>
    <t>190/EB</t>
  </si>
  <si>
    <t>204/EB</t>
  </si>
  <si>
    <t>GES CHAK NO.190 NB TARKOTA</t>
  </si>
  <si>
    <t>190nb</t>
  </si>
  <si>
    <t>chak 190 nb</t>
  </si>
  <si>
    <t>Tirkota</t>
  </si>
  <si>
    <t>Kolowal</t>
  </si>
  <si>
    <t>Muhammad Asjad</t>
  </si>
  <si>
    <t>GES CHAK NO.195 TDA</t>
  </si>
  <si>
    <t>Dagger Shada</t>
  </si>
  <si>
    <t>shehan</t>
  </si>
  <si>
    <t>Shehan</t>
  </si>
  <si>
    <t>Dager Shada</t>
  </si>
  <si>
    <t>GES CHAK NO.2/BC (W)</t>
  </si>
  <si>
    <t>2/BC</t>
  </si>
  <si>
    <t>Chak no. 2bcw tehsil &amp; district BahawalPur</t>
  </si>
  <si>
    <t>Chak No 2/ BC W</t>
  </si>
  <si>
    <t>Chak No 38/BC</t>
  </si>
  <si>
    <t>Muhammad Riaz Ch</t>
  </si>
  <si>
    <t>GES CHAK NO.20 SB</t>
  </si>
  <si>
    <t>Chak No 20 SB</t>
  </si>
  <si>
    <t>Chak No 20 SB Tehsil Kot Momin</t>
  </si>
  <si>
    <t>Chak11 SB</t>
  </si>
  <si>
    <t>GES CHAK NO.20 WB</t>
  </si>
  <si>
    <t>chak # 20/ WB</t>
  </si>
  <si>
    <t>chak # 16/ WB</t>
  </si>
  <si>
    <t>Muhammad Talib</t>
  </si>
  <si>
    <t>GES CHAK NO.201/EB</t>
  </si>
  <si>
    <t>GAGGOO EAST - MALE</t>
  </si>
  <si>
    <t>Chak no 201/eb</t>
  </si>
  <si>
    <t>GES CHAK NO.204 EB</t>
  </si>
  <si>
    <t>204eb</t>
  </si>
  <si>
    <t>chak 204 eb tehsil district vehari</t>
  </si>
  <si>
    <t>Chak 204eb</t>
  </si>
  <si>
    <t>Muhammad Azam-u-Allah</t>
  </si>
  <si>
    <t>GES CHAK NO.21 SB</t>
  </si>
  <si>
    <t>Chak 21 SB</t>
  </si>
  <si>
    <t>GES CHAK NO 21 SB TEH KOTMOMAN DISTT SARGODHA</t>
  </si>
  <si>
    <t>Chak No 21 SB</t>
  </si>
  <si>
    <t>Chak no 11 SB</t>
  </si>
  <si>
    <t>GES CHAK NO.212 EB</t>
  </si>
  <si>
    <t>CHAK NO 212/EB</t>
  </si>
  <si>
    <t>CHAK NO 212/EB VEHARI</t>
  </si>
  <si>
    <t>212/EB</t>
  </si>
  <si>
    <t>FATEH SHER</t>
  </si>
  <si>
    <t>GES CHAK NO.212/9-R</t>
  </si>
  <si>
    <t>FTS-VIII-MALE</t>
  </si>
  <si>
    <t>212/9-R</t>
  </si>
  <si>
    <t>chak no.212/9.r tehsil Fortabbas Distt  Bahawalnagar</t>
  </si>
  <si>
    <t>Chak No212 /9 R</t>
  </si>
  <si>
    <t>Chak No 226/9 R</t>
  </si>
  <si>
    <t>GES CHAK NO.213/EB</t>
  </si>
  <si>
    <t>SHAH JUNAID - MALE</t>
  </si>
  <si>
    <t>213EB</t>
  </si>
  <si>
    <t>Chak No.213/EB Burewala District Vehari</t>
  </si>
  <si>
    <t>215/EB</t>
  </si>
  <si>
    <t>Tahir Mehmood</t>
  </si>
  <si>
    <t>GES CHAK NO.214 EB</t>
  </si>
  <si>
    <t>214/EB</t>
  </si>
  <si>
    <t>chak no 214/EB</t>
  </si>
  <si>
    <t>GES CHAK NO.218/TDA</t>
  </si>
  <si>
    <t>93/ML MALE</t>
  </si>
  <si>
    <t>Mog garh</t>
  </si>
  <si>
    <t>Chak no 218/tda p/o 219/tda</t>
  </si>
  <si>
    <t>Chak no 218/tda</t>
  </si>
  <si>
    <t>93 ML</t>
  </si>
  <si>
    <t>Muhammad Aslam Bhati</t>
  </si>
  <si>
    <t>GES CHAK NO.22 SB</t>
  </si>
  <si>
    <t>BHAGTAN WALA - MALE</t>
  </si>
  <si>
    <t>chak no 22 sb</t>
  </si>
  <si>
    <t>chak 22 sb</t>
  </si>
  <si>
    <t>chak 24 sb</t>
  </si>
  <si>
    <t>GES CHAK NO.22/DNB</t>
  </si>
  <si>
    <t>Chak No 22/DNB Yazman Bahawapur</t>
  </si>
  <si>
    <t>Chak No 22/DNB</t>
  </si>
  <si>
    <t>Muhammad Amjad</t>
  </si>
  <si>
    <t>GES CHAK NO.223-A/TDA</t>
  </si>
  <si>
    <t>SHAUKAT ABAD - MALE</t>
  </si>
  <si>
    <t>moj garh</t>
  </si>
  <si>
    <t>chak no.223-a/tda teh.kakor distt. layyah</t>
  </si>
  <si>
    <t>223-A/TDA</t>
  </si>
  <si>
    <t>shoukat abad</t>
  </si>
  <si>
    <t>Imtiaz Akhtar</t>
  </si>
  <si>
    <t>GES CHAK NO.225 EB</t>
  </si>
  <si>
    <t>GAGGOO WEST-MALE</t>
  </si>
  <si>
    <t>225/EB</t>
  </si>
  <si>
    <t>chak no 225/E.B Gaggoo Burewala</t>
  </si>
  <si>
    <t>Gaggoo</t>
  </si>
  <si>
    <t>GES CHAK NO.226/TDA</t>
  </si>
  <si>
    <t>CHAK NO.226tda</t>
  </si>
  <si>
    <t>CHAK NO226tda</t>
  </si>
  <si>
    <t>Shaukat Abad</t>
  </si>
  <si>
    <t>Zahoor Hussain</t>
  </si>
  <si>
    <t>GES CHAK NO.229/GB</t>
  </si>
  <si>
    <t>GES229gb</t>
  </si>
  <si>
    <t>229gb</t>
  </si>
  <si>
    <t>277gb</t>
  </si>
  <si>
    <t>IFTIKHAR HUSSAIN</t>
  </si>
  <si>
    <t>GES CHAK NO.23 A-SB</t>
  </si>
  <si>
    <t>Chak No 23asb</t>
  </si>
  <si>
    <t>chak No 23asb</t>
  </si>
  <si>
    <t>Bhagtanwala</t>
  </si>
  <si>
    <t>Ahmad Yar</t>
  </si>
  <si>
    <t>GES CHAK NO.23 WB</t>
  </si>
  <si>
    <t>CHAK NO 23/WB TEHSIL &amp; DISTRICT VEHARI</t>
  </si>
  <si>
    <t>23/wB</t>
  </si>
  <si>
    <t>CHAK NO 15/WB</t>
  </si>
  <si>
    <t>muhammad mukhtar</t>
  </si>
  <si>
    <t>GES CHAK NO.234/TDA</t>
  </si>
  <si>
    <t>Rakh Moj Garh</t>
  </si>
  <si>
    <t>Chak 234 tda tehsil karor district layyah</t>
  </si>
  <si>
    <t>234/TDA</t>
  </si>
  <si>
    <t>GES CHAK NO.24 SB</t>
  </si>
  <si>
    <t>Chak No 24 Sb</t>
  </si>
  <si>
    <t>Chak No 24 sb</t>
  </si>
  <si>
    <t>GES CHAK NO.25 SB</t>
  </si>
  <si>
    <t>Chak No 25 SB</t>
  </si>
  <si>
    <t>Govt . GES chak no 25 SB bhagtanwala Sargodha</t>
  </si>
  <si>
    <t>Muhammad Murtaza</t>
  </si>
  <si>
    <t>GES CHAK NO.259/EB</t>
  </si>
  <si>
    <t>GES CHAK NO.26 SB</t>
  </si>
  <si>
    <t>ANWAR ABAD - MALE</t>
  </si>
  <si>
    <t>Chak No 26 Sb</t>
  </si>
  <si>
    <t>chak No 26 sb</t>
  </si>
  <si>
    <t>GES CHAK NO.261/EB</t>
  </si>
  <si>
    <t>261/EB</t>
  </si>
  <si>
    <t>Chak No. 261/EB Burewala</t>
  </si>
  <si>
    <t>447/EB</t>
  </si>
  <si>
    <t>GES CHAK NO.265 EB</t>
  </si>
  <si>
    <t>JAMLERA - MALE</t>
  </si>
  <si>
    <t>GES 265/e.b burewala</t>
  </si>
  <si>
    <t>Muhammad  Anwar</t>
  </si>
  <si>
    <t>GES CHAK NO.267 EB</t>
  </si>
  <si>
    <t>267EB</t>
  </si>
  <si>
    <t>Chak No.267/EB,Burewala</t>
  </si>
  <si>
    <t>RANA EJAZ HUSSAIN</t>
  </si>
  <si>
    <t>GES CHAK NO.287 EB</t>
  </si>
  <si>
    <t>GES 287/E.B Burewala</t>
  </si>
  <si>
    <t>287/EB</t>
  </si>
  <si>
    <t>287/E.B</t>
  </si>
  <si>
    <t>MUBARIK ALI</t>
  </si>
  <si>
    <t>GES CHAK NO.297 EB</t>
  </si>
  <si>
    <t>297EB</t>
  </si>
  <si>
    <t>G.ES 297/e.b</t>
  </si>
  <si>
    <t>297/EB</t>
  </si>
  <si>
    <t>305/EB</t>
  </si>
  <si>
    <t>GES CHAK NO.3 WB</t>
  </si>
  <si>
    <t>Chak No.3/WB East</t>
  </si>
  <si>
    <t>Chak No 3/WB East</t>
  </si>
  <si>
    <t>Chak No 1/WB</t>
  </si>
  <si>
    <t>Filtration plant</t>
  </si>
  <si>
    <t>GES CHAK NO.30 SB</t>
  </si>
  <si>
    <t>chak 30 sb sargodha</t>
  </si>
  <si>
    <t>Chak 30 Sb</t>
  </si>
  <si>
    <t>Chak No 30 Sb</t>
  </si>
  <si>
    <t>GES CHAK NO.307/EB</t>
  </si>
  <si>
    <t>307/EB</t>
  </si>
  <si>
    <t>GES 307/EB Burewala</t>
  </si>
  <si>
    <t>Abdul Shaqur</t>
  </si>
  <si>
    <t>GES CHAK NO.31 SB</t>
  </si>
  <si>
    <t>Chak No 31 SB</t>
  </si>
  <si>
    <t>Chak No 31SB Sargodha</t>
  </si>
  <si>
    <t>Chak No 30 SB</t>
  </si>
  <si>
    <t>GES CHAK NO.311 EB</t>
  </si>
  <si>
    <t>chak no.311/E.B tehsil Burewala District Vehari</t>
  </si>
  <si>
    <t>311/EB</t>
  </si>
  <si>
    <t>317/EB</t>
  </si>
  <si>
    <t>GES CHAK NO.315 EB</t>
  </si>
  <si>
    <t>chak no 315 Tehsil Burewala District vehari</t>
  </si>
  <si>
    <t>chak no 315/EB BUREWALA</t>
  </si>
  <si>
    <t>Dewan sahib</t>
  </si>
  <si>
    <t>GES CHAK NO.315 TDA</t>
  </si>
  <si>
    <t>CHAK NO. 309/TDA MALE</t>
  </si>
  <si>
    <t>Chak No.315/TDA Tehseil Chaubara district Layyah</t>
  </si>
  <si>
    <t>Chak No 315/TDA</t>
  </si>
  <si>
    <t>Jamal Chapri</t>
  </si>
  <si>
    <t>Muhammad Ramzan Tahir</t>
  </si>
  <si>
    <t>GES CHAK NO.317/EB</t>
  </si>
  <si>
    <t>FATEH SHAH - MALE</t>
  </si>
  <si>
    <t>Dewan Sahib</t>
  </si>
  <si>
    <t>chak no.317/EB</t>
  </si>
  <si>
    <t>GES CHAK NO.32 SB</t>
  </si>
  <si>
    <t>Chak No 32 SB</t>
  </si>
  <si>
    <t>chak no 32 SB tehsil &amp; district sargodha</t>
  </si>
  <si>
    <t>Chak No 33 SB</t>
  </si>
  <si>
    <t>Mohsan Mehmood</t>
  </si>
  <si>
    <t>GES CHAK NO.325/EB</t>
  </si>
  <si>
    <t>chak no 325 EB burewala</t>
  </si>
  <si>
    <t>327/EB</t>
  </si>
  <si>
    <t>Abdul Qayyuom</t>
  </si>
  <si>
    <t>GES CHAK NO.33 TDA</t>
  </si>
  <si>
    <t>Chak No 33 TDA</t>
  </si>
  <si>
    <t>Dagger Olakh</t>
  </si>
  <si>
    <t>Bashir Hussain</t>
  </si>
  <si>
    <t>GES CHAK NO.33/BC ( W )</t>
  </si>
  <si>
    <t>Chack No 33 /bc</t>
  </si>
  <si>
    <t>chack no 33bc (w)</t>
  </si>
  <si>
    <t>Chack No 33/bc</t>
  </si>
  <si>
    <t>Abas Nagger</t>
  </si>
  <si>
    <t>Saeed Ahmed Abbasi</t>
  </si>
  <si>
    <t>GES CHAK NO.34 NB</t>
  </si>
  <si>
    <t>Chak No 34 NB</t>
  </si>
  <si>
    <t>syed Akraam Ul Hasan Shah</t>
  </si>
  <si>
    <t>GES CHAK NO.35/F</t>
  </si>
  <si>
    <t>Akhtar Ali Rafiqi</t>
  </si>
  <si>
    <t>GES CHAK NO.36 NB</t>
  </si>
  <si>
    <t>36NB</t>
  </si>
  <si>
    <t>Chak no.36 NB</t>
  </si>
  <si>
    <t>36 NB</t>
  </si>
  <si>
    <t>Anees Ur Rehman</t>
  </si>
  <si>
    <t>GES CHAK NO.36 TDA</t>
  </si>
  <si>
    <t>Kamal THAHEEM</t>
  </si>
  <si>
    <t>GES Chak No. 36 TDA Bhakkar</t>
  </si>
  <si>
    <t>36 TDA</t>
  </si>
  <si>
    <t>Dagar Rehtas</t>
  </si>
  <si>
    <t>GES CHAK NO.369-A TDA</t>
  </si>
  <si>
    <t>JAMAL CHAPRI II-MALE</t>
  </si>
  <si>
    <t>Rafiqaabad</t>
  </si>
  <si>
    <t>chak no 369Atda post office rafiqaabad</t>
  </si>
  <si>
    <t>369TDA</t>
  </si>
  <si>
    <t>Muhammad Salem</t>
  </si>
  <si>
    <t>GES CHAK NO.37 SB</t>
  </si>
  <si>
    <t>37 Sb</t>
  </si>
  <si>
    <t>Chak no 37 sb Sargodha</t>
  </si>
  <si>
    <t>36 SB</t>
  </si>
  <si>
    <t>GES CHAK NO.378 TDA</t>
  </si>
  <si>
    <t>Chak No 378</t>
  </si>
  <si>
    <t>chak No 378/TDA</t>
  </si>
  <si>
    <t>Chak No 378/TDA</t>
  </si>
  <si>
    <t>Saharan</t>
  </si>
  <si>
    <t>GES CHAK NO.392/GB</t>
  </si>
  <si>
    <t>Chak No 392 gb</t>
  </si>
  <si>
    <t>chak no 392 gb</t>
  </si>
  <si>
    <t>416 gb</t>
  </si>
  <si>
    <t>Muhammad Sajjad</t>
  </si>
  <si>
    <t>GES CHAK NO.4 SB</t>
  </si>
  <si>
    <t>Chak No 4 SB</t>
  </si>
  <si>
    <t>Govt. E/S Chak No.4 SB</t>
  </si>
  <si>
    <t>Deowal</t>
  </si>
  <si>
    <t>Safdar Mehmood</t>
  </si>
  <si>
    <t>GES CHAK NO.4/DRB</t>
  </si>
  <si>
    <t>ADDA MUKDI (A) - MALE</t>
  </si>
  <si>
    <t>4/DRB</t>
  </si>
  <si>
    <t>chak no 4/DRB Teh Yazman Dist bhawalpur</t>
  </si>
  <si>
    <t>Chak No 4/DRB</t>
  </si>
  <si>
    <t>Channan Peer</t>
  </si>
  <si>
    <t>GES CHAK NO.4/G</t>
  </si>
  <si>
    <t>Basti Bhatian Wali</t>
  </si>
  <si>
    <t>Basti bhatian walk Chak 4/G</t>
  </si>
  <si>
    <t>Chak No 4/G</t>
  </si>
  <si>
    <t>Akhtar Mahmood Shaheen</t>
  </si>
  <si>
    <t>GES CHAK NO.405 EB</t>
  </si>
  <si>
    <t>405/EB</t>
  </si>
  <si>
    <t>chak no. 405/EB Burewala</t>
  </si>
  <si>
    <t>403eb</t>
  </si>
  <si>
    <t>Tariq Mahmood Asif</t>
  </si>
  <si>
    <t>GES CHAK NO.41 NB</t>
  </si>
  <si>
    <t>41 nb</t>
  </si>
  <si>
    <t>Chak 41 nb tehsil and district sargodha</t>
  </si>
  <si>
    <t>Chak 41 Nb</t>
  </si>
  <si>
    <t>Chak 40 Nb</t>
  </si>
  <si>
    <t>Bashir Ahmad Malik</t>
  </si>
  <si>
    <t>GES CHAK NO.42 M</t>
  </si>
  <si>
    <t>42m</t>
  </si>
  <si>
    <t>chak 42m tensile and District  lodhran</t>
  </si>
  <si>
    <t>Muhammad Idrees</t>
  </si>
  <si>
    <t>GES CHAK NO.435 EB</t>
  </si>
  <si>
    <t>435/EB</t>
  </si>
  <si>
    <t>CHAK NO 435/EB BUREWALA</t>
  </si>
  <si>
    <t>Ward No 29</t>
  </si>
  <si>
    <t>GES CHAK NO.44 M</t>
  </si>
  <si>
    <t>Chak No 44 M</t>
  </si>
  <si>
    <t>Chak no 44 M</t>
  </si>
  <si>
    <t>Seraj Wala</t>
  </si>
  <si>
    <t>GES CHAK NO.443 TDA</t>
  </si>
  <si>
    <t>443/TDA</t>
  </si>
  <si>
    <t>Chak No.443 TDA Choubara Layyah</t>
  </si>
  <si>
    <t>Chak 443TDA</t>
  </si>
  <si>
    <t>Saharan 452 TDA</t>
  </si>
  <si>
    <t>Ghulam Qasim Mazhar</t>
  </si>
  <si>
    <t>GES CHAK NO.444/GB</t>
  </si>
  <si>
    <t>SAMMUNDRI 2 - MALE</t>
  </si>
  <si>
    <t>chak no. 444 gb</t>
  </si>
  <si>
    <t>chak No 444 gB Tehsil Samundri</t>
  </si>
  <si>
    <t>Chak No 444 GB</t>
  </si>
  <si>
    <t>Chak No. 442 GB</t>
  </si>
  <si>
    <t>GES CHAK NO.447/EB</t>
  </si>
  <si>
    <t>CHAK NO.447/E.B BUREWALA</t>
  </si>
  <si>
    <t>447/E.B</t>
  </si>
  <si>
    <t>CHAK NO 447/E.B</t>
  </si>
  <si>
    <t>Ali Gohar</t>
  </si>
  <si>
    <t>GES CHAK NO.45/DNB</t>
  </si>
  <si>
    <t>Chak No 45 Yazman</t>
  </si>
  <si>
    <t>chak no 45 DNB yazman</t>
  </si>
  <si>
    <t>Chak No 45/DNB Yazman</t>
  </si>
  <si>
    <t>Chak No 47 Dnb</t>
  </si>
  <si>
    <t>GES CHAK NO.450/GB</t>
  </si>
  <si>
    <t>Chak No 450 Gb</t>
  </si>
  <si>
    <t>Chak No 450 G.B</t>
  </si>
  <si>
    <t>Chak No 396 G.B</t>
  </si>
  <si>
    <t>GES CHAK NO.46</t>
  </si>
  <si>
    <t>Chak46</t>
  </si>
  <si>
    <t>village:chak46,Tehsil:Malakwal,District:Mandi Bahauddin</t>
  </si>
  <si>
    <t>Chak 46</t>
  </si>
  <si>
    <t>Barmusa</t>
  </si>
  <si>
    <t>Zahid Hussain Nadeem</t>
  </si>
  <si>
    <t>GES CHAK NO.46 NB</t>
  </si>
  <si>
    <t>Chak 46 NB</t>
  </si>
  <si>
    <t>46 Nb</t>
  </si>
  <si>
    <t>46 NB</t>
  </si>
  <si>
    <t>Rana Muhammad Ramzan</t>
  </si>
  <si>
    <t>water tank from outside</t>
  </si>
  <si>
    <t>GES CHAK NO.461/EB</t>
  </si>
  <si>
    <t>chak 461 EB Burewala vehari</t>
  </si>
  <si>
    <t>461 Eb</t>
  </si>
  <si>
    <t>Chak 447 EB</t>
  </si>
  <si>
    <t>GES CHAK NO.463 EB</t>
  </si>
  <si>
    <t>MASOOM SHAH - MALE</t>
  </si>
  <si>
    <t>463EB</t>
  </si>
  <si>
    <t>CHAK NO 463/EB</t>
  </si>
  <si>
    <t>CHAK NO 447/EB</t>
  </si>
  <si>
    <t>Muhammad  Riaz</t>
  </si>
  <si>
    <t>GES CHAK NO.465 TDA</t>
  </si>
  <si>
    <t>Chak no. 465/tda</t>
  </si>
  <si>
    <t>465/tda</t>
  </si>
  <si>
    <t>Abdul Khalid</t>
  </si>
  <si>
    <t>GES CHAK NO.47/DB (NORTH) YAZMAN</t>
  </si>
  <si>
    <t>ADDA CHAK NO. 42/DB - MALE</t>
  </si>
  <si>
    <t>Chak NO .47/DB NORTH</t>
  </si>
  <si>
    <t>47/DB North</t>
  </si>
  <si>
    <t>Chak No  68/DB</t>
  </si>
  <si>
    <t>Kashif Minhas</t>
  </si>
  <si>
    <t>GES CHAK NO.473 TDA</t>
  </si>
  <si>
    <t>CHAK NO. 473/TDA MALE</t>
  </si>
  <si>
    <t>CHAK NO.473 TDA</t>
  </si>
  <si>
    <t>CHAK NO.473</t>
  </si>
  <si>
    <t>.452TDA</t>
  </si>
  <si>
    <t>GES CHAK NO.48 NB</t>
  </si>
  <si>
    <t>Chak No 48 Nb</t>
  </si>
  <si>
    <t>chak no 48 nb</t>
  </si>
  <si>
    <t>48 Nb</t>
  </si>
  <si>
    <t>Cant 10</t>
  </si>
  <si>
    <t>GES CHAK NO.482/GB</t>
  </si>
  <si>
    <t>Jugranwan</t>
  </si>
  <si>
    <t>Chak No.482 GB</t>
  </si>
  <si>
    <t>Chak 482 GB</t>
  </si>
  <si>
    <t>484 GB</t>
  </si>
  <si>
    <t>muhammad javed tabasam</t>
  </si>
  <si>
    <t>GES CHAK NO.483/EB</t>
  </si>
  <si>
    <t>Chak No.483/EB Burewala</t>
  </si>
  <si>
    <t>483/EB</t>
  </si>
  <si>
    <t>Chak No 495/EB</t>
  </si>
  <si>
    <t>GES CHAK NO.486/GB</t>
  </si>
  <si>
    <t>Chak no 486GB</t>
  </si>
  <si>
    <t>GES486GB</t>
  </si>
  <si>
    <t>Chak no 486 GB</t>
  </si>
  <si>
    <t>Chak no 484 GB</t>
  </si>
  <si>
    <t>M Shakoor</t>
  </si>
  <si>
    <t>GES CHAK NO.49 NB</t>
  </si>
  <si>
    <t>Chak No 49 NB</t>
  </si>
  <si>
    <t>chak No.49 NB sargodha</t>
  </si>
  <si>
    <t>Cantt</t>
  </si>
  <si>
    <t>Syed Azwar Abbas</t>
  </si>
  <si>
    <t>GES CHAK NO.49 TDA</t>
  </si>
  <si>
    <t>Chak No 49 Tda</t>
  </si>
  <si>
    <t>49 tda  Bhakkar</t>
  </si>
  <si>
    <t>Chak no 49 Tda</t>
  </si>
  <si>
    <t>Chak No  45 Tda</t>
  </si>
  <si>
    <t>Allah Bakhsh</t>
  </si>
  <si>
    <t>GES CHAK NO.49 WB</t>
  </si>
  <si>
    <t>Chak No 49 Wb</t>
  </si>
  <si>
    <t>CHAK NO.49/WB VEHARI</t>
  </si>
  <si>
    <t>CHAK NO.53/WB VEHARI</t>
  </si>
  <si>
    <t>GES CHAK NO.49/DB (E)</t>
  </si>
  <si>
    <t>ADDA SOKAR MINNAR - MALE</t>
  </si>
  <si>
    <t>Chak No. 49/DB East Tehsil Yazman Distt. Bahawalpur</t>
  </si>
  <si>
    <t>Chak No 49/DB East</t>
  </si>
  <si>
    <t>Chak 68/DB</t>
  </si>
  <si>
    <t>GES CHAK NO.497/EB</t>
  </si>
  <si>
    <t>497/eb</t>
  </si>
  <si>
    <t>G E S              497/end burewala.</t>
  </si>
  <si>
    <t>Chak No 497/eb</t>
  </si>
  <si>
    <t>425/eb</t>
  </si>
  <si>
    <t>Muhammad Aslam Saleem</t>
  </si>
  <si>
    <t>GES CHAK NO.497/GB</t>
  </si>
  <si>
    <t>497 GB</t>
  </si>
  <si>
    <t>chak No 497 GB MAMUNKANJAN</t>
  </si>
  <si>
    <t>497 Gb</t>
  </si>
  <si>
    <t>Mc Mamunkanjan</t>
  </si>
  <si>
    <t>GHULAM MURTAZA</t>
  </si>
  <si>
    <t>GES CHAK NO.5 WB</t>
  </si>
  <si>
    <t>Chak No 5/wb</t>
  </si>
  <si>
    <t>Chak no 5/wb P/O 5/wb tehsil &amp; district vehari</t>
  </si>
  <si>
    <t>Chalk No 5/wb</t>
  </si>
  <si>
    <t>Chak No 1/wb</t>
  </si>
  <si>
    <t>GES CHAK NO.5/BC</t>
  </si>
  <si>
    <t>Chak 5/bc</t>
  </si>
  <si>
    <t>Govt.Elementary school chak 5bc</t>
  </si>
  <si>
    <t>Chak 5bc</t>
  </si>
  <si>
    <t>Chak 4bc</t>
  </si>
  <si>
    <t>GES CHAK NO.5/DNB</t>
  </si>
  <si>
    <t>Chak No 5 DNB</t>
  </si>
  <si>
    <t>chak no 5 dnb p/o box head rajkan tehsil yazman distt. bahawalpur</t>
  </si>
  <si>
    <t>Chak No 6 DNB</t>
  </si>
  <si>
    <t>M Riaz Shahid</t>
  </si>
  <si>
    <t>GES CHAK NO.50/DB (W)</t>
  </si>
  <si>
    <t>Chak 50 db west yazman district bahawalpur.</t>
  </si>
  <si>
    <t>Chak No 50 DB West</t>
  </si>
  <si>
    <t>50 DB</t>
  </si>
  <si>
    <t>SHAKEEL AHMAD</t>
  </si>
  <si>
    <t>GES CHAK NO.501/GB</t>
  </si>
  <si>
    <t>MAMUNKANJAN-II - MALE</t>
  </si>
  <si>
    <t>Chak No 501 Gb Mamunkanjan</t>
  </si>
  <si>
    <t>chak no 501gb Mamunkanjan Tehsil tandlianwala</t>
  </si>
  <si>
    <t>501gb Mamunkanjan</t>
  </si>
  <si>
    <t>Chak 558 gb</t>
  </si>
  <si>
    <t>Khuda Yar</t>
  </si>
  <si>
    <t>GES CHAK NO.509/EB</t>
  </si>
  <si>
    <t>509/EB</t>
  </si>
  <si>
    <t>Chak No 509/EB Burewala</t>
  </si>
  <si>
    <t>Chak No 509/EB</t>
  </si>
  <si>
    <t>521/EB</t>
  </si>
  <si>
    <t>Riaz Ul Hassan Shahid</t>
  </si>
  <si>
    <t>GES CHAK NO.514/GB</t>
  </si>
  <si>
    <t>Chak no  514gb</t>
  </si>
  <si>
    <t>chak no . 514gb mamunkanjan Teh tandlianwala district fsd</t>
  </si>
  <si>
    <t>Chak No 514gb</t>
  </si>
  <si>
    <t>SAEED AKHTER</t>
  </si>
  <si>
    <t>GES CHAK NO.52 DB</t>
  </si>
  <si>
    <t>RAHDARI (MALE)</t>
  </si>
  <si>
    <t>Check No 52DB</t>
  </si>
  <si>
    <t>chak no52db</t>
  </si>
  <si>
    <t>Chak No 52 Db</t>
  </si>
  <si>
    <t>Rahdari</t>
  </si>
  <si>
    <t>HAFIZ MUHAMMAD QASIM</t>
  </si>
  <si>
    <t>GES CHAK NO.52 SB</t>
  </si>
  <si>
    <t>CHAK NO 52 SB TEHSILE  DISTRICT SARGODHA</t>
  </si>
  <si>
    <t>GES CHAK NO.52/WB</t>
  </si>
  <si>
    <t>52/wb East</t>
  </si>
  <si>
    <t>chak no.52/wb east</t>
  </si>
  <si>
    <t>52/wb</t>
  </si>
  <si>
    <t>Muhammad Akram Rana</t>
  </si>
  <si>
    <t>GES CHAK NO.521 TDA</t>
  </si>
  <si>
    <t>NOOR SHAH-II- MALE</t>
  </si>
  <si>
    <t>Chak No 521TDA</t>
  </si>
  <si>
    <t>Ishfaq Hussain</t>
  </si>
  <si>
    <t>GES CHAK NO.521/EB</t>
  </si>
  <si>
    <t>521/eb</t>
  </si>
  <si>
    <t>Chak No.521/EB, Burewala</t>
  </si>
  <si>
    <t>Chak No 521/EB</t>
  </si>
  <si>
    <t>Farooq Azam</t>
  </si>
  <si>
    <t>GES CHAK NO.527 EB</t>
  </si>
  <si>
    <t>Chak No 527/EB</t>
  </si>
  <si>
    <t>Chak 527/EB</t>
  </si>
  <si>
    <t>GES CHAK NO.53 GB JARANWALA</t>
  </si>
  <si>
    <t>AWAGAT - MALE</t>
  </si>
  <si>
    <t>Chak No 53 GB</t>
  </si>
  <si>
    <t>chak 53 gb jaranwala</t>
  </si>
  <si>
    <t>Chak 55 GB</t>
  </si>
  <si>
    <t>MAQSOOD AHMAD</t>
  </si>
  <si>
    <t>GES CHAK NO.53 NB</t>
  </si>
  <si>
    <t>53 Nb</t>
  </si>
  <si>
    <t>Govt E/S 53 Nb Sargodha</t>
  </si>
  <si>
    <t>53Nb</t>
  </si>
  <si>
    <t>Luday Wala</t>
  </si>
  <si>
    <t>Atta Ur Rahman</t>
  </si>
  <si>
    <t>GES CHAK NO.53 TDA</t>
  </si>
  <si>
    <t>CHAK NO 53TDA</t>
  </si>
  <si>
    <t>GES CHAK NO 53TDA TEHSIL AND DISTRICT BHAKKAR</t>
  </si>
  <si>
    <t>CHAK NO 57TDA</t>
  </si>
  <si>
    <t>Mushtaq Ahmed Mujahid</t>
  </si>
  <si>
    <t>GES CHAK NO.531 TDA</t>
  </si>
  <si>
    <t>Chak No  531tda</t>
  </si>
  <si>
    <t>chak number 531tda</t>
  </si>
  <si>
    <t>Chak Nomber 531 Tda</t>
  </si>
  <si>
    <t>Reyaz Abad</t>
  </si>
  <si>
    <t>GES CHAK NO.541/GB</t>
  </si>
  <si>
    <t>Tarhana No</t>
  </si>
  <si>
    <t>Chak no 541 gb, tehsil tandlianwala, district faisalabad</t>
  </si>
  <si>
    <t>Chakianwala 541 Gb 2</t>
  </si>
  <si>
    <t>Chak No 455 Gb</t>
  </si>
  <si>
    <t>fahad naeem</t>
  </si>
  <si>
    <t>filtered water cane</t>
  </si>
  <si>
    <t>GES CHAK NO.569 EB</t>
  </si>
  <si>
    <t>569/eb</t>
  </si>
  <si>
    <t>chak no 569/eb teh and dist vehari</t>
  </si>
  <si>
    <t>561/eb</t>
  </si>
  <si>
    <t>GES CHAK NO.571 EB</t>
  </si>
  <si>
    <t>571/EB</t>
  </si>
  <si>
    <t>571/EB Vehari</t>
  </si>
  <si>
    <t>561/EB</t>
  </si>
  <si>
    <t>Munir Ahmad Javed</t>
  </si>
  <si>
    <t>GES CHAK NO.58 NB</t>
  </si>
  <si>
    <t>chak no 58 nb</t>
  </si>
  <si>
    <t>58 Nb</t>
  </si>
  <si>
    <t>Chak No 58 Nb</t>
  </si>
  <si>
    <t>GES CHAK NO.59 SB</t>
  </si>
  <si>
    <t>Chak No 59 SB</t>
  </si>
  <si>
    <t>GES CHAK NO 59 SB</t>
  </si>
  <si>
    <t>Chak 59 SB</t>
  </si>
  <si>
    <t>Chak 58 ASB</t>
  </si>
  <si>
    <t>Muddasir Rasool</t>
  </si>
  <si>
    <t>GES CHAK NO.6/BC</t>
  </si>
  <si>
    <t>Chak No 6 Bc</t>
  </si>
  <si>
    <t>chak no 6/bc</t>
  </si>
  <si>
    <t>Chak 6 Bc</t>
  </si>
  <si>
    <t>Chak No 4bc</t>
  </si>
  <si>
    <t>Arif Mukhtar</t>
  </si>
  <si>
    <t>GES CHAK NO.601/GB</t>
  </si>
  <si>
    <t>BAHLAK 1 - MALE</t>
  </si>
  <si>
    <t>601gb</t>
  </si>
  <si>
    <t>GES CHAK NO.60-61 ML</t>
  </si>
  <si>
    <t>KHAN Pur Shumali</t>
  </si>
  <si>
    <t>Chak No. 60-61/M.L</t>
  </si>
  <si>
    <t>60-61/M.L</t>
  </si>
  <si>
    <t>GES CHAK NO.607/GB</t>
  </si>
  <si>
    <t>Thatha Baig</t>
  </si>
  <si>
    <t>607 gb</t>
  </si>
  <si>
    <t>607gb</t>
  </si>
  <si>
    <t>Tatha Baig</t>
  </si>
  <si>
    <t>GES CHAK NO.61 NB</t>
  </si>
  <si>
    <t>Chak No 61 NB</t>
  </si>
  <si>
    <t>chak no.61 NB district sargodha</t>
  </si>
  <si>
    <t>Chak No61NB</t>
  </si>
  <si>
    <t>Chak 19 NB</t>
  </si>
  <si>
    <t>GES CHAK NO.61 SB</t>
  </si>
  <si>
    <t>61 SB</t>
  </si>
  <si>
    <t>Govt. E/S Chak No. 61 sb Tehsil Sillanwali</t>
  </si>
  <si>
    <t>Chak No 61 SB</t>
  </si>
  <si>
    <t>Chak No 49 sb</t>
  </si>
  <si>
    <t>Khalid Nazir</t>
  </si>
  <si>
    <t>GES CHAK NO.610/GB</t>
  </si>
  <si>
    <t>Chak No. 610 GB, Tehsil Tandlianwala, Distt. Faisalabad</t>
  </si>
  <si>
    <t>Chak No 610 GB</t>
  </si>
  <si>
    <t>Chak No 617 GB</t>
  </si>
  <si>
    <t>GES CHAK NO.612/GB</t>
  </si>
  <si>
    <t>Kot Toraiz</t>
  </si>
  <si>
    <t>Chak No 612 GB Tehsil Tandlianwala</t>
  </si>
  <si>
    <t>Chak NO 612 GB</t>
  </si>
  <si>
    <t>MUHAMMAD ASLAM PERVEZ</t>
  </si>
  <si>
    <t>GES CHAK NO.63 NB</t>
  </si>
  <si>
    <t>chak no 63 nb</t>
  </si>
  <si>
    <t>Chak No 63 NB</t>
  </si>
  <si>
    <t>Chak 67 Alif Shumali</t>
  </si>
  <si>
    <t>Zeeshan</t>
  </si>
  <si>
    <t>GES CHAK NO.64 SB</t>
  </si>
  <si>
    <t>Chak 64 Sb</t>
  </si>
  <si>
    <t>chalk no 64 sub</t>
  </si>
  <si>
    <t>64 Sb</t>
  </si>
  <si>
    <t>Chak 49 Sb</t>
  </si>
  <si>
    <t>IRFAN AHMED</t>
  </si>
  <si>
    <t>GES CHAK NO.65 SB</t>
  </si>
  <si>
    <t>CHAK No 65</t>
  </si>
  <si>
    <t>CHAK no 65 sb</t>
  </si>
  <si>
    <t>CHAK No65 Sb</t>
  </si>
  <si>
    <t>GES CHAK NO.66 NB</t>
  </si>
  <si>
    <t>REMOUNT DEPOT - MALE</t>
  </si>
  <si>
    <t>Chak 66 NB</t>
  </si>
  <si>
    <t>chak 66NB Sargodha</t>
  </si>
  <si>
    <t>Chak 66NB</t>
  </si>
  <si>
    <t>Chak 55NB</t>
  </si>
  <si>
    <t>Masood Hussain Shah</t>
  </si>
  <si>
    <t>GES CHAK NO.66 SB</t>
  </si>
  <si>
    <t>Chak No 66 SB</t>
  </si>
  <si>
    <t>Chak No 66 SB Tehsil Kotmomin District Sargodha</t>
  </si>
  <si>
    <t>Chak No 11 SB</t>
  </si>
  <si>
    <t>Zafar Iqbal Gondal</t>
  </si>
  <si>
    <t>GES CHAK NO.67 NB</t>
  </si>
  <si>
    <t>Bhchranwala</t>
  </si>
  <si>
    <t>GES Chak No 67 NB</t>
  </si>
  <si>
    <t>Chak No 67 NB</t>
  </si>
  <si>
    <t>67 ANB</t>
  </si>
  <si>
    <t>GES CHAK NO.69 NB</t>
  </si>
  <si>
    <t>Chak No 69 NB</t>
  </si>
  <si>
    <t>GES CHAK NO 69 NB</t>
  </si>
  <si>
    <t>Chak No 67 ANB</t>
  </si>
  <si>
    <t>Kashif Mehmood</t>
  </si>
  <si>
    <t>GES CHAK NO.7 - 8 FAIZ P/O LAR</t>
  </si>
  <si>
    <t>AYAZABAD MARAL - MALE</t>
  </si>
  <si>
    <t>Chak  No 7 FAIZ</t>
  </si>
  <si>
    <t>chak No 7-8  Faiz</t>
  </si>
  <si>
    <t>Chak No 7 FAIZ</t>
  </si>
  <si>
    <t>Muhammad Jamil Hussain</t>
  </si>
  <si>
    <t>GES CHAK NO.7/DNB</t>
  </si>
  <si>
    <t>ADDA PULL 13000 - MALE</t>
  </si>
  <si>
    <t>chak No 7/DNB Tehsil yazman</t>
  </si>
  <si>
    <t>Chak No 7/DNB</t>
  </si>
  <si>
    <t>Chak No 17/DNB</t>
  </si>
  <si>
    <t>Nasir Hussain Ch</t>
  </si>
  <si>
    <t>GES CHAK NO.70/DB</t>
  </si>
  <si>
    <t>70db</t>
  </si>
  <si>
    <t>chak no 70db yazman</t>
  </si>
  <si>
    <t>68db</t>
  </si>
  <si>
    <t>GES CHAK NO.72 SB</t>
  </si>
  <si>
    <t>Chak 72 Sb</t>
  </si>
  <si>
    <t>Chak 72 sb</t>
  </si>
  <si>
    <t>Chak 73 Sb</t>
  </si>
  <si>
    <t>Haroon ur Rasheed</t>
  </si>
  <si>
    <t>GES CHAK NO.74 NB</t>
  </si>
  <si>
    <t>Chak No 74 NB</t>
  </si>
  <si>
    <t>GES Chak No. 74 NB</t>
  </si>
  <si>
    <t>Chak No 67/A NB</t>
  </si>
  <si>
    <t>Sharoon Rashid</t>
  </si>
  <si>
    <t>GES CHAK NO.75 NB</t>
  </si>
  <si>
    <t>CHAK NO 75 NB</t>
  </si>
  <si>
    <t>GES CHAK NO. 75 NB</t>
  </si>
  <si>
    <t>CHAK NO 67 ANB</t>
  </si>
  <si>
    <t>Nazeer Ahmed</t>
  </si>
  <si>
    <t>GES CHAK NO.78 ML</t>
  </si>
  <si>
    <t>Chak 78 ML</t>
  </si>
  <si>
    <t>GES chak no 78 ML</t>
  </si>
  <si>
    <t>78 ML</t>
  </si>
  <si>
    <t>Siraj  Ud Din</t>
  </si>
  <si>
    <t>GES CHAK NO.78 SB</t>
  </si>
  <si>
    <t>78 Sb</t>
  </si>
  <si>
    <t>chak 78 s.b sargodha</t>
  </si>
  <si>
    <t>74 Sb</t>
  </si>
  <si>
    <t>GES CHAK NO.78 WB</t>
  </si>
  <si>
    <t>78w/B</t>
  </si>
  <si>
    <t>chakno78w b</t>
  </si>
  <si>
    <t>78W/B</t>
  </si>
  <si>
    <t>Rana Muhammad Farooq</t>
  </si>
  <si>
    <t>GES CHAK NO.8 A-SB</t>
  </si>
  <si>
    <t>CHAK 8A  SB</t>
  </si>
  <si>
    <t>GES CHAK 8A sb</t>
  </si>
  <si>
    <t>CHAK 8A Sb</t>
  </si>
  <si>
    <t>Hura Bint Qurban</t>
  </si>
  <si>
    <t>GES CHAK NO.83/F</t>
  </si>
  <si>
    <t>HASILPUR CITY - MALE</t>
  </si>
  <si>
    <t>Chak No. 83/F</t>
  </si>
  <si>
    <t>Chak No. 79/F</t>
  </si>
  <si>
    <t>Wahid Bux</t>
  </si>
  <si>
    <t>GES CHAK NO.84/WB</t>
  </si>
  <si>
    <t>GARHA MORE EAST - MALE</t>
  </si>
  <si>
    <t>84/wb</t>
  </si>
  <si>
    <t>88wb</t>
  </si>
  <si>
    <t>SADIQ ALI</t>
  </si>
  <si>
    <t>GES CHAK NO.85 SB</t>
  </si>
  <si>
    <t>Chak No. 85 SB</t>
  </si>
  <si>
    <t>Chak No 85 SB</t>
  </si>
  <si>
    <t>Chak No 88 SB</t>
  </si>
  <si>
    <t>Malik Gulzaman</t>
  </si>
  <si>
    <t>GES CHAK NO.86 SB</t>
  </si>
  <si>
    <t>Chak No 86 Sb</t>
  </si>
  <si>
    <t>chak no 86 sb</t>
  </si>
  <si>
    <t>Chak No 84 Sb</t>
  </si>
  <si>
    <t>GES CHAK NO.87 SB</t>
  </si>
  <si>
    <t>Mohsin Shabir</t>
  </si>
  <si>
    <t>GES CHAK NO.87 WB</t>
  </si>
  <si>
    <t>PEER MURAD - MALE</t>
  </si>
  <si>
    <t>87wb</t>
  </si>
  <si>
    <t>87wb,vehari</t>
  </si>
  <si>
    <t>GES CHAK NO.88/DB</t>
  </si>
  <si>
    <t>YAZMAN CITY - MALE</t>
  </si>
  <si>
    <t>CHAK NO 88/DB HAKIM WALI YAZMAN</t>
  </si>
  <si>
    <t>CHAK NO 88/DB YAZMAN</t>
  </si>
  <si>
    <t>CHAK NO 88/DB</t>
  </si>
  <si>
    <t>MUHAMMAD SARWAR</t>
  </si>
  <si>
    <t>GES CHAK NO.89 NB</t>
  </si>
  <si>
    <t>Chak 89</t>
  </si>
  <si>
    <t>chak 89 nb</t>
  </si>
  <si>
    <t>Chak 89 Nb</t>
  </si>
  <si>
    <t>Chak 79 Nb</t>
  </si>
  <si>
    <t>Hafiz Mohammad Gulzar</t>
  </si>
  <si>
    <t>GES CHAK NO.89/DB</t>
  </si>
  <si>
    <t>Chak No 89 DB</t>
  </si>
  <si>
    <t>Chak No 88 DB</t>
  </si>
  <si>
    <t>GES CHAK NO.89/F</t>
  </si>
  <si>
    <t>89/F -MALE</t>
  </si>
  <si>
    <t>89/F</t>
  </si>
  <si>
    <t>chak No.89/F</t>
  </si>
  <si>
    <t>GES CHAK NO.9 SB</t>
  </si>
  <si>
    <t>9sb</t>
  </si>
  <si>
    <t>chak No 9 sb</t>
  </si>
  <si>
    <t>9SB</t>
  </si>
  <si>
    <t>GES CHAK NO.91 NB</t>
  </si>
  <si>
    <t>CHAK NO. 91 NB</t>
  </si>
  <si>
    <t>CHAK NO. 91 NB SARGODHA</t>
  </si>
  <si>
    <t>CHAK NO. 90 NB</t>
  </si>
  <si>
    <t>IMRAN JILLANI</t>
  </si>
  <si>
    <t>GES CHAK NO.92/F</t>
  </si>
  <si>
    <t>Chak 92/F</t>
  </si>
  <si>
    <t>Chak 92/F, Tehsil Hasilpur</t>
  </si>
  <si>
    <t>Chak 89/F</t>
  </si>
  <si>
    <t>Mushtaq Ahmed Anjum</t>
  </si>
  <si>
    <t>GES CHAK NO.93 NB</t>
  </si>
  <si>
    <t>93NB</t>
  </si>
  <si>
    <t>house#85 street# 1 MURAD Colony near commerce college faisal abad road sgd</t>
  </si>
  <si>
    <t>93 NB</t>
  </si>
  <si>
    <t>Chak 82 NB</t>
  </si>
  <si>
    <t>Ikram Ullah</t>
  </si>
  <si>
    <t>GES CHAK NO.94 NB</t>
  </si>
  <si>
    <t>Khoonan 94 NB</t>
  </si>
  <si>
    <t>chak 94 NB Sargodha</t>
  </si>
  <si>
    <t>Khoonan</t>
  </si>
  <si>
    <t>104 NB</t>
  </si>
  <si>
    <t>Malik Bashir Ahmad</t>
  </si>
  <si>
    <t>GES CHAK NO.95 NB</t>
  </si>
  <si>
    <t>Chak No 95 NBSargodha</t>
  </si>
  <si>
    <t>chak no 84 NB Sargodha</t>
  </si>
  <si>
    <t>Chak No 95</t>
  </si>
  <si>
    <t>Chak No 90 NB Sargodha</t>
  </si>
  <si>
    <t>GES CHAK NO.98 NB</t>
  </si>
  <si>
    <t>Chak No 98 NB</t>
  </si>
  <si>
    <t>chack no 98 NB Sargodha</t>
  </si>
  <si>
    <t>Chack No 98 NB</t>
  </si>
  <si>
    <t>Chack No 100 NB</t>
  </si>
  <si>
    <t>GES CHAK NOOR MUHAMMAD</t>
  </si>
  <si>
    <t>Chak Noor Muhammad</t>
  </si>
  <si>
    <t>Chak Noor Muhammad Pakpattan</t>
  </si>
  <si>
    <t>GES CHAK RAJADI</t>
  </si>
  <si>
    <t>Chak Rajadi</t>
  </si>
  <si>
    <t>VPO Chak Rajadj Tehsil Kharian District Gujrat</t>
  </si>
  <si>
    <t>ganja</t>
  </si>
  <si>
    <t>Zaighum Nazir</t>
  </si>
  <si>
    <t>GES CHAK RAMDAS NOU</t>
  </si>
  <si>
    <t>DHANSER PAIEN - MALE</t>
  </si>
  <si>
    <t>Chak Ramdas Nou</t>
  </si>
  <si>
    <t>Chak Ramdas Nou, P.O. Same, Tehsil Kamoki, District Gujranwala.</t>
  </si>
  <si>
    <t>Qasim Ali Raza Awan</t>
  </si>
  <si>
    <t>GES CHAK SADU PAGHALA</t>
  </si>
  <si>
    <t>ChakSadu Pagala</t>
  </si>
  <si>
    <t>Chak sadu pagala</t>
  </si>
  <si>
    <t>Chak Sadu Pagala</t>
  </si>
  <si>
    <t>Maribhindran</t>
  </si>
  <si>
    <t>Muhammad Suleman</t>
  </si>
  <si>
    <t>GES CHAK SANSO</t>
  </si>
  <si>
    <t>Barohi</t>
  </si>
  <si>
    <t>GES ChakSanso</t>
  </si>
  <si>
    <t>ChakSanso</t>
  </si>
  <si>
    <t>Amjad Hussain</t>
  </si>
  <si>
    <t>GES CHAK SARDAR PUR SHUJABAD</t>
  </si>
  <si>
    <t>SIKANDARABAD - MALE</t>
  </si>
  <si>
    <t>Esa wala post office allahabad shujaabad</t>
  </si>
  <si>
    <t>Chak Sardar Pur</t>
  </si>
  <si>
    <t>Shah Pur Ubbah</t>
  </si>
  <si>
    <t>GES CHAK SARWANI</t>
  </si>
  <si>
    <t>Chak Sarwani</t>
  </si>
  <si>
    <t>chak sarwani via Lalamusa tehsil Kharian distt gujrat</t>
  </si>
  <si>
    <t>Ali Chak</t>
  </si>
  <si>
    <t>GES CHAK SHAHBAZ</t>
  </si>
  <si>
    <t>Chak Shahbaz</t>
  </si>
  <si>
    <t>ges chak shahbaz</t>
  </si>
  <si>
    <t>Mohammad Yar</t>
  </si>
  <si>
    <t>GES CHAK SHER KHAN, KABIRWALA</t>
  </si>
  <si>
    <t>Chak Sher Khan</t>
  </si>
  <si>
    <t>chak sher khan</t>
  </si>
  <si>
    <t>Muhammad Iqbal Zafar</t>
  </si>
  <si>
    <t>GES CHAK SHER MUHAMMAD</t>
  </si>
  <si>
    <t>Chak Sher Mohammad Mohammad</t>
  </si>
  <si>
    <t>chak Sher mohammad</t>
  </si>
  <si>
    <t>Chak Sher Mohammad</t>
  </si>
  <si>
    <t>Sivia</t>
  </si>
  <si>
    <t>mohammad ashraf warraich</t>
  </si>
  <si>
    <t>GES CHAK UGGO</t>
  </si>
  <si>
    <t>Chak Uggo</t>
  </si>
  <si>
    <t>Hafiz Abad road chak uggo</t>
  </si>
  <si>
    <t>ZULFIQAR ALI AKBAR ALI</t>
  </si>
  <si>
    <t>GES CHAK WALA</t>
  </si>
  <si>
    <t>Rawani</t>
  </si>
  <si>
    <t>chak gujranwala UC Rawani p/o gailewal Teh&amp;Distt:Lodhran</t>
  </si>
  <si>
    <t>Chack Gujranwala</t>
  </si>
  <si>
    <t>GES CHAKKI</t>
  </si>
  <si>
    <t>Chakki</t>
  </si>
  <si>
    <t>ges chakki tehsil pindigheb district attock</t>
  </si>
  <si>
    <t>GES CHAKKI SHEIKH JEE</t>
  </si>
  <si>
    <t>Chaki Sheikh Jee</t>
  </si>
  <si>
    <t>VPO chaki sheikh jee teh Lawa District chakwal</t>
  </si>
  <si>
    <t>Lawa  Rural</t>
  </si>
  <si>
    <t>Ishtiaq Ahmed Mohsin</t>
  </si>
  <si>
    <t>GES CHAKKOKI</t>
  </si>
  <si>
    <t>Chakkoki</t>
  </si>
  <si>
    <t>Chakkoki Markaz Pattoki</t>
  </si>
  <si>
    <t>Bhoniki Otar</t>
  </si>
  <si>
    <t>GES CHAKOHA</t>
  </si>
  <si>
    <t>Chakoha</t>
  </si>
  <si>
    <t>chakoha</t>
  </si>
  <si>
    <t>Sohan</t>
  </si>
  <si>
    <t>Shakeel Ahmad</t>
  </si>
  <si>
    <t>GES CHAKORI BHEKHOKE</t>
  </si>
  <si>
    <t>Chakori Bakhu</t>
  </si>
  <si>
    <t>chakori bakhu</t>
  </si>
  <si>
    <t>Muhammad Arshad Tarar</t>
  </si>
  <si>
    <t>GES CHAKRIAN</t>
  </si>
  <si>
    <t>Chakrian</t>
  </si>
  <si>
    <t>Govt E/S Chakrian</t>
  </si>
  <si>
    <t>GES CHAKWAL LALOTRA</t>
  </si>
  <si>
    <t>Chkwal Lalotra</t>
  </si>
  <si>
    <t>Village chkwal lalotra p/o sukhochak teh.shakargarh</t>
  </si>
  <si>
    <t>Muhammad arif Javed</t>
  </si>
  <si>
    <t>GES CHAKWALIAN</t>
  </si>
  <si>
    <t>Chakwalian</t>
  </si>
  <si>
    <t>vpo  chakwalian. Tehsil Talagang</t>
  </si>
  <si>
    <t>Nakka  Kahot</t>
  </si>
  <si>
    <t>GES CHAMAN ABBAS</t>
  </si>
  <si>
    <t>Sanpal</t>
  </si>
  <si>
    <t>moza sanpal village ranjeetkot kot teh.ahmadpur Sial distt.jhang</t>
  </si>
  <si>
    <t>Muhammad Shahid Shabbir</t>
  </si>
  <si>
    <t>GES CHANAB RASOOLPUR</t>
  </si>
  <si>
    <t>Chanab Rasool Pur</t>
  </si>
  <si>
    <t>moaza Chanab Rasool Pur</t>
  </si>
  <si>
    <t>GES CHANALA</t>
  </si>
  <si>
    <t>FAZLA MALE</t>
  </si>
  <si>
    <t>Chanala</t>
  </si>
  <si>
    <t>village Chanala p/o box phugla u c fazla kach tehsil tribal area tounsa district d.g khan</t>
  </si>
  <si>
    <t>Fazla Kach</t>
  </si>
  <si>
    <t>GES CHAND PUR P/O MORE KHUNDA</t>
  </si>
  <si>
    <t>MORE KHUNDA - MALE</t>
  </si>
  <si>
    <t>Chandpur</t>
  </si>
  <si>
    <t>chandpur p/o morekhunda Tehsil&amp; District Nankana sahib</t>
  </si>
  <si>
    <t>Saleem Pur Pakka</t>
  </si>
  <si>
    <t>shoaib</t>
  </si>
  <si>
    <t>GES CHANDAY WALI</t>
  </si>
  <si>
    <t>MALE-16</t>
  </si>
  <si>
    <t>Jagga Sanatteka</t>
  </si>
  <si>
    <t>Chanday Wali PO Swai Wala Tehsil and District Bahawalnagar</t>
  </si>
  <si>
    <t>Chanday Wali</t>
  </si>
  <si>
    <t>Swai Wala</t>
  </si>
  <si>
    <t>Ahmed Ali</t>
  </si>
  <si>
    <t>GES CHANDER</t>
  </si>
  <si>
    <t>NATHU SIVIA - MALE</t>
  </si>
  <si>
    <t>CHANDHAR</t>
  </si>
  <si>
    <t>CHANDHAR,P.O BHIRI KHURAD TEH.NOSHERA VIRKAN DISTT.GUJRANWALA.</t>
  </si>
  <si>
    <t>JALHAN</t>
  </si>
  <si>
    <t>GES CHANDI KOT NANKANA SAHIB</t>
  </si>
  <si>
    <t>Chandi Kot</t>
  </si>
  <si>
    <t>Village Chandi Kot PO same</t>
  </si>
  <si>
    <t>Chak No 575</t>
  </si>
  <si>
    <t>Faqeer Hussain Warraich</t>
  </si>
  <si>
    <t>GES CHANDI PUR</t>
  </si>
  <si>
    <t>basti chundipur muza Syed imam shah tehsil KPT district  BWP</t>
  </si>
  <si>
    <t>Chaundipur</t>
  </si>
  <si>
    <t>M Fiaz Ahmad</t>
  </si>
  <si>
    <t>GES CHANDNA</t>
  </si>
  <si>
    <t>Chandna</t>
  </si>
  <si>
    <t>7/2 Thal Shumali Kot Shakir</t>
  </si>
  <si>
    <t>Abdul Rahim Qasim</t>
  </si>
  <si>
    <t>HAND PUMP- ELECTRIC MOTOR PUMP</t>
  </si>
  <si>
    <t>GES CHANDOWAL KALAN</t>
  </si>
  <si>
    <t>NAROWAL - MALE</t>
  </si>
  <si>
    <t>Chandowal</t>
  </si>
  <si>
    <t>chandowal kalan</t>
  </si>
  <si>
    <t>Chandowal Kalan</t>
  </si>
  <si>
    <t>zafar  iqbal</t>
  </si>
  <si>
    <t>GES CHANGA</t>
  </si>
  <si>
    <t>Changa</t>
  </si>
  <si>
    <t>vpo changa</t>
  </si>
  <si>
    <t>CHANGA</t>
  </si>
  <si>
    <t>Nazar Muhammad</t>
  </si>
  <si>
    <t>GES CHANGRAN WALA</t>
  </si>
  <si>
    <t>Umar Wali</t>
  </si>
  <si>
    <t>govt ES CHANGRANWALA</t>
  </si>
  <si>
    <t>Changranwala</t>
  </si>
  <si>
    <t>Maible</t>
  </si>
  <si>
    <t>GES CHANI ALAM SHER</t>
  </si>
  <si>
    <t>CHANI ALAM SHER</t>
  </si>
  <si>
    <t>VILLAGE AND POST OFFICE CHANI ALAM SHER</t>
  </si>
  <si>
    <t>SAGRI</t>
  </si>
  <si>
    <t>TAHIR ANJUM</t>
  </si>
  <si>
    <t>GES CHANKI</t>
  </si>
  <si>
    <t>JABBI SHARIF (NORTH) (MALE)</t>
  </si>
  <si>
    <t>Chanki</t>
  </si>
  <si>
    <t>Government Elementary school for boys Chanki tehsil &amp; district Khushab</t>
  </si>
  <si>
    <t>chanki factory</t>
  </si>
  <si>
    <t>GES CHANNI GOTH</t>
  </si>
  <si>
    <t>Arain wala</t>
  </si>
  <si>
    <t>Government Elementary School  chani goth near post office chani goth tehsil ahmad pur east</t>
  </si>
  <si>
    <t>chani goth</t>
  </si>
  <si>
    <t>Nazeer ahmad anjum</t>
  </si>
  <si>
    <t>GES CHAPPRIAN</t>
  </si>
  <si>
    <t>WAGHAL - MALE</t>
  </si>
  <si>
    <t>Chajjana</t>
  </si>
  <si>
    <t>chapprian</t>
  </si>
  <si>
    <t>Chpprian</t>
  </si>
  <si>
    <t>Chajana</t>
  </si>
  <si>
    <t>Muhammad Awais</t>
  </si>
  <si>
    <t>public line connection</t>
  </si>
  <si>
    <t>GES CHAPRI</t>
  </si>
  <si>
    <t>JAND - MALE</t>
  </si>
  <si>
    <t>CHAPHRI</t>
  </si>
  <si>
    <t>VILLAGE CHAPHRI BHORAL, TEHSIL JAND, DISTT. ATTOCK</t>
  </si>
  <si>
    <t>Mansoor Khalid</t>
  </si>
  <si>
    <t>GES CHARAN WALA</t>
  </si>
  <si>
    <t>charanwala</t>
  </si>
  <si>
    <t>Chranwala</t>
  </si>
  <si>
    <t>Sandhawala</t>
  </si>
  <si>
    <t>GES CHARAR</t>
  </si>
  <si>
    <t>charrar</t>
  </si>
  <si>
    <t>Charrar E block DHA Lahore Cantt</t>
  </si>
  <si>
    <t>Walton Cantt</t>
  </si>
  <si>
    <t>NASRULLAH KHAN</t>
  </si>
  <si>
    <t>GES CHARE WAN P/O KULY WALA</t>
  </si>
  <si>
    <t>Charaywan</t>
  </si>
  <si>
    <t>Government E/S Charaywan Kasur</t>
  </si>
  <si>
    <t>Hafiz Muhammad Yahya</t>
  </si>
  <si>
    <t>GES CHASHMIAH</t>
  </si>
  <si>
    <t>KAMMAR MUSHANI NO.2-MALE</t>
  </si>
  <si>
    <t>Chashmiah</t>
  </si>
  <si>
    <t>Govt. E/s chashmiah</t>
  </si>
  <si>
    <t>Vanjari</t>
  </si>
  <si>
    <t>Hafeez Ur Rehman</t>
  </si>
  <si>
    <t>GES CHATOOL</t>
  </si>
  <si>
    <t>Chatool</t>
  </si>
  <si>
    <t>Mauza chatool uc wah lashari tehsil Jampur district Rajanpur</t>
  </si>
  <si>
    <t>WAH LASHARI</t>
  </si>
  <si>
    <t>ali arshad</t>
  </si>
  <si>
    <t>GES CHATRANA</t>
  </si>
  <si>
    <t>Sahil saweri</t>
  </si>
  <si>
    <t>chatrana p.o. anoor kahuta</t>
  </si>
  <si>
    <t>chatrana</t>
  </si>
  <si>
    <t>beor</t>
  </si>
  <si>
    <t>iFTIKHAR HUSSAIN</t>
  </si>
  <si>
    <t>GES CHATRI</t>
  </si>
  <si>
    <t>DAU WALI MALE</t>
  </si>
  <si>
    <t>Chhatri</t>
  </si>
  <si>
    <t>basti chatri uc litra tehsil taunsa Sharif dera ghazi khan</t>
  </si>
  <si>
    <t>GES CHATTA CHAK 46/RB</t>
  </si>
  <si>
    <t>Chattha Chak 46</t>
  </si>
  <si>
    <t>chattha 46 rb</t>
  </si>
  <si>
    <t>Chak 46 Rb</t>
  </si>
  <si>
    <t>42 Marharh</t>
  </si>
  <si>
    <t>Rehmat Ali</t>
  </si>
  <si>
    <t>GES CHATTANI PO MAILSI</t>
  </si>
  <si>
    <t>Chatania</t>
  </si>
  <si>
    <t>Chatania , Tehsil Mailsi , Vehari</t>
  </si>
  <si>
    <t>Muhammad tahir anjum</t>
  </si>
  <si>
    <t>GES CHAUNTRA</t>
  </si>
  <si>
    <t>Chauntra</t>
  </si>
  <si>
    <t>Village &amp; Post Office Chauntra Tehsil &amp; District Rawalpindi</t>
  </si>
  <si>
    <t>Javed Iqbal Qureshi</t>
  </si>
  <si>
    <t>GES CHAUWAL</t>
  </si>
  <si>
    <t>Chaowal</t>
  </si>
  <si>
    <t>Govt E/S Chaowal kotmoman Sargodha</t>
  </si>
  <si>
    <t>Hujjan</t>
  </si>
  <si>
    <t>Mubashar Muhammad khan Awan</t>
  </si>
  <si>
    <t>GES CHAWA</t>
  </si>
  <si>
    <t>CHAWA</t>
  </si>
  <si>
    <t>CHAWA, TEHSIL BHERA DISTRICT SARGODHA</t>
  </si>
  <si>
    <t>Haque Nawaz</t>
  </si>
  <si>
    <t>GES CHAWEKA</t>
  </si>
  <si>
    <t>BWN-VII-MALE</t>
  </si>
  <si>
    <t>Chaweka Uttar</t>
  </si>
  <si>
    <t>chaweka p/o jhulan Arian tehsil and distt bahawalnagar</t>
  </si>
  <si>
    <t>Chaweka</t>
  </si>
  <si>
    <t>Toba Qalandar Shah</t>
  </si>
  <si>
    <t>Syed Sajid Ali Shah</t>
  </si>
  <si>
    <t>GES CHEENA</t>
  </si>
  <si>
    <t>Chheena</t>
  </si>
  <si>
    <t>Ges Chheena</t>
  </si>
  <si>
    <t>GES CHEHARY BANGIAL</t>
  </si>
  <si>
    <t>Chehary Bangial</t>
  </si>
  <si>
    <t>G.E.S Cehari Bangial</t>
  </si>
  <si>
    <t>Matwa</t>
  </si>
  <si>
    <t>Muhammad  Sarfraz</t>
  </si>
  <si>
    <t>GES CHELAY WALA CHAK NO 7 THAL</t>
  </si>
  <si>
    <t>Chelay Wala</t>
  </si>
  <si>
    <t>Moza Chelay Wala Chak 7/2 Thal Janobi</t>
  </si>
  <si>
    <t>Muhammad Khalid Shaheen</t>
  </si>
  <si>
    <t>GES CHEMYARI</t>
  </si>
  <si>
    <t>GBES Chimyari VOP nilhad</t>
  </si>
  <si>
    <t>Nilhad</t>
  </si>
  <si>
    <t>Kamran Ishaq</t>
  </si>
  <si>
    <t>GES CHHAMB</t>
  </si>
  <si>
    <t>Chhamb , haiderabad, tehsil mankera, distt. bhakkar</t>
  </si>
  <si>
    <t>CHHAMB</t>
  </si>
  <si>
    <t>GES CHHANGI</t>
  </si>
  <si>
    <t>Chhangi</t>
  </si>
  <si>
    <t>chhangi</t>
  </si>
  <si>
    <t>Mazhar Farooq Sandhu</t>
  </si>
  <si>
    <t>GES CHHANT</t>
  </si>
  <si>
    <t>Chhant</t>
  </si>
  <si>
    <t>chhant tehsil bhera</t>
  </si>
  <si>
    <t>Khaleel Ahmad</t>
  </si>
  <si>
    <t>GES CHHIMA</t>
  </si>
  <si>
    <t>DINGA II - MALE</t>
  </si>
  <si>
    <t>Chhimman</t>
  </si>
  <si>
    <t>Village Chhimman Post Office Tapyala Tehsil Kharian Distt Gujrat</t>
  </si>
  <si>
    <t>Bagrianwala</t>
  </si>
  <si>
    <t>Arbab Mumtaz Dar</t>
  </si>
  <si>
    <t>GES CHHLAHA</t>
  </si>
  <si>
    <t>Chhalla</t>
  </si>
  <si>
    <t>village challa, tehsil shakargarh.</t>
  </si>
  <si>
    <t>challa</t>
  </si>
  <si>
    <t>chhalla</t>
  </si>
  <si>
    <t>Abdul ghaffar</t>
  </si>
  <si>
    <t>GES CHHOI</t>
  </si>
  <si>
    <t>mahala zohar khailØŒp.o kalri,teh,distt misnwali</t>
  </si>
  <si>
    <t>Chhoi</t>
  </si>
  <si>
    <t>Themewali</t>
  </si>
  <si>
    <t>GES CHHOI (NILHAD)</t>
  </si>
  <si>
    <t>Nalhad</t>
  </si>
  <si>
    <t>V.P.O Nalhad Tehsil Pindi GhebDistt Attock</t>
  </si>
  <si>
    <t>M Asghar</t>
  </si>
  <si>
    <t>GES CHIAN WALI</t>
  </si>
  <si>
    <t>Village CHIANWALI Pobox Satrah Tehsil Daska District Sialkot</t>
  </si>
  <si>
    <t>chianwali</t>
  </si>
  <si>
    <t>Chianwali</t>
  </si>
  <si>
    <t>GES CHIANWALI</t>
  </si>
  <si>
    <t>GES Chianwali</t>
  </si>
  <si>
    <t>Khalid Pervez</t>
  </si>
  <si>
    <t>GES CHISHTI QUTAB DIN</t>
  </si>
  <si>
    <t>CHISHTI QUTABdin DIN</t>
  </si>
  <si>
    <t>GES CHISHTI QUTAB DIN P/O BASIRPUR TEHSIL DEPALPUR DISTRICT OKARA</t>
  </si>
  <si>
    <t>CHISHTI QUTAB Chishti QutabDIN</t>
  </si>
  <si>
    <t>QILA DEWA SINGH</t>
  </si>
  <si>
    <t>MAQBOOL AHMAD</t>
  </si>
  <si>
    <t>GES CHITOR GARH QADEEM, P/O CHAK HAIDER ABAD, NAWAN SHEHR</t>
  </si>
  <si>
    <t>NAWAN SHEHR - MALE</t>
  </si>
  <si>
    <t>chitor garh</t>
  </si>
  <si>
    <t>moza chitor garh post office nawashahir barasta nawashahir</t>
  </si>
  <si>
    <t>GES CHITTA</t>
  </si>
  <si>
    <t>UCHALLI (MALE)</t>
  </si>
  <si>
    <t>CHITTA</t>
  </si>
  <si>
    <t>VPO CHITTA TEH NAUSHERA DISTT KHUSHAB</t>
  </si>
  <si>
    <t>Uchalli</t>
  </si>
  <si>
    <t>GES CHITTA WATTA</t>
  </si>
  <si>
    <t>ges chittawatta</t>
  </si>
  <si>
    <t>Chittawatta</t>
  </si>
  <si>
    <t>Sawance</t>
  </si>
  <si>
    <t>Muhammad Khalid Khan</t>
  </si>
  <si>
    <t>GES CHOA SAIDAN SHAH</t>
  </si>
  <si>
    <t>Chia Saiden Shah</t>
  </si>
  <si>
    <t>Main Bazar Choa Saiden Shah</t>
  </si>
  <si>
    <t>Choa Saiden Shah</t>
  </si>
  <si>
    <t>Sohail Akhtar</t>
  </si>
  <si>
    <t>GES CHOAIL</t>
  </si>
  <si>
    <t>SERATTI MALE</t>
  </si>
  <si>
    <t>Choail</t>
  </si>
  <si>
    <t>Basti choail p/o barthi</t>
  </si>
  <si>
    <t>Basti Choail</t>
  </si>
  <si>
    <t>Muhammad Umar Farooq</t>
  </si>
  <si>
    <t>rain water pond</t>
  </si>
  <si>
    <t>GES CHOHAL SAHIWAL</t>
  </si>
  <si>
    <t>Chohal</t>
  </si>
  <si>
    <t>Chohal p/o Sahiwal tehsil sahiwal district Sargodha</t>
  </si>
  <si>
    <t>GES CHOHAN</t>
  </si>
  <si>
    <t>Chohan</t>
  </si>
  <si>
    <t>vpo chohan teh&amp;dist chakwal</t>
  </si>
  <si>
    <t>Padshan</t>
  </si>
  <si>
    <t>GES CHOI JANDRAN</t>
  </si>
  <si>
    <t>KHAIR PUR-MALE</t>
  </si>
  <si>
    <t>Choi</t>
  </si>
  <si>
    <t>vpo karooli teh kallar kahar distt chakwal</t>
  </si>
  <si>
    <t>Khair pur</t>
  </si>
  <si>
    <t>matloob hussain</t>
  </si>
  <si>
    <t>GES CHOOKAR</t>
  </si>
  <si>
    <t>Chookar</t>
  </si>
  <si>
    <t>village chookar</t>
  </si>
  <si>
    <t>Thatha Khalil</t>
  </si>
  <si>
    <t>Awais Khurshid</t>
  </si>
  <si>
    <t>GES CHOPALIA</t>
  </si>
  <si>
    <t>Chopalia</t>
  </si>
  <si>
    <t>Chopalia p/o Mandi Sadiq Gunj, Minchinabad</t>
  </si>
  <si>
    <t>Giriabad</t>
  </si>
  <si>
    <t>Ghulam Rasool Sunny</t>
  </si>
  <si>
    <t>GES CHORE WAH BASTI DUR MUHAMMAD KANJU WALI</t>
  </si>
  <si>
    <t>basti dur Muhammad kanju fareed  abad</t>
  </si>
  <si>
    <t>Dur  Muhammad Kanju</t>
  </si>
  <si>
    <t>M Akbar</t>
  </si>
  <si>
    <t>GES CHOTI ZAREEN</t>
  </si>
  <si>
    <t>Chak Bhakar</t>
  </si>
  <si>
    <t>choti zareen</t>
  </si>
  <si>
    <t>GES CHOWK SARWAR SHAHEED</t>
  </si>
  <si>
    <t>Chak 568/TDA</t>
  </si>
  <si>
    <t>chowk sarwar shaheed</t>
  </si>
  <si>
    <t>Chak No 568 TDA</t>
  </si>
  <si>
    <t>MC Chowk Satwar Shaheed</t>
  </si>
  <si>
    <t>Muhammad Irshad ul Hassan</t>
  </si>
  <si>
    <t>GES CHOWKI GABOL</t>
  </si>
  <si>
    <t>Basti Chowki Gabool Tehsil Alipur District Muzaffargarh</t>
  </si>
  <si>
    <t>Chowki Gabool</t>
  </si>
  <si>
    <t>GES CHUHAR PUR</t>
  </si>
  <si>
    <t>KHANGARH- MALE</t>
  </si>
  <si>
    <t>Gary Wahin</t>
  </si>
  <si>
    <t>chahar pur</t>
  </si>
  <si>
    <t>Chohar Pur</t>
  </si>
  <si>
    <t>Malik Ghulam Yasin</t>
  </si>
  <si>
    <t>GES CHUMBI</t>
  </si>
  <si>
    <t>village chumbi postoffice  kallar kahar</t>
  </si>
  <si>
    <t>Chumbi</t>
  </si>
  <si>
    <t>Mc Kallar kahar</t>
  </si>
  <si>
    <t>Mohsin Ali</t>
  </si>
  <si>
    <t>GES CHUNIAN KASUR PATTOKI ROAD</t>
  </si>
  <si>
    <t>muhammad ahmad</t>
  </si>
  <si>
    <t>GES CHUR MUNDA</t>
  </si>
  <si>
    <t>DHODA - MALE</t>
  </si>
  <si>
    <t>Chuhar Munda</t>
  </si>
  <si>
    <t>Vpo chuharmunda Tehsil Pasrur Distt. Sialkot</t>
  </si>
  <si>
    <t>Saukin Wind</t>
  </si>
  <si>
    <t>Saleem Fayyaz</t>
  </si>
  <si>
    <t>GES CHURA LAKHVERA MANEKA</t>
  </si>
  <si>
    <t>HEAD SULMAN KEY - MALE</t>
  </si>
  <si>
    <t>Chura Lakhvera   Mane Ka</t>
  </si>
  <si>
    <t>chura lakhwera maneka, haveli lakha depalpur</t>
  </si>
  <si>
    <t>chura lakhwera maneka</t>
  </si>
  <si>
    <t>shahmad</t>
  </si>
  <si>
    <t>Niaz Ahmad</t>
  </si>
  <si>
    <t>GES CHUSOO</t>
  </si>
  <si>
    <t>Chussu</t>
  </si>
  <si>
    <t>chussu</t>
  </si>
  <si>
    <t>Choha</t>
  </si>
  <si>
    <t>asad Zeeshan</t>
  </si>
  <si>
    <t>GES CHUTALA</t>
  </si>
  <si>
    <t>Chutala</t>
  </si>
  <si>
    <t>Basti &amp;moza chutala  postoffic Qureshi wala Teh&amp;Distt.Lodhran</t>
  </si>
  <si>
    <t>Sarfraz Hussain</t>
  </si>
  <si>
    <t>GES CIVIL STATION</t>
  </si>
  <si>
    <t>Yarukhel Pacca</t>
  </si>
  <si>
    <t>canal colony mianwali</t>
  </si>
  <si>
    <t>Mwi City</t>
  </si>
  <si>
    <t>Mwi</t>
  </si>
  <si>
    <t>Waheed Javed Khan</t>
  </si>
  <si>
    <t>GES COLONY SHOUKAT ABAD</t>
  </si>
  <si>
    <t>COLONY SHAUKAT ABAD-MALE</t>
  </si>
  <si>
    <t>Colony Shoukat Abad</t>
  </si>
  <si>
    <t>colony shoukat abad Teh .&amp; Distt.Nankana sahib</t>
  </si>
  <si>
    <t>Haffat Maddar</t>
  </si>
  <si>
    <t>GES CPC NO. 2 JALALPUR JATTAN</t>
  </si>
  <si>
    <t>mohallah shaukat colony p.o jalal pur jattan tehsil and district gurat</t>
  </si>
  <si>
    <t>Abdul Moeid</t>
  </si>
  <si>
    <t>GES CUSTOM ACADAMY LHR CANTT</t>
  </si>
  <si>
    <t>walton</t>
  </si>
  <si>
    <t>GES CUSTOM ACADEMY WALTON LAHORE CANTT.</t>
  </si>
  <si>
    <t>WCB</t>
  </si>
  <si>
    <t>NAEEM FAROOQ</t>
  </si>
  <si>
    <t>GES DABBAR SHAKAR GUNJ</t>
  </si>
  <si>
    <t>dabbar shakar gunj</t>
  </si>
  <si>
    <t>Chak dabbar shakar gunj</t>
  </si>
  <si>
    <t>Muhamad waseem</t>
  </si>
  <si>
    <t>GES DABURJI CHANDA SINGH</t>
  </si>
  <si>
    <t>Doburji Chanda Singh</t>
  </si>
  <si>
    <t>Doburji chanda singh Teh sambrial Distt Sialkot</t>
  </si>
  <si>
    <t>GES DAD KAMEERA</t>
  </si>
  <si>
    <t>dad kamira</t>
  </si>
  <si>
    <t>Syed Saeed Ahmad Shah</t>
  </si>
  <si>
    <t>GES DADOO WALA</t>
  </si>
  <si>
    <t>JURA KALAN (WEST) (MALE)</t>
  </si>
  <si>
    <t>Bambul</t>
  </si>
  <si>
    <t>dadoowala</t>
  </si>
  <si>
    <t>Dadoowala</t>
  </si>
  <si>
    <t>Jamali Balochan</t>
  </si>
  <si>
    <t>Shehzada Muhammad Ali</t>
  </si>
  <si>
    <t>GES DADU WALA</t>
  </si>
  <si>
    <t>Dadoo wala tehsil kaloor kot</t>
  </si>
  <si>
    <t>Dadoo Wala</t>
  </si>
  <si>
    <t>Amir Abdullah Khan</t>
  </si>
  <si>
    <t>GES DADUANA SARAI SIDHU</t>
  </si>
  <si>
    <t>Daduana</t>
  </si>
  <si>
    <t>Basti Daduana</t>
  </si>
  <si>
    <t>Wajid Ali</t>
  </si>
  <si>
    <t>GES DAFTOOH</t>
  </si>
  <si>
    <t>MUSTAFA ABAD - MALE</t>
  </si>
  <si>
    <t>Daftooh</t>
  </si>
  <si>
    <t>Daftooh teh &amp;distt kasur</t>
  </si>
  <si>
    <t>GES DAGAR KHAR</t>
  </si>
  <si>
    <t>Daggar</t>
  </si>
  <si>
    <t>basti daggar rakhi gaj tamun leghari tribal area DG khan</t>
  </si>
  <si>
    <t>Tamun Leghari Zaireen</t>
  </si>
  <si>
    <t>GES DAIM WALA</t>
  </si>
  <si>
    <t>TIBBI IZZAT - MALE</t>
  </si>
  <si>
    <t>Daimwalaa</t>
  </si>
  <si>
    <t>basti chatta ahmedpur east moza daimwalaa</t>
  </si>
  <si>
    <t>Maddpeerwaah</t>
  </si>
  <si>
    <t>Muhammad Waseem  Manzoor</t>
  </si>
  <si>
    <t>GES DAIRA DIN PANAH</t>
  </si>
  <si>
    <t>Daira Din Panah</t>
  </si>
  <si>
    <t>E/S Daira Din Panah Near MC</t>
  </si>
  <si>
    <t>MC Daira Din Panah</t>
  </si>
  <si>
    <t>Aziz Ahmad</t>
  </si>
  <si>
    <t>GES DAIWAL</t>
  </si>
  <si>
    <t>Village and Post Office Daiwal Tehsil Sohawa District Jhelum</t>
  </si>
  <si>
    <t>GES DAL MORE</t>
  </si>
  <si>
    <t>Dall</t>
  </si>
  <si>
    <t>Government Elementary School Dall More</t>
  </si>
  <si>
    <t>Dall More</t>
  </si>
  <si>
    <t>Malik Ali Murad</t>
  </si>
  <si>
    <t>GES DALA</t>
  </si>
  <si>
    <t>DULLEY WALA - MALE</t>
  </si>
  <si>
    <t>Dala</t>
  </si>
  <si>
    <t>Dala PO dullewala</t>
  </si>
  <si>
    <t>HAFIZ GHULAM HUSSAIN</t>
  </si>
  <si>
    <t>GES DALA WAHGA</t>
  </si>
  <si>
    <t>Dala Wahga</t>
  </si>
  <si>
    <t>Dala wahga, Police Station Narang Mandi</t>
  </si>
  <si>
    <t>kirto</t>
  </si>
  <si>
    <t>GES DALHORE</t>
  </si>
  <si>
    <t>Dalhore</t>
  </si>
  <si>
    <t>dalhore kotlisatian</t>
  </si>
  <si>
    <t>MAMOONA MUKHTAR</t>
  </si>
  <si>
    <t>GES DALKI BALKI</t>
  </si>
  <si>
    <t>ameer klasra sharqi</t>
  </si>
  <si>
    <t>moza ameer kalasra sharqi post office 172 tda tehsil&amp; district layyah</t>
  </si>
  <si>
    <t>dalki balki</t>
  </si>
  <si>
    <t>GES DAMAN</t>
  </si>
  <si>
    <t>Daman</t>
  </si>
  <si>
    <t>District Attock Tahsil Hazro VPO Daman</t>
  </si>
  <si>
    <t>GES DANGALI</t>
  </si>
  <si>
    <t>CHOHA KHALSA - MALE</t>
  </si>
  <si>
    <t>Pandora Hardo</t>
  </si>
  <si>
    <t>Pandora Hardo  po valayat abad</t>
  </si>
  <si>
    <t>samote</t>
  </si>
  <si>
    <t>liaqat ali</t>
  </si>
  <si>
    <t>GES DARA MEHRAM DARA, ABDUL HAKIM</t>
  </si>
  <si>
    <t>Dara Mahram</t>
  </si>
  <si>
    <t>Dara mahram</t>
  </si>
  <si>
    <t>Kot Islam</t>
  </si>
  <si>
    <t>Muhammad Abdul Hameed Shahid</t>
  </si>
  <si>
    <t>GES DARAJKE</t>
  </si>
  <si>
    <t>Darajke</t>
  </si>
  <si>
    <t>Darajke (Sadhoke) tehsil kamoke district Gujranwala.</t>
  </si>
  <si>
    <t>Ghoman</t>
  </si>
  <si>
    <t>Muzammil Hussain</t>
  </si>
  <si>
    <t>GES DARBAR MOHAMMAD SIDDIQUE</t>
  </si>
  <si>
    <t>lalian</t>
  </si>
  <si>
    <t>lalian teh.lalian dist.chiniot</t>
  </si>
  <si>
    <t>jabana</t>
  </si>
  <si>
    <t>GES DARGA PUR</t>
  </si>
  <si>
    <t>Dargha Pur</t>
  </si>
  <si>
    <t>Mari Thakiran</t>
  </si>
  <si>
    <t>MICHAEL  SOHOTRA</t>
  </si>
  <si>
    <t>GES DARGAHI SHAH</t>
  </si>
  <si>
    <t>Dargahi Shah tehsil 18-Hazari district Jhang</t>
  </si>
  <si>
    <t>Jabuana</t>
  </si>
  <si>
    <t>muhammad saeed khan</t>
  </si>
  <si>
    <t>GES DARKHAST JAMAL KHAN</t>
  </si>
  <si>
    <t>Darkhast Jamal Khan</t>
  </si>
  <si>
    <t>Basti Langrana</t>
  </si>
  <si>
    <t>GES DARKHAST WALA, KABIRWALA</t>
  </si>
  <si>
    <t>Kohiwala</t>
  </si>
  <si>
    <t>kohiwala</t>
  </si>
  <si>
    <t>Waris Khalil</t>
  </si>
  <si>
    <t>GES DAROOT</t>
  </si>
  <si>
    <t>Daroot</t>
  </si>
  <si>
    <t>Vpo Daroot</t>
  </si>
  <si>
    <t>Dhermond</t>
  </si>
  <si>
    <t>ABDUL RAZZAQ</t>
  </si>
  <si>
    <t>GES DARUL AMMAN BASTI RAFIQ SOLANGI</t>
  </si>
  <si>
    <t>Allah abad</t>
  </si>
  <si>
    <t>Basti Rafiq Solangi p/o Nasir abad tehsile sdk distt Rahim Yar Khan</t>
  </si>
  <si>
    <t>basti Rafiq Solangi</t>
  </si>
  <si>
    <t>Rahim abad</t>
  </si>
  <si>
    <t>Gulshair Ahmad</t>
  </si>
  <si>
    <t>GES DARYA BIDER</t>
  </si>
  <si>
    <t>darya biddar</t>
  </si>
  <si>
    <t>darya biddar village sialkot</t>
  </si>
  <si>
    <t>Ahmad Nadeem Akram Baig</t>
  </si>
  <si>
    <t>GES DARYA KHAN</t>
  </si>
  <si>
    <t>Near Jamiya MAsjid Firdoss Qadeem Darya Khan</t>
  </si>
  <si>
    <t>Darya Khan</t>
  </si>
  <si>
    <t>MC Darya Khan</t>
  </si>
  <si>
    <t>Ghulam Murtaza Saleem</t>
  </si>
  <si>
    <t>GES DASTI WALA</t>
  </si>
  <si>
    <t>Ghazi Pur Dasti</t>
  </si>
  <si>
    <t>Mouza Ghazi Pur Dasti, Dasti wala</t>
  </si>
  <si>
    <t>Dasti Wala</t>
  </si>
  <si>
    <t>syed azhar hussain</t>
  </si>
  <si>
    <t>GES DATA BAT</t>
  </si>
  <si>
    <t>Data Bhatt</t>
  </si>
  <si>
    <t>VPO Data bhutt Tehsil gujar khan</t>
  </si>
  <si>
    <t>Davi</t>
  </si>
  <si>
    <t>Muhammad Afzaal Ahmed</t>
  </si>
  <si>
    <t>GES DAUD KHEL</t>
  </si>
  <si>
    <t>Mohalla Lammay Khel Daud Khel</t>
  </si>
  <si>
    <t>mC Daud Khel</t>
  </si>
  <si>
    <t>Naveed Akhter Khan</t>
  </si>
  <si>
    <t>GES DAULAT ABAD</t>
  </si>
  <si>
    <t>DOULAT ABAD</t>
  </si>
  <si>
    <t>ges doulat abad (boys)</t>
  </si>
  <si>
    <t>KOT GHULAM QADIR</t>
  </si>
  <si>
    <t>MANZOOR AHMAD</t>
  </si>
  <si>
    <t>GES DAUWALA</t>
  </si>
  <si>
    <t>DAU WALA-MALE</t>
  </si>
  <si>
    <t>Dauwala</t>
  </si>
  <si>
    <t>Sadiqabad- Guddu Road</t>
  </si>
  <si>
    <t>nawazabad</t>
  </si>
  <si>
    <t>GES DAWAR</t>
  </si>
  <si>
    <t>Moza Dawar</t>
  </si>
  <si>
    <t>GES DEDHAY LAL</t>
  </si>
  <si>
    <t>Herpalu</t>
  </si>
  <si>
    <t>basti dedhaylal moza herpalu</t>
  </si>
  <si>
    <t>Dedhaylal</t>
  </si>
  <si>
    <t>Ibrahimwali</t>
  </si>
  <si>
    <t>Dost Mohammad</t>
  </si>
  <si>
    <t>GES DEENA NATH CHAK NO 66</t>
  </si>
  <si>
    <t>Dina Nath</t>
  </si>
  <si>
    <t>Dina Nath chak 66 Tehsil Patoki District Kasur</t>
  </si>
  <si>
    <t>Dina Nath Chak 66</t>
  </si>
  <si>
    <t>GHULAM HUSSAIN</t>
  </si>
  <si>
    <t>GES DEENO SHAH AHMED PUR LAMA</t>
  </si>
  <si>
    <t>Dinu Shah</t>
  </si>
  <si>
    <t>Govt E/S Dinu shah</t>
  </si>
  <si>
    <t>Muhammad Iqbal Mehtab</t>
  </si>
  <si>
    <t>GES DEGHAL</t>
  </si>
  <si>
    <t>PRINDLA</t>
  </si>
  <si>
    <t>GES  DEGHAL p/o Lehtrar bala kotli sattian</t>
  </si>
  <si>
    <t>DEGHAL</t>
  </si>
  <si>
    <t>BAHATTIAN</t>
  </si>
  <si>
    <t>Hafiz Sami Ullah</t>
  </si>
  <si>
    <t>chshma</t>
  </si>
  <si>
    <t>GES DEGHEL</t>
  </si>
  <si>
    <t>Deghel</t>
  </si>
  <si>
    <t>Villege Deghel PO Dhanda Teh murree Dist Rwp</t>
  </si>
  <si>
    <t>Akeel Ahmed</t>
  </si>
  <si>
    <t>GES DEHLA</t>
  </si>
  <si>
    <t>Dehla</t>
  </si>
  <si>
    <t>Village dehla post office phagwari tehsil murree district rawalpindi</t>
  </si>
  <si>
    <t>Habib Ur Rehman Abbaai</t>
  </si>
  <si>
    <t>electric motor pump</t>
  </si>
  <si>
    <t>GES DENAY WALA, KHANEWAL</t>
  </si>
  <si>
    <t>Denay Wala</t>
  </si>
  <si>
    <t>basti denaywala</t>
  </si>
  <si>
    <t>Denaywala</t>
  </si>
  <si>
    <t>Khanewal Kuhna</t>
  </si>
  <si>
    <t>GES DEORHI CHAK NO. 15/RB</t>
  </si>
  <si>
    <t>Deourhi 15/RB</t>
  </si>
  <si>
    <t>Deourhi 15/RB PO Mahnianwala</t>
  </si>
  <si>
    <t>Deourhi</t>
  </si>
  <si>
    <t>Javed Iqbal Taib</t>
  </si>
  <si>
    <t>GES DEPAL TEH JALALPUR PIR WALA MUZA DEPAL</t>
  </si>
  <si>
    <t>DEPAL - MALE</t>
  </si>
  <si>
    <t>Depal</t>
  </si>
  <si>
    <t>mouza depal post office Bahadar pur Tehsil jalalpur pirwala</t>
  </si>
  <si>
    <t>Nazir Ahmad Qureshi</t>
  </si>
  <si>
    <t>GES DEPALPUR</t>
  </si>
  <si>
    <t>AMLI MOTI - MALE</t>
  </si>
  <si>
    <t>Depalpur</t>
  </si>
  <si>
    <t>tiba gillani sahb depalpur</t>
  </si>
  <si>
    <t>City 2</t>
  </si>
  <si>
    <t>Naeem Ahmed</t>
  </si>
  <si>
    <t>GES DEPOKEY</t>
  </si>
  <si>
    <t>Depoke</t>
  </si>
  <si>
    <t>Depoke p/o same teh zafarwal distt narowal</t>
  </si>
  <si>
    <t>Naseem ullah</t>
  </si>
  <si>
    <t>GES DERA ABDUL ALI SHAH MOHIB PUR</t>
  </si>
  <si>
    <t>KHUSHAB (SOUTH) (MALE)</t>
  </si>
  <si>
    <t>Mohibpur</t>
  </si>
  <si>
    <t>VPO mohibpur tehsil and district khushab</t>
  </si>
  <si>
    <t>GES DERA ARBI P/O THATH GHALWAN</t>
  </si>
  <si>
    <t>BASTI MITHO - MALE</t>
  </si>
  <si>
    <t>Thath Ghalwan</t>
  </si>
  <si>
    <t>basti dera arbi moza thath ghalwan tehsil shujabab multan</t>
  </si>
  <si>
    <t>Basti Dera Arbi</t>
  </si>
  <si>
    <t>Muhammad Ejaz Shah</t>
  </si>
  <si>
    <t>GES DERA CHATTHA</t>
  </si>
  <si>
    <t>DHOKE KASIB -II- MALE</t>
  </si>
  <si>
    <t>Dera Chattha</t>
  </si>
  <si>
    <t>Dera chattha teshsil and district  M.B.Din post office jholana</t>
  </si>
  <si>
    <t>ishtiaq ahmad</t>
  </si>
  <si>
    <t>GES DERA DILDAR</t>
  </si>
  <si>
    <t>ROJHAN (H/Q) - MALE</t>
  </si>
  <si>
    <t>Dera Dildar Tehsil Rojhan Distt:Rajanpur</t>
  </si>
  <si>
    <t>Muhammad Naeem Siddiqi</t>
  </si>
  <si>
    <t>GES DERA FAREEDI</t>
  </si>
  <si>
    <t>DERA FAREEDI - MALE</t>
  </si>
  <si>
    <t>Bakhsho Bhattar</t>
  </si>
  <si>
    <t>Government Boys E/S Dera Fareedi. Thull  Hamza</t>
  </si>
  <si>
    <t>Thull Hamza</t>
  </si>
  <si>
    <t>Jhoke Gulab Shah</t>
  </si>
  <si>
    <t>Muhammad shahid Iqbal</t>
  </si>
  <si>
    <t>GES DERA ISMAIL</t>
  </si>
  <si>
    <t>Jhol</t>
  </si>
  <si>
    <t>,Govt.E/s Dera ismail</t>
  </si>
  <si>
    <t>Chak 36 P</t>
  </si>
  <si>
    <t>Katki</t>
  </si>
  <si>
    <t>Talat Mehmood</t>
  </si>
  <si>
    <t>GES DERA KHURSHEED HIRAN MINAR</t>
  </si>
  <si>
    <t>SHEIKHUPURA-IV - MALE</t>
  </si>
  <si>
    <t>City Sheikhupura</t>
  </si>
  <si>
    <t>dera khurshid</t>
  </si>
  <si>
    <t>Dera Khurashid</t>
  </si>
  <si>
    <t>Sharif colony</t>
  </si>
  <si>
    <t>GES DERA MALLA SINGH</t>
  </si>
  <si>
    <t>Dera Malla Singh</t>
  </si>
  <si>
    <t>Dera Mallah Singh,Tehsil &amp; Dist. Sheikhupura</t>
  </si>
  <si>
    <t>Dera Mallah Singh</t>
  </si>
  <si>
    <t>Asif Ali</t>
  </si>
  <si>
    <t>GES DERA MANZOOR SHAH WALA</t>
  </si>
  <si>
    <t>govt.elementry school dera manzoor shah</t>
  </si>
  <si>
    <t>Bakhri Ahmad Khan</t>
  </si>
  <si>
    <t>wasim akram</t>
  </si>
  <si>
    <t>GES DERA MIAN SAHIB KADHER</t>
  </si>
  <si>
    <t>C. NO. II KUTHIALA SHEIKHAN - MALE</t>
  </si>
  <si>
    <t>Dera Mian Sahib</t>
  </si>
  <si>
    <t>VPO Kadhar Teh &amp; Distt M.B.Din</t>
  </si>
  <si>
    <t>Kadhar</t>
  </si>
  <si>
    <t>GES DERA MUHAMMAD NAWAZ SULTANAY WALA</t>
  </si>
  <si>
    <t>Dera Nawaz Sultanewala P/O Chak no 4 DB Teh Piplan Distt Mianwali</t>
  </si>
  <si>
    <t>Dera Muhammad Nawaz Sultanewala</t>
  </si>
  <si>
    <t>Harnoli Rural</t>
  </si>
  <si>
    <t>Muhammad Haroon</t>
  </si>
  <si>
    <t>GES DERA MUHAMMDI BASTI RAM KALLI</t>
  </si>
  <si>
    <t>Ram Kali</t>
  </si>
  <si>
    <t>basti Ram kali near bahawalpur by pass multan city.</t>
  </si>
  <si>
    <t>Gulshen faiz</t>
  </si>
  <si>
    <t>Ch Muhammad Najeeb Ullah</t>
  </si>
  <si>
    <t>GES DERA SHAH JAMAL</t>
  </si>
  <si>
    <t>Dera Shah Jamal</t>
  </si>
  <si>
    <t>vill dera shah jsmal p o kot ladha teh n virkan grw</t>
  </si>
  <si>
    <t>Kot Ladha</t>
  </si>
  <si>
    <t>GES DESHTIAN</t>
  </si>
  <si>
    <t>FEROZA</t>
  </si>
  <si>
    <t>BASTI DASHTIAN FEROZA</t>
  </si>
  <si>
    <t>BASTI DASHTIAN</t>
  </si>
  <si>
    <t>Ameerpur</t>
  </si>
  <si>
    <t>GES DESI WALA</t>
  </si>
  <si>
    <t>desi Wala Nazd pull sharia tehsile  kot chutta district dgkhan</t>
  </si>
  <si>
    <t>Desi Wala</t>
  </si>
  <si>
    <t>Syed Nadir HussaIn Shah</t>
  </si>
  <si>
    <t>GES DEU SIAL PO SHAMAS ABAD</t>
  </si>
  <si>
    <t>DEU SIAL</t>
  </si>
  <si>
    <t>DEU SIAL P/O SHAMSABAD,TEHSIL CHUNIAN,KASUR</t>
  </si>
  <si>
    <t>Haroon Jan</t>
  </si>
  <si>
    <t>GES DEV KALAN</t>
  </si>
  <si>
    <t>Dev Kalan</t>
  </si>
  <si>
    <t>Dev kalan,DHA Prism phase 9 Feroze pur road 7 km off Lahore</t>
  </si>
  <si>
    <t>ZAHID IQBAL</t>
  </si>
  <si>
    <t>GES DHAB KALAN</t>
  </si>
  <si>
    <t>Dhab kalan</t>
  </si>
  <si>
    <t>VPO DHAB KALAN CHAKWAL</t>
  </si>
  <si>
    <t>Har Char Dhab</t>
  </si>
  <si>
    <t>muhammad akmal</t>
  </si>
  <si>
    <t>GES DHAB SUCHA SINGH</t>
  </si>
  <si>
    <t>Dhab Sucha Singh</t>
  </si>
  <si>
    <t>Mutt Wala</t>
  </si>
  <si>
    <t>Hafiz Muhammad Muzamil Paracha</t>
  </si>
  <si>
    <t>GES DHADHAR</t>
  </si>
  <si>
    <t>KHABAKI (MALE)</t>
  </si>
  <si>
    <t>Dhadhar</t>
  </si>
  <si>
    <t>Mardwal</t>
  </si>
  <si>
    <t>Shahzad Ahmad</t>
  </si>
  <si>
    <t>GES DHADU BASRA</t>
  </si>
  <si>
    <t>Dhadu Basra</t>
  </si>
  <si>
    <t>Dhadu Basra.  Tehseal Daska</t>
  </si>
  <si>
    <t>Bharthanwala</t>
  </si>
  <si>
    <t>M   Irfan  Sahi</t>
  </si>
  <si>
    <t>GES DHAK</t>
  </si>
  <si>
    <t>KHUSHAB (NORTH) (MALE)</t>
  </si>
  <si>
    <t>Dhak</t>
  </si>
  <si>
    <t>dhak</t>
  </si>
  <si>
    <t>GES DHAL</t>
  </si>
  <si>
    <t>DHAL</t>
  </si>
  <si>
    <t>VPO DHAL TEHSIL BHERA DISTRICT SARGODHA.</t>
  </si>
  <si>
    <t>Muhammad Kazim Raja</t>
  </si>
  <si>
    <t>GES DHALLOO PO KARAM PUR</t>
  </si>
  <si>
    <t>Dhalloo</t>
  </si>
  <si>
    <t>Dhalloo p/o karampur mailsi vehari</t>
  </si>
  <si>
    <t>GES DHAMAK</t>
  </si>
  <si>
    <t>Dhamak</t>
  </si>
  <si>
    <t>Ges dhamak Village Dhamak Tehsil Noor Pur Thal District Khushab</t>
  </si>
  <si>
    <t>Noor Pur Thal Rural</t>
  </si>
  <si>
    <t>GES DHAN GARAN</t>
  </si>
  <si>
    <t>Dhangran</t>
  </si>
  <si>
    <t>village dhangran u.c dhir kot sattian tensil kotli sattian dist rawalpindi</t>
  </si>
  <si>
    <t>Dhir kot Sattian</t>
  </si>
  <si>
    <t>Shamsul Mehmood</t>
  </si>
  <si>
    <t>GES DHANA KUMHARAN</t>
  </si>
  <si>
    <t>Dhana Kumharan</t>
  </si>
  <si>
    <t>Dhana Kumharan Mandi Faizabad Tehsil &amp; Distt. Nankana Sahib</t>
  </si>
  <si>
    <t>Bhuchukipar</t>
  </si>
  <si>
    <t>Mumtaz Hussain</t>
  </si>
  <si>
    <t>GES DHANDI</t>
  </si>
  <si>
    <t>DHANDI - MALE</t>
  </si>
  <si>
    <t>Near Dhandi Railwy station Kot Sabzal Tehsil sadik Abad</t>
  </si>
  <si>
    <t>GES DHANI CHAKOKA</t>
  </si>
  <si>
    <t>MND-XV-MALE</t>
  </si>
  <si>
    <t>Chakoka</t>
  </si>
  <si>
    <t>chakoka teh Minchinabad</t>
  </si>
  <si>
    <t>GES DHANYALLA</t>
  </si>
  <si>
    <t>DHANYALA</t>
  </si>
  <si>
    <t>VILLAGE &amp; PO DHANYALA TEHSIL DINA DISTRICT JHELUM</t>
  </si>
  <si>
    <t>Mobbasshar Ilyas Kayani</t>
  </si>
  <si>
    <t>GES DHAR JAWA</t>
  </si>
  <si>
    <t>MURREE - MALE</t>
  </si>
  <si>
    <t>Dhar Jawa</t>
  </si>
  <si>
    <t>GES Dhar Jawa Murree</t>
  </si>
  <si>
    <t>Ghora Gali</t>
  </si>
  <si>
    <t>GES DHAREK</t>
  </si>
  <si>
    <t>Dharek</t>
  </si>
  <si>
    <t>GBES dharek p.o bahtar tehsil fatehjang district attock</t>
  </si>
  <si>
    <t>Mehboob-ur-rehman</t>
  </si>
  <si>
    <t>GES DHAR-E-OAT</t>
  </si>
  <si>
    <t>Mauza Dharay Oat</t>
  </si>
  <si>
    <t>Dharay oat</t>
  </si>
  <si>
    <t>Khchi Muhammad Khan</t>
  </si>
  <si>
    <t>Muhammad Jahangir</t>
  </si>
  <si>
    <t>GES DHARIWAL</t>
  </si>
  <si>
    <t>dhariwal gujranwala</t>
  </si>
  <si>
    <t>GES DHAROOR MUSLIM</t>
  </si>
  <si>
    <t>dharoor Muslim</t>
  </si>
  <si>
    <t>govt. Elemetary school dharoor muslim p.o siri ram pura tehsil muridke distt. sheikhupura</t>
  </si>
  <si>
    <t>Azhar Hussain Tahir</t>
  </si>
  <si>
    <t>GES DHARORKY</t>
  </si>
  <si>
    <t>Dharorky</t>
  </si>
  <si>
    <t>Jhewranwali</t>
  </si>
  <si>
    <t>GES DHARUKNA</t>
  </si>
  <si>
    <t>Dharukna</t>
  </si>
  <si>
    <t>dharukna</t>
  </si>
  <si>
    <t>Muhammad Hassan Sultan</t>
  </si>
  <si>
    <t>GES DHELATER</t>
  </si>
  <si>
    <t>Jellah</t>
  </si>
  <si>
    <t>GES dhelater,tehsil kahuta,district Rawalpindi</t>
  </si>
  <si>
    <t>Dhelater</t>
  </si>
  <si>
    <t>GES DHELLI</t>
  </si>
  <si>
    <t>Dhilli</t>
  </si>
  <si>
    <t>village Dhilli P/O Talwandi Bhindran Teh&amp;Distt Narowal</t>
  </si>
  <si>
    <t>Dateywal</t>
  </si>
  <si>
    <t>GES DHER UMAID ALI SHAH</t>
  </si>
  <si>
    <t>Dher Umaid Ali Shah</t>
  </si>
  <si>
    <t>Dher Umaid Ali shah</t>
  </si>
  <si>
    <t>Dher Umaid Ali</t>
  </si>
  <si>
    <t>Masroor Hussain</t>
  </si>
  <si>
    <t>GES DHER YAROO WALA</t>
  </si>
  <si>
    <t>Shahbazkhail</t>
  </si>
  <si>
    <t>dher Yaru Wala Mianwali</t>
  </si>
  <si>
    <t>Dher Yaru Wala</t>
  </si>
  <si>
    <t>Sanwal Waseem Khokhar</t>
  </si>
  <si>
    <t>GES DHERA SANDA KALAN</t>
  </si>
  <si>
    <t>Dheera Sandha</t>
  </si>
  <si>
    <t>dheera sandha</t>
  </si>
  <si>
    <t>water user society</t>
  </si>
  <si>
    <t>GES DHILLU SHARQI</t>
  </si>
  <si>
    <t>Dhiillu Sharqi</t>
  </si>
  <si>
    <t>dhillu sharqi p/o jalal pur jattan gujrat</t>
  </si>
  <si>
    <t>Dhilu Sharqi</t>
  </si>
  <si>
    <t>Ehsan ullah Bajwa</t>
  </si>
  <si>
    <t>GES DHODA</t>
  </si>
  <si>
    <t>TIBBA SOUTH-MALE</t>
  </si>
  <si>
    <t>DHODA</t>
  </si>
  <si>
    <t>GES DHODA TEHSIL MAILSI DISST.VEHARI</t>
  </si>
  <si>
    <t>ALAM PUR</t>
  </si>
  <si>
    <t>MUHAMMAD IQBAL</t>
  </si>
  <si>
    <t>GES DHOK BAZA</t>
  </si>
  <si>
    <t>dhok baza</t>
  </si>
  <si>
    <t>vpo dhok baza</t>
  </si>
  <si>
    <t>pira fatehal</t>
  </si>
  <si>
    <t>AMIR MUHAMMAD</t>
  </si>
  <si>
    <t>GES DHOK BHARTAL</t>
  </si>
  <si>
    <t>Peer Pihae</t>
  </si>
  <si>
    <t>post office dhoke bharthal distt and tehsil mianwali</t>
  </si>
  <si>
    <t>Dhoke Bharthal</t>
  </si>
  <si>
    <t>Mari Indus</t>
  </si>
  <si>
    <t>Muhammad Akram Khan</t>
  </si>
  <si>
    <t>GES DHOK CHHAB(THATTA)</t>
  </si>
  <si>
    <t>DOMAIL - MALE</t>
  </si>
  <si>
    <t>Chhab Thatta</t>
  </si>
  <si>
    <t>Dhok Chhab(Thatta) VPO Thatta, Tehsil Jand District Attock</t>
  </si>
  <si>
    <t>Thatta</t>
  </si>
  <si>
    <t>Shahid Nawaz</t>
  </si>
  <si>
    <t>GES DHOK CHOHDRIAN</t>
  </si>
  <si>
    <t>Kotha Kalan</t>
  </si>
  <si>
    <t>GBES dhoke choudhrian chaklala scheme 3 near car chowk rwp</t>
  </si>
  <si>
    <t>GES DHOK FAQIRA</t>
  </si>
  <si>
    <t>Dk Faqeera</t>
  </si>
  <si>
    <t>vpo dhokefqeera talagang chakwal</t>
  </si>
  <si>
    <t>Bidhar</t>
  </si>
  <si>
    <t>GES DHOK GATTAL P/O BHAGTAL</t>
  </si>
  <si>
    <t>DHOK GATTAL</t>
  </si>
  <si>
    <t>DHOK GATTAL VPO BHAGTAL</t>
  </si>
  <si>
    <t>BHAGTAL</t>
  </si>
  <si>
    <t>PIRA FATEHAL</t>
  </si>
  <si>
    <t>Ameer Muhammad Khan</t>
  </si>
  <si>
    <t>GES DHOK GULBAZ KHEL MASAN CITY</t>
  </si>
  <si>
    <t>Dhok Gulbaz Khel,  P/O Chakrala, Tehsil &amp; District Mianwali</t>
  </si>
  <si>
    <t>Dhok Gulbaz Khel</t>
  </si>
  <si>
    <t>Ban Hafiz G</t>
  </si>
  <si>
    <t>GES DHOK HAJAAL</t>
  </si>
  <si>
    <t>KOT QAZI-MALE</t>
  </si>
  <si>
    <t>Dhok hajal</t>
  </si>
  <si>
    <t>dhok hajal p.o leti tehsil lawa district chakwal</t>
  </si>
  <si>
    <t>Ieti</t>
  </si>
  <si>
    <t>Leti</t>
  </si>
  <si>
    <t>GES DHOK HAJI AHMED</t>
  </si>
  <si>
    <t>Dhoke Haji Agmed</t>
  </si>
  <si>
    <t>salar chowk dhoke haji Ahmed</t>
  </si>
  <si>
    <t>Dhoke Haji Ahmed</t>
  </si>
  <si>
    <t>Surg Salar</t>
  </si>
  <si>
    <t>Faiz Ur Rahman</t>
  </si>
  <si>
    <t>GES DHOK JAKAR P/O TAMMAN</t>
  </si>
  <si>
    <t>MULTAN KHURD-MALE</t>
  </si>
  <si>
    <t>Tamman</t>
  </si>
  <si>
    <t>Vpo tamman</t>
  </si>
  <si>
    <t>Dk Jhakhar</t>
  </si>
  <si>
    <t>GES DHOK KHALAS</t>
  </si>
  <si>
    <t>Dhoke Abaki</t>
  </si>
  <si>
    <t>vill dhoke khalas po patwali teh talagang distt chakwal</t>
  </si>
  <si>
    <t>Dhoke Khalas</t>
  </si>
  <si>
    <t>GES DHOK KHAUR</t>
  </si>
  <si>
    <t>THOA MEHRAM KHAN-MALE</t>
  </si>
  <si>
    <t>TMK Khan</t>
  </si>
  <si>
    <t>dhok Khaur thoha Mehram Khan Teh talagang</t>
  </si>
  <si>
    <t>Dhok Khaur</t>
  </si>
  <si>
    <t>Thoha 2</t>
  </si>
  <si>
    <t>GES DHOK KOKARA</t>
  </si>
  <si>
    <t>Wah Cantt</t>
  </si>
  <si>
    <t>GBES Dhoke kokara</t>
  </si>
  <si>
    <t>Syed Abrar Hussain Shah</t>
  </si>
  <si>
    <t>water bore</t>
  </si>
  <si>
    <t>GES DHOK LAL KHAN</t>
  </si>
  <si>
    <t>QUTBAL - MALE</t>
  </si>
  <si>
    <t>Mangial</t>
  </si>
  <si>
    <t>dhok maskeen P, O Qutbal Fatehjang District Attock</t>
  </si>
  <si>
    <t>Qutbal</t>
  </si>
  <si>
    <t>Javed Human Ali</t>
  </si>
  <si>
    <t>GES DHOK LALLA</t>
  </si>
  <si>
    <t>Chakkral</t>
  </si>
  <si>
    <t>chakrral. pindigheb</t>
  </si>
  <si>
    <t>Chhakki</t>
  </si>
  <si>
    <t>GES DHOK MAIL</t>
  </si>
  <si>
    <t>PICHNAND-MALE</t>
  </si>
  <si>
    <t>DHOK MAIL</t>
  </si>
  <si>
    <t>GES DHOK MAIL TEHSIL LAWA DISSTRICT CHAKWAL</t>
  </si>
  <si>
    <t>Kotgullah</t>
  </si>
  <si>
    <t>GES DHOK MAJHAL</t>
  </si>
  <si>
    <t>Dhok Majhal</t>
  </si>
  <si>
    <t>vpo pichnand tehsil Lawa Distt chakwal</t>
  </si>
  <si>
    <t>Pichnand</t>
  </si>
  <si>
    <t>GES DHOK MEER AHMED</t>
  </si>
  <si>
    <t>Dhok Meer Ahmed</t>
  </si>
  <si>
    <t>dhok meer Ahmed village and post office jabbi</t>
  </si>
  <si>
    <t>GES DHOK MEHR WARIS</t>
  </si>
  <si>
    <t>BARA GOWAH-MALE</t>
  </si>
  <si>
    <t>Sambli</t>
  </si>
  <si>
    <t>v.p.o padhri teh sohawa Dist Jhelum</t>
  </si>
  <si>
    <t>Mehr Waris</t>
  </si>
  <si>
    <t>GES DHOK MUHAMMAD KHAN</t>
  </si>
  <si>
    <t>Govt Elementary School Dhok M.Khan</t>
  </si>
  <si>
    <t>Kot Qazi</t>
  </si>
  <si>
    <t>Sher Afzal</t>
  </si>
  <si>
    <t>GES DHOK MUREED</t>
  </si>
  <si>
    <t>Haraj</t>
  </si>
  <si>
    <t>dhoke Mureed chakwal</t>
  </si>
  <si>
    <t>Dhoke Mureed</t>
  </si>
  <si>
    <t>Thanil Kamal</t>
  </si>
  <si>
    <t>Qamar Abbas Shah</t>
  </si>
  <si>
    <t>GES DHOK PEERA</t>
  </si>
  <si>
    <t>village dhoke peera p.o dhoke miani teh. &amp; distt. mianwali</t>
  </si>
  <si>
    <t>Dhoke Peera</t>
  </si>
  <si>
    <t>Nazik Javed Khan</t>
  </si>
  <si>
    <t>GES DHOK RAJIAN</t>
  </si>
  <si>
    <t>Dhok Rajian</t>
  </si>
  <si>
    <t>p o dhok rajian teh and dist chakwal</t>
  </si>
  <si>
    <t>Moghla</t>
  </si>
  <si>
    <t>supply by OGDCL</t>
  </si>
  <si>
    <t>GES DHOK SARFARAZ</t>
  </si>
  <si>
    <t>BARWALA</t>
  </si>
  <si>
    <t>V &amp; P/O DHOK SARFRAZ TEHSIL JAND DISTT ATTOCK</t>
  </si>
  <si>
    <t>DHOK SARFRAZ</t>
  </si>
  <si>
    <t>TARAP</t>
  </si>
  <si>
    <t>GES DHOK SATTALA</t>
  </si>
  <si>
    <t>Dhok sattala Namal Tehsil &amp; District Mianwali</t>
  </si>
  <si>
    <t>Dhok sattala</t>
  </si>
  <si>
    <t>Tahir Iqbal</t>
  </si>
  <si>
    <t>GES DHOK SEELO</t>
  </si>
  <si>
    <t>dk seelo teh fateh jang</t>
  </si>
  <si>
    <t>Dk Seelo</t>
  </si>
  <si>
    <t>Ajuwala</t>
  </si>
  <si>
    <t>GES DHOK ZAMAN</t>
  </si>
  <si>
    <t>Dhok zaman</t>
  </si>
  <si>
    <t>dhok zaman post office khas tehsil and District mianwali</t>
  </si>
  <si>
    <t>Dhok Zaman</t>
  </si>
  <si>
    <t>Ban Hafiz Ji</t>
  </si>
  <si>
    <t>Ameer Nawaz</t>
  </si>
  <si>
    <t>GES DHOKARI</t>
  </si>
  <si>
    <t>Dhokri</t>
  </si>
  <si>
    <t>Dhokri Tehsil Quaidabad Distt Khushab</t>
  </si>
  <si>
    <t>Choa</t>
  </si>
  <si>
    <t>Muhammad Imran Farooqui</t>
  </si>
  <si>
    <t>GES DHONDAY</t>
  </si>
  <si>
    <t>Dhonday</t>
  </si>
  <si>
    <t>Govt elementry school dhonday tehsil raiwind</t>
  </si>
  <si>
    <t>Arayan</t>
  </si>
  <si>
    <t>ijaz ahmad</t>
  </si>
  <si>
    <t>GES DHOSE</t>
  </si>
  <si>
    <t>Dhose</t>
  </si>
  <si>
    <t>dhose</t>
  </si>
  <si>
    <t>chunian hithar</t>
  </si>
  <si>
    <t>Zeeshan Inayat</t>
  </si>
  <si>
    <t>GES DHUDI THAL</t>
  </si>
  <si>
    <t>Dhudhi thal</t>
  </si>
  <si>
    <t>village and post office dhudhi thal tehsil Pind Dadan khan district jhelum</t>
  </si>
  <si>
    <t>Muhammad Usman Faheem Baig</t>
  </si>
  <si>
    <t>GES DHUDI WALA WAHNI WAL THAL</t>
  </si>
  <si>
    <t>Wahni Wall Thall</t>
  </si>
  <si>
    <t>Dhudi wala wahni wall thall</t>
  </si>
  <si>
    <t>Dhudi Wala</t>
  </si>
  <si>
    <t>GES DHUDY KHAZAN SINGH</t>
  </si>
  <si>
    <t>MND-XIII-MALE</t>
  </si>
  <si>
    <t>Dhadi Khazan Singh</t>
  </si>
  <si>
    <t>GES Dhadi Khazan Singh P/O Dolat Pur Tehsil Minchin Abad District Bahawal Nagar</t>
  </si>
  <si>
    <t>Peer Bakhsh Musla</t>
  </si>
  <si>
    <t>GES DHULIAL</t>
  </si>
  <si>
    <t>Dhulial</t>
  </si>
  <si>
    <t>GBES dhulial rwp.</t>
  </si>
  <si>
    <t>Sehal</t>
  </si>
  <si>
    <t>Nazish Kanwal</t>
  </si>
  <si>
    <t>GES DHULLIAN CITY</t>
  </si>
  <si>
    <t>VPO Dhullian</t>
  </si>
  <si>
    <t>Dhullian City</t>
  </si>
  <si>
    <t>Gharibwal</t>
  </si>
  <si>
    <t>Munir Akhtar</t>
  </si>
  <si>
    <t>GES DHUMMA MALKA</t>
  </si>
  <si>
    <t>Dhumma  Malka</t>
  </si>
  <si>
    <t>Dhumma Malka p/o Dolat Nagar teh/district Gujrat</t>
  </si>
  <si>
    <t>Dhumma Malka</t>
  </si>
  <si>
    <t>GES DIN PUR</t>
  </si>
  <si>
    <t>Govt. Elementary School Deen Pur</t>
  </si>
  <si>
    <t>Muhammad Dildar</t>
  </si>
  <si>
    <t>GES DINAN BISHNOIAN</t>
  </si>
  <si>
    <t>DINAN WALA</t>
  </si>
  <si>
    <t>DINAN BISHNOIAN BWN</t>
  </si>
  <si>
    <t>DINAN BISHNOIAN</t>
  </si>
  <si>
    <t>Mohammed Shabbir Ahmad</t>
  </si>
  <si>
    <t>GES DINGA MAIN</t>
  </si>
  <si>
    <t>Moh. shah takia dinga</t>
  </si>
  <si>
    <t>Mc Dinga</t>
  </si>
  <si>
    <t>GES DINPUR SHARIF</t>
  </si>
  <si>
    <t>KOTLA PATHAN -MALE</t>
  </si>
  <si>
    <t>Chak  99  Np</t>
  </si>
  <si>
    <t>GES Deen Pur sharif</t>
  </si>
  <si>
    <t>Deen Pur Sharif</t>
  </si>
  <si>
    <t>Riaz Akhtar</t>
  </si>
  <si>
    <t>GES DIPAY WALA</t>
  </si>
  <si>
    <t>Deepay Wala</t>
  </si>
  <si>
    <t>Govt E/S Deepay Wala Lodhran.</t>
  </si>
  <si>
    <t>GES DISTRICT JAIL MULTAN</t>
  </si>
  <si>
    <t>WEST - MALE</t>
  </si>
  <si>
    <t>Taraf Mubarik Awal</t>
  </si>
  <si>
    <t>govt elementary school district jail oppsit district jail</t>
  </si>
  <si>
    <t>Nishtar Colony</t>
  </si>
  <si>
    <t>GES DIWAL</t>
  </si>
  <si>
    <t>Diwal</t>
  </si>
  <si>
    <t>vpo dewal tehsil talagang district chakwal</t>
  </si>
  <si>
    <t>Naraghi</t>
  </si>
  <si>
    <t>Adeeba Batool</t>
  </si>
  <si>
    <t>GES DIYAL</t>
  </si>
  <si>
    <t>Village Diyal Post Office Batapur Lahore</t>
  </si>
  <si>
    <t>Muhammad Umar Farooq Tuheedi</t>
  </si>
  <si>
    <t>GES DOBURJI BHAGA</t>
  </si>
  <si>
    <t>Doburji Baga</t>
  </si>
  <si>
    <t>govt elemantry school doburji bhaga</t>
  </si>
  <si>
    <t>Doburji Bhaga</t>
  </si>
  <si>
    <t>Village NAdala</t>
  </si>
  <si>
    <t>Abdul Rauf</t>
  </si>
  <si>
    <t>GES DODHA</t>
  </si>
  <si>
    <t>Kotli Baray Khan</t>
  </si>
  <si>
    <t>GES DODHAR NAJJAR</t>
  </si>
  <si>
    <t>Dadhar najjar</t>
  </si>
  <si>
    <t>village and p.o dadhar najjar via saghri tehs and distt Rawalpindi</t>
  </si>
  <si>
    <t>DADHAR Najjar</t>
  </si>
  <si>
    <t>Mughal</t>
  </si>
  <si>
    <t>waheed akhter</t>
  </si>
  <si>
    <t>GES DOGRAN WALA</t>
  </si>
  <si>
    <t>Dogran Wala</t>
  </si>
  <si>
    <t>Dogran wala teh sambrial sialkot</t>
  </si>
  <si>
    <t>GES DOHATTA AZMAT</t>
  </si>
  <si>
    <t>Dohatta Azmat</t>
  </si>
  <si>
    <t>dohatta azmat p/o sukheki mandi distt hafizabad</t>
  </si>
  <si>
    <t>Nouthen</t>
  </si>
  <si>
    <t>kashif nadeem</t>
  </si>
  <si>
    <t>GES DOMBAR</t>
  </si>
  <si>
    <t>MAILA MALE</t>
  </si>
  <si>
    <t>Dombar</t>
  </si>
  <si>
    <t>Dombar barthi Taunsa sharif</t>
  </si>
  <si>
    <t>Muhammad Khan</t>
  </si>
  <si>
    <t>GES DORAY WALA</t>
  </si>
  <si>
    <t>DARBULA - MALE</t>
  </si>
  <si>
    <t>Darbula</t>
  </si>
  <si>
    <t>Teh.Mankera distt.Bhakkar p/o Haiderabad Thall</t>
  </si>
  <si>
    <t>Doraywala</t>
  </si>
  <si>
    <t>GES DOST MUHAMMAD CHAK NO. 22 MB</t>
  </si>
  <si>
    <t>Chak No 22 MB</t>
  </si>
  <si>
    <t>Chak no 22 MB tehsil Quaidabad District Khushab</t>
  </si>
  <si>
    <t>14 Mb</t>
  </si>
  <si>
    <t>Wali Ur Rehman</t>
  </si>
  <si>
    <t>GES DOULA MEHAR CHAND</t>
  </si>
  <si>
    <t>SAHBAY WALA - MALE</t>
  </si>
  <si>
    <t>Doula Mehr Chand</t>
  </si>
  <si>
    <t>jahangirabad</t>
  </si>
  <si>
    <t>Jahangirabad</t>
  </si>
  <si>
    <t>Fareed Pur Suhag</t>
  </si>
  <si>
    <t>Muhammad Ashraf Tahir</t>
  </si>
  <si>
    <t>GES DOULU ANA</t>
  </si>
  <si>
    <t>DOULUANA GHARBI</t>
  </si>
  <si>
    <t>Ges douluana chak petal moza douluana gharbi</t>
  </si>
  <si>
    <t>CHAK PETAL</t>
  </si>
  <si>
    <t>Kausar Abbas Khan</t>
  </si>
  <si>
    <t>GES DOURAN PUR</t>
  </si>
  <si>
    <t>Khuda Yar Kathia</t>
  </si>
  <si>
    <t>Douran Pur, Tehsil. Shorkot, District. Jhang</t>
  </si>
  <si>
    <t>Doran Pur</t>
  </si>
  <si>
    <t>GES DRAVI</t>
  </si>
  <si>
    <t>Dravi</t>
  </si>
  <si>
    <t>Adhisargal</t>
  </si>
  <si>
    <t>own arrangment</t>
  </si>
  <si>
    <t>GES DROHAR WALI (CHAK GOBAND)</t>
  </si>
  <si>
    <t>Chak Goband</t>
  </si>
  <si>
    <t>basti sultan mehmood channer mouza chak goband tehsil ahmed pur district bahawapur</t>
  </si>
  <si>
    <t>Sultan Mehmood Channer</t>
  </si>
  <si>
    <t>Hatheji</t>
  </si>
  <si>
    <t>Atta- Ullah</t>
  </si>
  <si>
    <t>GES DUFLI KABIR KHAN</t>
  </si>
  <si>
    <t>DUFLI KABIR KHAN - MALE</t>
  </si>
  <si>
    <t>Dufli Kabir Khan</t>
  </si>
  <si>
    <t>Dufli Kabir Khan Basti Darkhawst</t>
  </si>
  <si>
    <t>Basti Darkhawast</t>
  </si>
  <si>
    <t>GES DULLAH BHUDERA</t>
  </si>
  <si>
    <t>MALE-15</t>
  </si>
  <si>
    <t>Dullah Bhadera</t>
  </si>
  <si>
    <t>dullah bhadera</t>
  </si>
  <si>
    <t>Hafiz Mansoor Saber</t>
  </si>
  <si>
    <t>GES DULLE WALA</t>
  </si>
  <si>
    <t>DULLEWALA</t>
  </si>
  <si>
    <t>Dullewala</t>
  </si>
  <si>
    <t>MC-Dullewala</t>
  </si>
  <si>
    <t>GES DULLEY KEY MAHAR</t>
  </si>
  <si>
    <t>Dullayky Mahar</t>
  </si>
  <si>
    <t>dullay ky mahar</t>
  </si>
  <si>
    <t>Dullay Ky Mahar</t>
  </si>
  <si>
    <t>Nehal Mahar</t>
  </si>
  <si>
    <t>GES DULLO KHURD</t>
  </si>
  <si>
    <t>DULLO KHURD</t>
  </si>
  <si>
    <t>GOVT. ELEMENTARY SCHOOL DULLO KHURD LAHORE</t>
  </si>
  <si>
    <t>DULLOKHURD</t>
  </si>
  <si>
    <t>Mushtaq Ahmed Khan</t>
  </si>
  <si>
    <t>GES DUNGA BISHONIAN</t>
  </si>
  <si>
    <t>DUNGA BUNGA BISHNOIAN</t>
  </si>
  <si>
    <t>MUHALLAH ISLAM PURA, P/O DUNGA BUNGA, TEH &amp; DISTT. BWN</t>
  </si>
  <si>
    <t>ISLAM PURA</t>
  </si>
  <si>
    <t>MC DUNGA BUNGA</t>
  </si>
  <si>
    <t>MUHAMMAD IQBAL SHAD</t>
  </si>
  <si>
    <t>GES DUPPHI MOKARI</t>
  </si>
  <si>
    <t>dupphi mokori</t>
  </si>
  <si>
    <t>dapphi mokori p/o gara jan muhammad</t>
  </si>
  <si>
    <t>dapphi</t>
  </si>
  <si>
    <t>wara sehran</t>
  </si>
  <si>
    <t>SAJJAD SADIQ</t>
  </si>
  <si>
    <t>GES DURAB PUR SHERQI TEHSIL. JALALPUR PIRWALSA</t>
  </si>
  <si>
    <t>Durab Pur</t>
  </si>
  <si>
    <t>basti durab pur sharqi tehsile jalalpur pirwala multan</t>
  </si>
  <si>
    <t>Durab Pur Sharqi</t>
  </si>
  <si>
    <t>Muhammad Azhar Khawaja</t>
  </si>
  <si>
    <t>GES DURKANI</t>
  </si>
  <si>
    <t>Basti durkani</t>
  </si>
  <si>
    <t>Durkani</t>
  </si>
  <si>
    <t>BILAL AZIZ</t>
  </si>
  <si>
    <t>GES DUSSARI</t>
  </si>
  <si>
    <t>Dusri</t>
  </si>
  <si>
    <t>village dusri tehsil shakargarh district Narowal</t>
  </si>
  <si>
    <t>Raiba Kala</t>
  </si>
  <si>
    <t>Khalil Sarwar</t>
  </si>
  <si>
    <t>GES ESAN GORAHA</t>
  </si>
  <si>
    <t>Essan Goraha</t>
  </si>
  <si>
    <t>GES Essan goraha</t>
  </si>
  <si>
    <t>Rana Iftakhar Ahmed</t>
  </si>
  <si>
    <t>GES ESHERKE</t>
  </si>
  <si>
    <t>SHEIKHUPURA-XV - MALE</t>
  </si>
  <si>
    <t>Easherkey</t>
  </si>
  <si>
    <t>village easherkey</t>
  </si>
  <si>
    <t>Usman Sarwar</t>
  </si>
  <si>
    <t>GES ESSAY WALA SHARQI NO. 2</t>
  </si>
  <si>
    <t>Essay Wala Janobi</t>
  </si>
  <si>
    <t>sargany Wala essay Wala Janobi tehsil a.p sial district jhang</t>
  </si>
  <si>
    <t>Sargany Wala</t>
  </si>
  <si>
    <t>Bangla Yasmeen</t>
  </si>
  <si>
    <t>Ghulam Raza</t>
  </si>
  <si>
    <t>GES F.D. MODEL CHARAGH NAGAR</t>
  </si>
  <si>
    <t>GUJRANWALA CITY 2 - MALE</t>
  </si>
  <si>
    <t>Charagh Nagar</t>
  </si>
  <si>
    <t>Nowshera road street Haroon wali Charagh nagar</t>
  </si>
  <si>
    <t>Naeem ullah</t>
  </si>
  <si>
    <t>GES FADDA</t>
  </si>
  <si>
    <t>fadda town</t>
  </si>
  <si>
    <t>GES FAISAL COLONY</t>
  </si>
  <si>
    <t>Faisal Colony Bwn</t>
  </si>
  <si>
    <t>FAISAL COLONY BAHAWALNAGAR</t>
  </si>
  <si>
    <t>Faisal Colony Bahawalnagar Bahawalnagar</t>
  </si>
  <si>
    <t>MC Bahawalnagar</t>
  </si>
  <si>
    <t>GES FAIZ ABAD KHANPUR</t>
  </si>
  <si>
    <t>GES Faiz abad khanpur</t>
  </si>
  <si>
    <t>Dinpur Shareef</t>
  </si>
  <si>
    <t>Malik Mohammad Ramzan</t>
  </si>
  <si>
    <t>GES FAIZ ABAD P/O BAIT KATCH</t>
  </si>
  <si>
    <t>bait kaitch janubi</t>
  </si>
  <si>
    <t>moza bait kaitch faizabad</t>
  </si>
  <si>
    <t>faizabad</t>
  </si>
  <si>
    <t>bait kaich jaubi</t>
  </si>
  <si>
    <t>RABNAWAZ KHAN</t>
  </si>
  <si>
    <t>GES FAIZ PUR</t>
  </si>
  <si>
    <t>Mouza Faiz Pur, Tehsil Ahmad Pur East</t>
  </si>
  <si>
    <t>Khurram Pur</t>
  </si>
  <si>
    <t>M Arshad</t>
  </si>
  <si>
    <t>GES FAQEER WALA</t>
  </si>
  <si>
    <t>Faqeer Wala, Pahar Pur</t>
  </si>
  <si>
    <t>Faqeer Wala</t>
  </si>
  <si>
    <t>Khalid Mehmood Saleemi</t>
  </si>
  <si>
    <t>GES FAQEERAN</t>
  </si>
  <si>
    <t>No Shahra</t>
  </si>
  <si>
    <t>Basti faqiran markaz janu wala tehsil Ahmadpur district bahawalpur</t>
  </si>
  <si>
    <t>Noshahra</t>
  </si>
  <si>
    <t>No Shara</t>
  </si>
  <si>
    <t>GES FAREED ABAD</t>
  </si>
  <si>
    <t>moza fareed abad tehsil Ahmad pur east district Bahawalpur</t>
  </si>
  <si>
    <t>Rashid Rafique</t>
  </si>
  <si>
    <t>GES FAREED SANDILAY WALA</t>
  </si>
  <si>
    <t>nawan Sandila wala mouza khairay wala</t>
  </si>
  <si>
    <t>Nawan Sandila Wala</t>
  </si>
  <si>
    <t>GES FAREED TOWN</t>
  </si>
  <si>
    <t>Farid Town Gujranwala</t>
  </si>
  <si>
    <t>Government Elementary schools Farid town Gujranwala</t>
  </si>
  <si>
    <t>Farid Town</t>
  </si>
  <si>
    <t>ASGHAR LATIF</t>
  </si>
  <si>
    <t>GES FARID ABAD</t>
  </si>
  <si>
    <t>FARID ABAD-MALE</t>
  </si>
  <si>
    <t>Muhammad Yasir Arfat</t>
  </si>
  <si>
    <t>GES FARID KOT</t>
  </si>
  <si>
    <t>FARID KOT-MALE</t>
  </si>
  <si>
    <t>FARID KOT</t>
  </si>
  <si>
    <t>Farid Kot</t>
  </si>
  <si>
    <t>Ratta Khana</t>
  </si>
  <si>
    <t>Abdul Qayyum Rana</t>
  </si>
  <si>
    <t>GES FARID KOT P/O PAKPATTAN</t>
  </si>
  <si>
    <t>farid kot,pak pattan</t>
  </si>
  <si>
    <t>Mossay Wal</t>
  </si>
  <si>
    <t>Ch Parvaz Ahmad</t>
  </si>
  <si>
    <t>GES FARID PUR JAGIR</t>
  </si>
  <si>
    <t>Faridpur Jagir</t>
  </si>
  <si>
    <t>faridpur jagir, depalpur,okara</t>
  </si>
  <si>
    <t>Bhoomanshah</t>
  </si>
  <si>
    <t>Muhammad Saleem Kashar</t>
  </si>
  <si>
    <t>GES FARKH PUR KOHNA</t>
  </si>
  <si>
    <t>QADIRABAD - MALE</t>
  </si>
  <si>
    <t>Farkhpur</t>
  </si>
  <si>
    <t>gps farkh pur post off.qadirabad teh.phalia distt.m.b.din</t>
  </si>
  <si>
    <t>Farkh Pur</t>
  </si>
  <si>
    <t>Bhoa Hassan</t>
  </si>
  <si>
    <t>Syed Javed Asghar</t>
  </si>
  <si>
    <t>GES FAROOQ ABAD</t>
  </si>
  <si>
    <t>BWN-VIII-MALE</t>
  </si>
  <si>
    <t>GES Farooqabad Bahawalnagar</t>
  </si>
  <si>
    <t>Mohammad Tahir Munir</t>
  </si>
  <si>
    <t>GES FAROOQ ABAD MANDI</t>
  </si>
  <si>
    <t>Farooqabad Mandi, Near Sadar police Station</t>
  </si>
  <si>
    <t>Farooqabad -3</t>
  </si>
  <si>
    <t>MUHAMMAD SABIR</t>
  </si>
  <si>
    <t>GES FATALAMA</t>
  </si>
  <si>
    <t>FATTA Lamman LAMMANG</t>
  </si>
  <si>
    <t>VILLAGE FATTA LAMMAN POST OFFICE BAGRIANWALA TEH KHARIAN DISTRICT GUJRAT</t>
  </si>
  <si>
    <t>FATTA LAMMAN</t>
  </si>
  <si>
    <t>BAGRIANWALA</t>
  </si>
  <si>
    <t>TASMIA YASMEEN</t>
  </si>
  <si>
    <t>GES FATEH DARYA</t>
  </si>
  <si>
    <t>FATEH DARYA-MALE</t>
  </si>
  <si>
    <t>Fateh Darya</t>
  </si>
  <si>
    <t>Fateh Darya P/O Warburton Tehseel &amp; District Nankana Sahib</t>
  </si>
  <si>
    <t>Shareen Jhanghr</t>
  </si>
  <si>
    <t>MOHAMMAD YASEEN</t>
  </si>
  <si>
    <t>GES FATEh KE</t>
  </si>
  <si>
    <t>Fateh Ki</t>
  </si>
  <si>
    <t>Fateh ki Tehsil Noshera Virkan Dist Gujranwala</t>
  </si>
  <si>
    <t>Phamma SRA</t>
  </si>
  <si>
    <t>Abdul Ghani</t>
  </si>
  <si>
    <t>GES FATEH KHAN WALA</t>
  </si>
  <si>
    <t>chah fateh khan wala</t>
  </si>
  <si>
    <t>Fateh Khanwala</t>
  </si>
  <si>
    <t>Alikhel</t>
  </si>
  <si>
    <t>GES FATEH MUHAMMAD ABRIEND</t>
  </si>
  <si>
    <t>Fateh Muhammad Abriend</t>
  </si>
  <si>
    <t>fateh Muhammad abriend</t>
  </si>
  <si>
    <t>Danrein</t>
  </si>
  <si>
    <t>Sabir Hussain Shah</t>
  </si>
  <si>
    <t>GES FATEH PUR</t>
  </si>
  <si>
    <t>muhammad rafiq anwar</t>
  </si>
  <si>
    <t>GES FATEH PUR AFGHANA</t>
  </si>
  <si>
    <t>GES Fateh Pur Teh Shakergrh distt Narowal</t>
  </si>
  <si>
    <t>Tariq Javaid</t>
  </si>
  <si>
    <t>GES FATEH PUR DITTAN</t>
  </si>
  <si>
    <t>Fatehpur Dittan</t>
  </si>
  <si>
    <t>village fatehpur dittan ,p/o kanjrur ,tehsil shakargarh ,district narowal</t>
  </si>
  <si>
    <t>Muhammad waris</t>
  </si>
  <si>
    <t>GES FATEH PUR NO 1</t>
  </si>
  <si>
    <t>MC Fatehpur</t>
  </si>
  <si>
    <t>WARD NO. 8 FATEH PUR</t>
  </si>
  <si>
    <t>GES FATEH PUR PARITY</t>
  </si>
  <si>
    <t>Fateh Pur Parity</t>
  </si>
  <si>
    <t>fateh pur parity. tehsil a.p sial jhang</t>
  </si>
  <si>
    <t>Najam Ul Hassan Khan</t>
  </si>
  <si>
    <t>GES FATEH WALA</t>
  </si>
  <si>
    <t>Baz Dar</t>
  </si>
  <si>
    <t>Fateh Wala p/O Makhdoom Makhdoom Rasheed Multan</t>
  </si>
  <si>
    <t>Fateh Wala</t>
  </si>
  <si>
    <t>Booty Wala</t>
  </si>
  <si>
    <t>Ali Ahmad</t>
  </si>
  <si>
    <t>GES FATIMA JINNAH COLONY</t>
  </si>
  <si>
    <t>Chak 71 Nb</t>
  </si>
  <si>
    <t>Fatima jinnah  colony</t>
  </si>
  <si>
    <t>GES FATTA BHAND</t>
  </si>
  <si>
    <t>Fatta Bhand</t>
  </si>
  <si>
    <t>VILLAGAE AND P/0 FATTA BHAND</t>
  </si>
  <si>
    <t>GES FATTOKE</t>
  </si>
  <si>
    <t>BADDOMALHI-MALE</t>
  </si>
  <si>
    <t>Fattoke</t>
  </si>
  <si>
    <t>Village fattoke teh.&amp; distt.narowal</t>
  </si>
  <si>
    <t>MUHAMMAD SHARIF</t>
  </si>
  <si>
    <t>GES FAZAL ABAD NO. 2</t>
  </si>
  <si>
    <t>Thull Wazir Khan</t>
  </si>
  <si>
    <t>Adda Muhammad pur</t>
  </si>
  <si>
    <t>Bahodi Pur Qureshian</t>
  </si>
  <si>
    <t>GES FAZIL KALROO</t>
  </si>
  <si>
    <t>fazil kalro</t>
  </si>
  <si>
    <t>ges fazil kalro muzaffargarh</t>
  </si>
  <si>
    <t>jady wala</t>
  </si>
  <si>
    <t>Mohammad Saeed Hamdani</t>
  </si>
  <si>
    <t>GES FAZILPUR</t>
  </si>
  <si>
    <t>fazilpur</t>
  </si>
  <si>
    <t>Near grid station fazilpur</t>
  </si>
  <si>
    <t>MC fazilpur</t>
  </si>
  <si>
    <t>Abdul Hakeem Zafar</t>
  </si>
  <si>
    <t>GES FEROZ BANDA</t>
  </si>
  <si>
    <t>GHOUR GHUSHTI - MALE</t>
  </si>
  <si>
    <t>Ghourghushti</t>
  </si>
  <si>
    <t>Mohallah Ferozbanda vpo Ghour ghushti tehsil Hazro district Attock</t>
  </si>
  <si>
    <t>GES FORMULI</t>
  </si>
  <si>
    <t>Formuli</t>
  </si>
  <si>
    <t>mohala gulshan colony VPO formulli hazro attock</t>
  </si>
  <si>
    <t>Rashid Javed</t>
  </si>
  <si>
    <t>GES GABBER ARAIN</t>
  </si>
  <si>
    <t>Hussain Ahmed</t>
  </si>
  <si>
    <t>GES GABOOL WALA</t>
  </si>
  <si>
    <t>SADAR SOUTH MALE</t>
  </si>
  <si>
    <t>Paigah chak No 2</t>
  </si>
  <si>
    <t>Gabool wala</t>
  </si>
  <si>
    <t>Nawa Gabool Wala</t>
  </si>
  <si>
    <t>Paigah Chak No.2</t>
  </si>
  <si>
    <t>Naeem Atta Chughtai</t>
  </si>
  <si>
    <t>GES GADDAI</t>
  </si>
  <si>
    <t>Gaddai, dulley wala, darya khan, bhakkar</t>
  </si>
  <si>
    <t>GES GADGORE</t>
  </si>
  <si>
    <t>p&amp;o  gadgore tehsil pasrur district sialkot</t>
  </si>
  <si>
    <t>Ilyas Ahmad</t>
  </si>
  <si>
    <t>GES GADI SHUMALI</t>
  </si>
  <si>
    <t>GADI SHUMALI</t>
  </si>
  <si>
    <t>BASTI GADI SHUMALI TAUNSA SHARIF D.G.KHAN</t>
  </si>
  <si>
    <t>KALO WALA</t>
  </si>
  <si>
    <t>MUHAMMAD UMAR FAROOQ MALKANI</t>
  </si>
  <si>
    <t>GES GADI SOUTH</t>
  </si>
  <si>
    <t>Gadi</t>
  </si>
  <si>
    <t>basti gadi</t>
  </si>
  <si>
    <t>Atta Muhammad</t>
  </si>
  <si>
    <t>GES GAGAN THAL</t>
  </si>
  <si>
    <t>KHAR (FORT MUNRO) - MALE</t>
  </si>
  <si>
    <t>Gagan Thal</t>
  </si>
  <si>
    <t>Moza gagan Thal P/O khar Fort Munroo Distt. DGkhan</t>
  </si>
  <si>
    <t>Gagan thal</t>
  </si>
  <si>
    <t>LIAQAT ALI</t>
  </si>
  <si>
    <t>pool</t>
  </si>
  <si>
    <t>GES GAGAY WALI</t>
  </si>
  <si>
    <t>Gagay wali</t>
  </si>
  <si>
    <t>Ges gagay Wali</t>
  </si>
  <si>
    <t>Hafiz Tahir Mehmood</t>
  </si>
  <si>
    <t>GES GAGGA SARAI</t>
  </si>
  <si>
    <t>PHOOL NAGAR CITY - MALE</t>
  </si>
  <si>
    <t>Gagga Sarai</t>
  </si>
  <si>
    <t>gagga sarai po phool nagar tehsil pattoki distt kasur</t>
  </si>
  <si>
    <t>Muhammad Muzammal</t>
  </si>
  <si>
    <t>GES GAGGAR</t>
  </si>
  <si>
    <t>Gaggar</t>
  </si>
  <si>
    <t>village gaggar kÃ sur</t>
  </si>
  <si>
    <t>Sheikhum</t>
  </si>
  <si>
    <t>Muhammad Akram Ch</t>
  </si>
  <si>
    <t>GES GAGRAY WALI</t>
  </si>
  <si>
    <t>Gagray Wali</t>
  </si>
  <si>
    <t>Gagray wali Basti Ghulam Muhammad</t>
  </si>
  <si>
    <t>Basti Ghulam Muhammad</t>
  </si>
  <si>
    <t>Yaki Wali</t>
  </si>
  <si>
    <t>Riaz Ahmed Khan</t>
  </si>
  <si>
    <t>GES GAHNOYAN</t>
  </si>
  <si>
    <t>Ghanoian</t>
  </si>
  <si>
    <t>gbes ghanoian</t>
  </si>
  <si>
    <t>Tahir Nawaz</t>
  </si>
  <si>
    <t>GES GAJJANI</t>
  </si>
  <si>
    <t>Gajjani</t>
  </si>
  <si>
    <t>basti gajjani p/o Kala DG Khan</t>
  </si>
  <si>
    <t>MUNAWAR IQBAL</t>
  </si>
  <si>
    <t>GES GAJJU HATTA WARD NO 1 P/O SHUJABAD</t>
  </si>
  <si>
    <t>CITY SHUJABAD - MALE</t>
  </si>
  <si>
    <t>Gajju Hatta</t>
  </si>
  <si>
    <t>mazoorabad  gajju hatta</t>
  </si>
  <si>
    <t>MOHAMMAD Ijaz</t>
  </si>
  <si>
    <t>GES GAKHAR</t>
  </si>
  <si>
    <t>GAKHAR</t>
  </si>
  <si>
    <t>GBES GAKHAR</t>
  </si>
  <si>
    <t>Dhreak</t>
  </si>
  <si>
    <t>Mahmood Khan</t>
  </si>
  <si>
    <t>GES GANDA KHEL</t>
  </si>
  <si>
    <t>Ganda</t>
  </si>
  <si>
    <t>Mauza ganda tehsil isakhel Mianwali</t>
  </si>
  <si>
    <t>Muhammad Tayyab Kamal</t>
  </si>
  <si>
    <t>GES GANDHI OTTAR</t>
  </si>
  <si>
    <t>BHOE ASAL - MALE</t>
  </si>
  <si>
    <t>Gandi Ottar</t>
  </si>
  <si>
    <t>gandhi ottar teh pattoki dist kasur</t>
  </si>
  <si>
    <t>Bhoe Asal</t>
  </si>
  <si>
    <t>GES GANDHI ROOP SINGH</t>
  </si>
  <si>
    <t>GANDHI ROOP SINGH</t>
  </si>
  <si>
    <t>GANDHI ROOP SINGH teh chunian distt kasur</t>
  </si>
  <si>
    <t>Landay</t>
  </si>
  <si>
    <t>Jaml Hussain</t>
  </si>
  <si>
    <t>GES GANGOHAR</t>
  </si>
  <si>
    <t>NIDDOKE - MALE</t>
  </si>
  <si>
    <t>Gangohar</t>
  </si>
  <si>
    <t>Niddoke</t>
  </si>
  <si>
    <t>GES GANGOO BAHADUR</t>
  </si>
  <si>
    <t>Gangu Bahadur</t>
  </si>
  <si>
    <t>Village Gangoo Bhadur Taxila</t>
  </si>
  <si>
    <t>Gangu Bhadur</t>
  </si>
  <si>
    <t>MC Taxila</t>
  </si>
  <si>
    <t>Ghufran Ul Hannan Ghauri</t>
  </si>
  <si>
    <t>GES GANMOON WALA NAWAB PUR MULTAN</t>
  </si>
  <si>
    <t>NAWAB PUR - MALE</t>
  </si>
  <si>
    <t>Nawabpur</t>
  </si>
  <si>
    <t>Government Elementary School, ganmoonwala , nawabpur</t>
  </si>
  <si>
    <t>ganmoonwala</t>
  </si>
  <si>
    <t>nawabpur</t>
  </si>
  <si>
    <t>Ch M Arif</t>
  </si>
  <si>
    <t>GES GARAH JAN MUHAMMAD</t>
  </si>
  <si>
    <t>Wara Sehran</t>
  </si>
  <si>
    <t>Basti Gara Jan Muhammad Tehsil Karor Layyah</t>
  </si>
  <si>
    <t>Gara Jan Muhammad</t>
  </si>
  <si>
    <t>ISMAIL SHAH</t>
  </si>
  <si>
    <t>GES GARHI DHODHO</t>
  </si>
  <si>
    <t>Garhi Dho Dho</t>
  </si>
  <si>
    <t>Garhi dho dho p/o bhong tehsil sadiq abad distt rahim yar khan</t>
  </si>
  <si>
    <t>Mohammad yousaf</t>
  </si>
  <si>
    <t>GES GARJAKH</t>
  </si>
  <si>
    <t>Garjakh</t>
  </si>
  <si>
    <t>main road garjakh</t>
  </si>
  <si>
    <t>garjakh</t>
  </si>
  <si>
    <t>jalil ahmad</t>
  </si>
  <si>
    <t>GES GATTA RAIKH</t>
  </si>
  <si>
    <t>Gata Raikh</t>
  </si>
  <si>
    <t>baste gata raikh post office barthi uc mubarki</t>
  </si>
  <si>
    <t>GES GEHLAN CHAK NO.9</t>
  </si>
  <si>
    <t>Gehlan Chak No 9</t>
  </si>
  <si>
    <t>Gehlan Chak No. 9</t>
  </si>
  <si>
    <t>Gehlan Chak NO 9</t>
  </si>
  <si>
    <t>Kothi Wala Chak No 7</t>
  </si>
  <si>
    <t>AFZAL  MUNIR</t>
  </si>
  <si>
    <t>GES GEHMAL PEER</t>
  </si>
  <si>
    <t>Gehmal Pir</t>
  </si>
  <si>
    <t>Moza Gehmal Pir post office Sahja</t>
  </si>
  <si>
    <t>Gehna Lar</t>
  </si>
  <si>
    <t>GES GENERAL HOSPITAL</t>
  </si>
  <si>
    <t>ayub road behind general hospital lahore</t>
  </si>
  <si>
    <t>Lahore</t>
  </si>
  <si>
    <t>chungi amer sidu</t>
  </si>
  <si>
    <t>muhammad tufail shakir</t>
  </si>
  <si>
    <t>GES GHABI JAKHAR CHAH DHORAY WALA</t>
  </si>
  <si>
    <t>chah dhoray Wala mouza jakhar tehsil shujabad district Multan.</t>
  </si>
  <si>
    <t>Mari Noon</t>
  </si>
  <si>
    <t>GES GHAKKA MITTER</t>
  </si>
  <si>
    <t>Ghakka Mitter</t>
  </si>
  <si>
    <t>Abrar Ahmed</t>
  </si>
  <si>
    <t>GES GHALLOO</t>
  </si>
  <si>
    <t>Ghalloo</t>
  </si>
  <si>
    <t>Mouza Ghalloo, Tehsil Mailsi District Vehari</t>
  </si>
  <si>
    <t>GES GHALWAN</t>
  </si>
  <si>
    <t>Ghalwan</t>
  </si>
  <si>
    <t>ghalwan Uc 109 ges ghalwan ali pur m.garh</t>
  </si>
  <si>
    <t>Ghalwan-I</t>
  </si>
  <si>
    <t>Zulfiqar  Ali Khan</t>
  </si>
  <si>
    <t>GES GHALWAN WALA</t>
  </si>
  <si>
    <t>chah ghalwan wala,mouza bhutaji ,teh &amp; district lodhran</t>
  </si>
  <si>
    <t>Ghalwan Wala</t>
  </si>
  <si>
    <t>GES GHANOKAY JAJJA</t>
  </si>
  <si>
    <t>Ghanoke Jajja</t>
  </si>
  <si>
    <t>Govt E/S Ghanoke Jajja Tehsil Daska District Sialkot</t>
  </si>
  <si>
    <t>Mubarik Ali Shah</t>
  </si>
  <si>
    <t>GES GHANSIA</t>
  </si>
  <si>
    <t>Ghansia</t>
  </si>
  <si>
    <t>Village &amp;PO  Ghansia</t>
  </si>
  <si>
    <t>Chechiyan Shamas</t>
  </si>
  <si>
    <t>Mohammmad Naeem Aslam</t>
  </si>
  <si>
    <t>GES GHANYA KAY</t>
  </si>
  <si>
    <t>Ghaniakey</t>
  </si>
  <si>
    <t>Handal</t>
  </si>
  <si>
    <t>MUHAMMAD AHMAD</t>
  </si>
  <si>
    <t>GES GHAR WALA</t>
  </si>
  <si>
    <t>thaiklan junobi</t>
  </si>
  <si>
    <t>basti ghar wala tehsil jalalpur pir wala</t>
  </si>
  <si>
    <t>ghar wala</t>
  </si>
  <si>
    <t>karam ali wala</t>
  </si>
  <si>
    <t>QAISER ABBAS</t>
  </si>
  <si>
    <t>GES GHAREEB MOHALLA HASILPUR</t>
  </si>
  <si>
    <t>Ward no. 16, ghareeb muhalla, hasilpur</t>
  </si>
  <si>
    <t>Ward No16</t>
  </si>
  <si>
    <t>Shah Rangeela</t>
  </si>
  <si>
    <t>GES GHARI BHGER</t>
  </si>
  <si>
    <t>Garhi Begarh</t>
  </si>
  <si>
    <t>GBES Garhi Begarh</t>
  </si>
  <si>
    <t>Asghar Ali Shah</t>
  </si>
  <si>
    <t>GES GHARIB WAL</t>
  </si>
  <si>
    <t>gharibwal</t>
  </si>
  <si>
    <t>Sauwal</t>
  </si>
  <si>
    <t>shaukat mahmood</t>
  </si>
  <si>
    <t>GES GHAZALI MODEL</t>
  </si>
  <si>
    <t>yousaf shah road jhang</t>
  </si>
  <si>
    <t>asghar ali</t>
  </si>
  <si>
    <t>GES GHAZI ABAD</t>
  </si>
  <si>
    <t>GES GHAZIABAD JHANG SADAR</t>
  </si>
  <si>
    <t>Syed Tahir Raza Shah</t>
  </si>
  <si>
    <t>GES GHAZIWAL KHURD</t>
  </si>
  <si>
    <t>Ghaziwal khurd</t>
  </si>
  <si>
    <t>GhaIwal khurd</t>
  </si>
  <si>
    <t>bola bajwa</t>
  </si>
  <si>
    <t>Azhar ali</t>
  </si>
  <si>
    <t>GES GHEHAL PUR</t>
  </si>
  <si>
    <t>UTRA SANDILA- MALE</t>
  </si>
  <si>
    <t>Ghehal Pur</t>
  </si>
  <si>
    <t>village ghehal pur union council utra sandeela tehsil and District muzaffargarh</t>
  </si>
  <si>
    <t>Hassan Pur Kacha</t>
  </si>
  <si>
    <t>GES GHICK BUDHAL</t>
  </si>
  <si>
    <t>Ghick Budhal</t>
  </si>
  <si>
    <t>Vill &amp; p/o Ghick budhal Teh Gujar Khan</t>
  </si>
  <si>
    <t>Kanyat Khalil</t>
  </si>
  <si>
    <t>Muhammad Waseem Shoukat</t>
  </si>
  <si>
    <t>GES GHLIA KALLAN</t>
  </si>
  <si>
    <t>Gheela Kalan</t>
  </si>
  <si>
    <t>Village Gheela Kalan, Post Office Chakri, Rawalpindi.</t>
  </si>
  <si>
    <t>Raja Ali Afzal Janjua</t>
  </si>
  <si>
    <t>Bore</t>
  </si>
  <si>
    <t>GES GHOURGHUSHTI NO.1</t>
  </si>
  <si>
    <t>ghourghushti</t>
  </si>
  <si>
    <t>Govt boys elementary school 1 mohallah shera banda v.p.o ghourghushti tehsil hazro distt attock</t>
  </si>
  <si>
    <t>Zahoor Ahmed</t>
  </si>
  <si>
    <t>GES GHOUS MUHAMMAD WALA</t>
  </si>
  <si>
    <t>Ghous M Wala</t>
  </si>
  <si>
    <t>ghous muhammad wala, kotmoman, sargodha</t>
  </si>
  <si>
    <t>Ghous Muhammad Wala</t>
  </si>
  <si>
    <t>kotmiana</t>
  </si>
  <si>
    <t>kHIZAR HAYAT</t>
  </si>
  <si>
    <t>GES GHOUS PUR MACHHIAN</t>
  </si>
  <si>
    <t>Ghous Pur Machhian Machian</t>
  </si>
  <si>
    <t>elementary school ghous pur machian p0b missonabad tehsil and district rahim yar khan</t>
  </si>
  <si>
    <t>Ghous Pur Machian</t>
  </si>
  <si>
    <t>Missonabad</t>
  </si>
  <si>
    <t>Javed Akhtar Shah</t>
  </si>
  <si>
    <t>GES GHUGH</t>
  </si>
  <si>
    <t>Ghugh</t>
  </si>
  <si>
    <t>Village and Postoffice Ghugh Chakwal</t>
  </si>
  <si>
    <t>GES GHULAMAN</t>
  </si>
  <si>
    <t>GHULAMAN</t>
  </si>
  <si>
    <t>P/O GHULAMAN</t>
  </si>
  <si>
    <t>GHULAMAN NO.2</t>
  </si>
  <si>
    <t>SAIF ULLAH KHAN</t>
  </si>
  <si>
    <t>GES GHULAY KAY BAGHELAY</t>
  </si>
  <si>
    <t>RAVI TOWN MALE</t>
  </si>
  <si>
    <t>ghulay k bghalay</t>
  </si>
  <si>
    <t>ghulay k bghalay kamalia toba tek singh</t>
  </si>
  <si>
    <t>Muhammad shah</t>
  </si>
  <si>
    <t>Muhammad Sajawal</t>
  </si>
  <si>
    <t>GES GHULLAY BAJWAY</t>
  </si>
  <si>
    <t>Ghully  Bajwy</t>
  </si>
  <si>
    <t>ghully bajwy</t>
  </si>
  <si>
    <t>Ghully Bajwy</t>
  </si>
  <si>
    <t>Pandorian</t>
  </si>
  <si>
    <t>Muhammad Luqman</t>
  </si>
  <si>
    <t>GES GHUMA</t>
  </si>
  <si>
    <t>Ghoma</t>
  </si>
  <si>
    <t>Gov't Elementary school Ghoma post office dargapur teh,kamoki.distt,gujranwala</t>
  </si>
  <si>
    <t>zulafqar ahmad</t>
  </si>
  <si>
    <t>GES GHUMAN</t>
  </si>
  <si>
    <t>ghuman</t>
  </si>
  <si>
    <t>Ahmdani</t>
  </si>
  <si>
    <t>GES GHUMAN MARI</t>
  </si>
  <si>
    <t>JALAL PUR KAMLANA-MALE</t>
  </si>
  <si>
    <t>Ghumman Mari</t>
  </si>
  <si>
    <t>Post Office and Tehsil shorkot</t>
  </si>
  <si>
    <t>CH Zafar Iqbal</t>
  </si>
  <si>
    <t>GES GHUMMAN KALAN</t>
  </si>
  <si>
    <t>Ghumman Kalan</t>
  </si>
  <si>
    <t>Ghumman kalan</t>
  </si>
  <si>
    <t>Bath kalan</t>
  </si>
  <si>
    <t>GES GHUNDRILLA</t>
  </si>
  <si>
    <t>Gungrila</t>
  </si>
  <si>
    <t>Po ghungrila Gujar khan</t>
  </si>
  <si>
    <t>Ghungrila</t>
  </si>
  <si>
    <t>anwaar hussain Shah</t>
  </si>
  <si>
    <t>GES GID PUR</t>
  </si>
  <si>
    <t>Gidpur</t>
  </si>
  <si>
    <t>gidpur P/O khass tehsil chunian district kasur</t>
  </si>
  <si>
    <t>Muhammad Abdullah Amjad</t>
  </si>
  <si>
    <t>GES GIDRAN MOUZA HUSSAIN ABAD</t>
  </si>
  <si>
    <t>GES Gidran mouza hussain Abad</t>
  </si>
  <si>
    <t>Marla Schem</t>
  </si>
  <si>
    <t>Dera Jund</t>
  </si>
  <si>
    <t>ABDUL KHALIQ TAHIR</t>
  </si>
  <si>
    <t>GES GIDRIAM</t>
  </si>
  <si>
    <t>Gidriam</t>
  </si>
  <si>
    <t>Ges Gidriam Teh Sohawa Distt Jhelum</t>
  </si>
  <si>
    <t>Pail Banay Khan</t>
  </si>
  <si>
    <t>Faisal Ashraf</t>
  </si>
  <si>
    <t>GES GILL WALA</t>
  </si>
  <si>
    <t>Gill Walla</t>
  </si>
  <si>
    <t>gill wala</t>
  </si>
  <si>
    <t>Gill Wala</t>
  </si>
  <si>
    <t>Ladhewala</t>
  </si>
  <si>
    <t>GES GILLKALLAN</t>
  </si>
  <si>
    <t>Gill Kalan</t>
  </si>
  <si>
    <t>Gill Kalan. p/o Ahmadabad narowal</t>
  </si>
  <si>
    <t>Lala</t>
  </si>
  <si>
    <t>Adeel Nawaz Basra</t>
  </si>
  <si>
    <t>GES GIRDARI WALA</t>
  </si>
  <si>
    <t>VANJARI-MALE</t>
  </si>
  <si>
    <t>Malla Khel</t>
  </si>
  <si>
    <t>Village girdari Wala, Kamar mushing isakhel.</t>
  </si>
  <si>
    <t>Girdari Wala</t>
  </si>
  <si>
    <t>Muhammad  Mumtaz Khan</t>
  </si>
  <si>
    <t>GES GIRDI</t>
  </si>
  <si>
    <t>JHAMAT - MALE</t>
  </si>
  <si>
    <t>Girdi</t>
  </si>
  <si>
    <t>girdi,jand,attock</t>
  </si>
  <si>
    <t>GES GIRDOO</t>
  </si>
  <si>
    <t>Girdo</t>
  </si>
  <si>
    <t>p/o khar fort manro</t>
  </si>
  <si>
    <t>Jalal Ul Din</t>
  </si>
  <si>
    <t>water cooler2</t>
  </si>
  <si>
    <t>GES GIRWAN WALA</t>
  </si>
  <si>
    <t>ROHILLAN WALI- MALE</t>
  </si>
  <si>
    <t>Rukan wali</t>
  </si>
  <si>
    <t>Rukan wali, moza girwan waLa, tehsil jatoi, dist. Muzaffar garh</t>
  </si>
  <si>
    <t>Girwan wala</t>
  </si>
  <si>
    <t>GES GOBIND GARH, ABDUL HAKIM</t>
  </si>
  <si>
    <t>Gobind garh</t>
  </si>
  <si>
    <t>GES Gobind garh moza Gobind garh Abdul Hakim</t>
  </si>
  <si>
    <t>Umeed garh</t>
  </si>
  <si>
    <t>GES GOBIND PUR P/O GOBIND PUR</t>
  </si>
  <si>
    <t>HUSSAIN KOT - MALE</t>
  </si>
  <si>
    <t>Gobind pur</t>
  </si>
  <si>
    <t>Govt.Elementary School Gobind pur</t>
  </si>
  <si>
    <t>Chak Bedi</t>
  </si>
  <si>
    <t>GES GODDA</t>
  </si>
  <si>
    <t>Goda</t>
  </si>
  <si>
    <t>R/o goda p/o dullewals tehsil daryakhan district bhakkar</t>
  </si>
  <si>
    <t>Baranga</t>
  </si>
  <si>
    <t>khaj omer</t>
  </si>
  <si>
    <t>GES GODHO</t>
  </si>
  <si>
    <t>Gohdo</t>
  </si>
  <si>
    <t>village gohdo</t>
  </si>
  <si>
    <t>Ghari Afghanan</t>
  </si>
  <si>
    <t>Nawazish Ali</t>
  </si>
  <si>
    <t>GES GOGERA KHAS</t>
  </si>
  <si>
    <t>GOGERA-MALE</t>
  </si>
  <si>
    <t>Gogera</t>
  </si>
  <si>
    <t>Gogera Khas</t>
  </si>
  <si>
    <t>Ghulam Awais</t>
  </si>
  <si>
    <t>GES GOHAR ABAD</t>
  </si>
  <si>
    <t>Fathe Surani</t>
  </si>
  <si>
    <t>Gohar abad p/o k.d qureshi tehsil &amp; distt. muzaffar garh</t>
  </si>
  <si>
    <t>Karam Dad Qureshi</t>
  </si>
  <si>
    <t>Haji Abdul Majeed Surani</t>
  </si>
  <si>
    <t>GES GOHAWA</t>
  </si>
  <si>
    <t>GOHAWA</t>
  </si>
  <si>
    <t>GOHAWA BEDIAN ROAD LAHORE CANTT</t>
  </si>
  <si>
    <t>9 CANTT BOARD</t>
  </si>
  <si>
    <t>Anwar Ul Haq</t>
  </si>
  <si>
    <t>GES GOJRA</t>
  </si>
  <si>
    <t>gojra</t>
  </si>
  <si>
    <t>Muhammad Tayyub Butt</t>
  </si>
  <si>
    <t>GES GOKAL JADEED</t>
  </si>
  <si>
    <t>Murali Wali</t>
  </si>
  <si>
    <t>basti Gokal karor</t>
  </si>
  <si>
    <t>Gokal Jadeed</t>
  </si>
  <si>
    <t>Farrukh Shahzad</t>
  </si>
  <si>
    <t>GES GOLRA HASAM</t>
  </si>
  <si>
    <t>GOLRHA HASHIM</t>
  </si>
  <si>
    <t>Village: GOLRHA HASHIM, P/O: BHAGWAL, Tehsil: KHARIAN, District: GUJRAT</t>
  </si>
  <si>
    <t>BHAGWAL</t>
  </si>
  <si>
    <t>GES GOND PUR</t>
  </si>
  <si>
    <t>Gond Pur</t>
  </si>
  <si>
    <t>moza gond pur</t>
  </si>
  <si>
    <t>Hazoor</t>
  </si>
  <si>
    <t>Qaiser Iqbal</t>
  </si>
  <si>
    <t>GES GOPI RAI</t>
  </si>
  <si>
    <t>Gopi Rai</t>
  </si>
  <si>
    <t>Gopi Rai P/O Thabal The &amp;District Sheikhupura</t>
  </si>
  <si>
    <t>Mirza Virkan</t>
  </si>
  <si>
    <t>GES GOPYRAW NO 42</t>
  </si>
  <si>
    <t>Gopay Ra Chak 42</t>
  </si>
  <si>
    <t>Gopay Ra Chak 42, Tehsil Pattoki, District Kasur.</t>
  </si>
  <si>
    <t>Niamat Ali</t>
  </si>
  <si>
    <t>GES GORAKH PUR</t>
  </si>
  <si>
    <t>Gorakhpur</t>
  </si>
  <si>
    <t>Village Gorakhpur Adyala Road Rawalpindi</t>
  </si>
  <si>
    <t>Adyala</t>
  </si>
  <si>
    <t>Malik Saqib Zaman</t>
  </si>
  <si>
    <t>GES GORAYA</t>
  </si>
  <si>
    <t>Goraya</t>
  </si>
  <si>
    <t>Goraya markz colony shaukat abad tehsil and disttrict Nankana Sahib</t>
  </si>
  <si>
    <t>Kot bini das</t>
  </si>
  <si>
    <t>Ehsan Elahi</t>
  </si>
  <si>
    <t>GES GOTH BAHAR</t>
  </si>
  <si>
    <t>Muhammad Asif Aziz</t>
  </si>
  <si>
    <t>GES GOTH MEHROO</t>
  </si>
  <si>
    <t>Goth Mehroo</t>
  </si>
  <si>
    <t>Goth Mehroo Bahawalpur</t>
  </si>
  <si>
    <t>Jindo Missan</t>
  </si>
  <si>
    <t>GES GOTH SHAH MUHAMMAD</t>
  </si>
  <si>
    <t>Goth Noor Muhammad</t>
  </si>
  <si>
    <t>goth noor Muhammad teh. khairpur Tamewali dist. Bahawalpur</t>
  </si>
  <si>
    <t>Basti Goth Noor Muhammad</t>
  </si>
  <si>
    <t>Saleem Babar</t>
  </si>
  <si>
    <t>GES GOWALMANDI</t>
  </si>
  <si>
    <t>LAHORE KHAS - MALE</t>
  </si>
  <si>
    <t>Gowalmandi</t>
  </si>
  <si>
    <t>Krishna Gali 2 gowalmandi Lahore</t>
  </si>
  <si>
    <t>Krishna Gali 2</t>
  </si>
  <si>
    <t>Bidden Road</t>
  </si>
  <si>
    <t>GES GUDAR MALKANA</t>
  </si>
  <si>
    <t>Gudar Malkana</t>
  </si>
  <si>
    <t>gudar malkana p/o hasso k nau abad</t>
  </si>
  <si>
    <t>Abdul Jabbar Bhati</t>
  </si>
  <si>
    <t>GES GUFFANWALA</t>
  </si>
  <si>
    <t>Guffanwala</t>
  </si>
  <si>
    <t>vpo guffanwala</t>
  </si>
  <si>
    <t>Buchal Khurd</t>
  </si>
  <si>
    <t>Masood Anwar Khokhar</t>
  </si>
  <si>
    <t>GES GUJAR GORAYA</t>
  </si>
  <si>
    <t>Gujjar Goraya</t>
  </si>
  <si>
    <t>village gujjar goraya teh.pasrur Distt. Sialkot</t>
  </si>
  <si>
    <t>Gujjar Goraua</t>
  </si>
  <si>
    <t>Talwandi Anayat Khan</t>
  </si>
  <si>
    <t>GES GUJARKE</t>
  </si>
  <si>
    <t>Gujarke</t>
  </si>
  <si>
    <t>Gujarke P/O Vanike Tarar</t>
  </si>
  <si>
    <t>Suhaib Hanif</t>
  </si>
  <si>
    <t>GES GUJJA</t>
  </si>
  <si>
    <t>Gujja</t>
  </si>
  <si>
    <t>Gujja post office Hussain Abad Bhakkar</t>
  </si>
  <si>
    <t>Hafiz Rahmat Ullah</t>
  </si>
  <si>
    <t>GES GUJRAN WALA</t>
  </si>
  <si>
    <t>GES GUL BAHAR</t>
  </si>
  <si>
    <t>DALOWALI - MALE</t>
  </si>
  <si>
    <t>Gulbahar</t>
  </si>
  <si>
    <t>village Gulbahar P/o GulbaharTehsil &amp; District Sialkot</t>
  </si>
  <si>
    <t>Bhoth</t>
  </si>
  <si>
    <t>Arif Hussain</t>
  </si>
  <si>
    <t>Community Water Supply</t>
  </si>
  <si>
    <t>GES GUL PUR</t>
  </si>
  <si>
    <t>GES GULPUR, Moza Qutabpur, Teh: Hasilpur</t>
  </si>
  <si>
    <t>Gulpur</t>
  </si>
  <si>
    <t>Abdul Hameed Baig</t>
  </si>
  <si>
    <t>GES GULBAHAR COLONY</t>
  </si>
  <si>
    <t>Walton</t>
  </si>
  <si>
    <t>St No 1, Gul Bahar colony, Walton Cantt. Lahore</t>
  </si>
  <si>
    <t>GES GULLAN KHEL</t>
  </si>
  <si>
    <t>Gullan Khel</t>
  </si>
  <si>
    <t>Po gullen khel mianwali</t>
  </si>
  <si>
    <t>gullen Khel</t>
  </si>
  <si>
    <t>Daud Khel Rural</t>
  </si>
  <si>
    <t>Ghazanfar Ullah Shah</t>
  </si>
  <si>
    <t>GES GULLAN WALA</t>
  </si>
  <si>
    <t>Bait Melana</t>
  </si>
  <si>
    <t>basti amano wala fatah surani</t>
  </si>
  <si>
    <t>Amano wala</t>
  </si>
  <si>
    <t>GhaziGhat</t>
  </si>
  <si>
    <t>GES GULLO KHANDAGH</t>
  </si>
  <si>
    <t>Gullukhandagh</t>
  </si>
  <si>
    <t>tribal area dg khan gullukhandagh</t>
  </si>
  <si>
    <t>Tumn Leghari Zarin</t>
  </si>
  <si>
    <t>GES GULLOKE</t>
  </si>
  <si>
    <t>Gulloke</t>
  </si>
  <si>
    <t>village and p/o gulloke tehsil kamoke district Gujranwala</t>
  </si>
  <si>
    <t>Amir Hussain</t>
  </si>
  <si>
    <t>GES GULSHAN ABAD</t>
  </si>
  <si>
    <t>KANDHARA Singh</t>
  </si>
  <si>
    <t>GES Gulshan Abad Basti Gheel pur POB chak 102/P(sarbhori) RYKhan</t>
  </si>
  <si>
    <t>Gulshan Abad</t>
  </si>
  <si>
    <t>100 P</t>
  </si>
  <si>
    <t>Muhammad Umair  Shakoor</t>
  </si>
  <si>
    <t>GES GULYAL</t>
  </si>
  <si>
    <t>GULYAL - MALE</t>
  </si>
  <si>
    <t>Gulyal</t>
  </si>
  <si>
    <t>village.&amp;.p.o.Gulyal.Teh.Fateh Jang.Distt.Attock.</t>
  </si>
  <si>
    <t>Fazal Abbas</t>
  </si>
  <si>
    <t>GES GULZAR JAGEER</t>
  </si>
  <si>
    <t>Gulzar Jagir</t>
  </si>
  <si>
    <t>gulzar jagir</t>
  </si>
  <si>
    <t>shah muhammad nawaz</t>
  </si>
  <si>
    <t>GES GUNIAN NO. 17 RB</t>
  </si>
  <si>
    <t>Maliburji Chak 17</t>
  </si>
  <si>
    <t>maliburji chak 17 tehsil sangla hill district nankana sahib</t>
  </si>
  <si>
    <t>Sathiali Kalan Chak 25</t>
  </si>
  <si>
    <t>Muhammad Iqbal Siddiqui</t>
  </si>
  <si>
    <t>GES GUNJAIRAH</t>
  </si>
  <si>
    <t>basti gunjera</t>
  </si>
  <si>
    <t>Gunjera</t>
  </si>
  <si>
    <t>Shahzad Khan Sherwani</t>
  </si>
  <si>
    <t>GES HABIB WALA (CHAK NO. 145/ML)</t>
  </si>
  <si>
    <t>145/ML</t>
  </si>
  <si>
    <t>Ada jahangeer abad, chak No. 145/ML kot addu</t>
  </si>
  <si>
    <t>518TDA</t>
  </si>
  <si>
    <t>GES HADDA</t>
  </si>
  <si>
    <t>Hadda</t>
  </si>
  <si>
    <t>village hadda p/o 86 sb sargodha</t>
  </si>
  <si>
    <t>84sb</t>
  </si>
  <si>
    <t>Muhammad Akhtar iqbal</t>
  </si>
  <si>
    <t>GES HADIALA VIRKAN</t>
  </si>
  <si>
    <t>MURIDKE-VIII - MALE</t>
  </si>
  <si>
    <t>Hadiala Virkan</t>
  </si>
  <si>
    <t>hadiala virkan</t>
  </si>
  <si>
    <t>Qila Sattar Shah</t>
  </si>
  <si>
    <t>AAMIR SHAHZAD</t>
  </si>
  <si>
    <t>GES HAFEEZ NAGAR</t>
  </si>
  <si>
    <t>ALLAHABAD</t>
  </si>
  <si>
    <t>P/O box Basti Hafeez Nagar post office Rasool pur teh..jampur dist  rajanour</t>
  </si>
  <si>
    <t>Hafeez Nagar</t>
  </si>
  <si>
    <t>ALLAHABAD SHARQI</t>
  </si>
  <si>
    <t>Muhammad Imran Khalil</t>
  </si>
  <si>
    <t>GES HAFIZ ABAD</t>
  </si>
  <si>
    <t>ADDA TAKHAT MAHAL, DHANI M YAR CHISHTI BAHAWALNAGAR</t>
  </si>
  <si>
    <t>DHANI M YAR CHISHTI</t>
  </si>
  <si>
    <t>KAPORAN</t>
  </si>
  <si>
    <t>GES HAFIZ WALA</t>
  </si>
  <si>
    <t>BWN-IX-MALE</t>
  </si>
  <si>
    <t>Hafiz wala Bahawalnagar</t>
  </si>
  <si>
    <t>Muhammad Jamil Bhutta</t>
  </si>
  <si>
    <t>GES HAIDER GHAZI</t>
  </si>
  <si>
    <t>Tibba Mustaqil Sharqi</t>
  </si>
  <si>
    <t>Basti Hader ghazi musatqil sharqi Daira Deen Panah Kot Addu</t>
  </si>
  <si>
    <t>HAIDER Ghazi</t>
  </si>
  <si>
    <t>Muhammad Shahab Ul Qadus</t>
  </si>
  <si>
    <t>GES HAIGAR</t>
  </si>
  <si>
    <t>Haiger</t>
  </si>
  <si>
    <t>Chak Uggu</t>
  </si>
  <si>
    <t>GES HAIL</t>
  </si>
  <si>
    <t>Hail</t>
  </si>
  <si>
    <t>village hail teh kharian distt gujrat</t>
  </si>
  <si>
    <t>Punjan Kissana</t>
  </si>
  <si>
    <t>Naeem Ahmad Tariq</t>
  </si>
  <si>
    <t>GES HAITU</t>
  </si>
  <si>
    <t>ges haitu</t>
  </si>
  <si>
    <t>GES HAJI CHAND</t>
  </si>
  <si>
    <t>MANDI AHMAD ABAD - MALE</t>
  </si>
  <si>
    <t>Haji Chand</t>
  </si>
  <si>
    <t>Village haji chand</t>
  </si>
  <si>
    <t>Boungha ameer singh</t>
  </si>
  <si>
    <t>Muhammad Saleem Zia</t>
  </si>
  <si>
    <t>GES HAJI GHULAM MUHAMMAD KULYAR</t>
  </si>
  <si>
    <t>Tibba miani</t>
  </si>
  <si>
    <t>Basti Haji Ghulam Muhammad kachi wah sama satta Bahawalpur</t>
  </si>
  <si>
    <t>Haji Ghulam Muhammad</t>
  </si>
  <si>
    <t>Tibia Miani</t>
  </si>
  <si>
    <t>Muhammad Hassan</t>
  </si>
  <si>
    <t>GES HAJI KAMAND</t>
  </si>
  <si>
    <t>Haji Kamand Post Office Jhoke Uttra</t>
  </si>
  <si>
    <t>Shoukat Abbas</t>
  </si>
  <si>
    <t>GES HAJI SHAH</t>
  </si>
  <si>
    <t>HAJI SHAH</t>
  </si>
  <si>
    <t>Govt.boys elementary school haji shah.tehsil and district attock</t>
  </si>
  <si>
    <t>GES HALIMABAD</t>
  </si>
  <si>
    <t>Ghangla</t>
  </si>
  <si>
    <t>mouza ghangla gbes haleem abad</t>
  </si>
  <si>
    <t>Basti Haleem Abad</t>
  </si>
  <si>
    <t>Mian Rab Nawaz</t>
  </si>
  <si>
    <t>GES HALLA KHICHIAN</t>
  </si>
  <si>
    <t>HALLA KHICHIAN-MALE</t>
  </si>
  <si>
    <t>Halla Khichian</t>
  </si>
  <si>
    <t>Halla Khichian near Bara Ghar Nankana Sahib</t>
  </si>
  <si>
    <t>GES HALLAR KEY PEMAR</t>
  </si>
  <si>
    <t>Hallar Ke Pemar</t>
  </si>
  <si>
    <t>Hallar ke pemar post office and tehsil kot radha kishen kasur</t>
  </si>
  <si>
    <t>GES HALQA NO 4</t>
  </si>
  <si>
    <t>Lalobazir khanpur</t>
  </si>
  <si>
    <t>MC KHAN PUR</t>
  </si>
  <si>
    <t>Azhar qadeer</t>
  </si>
  <si>
    <t>GES HAMA RATH</t>
  </si>
  <si>
    <t>HAMA RATH</t>
  </si>
  <si>
    <t>HAMA Rath P.o Mari Hazara Tehsil Arifwala PAKPATTAN</t>
  </si>
  <si>
    <t>NOORA RATH</t>
  </si>
  <si>
    <t>GES HAMBOKE</t>
  </si>
  <si>
    <t>Humboke</t>
  </si>
  <si>
    <t>humboke p.o udhuwali teh nowshera virkan distt gujranwala</t>
  </si>
  <si>
    <t>Udhuwali</t>
  </si>
  <si>
    <t>GES HAMID PUR</t>
  </si>
  <si>
    <t>Hamidpur</t>
  </si>
  <si>
    <t>Hamidpur  Rahim yar khan</t>
  </si>
  <si>
    <t>Haji pur</t>
  </si>
  <si>
    <t>Rais Shafiq Ahmad Aasi</t>
  </si>
  <si>
    <t>GES HAMID ULLAH BHATTI</t>
  </si>
  <si>
    <t>ROSHAN BHAIT - MALE</t>
  </si>
  <si>
    <t>ROSHAN BHAIT</t>
  </si>
  <si>
    <t>Hamid Ullah Bhatti  TEHSIL Sadiq Abad District Rahim YAR Khan.</t>
  </si>
  <si>
    <t>Hamid ULLAH Bhatti</t>
  </si>
  <si>
    <t>Roshan Bhait</t>
  </si>
  <si>
    <t>MUHAMMAD  SHAKEEL</t>
  </si>
  <si>
    <t>GES HAMOKA</t>
  </si>
  <si>
    <t>village hamoka district khushab</t>
  </si>
  <si>
    <t>Hassan Pur Tiwana</t>
  </si>
  <si>
    <t>GES HANGLOON KUCH</t>
  </si>
  <si>
    <t>MANJHVAIL MALE</t>
  </si>
  <si>
    <t>Hangloon Kach</t>
  </si>
  <si>
    <t>hangloonkach tribal area DGKhan</t>
  </si>
  <si>
    <t>Theker</t>
  </si>
  <si>
    <t>sulaman lakhi</t>
  </si>
  <si>
    <t>stream</t>
  </si>
  <si>
    <t>GES HANJ</t>
  </si>
  <si>
    <t>Hanj</t>
  </si>
  <si>
    <t>Village &amp;PO Hanj Tehsil Kharian District Gujrat</t>
  </si>
  <si>
    <t>Bhaddar</t>
  </si>
  <si>
    <t>GES HANJALI CHAK 121/RB</t>
  </si>
  <si>
    <t>hanjali 121 teh. sangla hill nankana sahib</t>
  </si>
  <si>
    <t>Hanjali 121</t>
  </si>
  <si>
    <t>Pandorian 122</t>
  </si>
  <si>
    <t>Haroon Rashid</t>
  </si>
  <si>
    <t>GES HAQ NAWAZ WALA, P/O MOUZA SHER GARH, KABIRWALA</t>
  </si>
  <si>
    <t>haq nawaz wala</t>
  </si>
  <si>
    <t>Chak Norng Shah</t>
  </si>
  <si>
    <t>FAISAL MASOOD</t>
  </si>
  <si>
    <t>GES HARAKKA</t>
  </si>
  <si>
    <t>Harraka</t>
  </si>
  <si>
    <t>Bagga Sheikhan</t>
  </si>
  <si>
    <t>GES HARAPPA CITY</t>
  </si>
  <si>
    <t>HARAPPA-A-MALE</t>
  </si>
  <si>
    <t>Harappa City</t>
  </si>
  <si>
    <t>ges harappa city</t>
  </si>
  <si>
    <t>Husnain Akbar Saijd</t>
  </si>
  <si>
    <t>GES HARAS PUR MALANAY</t>
  </si>
  <si>
    <t>Malanay</t>
  </si>
  <si>
    <t>Village:Haras Pur Malanay, P.O. Box Cantt. Sialkot</t>
  </si>
  <si>
    <t>Haras Pur Malanay</t>
  </si>
  <si>
    <t>Ploura Kalan</t>
  </si>
  <si>
    <t>GES HARDO LADHEKE</t>
  </si>
  <si>
    <t>MURIDKE-IV - MALE</t>
  </si>
  <si>
    <t>Ladheke</t>
  </si>
  <si>
    <t>Ladheke post office same via narang</t>
  </si>
  <si>
    <t>Yasir Arfat</t>
  </si>
  <si>
    <t>GES HARDO SEHOLE MUSLIM</t>
  </si>
  <si>
    <t>Hardo Sehole Muslim</t>
  </si>
  <si>
    <t>hardo sehole Muslim</t>
  </si>
  <si>
    <t>Kirto</t>
  </si>
  <si>
    <t>sowdagher mahmood</t>
  </si>
  <si>
    <t>GES HARI HAR</t>
  </si>
  <si>
    <t>Hari Har</t>
  </si>
  <si>
    <t>Hari Har P/O Burj Kalan</t>
  </si>
  <si>
    <t>Muhammad Aslam  Mubashar</t>
  </si>
  <si>
    <t>GES HARI PUR</t>
  </si>
  <si>
    <t>Haripur</t>
  </si>
  <si>
    <t>Govt. Elementary School, Haripur</t>
  </si>
  <si>
    <t>Kot Arjan Singh</t>
  </si>
  <si>
    <t>Phulyani</t>
  </si>
  <si>
    <t>Tariq Jamil</t>
  </si>
  <si>
    <t>GES HARIA WALA</t>
  </si>
  <si>
    <t>Haria wala</t>
  </si>
  <si>
    <t>Haria Wala</t>
  </si>
  <si>
    <t>muhammad azam</t>
  </si>
  <si>
    <t>GES HARN WALA</t>
  </si>
  <si>
    <t>Harn Wala</t>
  </si>
  <si>
    <t>Moza Harn wala Minchin abad Bahawal Nagar</t>
  </si>
  <si>
    <t>Muhammad Saleem Ahmad</t>
  </si>
  <si>
    <t>GES HARPAL KAY</t>
  </si>
  <si>
    <t>Harpal Kay</t>
  </si>
  <si>
    <t>GES Harpalkay, Village Harpalkay, P.O. Khana Nau, Tehsil Cantt, District Lahore</t>
  </si>
  <si>
    <t>GES HARPOKE</t>
  </si>
  <si>
    <t>Harpoke</t>
  </si>
  <si>
    <t>village harpoke po same tehsil kamoke district gujranwala</t>
  </si>
  <si>
    <t>Khalil Ur Rehman</t>
  </si>
  <si>
    <t>GES HARSA BULLAH</t>
  </si>
  <si>
    <t>Harsabullah</t>
  </si>
  <si>
    <t>Moza Harsabullah</t>
  </si>
  <si>
    <t>Adlana</t>
  </si>
  <si>
    <t>Zafar Abbas</t>
  </si>
  <si>
    <t>GES HARWAN</t>
  </si>
  <si>
    <t>Jarahi Stop Adyala Road Rawalpindi</t>
  </si>
  <si>
    <t>Dhama Syedan</t>
  </si>
  <si>
    <t>GES HARYYA TEH NANKANA</t>
  </si>
  <si>
    <t>Haryya</t>
  </si>
  <si>
    <t>Haryya post office warburton Teh a&amp;Distt Nankana sahib</t>
  </si>
  <si>
    <t>Jogay Kot</t>
  </si>
  <si>
    <t>GES HASIL WALA</t>
  </si>
  <si>
    <t>Pai Wagna</t>
  </si>
  <si>
    <t>Basti Hasil Wala</t>
  </si>
  <si>
    <t>Hasil Wala</t>
  </si>
  <si>
    <t>Nasir Di Wahin</t>
  </si>
  <si>
    <t>GES HASNOTE</t>
  </si>
  <si>
    <t>Hasnote</t>
  </si>
  <si>
    <t>ges hasnote</t>
  </si>
  <si>
    <t>GES HASSAIN ABAD</t>
  </si>
  <si>
    <t>GBES Hussain Abad WahCantt</t>
  </si>
  <si>
    <t>Hussain ABAD</t>
  </si>
  <si>
    <t>Farrukh Zeeshan</t>
  </si>
  <si>
    <t>GES HASSAN</t>
  </si>
  <si>
    <t>Hassan</t>
  </si>
  <si>
    <t>Distt Teh  MBDin  vpo Hassan</t>
  </si>
  <si>
    <t>Chimmon</t>
  </si>
  <si>
    <t>GES HASSAN KHAN</t>
  </si>
  <si>
    <t>Hassan Khan</t>
  </si>
  <si>
    <t>moza Hassan Khan tehsil and district jhang</t>
  </si>
  <si>
    <t>Chund Bharwans</t>
  </si>
  <si>
    <t>Abdur Rehman</t>
  </si>
  <si>
    <t>GES HASSAN PUR KACHA</t>
  </si>
  <si>
    <t>Hassan Pur Kach</t>
  </si>
  <si>
    <t>hassan pur kacha p/o mahra city</t>
  </si>
  <si>
    <t>Muhammad Inam Ullah</t>
  </si>
  <si>
    <t>GES HASSAN PUR TARUND</t>
  </si>
  <si>
    <t>Hassan Pur Trund</t>
  </si>
  <si>
    <t>basti Lal Wala Mouza Hassan pur trund p.o har Palo tehsil district Muzaffar garh.</t>
  </si>
  <si>
    <t>Lal Wala</t>
  </si>
  <si>
    <t>Abdul Aziz Khan</t>
  </si>
  <si>
    <t>GES HASSANABDAL</t>
  </si>
  <si>
    <t>hassanabdal</t>
  </si>
  <si>
    <t>abbotabad mor hazara road hassanabdal</t>
  </si>
  <si>
    <t>Hassanabdal</t>
  </si>
  <si>
    <t>TMA Hassanabdal</t>
  </si>
  <si>
    <t>fareed ahmed</t>
  </si>
  <si>
    <t>GES HASSU WALI</t>
  </si>
  <si>
    <t>QAIM BHARWANA - MALE</t>
  </si>
  <si>
    <t>Hassu Wali</t>
  </si>
  <si>
    <t>hassu wali</t>
  </si>
  <si>
    <t>muhammad shoaib</t>
  </si>
  <si>
    <t>GES HASTI WALA</t>
  </si>
  <si>
    <t>Dulley Wala</t>
  </si>
  <si>
    <t>hasti wala</t>
  </si>
  <si>
    <t>Hasti Wala</t>
  </si>
  <si>
    <t>MC Dulle Wala</t>
  </si>
  <si>
    <t>GES HATARAN WALA SOUTH</t>
  </si>
  <si>
    <t>Tinda Thal</t>
  </si>
  <si>
    <t>hataranwala south</t>
  </si>
  <si>
    <t>Hataranwala South</t>
  </si>
  <si>
    <t>Kalwal</t>
  </si>
  <si>
    <t>GES HATTAR</t>
  </si>
  <si>
    <t>Hattar</t>
  </si>
  <si>
    <t>VPO Hattar Tehsil Kalar Kahar District Chakwal</t>
  </si>
  <si>
    <t>Kalar Kahar</t>
  </si>
  <si>
    <t>Ghufran Haider</t>
  </si>
  <si>
    <t>GES HATTRAN WALA SHUMALI</t>
  </si>
  <si>
    <t>Hattaranwala Shumali P/O Abbasian wala, moza Haitu, Tehsil kallur kot distric bhakkar</t>
  </si>
  <si>
    <t>Hattaranwala Shumali</t>
  </si>
  <si>
    <t>GES HAVELI NO.2</t>
  </si>
  <si>
    <t>Mander Mohallah Haveli Lakha Tehsil Depalpur District Okara</t>
  </si>
  <si>
    <t>Haveli Lakha City</t>
  </si>
  <si>
    <t>MC Haveli Lakha</t>
  </si>
  <si>
    <t>Electric Cooler</t>
  </si>
  <si>
    <t>GES HAZARA SHUMALI</t>
  </si>
  <si>
    <t>Hazara Shumali</t>
  </si>
  <si>
    <t>Hazara shumali Tehsil piplan District Mianwali</t>
  </si>
  <si>
    <t>Mutloob Hussain Shah</t>
  </si>
  <si>
    <t>GES HAZARAH SOUTH</t>
  </si>
  <si>
    <t>Hazarah South</t>
  </si>
  <si>
    <t>Ges  Hazarah South p/O Behal teh&amp;distt.Bhakkar.</t>
  </si>
  <si>
    <t>Waseem Shahzad</t>
  </si>
  <si>
    <t>GES HAZRO NO.1</t>
  </si>
  <si>
    <t>Hazro</t>
  </si>
  <si>
    <t>Missile chowk hazro</t>
  </si>
  <si>
    <t>Muhammad Zahid Khan</t>
  </si>
  <si>
    <t>GES HEAD RASOOL</t>
  </si>
  <si>
    <t>Inhar Colony</t>
  </si>
  <si>
    <t>inhar colony head rasul</t>
  </si>
  <si>
    <t>Inhar Colony Head Rasul</t>
  </si>
  <si>
    <t>Rasul</t>
  </si>
  <si>
    <t>M Afzal Munawar</t>
  </si>
  <si>
    <t>GES HEAD SULEMANKI</t>
  </si>
  <si>
    <t>Head SULEMANKI</t>
  </si>
  <si>
    <t>Canal colony Head Sulemanki</t>
  </si>
  <si>
    <t>Head Sulemanki</t>
  </si>
  <si>
    <t>Jamalkot</t>
  </si>
  <si>
    <t>Mushtaq Ahmad Shakir</t>
  </si>
  <si>
    <t>GES HEEMA MEHROKA</t>
  </si>
  <si>
    <t>Heeman</t>
  </si>
  <si>
    <t>Chak Heeman Mehrooka</t>
  </si>
  <si>
    <t>Heeman Mehrooka</t>
  </si>
  <si>
    <t>Machi Singh</t>
  </si>
  <si>
    <t>Hafeez Ullah</t>
  </si>
  <si>
    <t>GES HEER</t>
  </si>
  <si>
    <t>Heer</t>
  </si>
  <si>
    <t>Village Heer P.O. Sialkot Cantt</t>
  </si>
  <si>
    <t>Dalowali</t>
  </si>
  <si>
    <t>MOHAMMAD JAMIL</t>
  </si>
  <si>
    <t>GES HELAN</t>
  </si>
  <si>
    <t>Syed Imran Abbas</t>
  </si>
  <si>
    <t>GES HERCHOKI</t>
  </si>
  <si>
    <t>Hercho Ki</t>
  </si>
  <si>
    <t>Hercho Ki tehsil Chunian district Kasur</t>
  </si>
  <si>
    <t>GES HERDO BANDOKEY</t>
  </si>
  <si>
    <t>Herdobandoke</t>
  </si>
  <si>
    <t>ges herdo bandoke</t>
  </si>
  <si>
    <t>Herdo Bandoke</t>
  </si>
  <si>
    <t>Mureed Ke</t>
  </si>
  <si>
    <t>GES HERSA NOSHEHRA</t>
  </si>
  <si>
    <t>BHEEM KAY - MALE</t>
  </si>
  <si>
    <t>Harsa Noshera</t>
  </si>
  <si>
    <t>Harsa noshera</t>
  </si>
  <si>
    <t>Muhammadi Pur</t>
  </si>
  <si>
    <t>Nadim Ul Hasan</t>
  </si>
  <si>
    <t>GES HERSA SHEIKH</t>
  </si>
  <si>
    <t>Hersa Shiekh</t>
  </si>
  <si>
    <t>moza hersa Sheikh lhr road chiniot</t>
  </si>
  <si>
    <t>sarwar khan</t>
  </si>
  <si>
    <t>GES HIJRI</t>
  </si>
  <si>
    <t>Hijri</t>
  </si>
  <si>
    <t>Village Hijri post office Malhowali Tehsil Pindigheb District Attock</t>
  </si>
  <si>
    <t>Mohammad Kazim</t>
  </si>
  <si>
    <t>GES HOON</t>
  </si>
  <si>
    <t>Hoon</t>
  </si>
  <si>
    <t>hoon</t>
  </si>
  <si>
    <t>GES HOOT SIAL</t>
  </si>
  <si>
    <t>Charyari</t>
  </si>
  <si>
    <t>Government  Elementary School Hoot Sial Basti Hoot Sial Tehsil Ahmad Pur Sial District Jhang</t>
  </si>
  <si>
    <t>Hoot Sial</t>
  </si>
  <si>
    <t>GES HOOT WALA BASTI HAVELI AMIN</t>
  </si>
  <si>
    <t>Hoot Wala</t>
  </si>
  <si>
    <t>Basti haveli Ameen Mouza hootwala jalalpurpir wala</t>
  </si>
  <si>
    <t>Haveli Ameen</t>
  </si>
  <si>
    <t>M Yameen Ameer</t>
  </si>
  <si>
    <t>GES HOUSING COLONY</t>
  </si>
  <si>
    <t>Housing Colony</t>
  </si>
  <si>
    <t>Y block housing colony sheikhupura</t>
  </si>
  <si>
    <t>muhammad abbas</t>
  </si>
  <si>
    <t>GES HOUSING COLONY T.T.SINGH</t>
  </si>
  <si>
    <t>housing colony toba tek singh</t>
  </si>
  <si>
    <t>Toba City</t>
  </si>
  <si>
    <t>Mc Toba</t>
  </si>
  <si>
    <t>Hafiz Ata Ur Rehman</t>
  </si>
  <si>
    <t>GES HUNDAL</t>
  </si>
  <si>
    <t>Hundal</t>
  </si>
  <si>
    <t>Hundal PO Same Tehsil &amp; District Sialkot</t>
  </si>
  <si>
    <t>Qaisar Majeed Butt</t>
  </si>
  <si>
    <t>GES HUNJRAI KHURD</t>
  </si>
  <si>
    <t>Hunjray Khurd</t>
  </si>
  <si>
    <t>hunjray khurd</t>
  </si>
  <si>
    <t>Hnjray Khurd</t>
  </si>
  <si>
    <t>Hunjray Kalan</t>
  </si>
  <si>
    <t>Naseem Ahmad Khan</t>
  </si>
  <si>
    <t>GES HUSSAIN COLONY</t>
  </si>
  <si>
    <t>Hussain Colony</t>
  </si>
  <si>
    <t>GES  Hussain Colony CTN</t>
  </si>
  <si>
    <t>TMA</t>
  </si>
  <si>
    <t>Faisal Sultan</t>
  </si>
  <si>
    <t>GES HUSSAIN PUR AARI WALA, TULAMBA</t>
  </si>
  <si>
    <t>Hussain Pur Aariwala</t>
  </si>
  <si>
    <t>hussain pur ariwala markaz tulamba</t>
  </si>
  <si>
    <t>9B/8r</t>
  </si>
  <si>
    <t>GES HUSSAIN WALA</t>
  </si>
  <si>
    <t>MANHAN- MALE</t>
  </si>
  <si>
    <t>Radho</t>
  </si>
  <si>
    <t>basti veero wala mouza radho tehsil kotadu</t>
  </si>
  <si>
    <t>Veero Wala</t>
  </si>
  <si>
    <t>Ghulam  Abbas</t>
  </si>
  <si>
    <t>GES HUSSAIN WALA BHAKRA</t>
  </si>
  <si>
    <t>Bhakra</t>
  </si>
  <si>
    <t>GES Hussain wala Bhakra</t>
  </si>
  <si>
    <t>Katcha Kalo</t>
  </si>
  <si>
    <t>Mohammad Hussain</t>
  </si>
  <si>
    <t>GES HUSSO WALA</t>
  </si>
  <si>
    <t>choubara city</t>
  </si>
  <si>
    <t>Hassu Wala</t>
  </si>
  <si>
    <t>GES HYD SONS HYE</t>
  </si>
  <si>
    <t>Talewala</t>
  </si>
  <si>
    <t>Flood colony</t>
  </si>
  <si>
    <t>Flood Colony</t>
  </si>
  <si>
    <t>1p</t>
  </si>
  <si>
    <t>Abid Raza</t>
  </si>
  <si>
    <t>GES IBRAHIM PUR P/O CHAK HAIDER ABAD</t>
  </si>
  <si>
    <t>Ibraheempur</t>
  </si>
  <si>
    <t>basti muniawala mouza ibraheempur Tehsil kabirwala District khanewal</t>
  </si>
  <si>
    <t>Muniawala</t>
  </si>
  <si>
    <t>GES IBRAHIM WALA</t>
  </si>
  <si>
    <t>chah tindan ibrahim wala</t>
  </si>
  <si>
    <t>Tindan Ibrahim Wala</t>
  </si>
  <si>
    <t>GES IJAZ WALA</t>
  </si>
  <si>
    <t>bait wasawa shumali</t>
  </si>
  <si>
    <t>GES IKHLAS GARH</t>
  </si>
  <si>
    <t>Ikhlas Garh</t>
  </si>
  <si>
    <t>ikhlas garh</t>
  </si>
  <si>
    <t>GES IMAM PURA CHAK NO. 89 RB</t>
  </si>
  <si>
    <t>Imampur</t>
  </si>
  <si>
    <t>Imampur  nakodar tehsil shahkot Nankana sb</t>
  </si>
  <si>
    <t>Imampur Nakodar</t>
  </si>
  <si>
    <t>Kot  Nizam Din</t>
  </si>
  <si>
    <t>Iftikhar Hussain Shah</t>
  </si>
  <si>
    <t>Ro plant</t>
  </si>
  <si>
    <t>GES INAYAT ALI</t>
  </si>
  <si>
    <t>basti Anayat Ali</t>
  </si>
  <si>
    <t>Anayat Ali</t>
  </si>
  <si>
    <t>M Tahir Khan</t>
  </si>
  <si>
    <t>GES INAYAT PUR MOZA INAYAT PUR MOHOTTAH</t>
  </si>
  <si>
    <t>Inayat Pur Mahota</t>
  </si>
  <si>
    <t>chah pepli wala inayat pur mahota multan</t>
  </si>
  <si>
    <t>Muhammad Sarwar Qureshi</t>
  </si>
  <si>
    <t>GES INAYAT PUR, P/O HAJI PUR, KABIRWALA</t>
  </si>
  <si>
    <t>Inyatpur</t>
  </si>
  <si>
    <t>inyatpur p/o hajipur tehsil kabirwala kwl</t>
  </si>
  <si>
    <t>Monganwala</t>
  </si>
  <si>
    <t>Wajid Manhood Sajjad</t>
  </si>
  <si>
    <t>GES IQBAL NAGAR</t>
  </si>
  <si>
    <t>Kotha Jindo</t>
  </si>
  <si>
    <t>kotha Jindo Khan dajal teh.jampur distt.rajanpur</t>
  </si>
  <si>
    <t>Thul Ali Muhammad</t>
  </si>
  <si>
    <t>Khan Muhammad</t>
  </si>
  <si>
    <t>GES ISHAQ WALA</t>
  </si>
  <si>
    <t>Ajab Arain</t>
  </si>
  <si>
    <t>Basti Bahawal Nala P/O Baseera,Muzaffargarh</t>
  </si>
  <si>
    <t>Bahawal Nala</t>
  </si>
  <si>
    <t>Mukhtiar Ahmad</t>
  </si>
  <si>
    <t>GES ISHRI SING WALA</t>
  </si>
  <si>
    <t>ishri sing wala</t>
  </si>
  <si>
    <t>village ishri sing wala</t>
  </si>
  <si>
    <t>rao khan wala</t>
  </si>
  <si>
    <t>MUHAMMAD ASHIQ</t>
  </si>
  <si>
    <t>GES ISLAHI MODEL AZIZ COLONY YOUSAF PARK SHAHDARA</t>
  </si>
  <si>
    <t>Kot Mehbbo</t>
  </si>
  <si>
    <t>abdullah block yousaf park shahdara</t>
  </si>
  <si>
    <t>Shahdara</t>
  </si>
  <si>
    <t>Yousaf Park</t>
  </si>
  <si>
    <t>M Sajjad Hussain</t>
  </si>
  <si>
    <t>GES ISLAMIA ELEMENTARY</t>
  </si>
  <si>
    <t>satellite town ryk</t>
  </si>
  <si>
    <t>Lisan Ali Asim</t>
  </si>
  <si>
    <t>GES ISLAMIA JAFARIA SURAJ MIANI</t>
  </si>
  <si>
    <t>Alamdi Surah</t>
  </si>
  <si>
    <t>ges islamia jafria suraj miani multan</t>
  </si>
  <si>
    <t>Suraj Miani</t>
  </si>
  <si>
    <t>GES ISLAMIA PARK FSD</t>
  </si>
  <si>
    <t>Sant Singh</t>
  </si>
  <si>
    <t>Govt. M.C. Elementary School Islamia Park Faisalabad</t>
  </si>
  <si>
    <t>Islamia Park</t>
  </si>
  <si>
    <t>Saadat Ali</t>
  </si>
  <si>
    <t>GES ISLAMIA PATTOKI</t>
  </si>
  <si>
    <t>Pattoki City</t>
  </si>
  <si>
    <t>kareem parak pattoki</t>
  </si>
  <si>
    <t>MC Pattoki</t>
  </si>
  <si>
    <t>MUDASSER LATIF</t>
  </si>
  <si>
    <t>GES ISMAEEL CHACHAR</t>
  </si>
  <si>
    <t>ISMAIL CHACHAR CHACHAR CHACHAR</t>
  </si>
  <si>
    <t>ISMAEEL CHACHER KOTSABZAL SADIQABAD RAHIM YAR KHAN</t>
  </si>
  <si>
    <t>ISMAEEL CHACHER</t>
  </si>
  <si>
    <t>CHACHRAN</t>
  </si>
  <si>
    <t>SYED TANVEER RAZA</t>
  </si>
  <si>
    <t>GES ISMAEL PUR</t>
  </si>
  <si>
    <t>ISMAIL PUR</t>
  </si>
  <si>
    <t>GES ISMAIL PUR p/o Hatheji</t>
  </si>
  <si>
    <t>BWP Ghalwan</t>
  </si>
  <si>
    <t>Aamir Shahzad Sial</t>
  </si>
  <si>
    <t>GES ISMAIL WALA</t>
  </si>
  <si>
    <t>Churata Kothaibat</t>
  </si>
  <si>
    <t>chah ismail Wala Churata Kothaibat</t>
  </si>
  <si>
    <t>Kothaibat</t>
  </si>
  <si>
    <t>GES ISMAILKAY</t>
  </si>
  <si>
    <t>Ismailky</t>
  </si>
  <si>
    <t>village ismailky p/o wadala sandhwan daska sialkot</t>
  </si>
  <si>
    <t>Wadala Sandhwan</t>
  </si>
  <si>
    <t>GES ITTEHAD TOWN DOGACH</t>
  </si>
  <si>
    <t>Harbans Pura</t>
  </si>
  <si>
    <t>GES ITTEHAD TOWN DOGATCH LAHORE CANTT</t>
  </si>
  <si>
    <t>Itteehad Town</t>
  </si>
  <si>
    <t>Peer Naseer</t>
  </si>
  <si>
    <t>Iftikhar Hussain Abid</t>
  </si>
  <si>
    <t>GES JABA</t>
  </si>
  <si>
    <t>Jaba</t>
  </si>
  <si>
    <t>Main Jaba Naushera Road V &amp; PO Jaba Teh. Naushera Distt. Khushab</t>
  </si>
  <si>
    <t>Khabaki</t>
  </si>
  <si>
    <t>Shahzad Amin</t>
  </si>
  <si>
    <t>Private water supply connection</t>
  </si>
  <si>
    <t>GES JABAIR PUR</t>
  </si>
  <si>
    <t>Jabairpur</t>
  </si>
  <si>
    <t>VPO Jabairpur Teh. &amp; District chakwal</t>
  </si>
  <si>
    <t>GES JABBO MAIL</t>
  </si>
  <si>
    <t>Jabbo Mail</t>
  </si>
  <si>
    <t>PO Raja Jang Tehsil &amp; District Kasur.</t>
  </si>
  <si>
    <t>Orara</t>
  </si>
  <si>
    <t>GES JABBOKE</t>
  </si>
  <si>
    <t>Jabboke</t>
  </si>
  <si>
    <t>jabboke teh.kamoke</t>
  </si>
  <si>
    <t>ASIF ZEESHAN</t>
  </si>
  <si>
    <t>GES JADA JHELUM</t>
  </si>
  <si>
    <t>Ges jada near khalid market jada chungi jhelum</t>
  </si>
  <si>
    <t>MUHAMMAD GHULAM MUSTAFA ALI</t>
  </si>
  <si>
    <t>GES JAGAT PUR</t>
  </si>
  <si>
    <t>basti jaggat pur post office jaggat pur tehsil and district muzaffar garh</t>
  </si>
  <si>
    <t>ALLAH YAAR</t>
  </si>
  <si>
    <t>GES JAGEER GABOOL</t>
  </si>
  <si>
    <t>jageer gabol</t>
  </si>
  <si>
    <t>ES jageer gabol rajan pur</t>
  </si>
  <si>
    <t>jahan pur</t>
  </si>
  <si>
    <t>Khalid Pervaiz</t>
  </si>
  <si>
    <t>GES JAGGO WALA CHAK NO 40</t>
  </si>
  <si>
    <t>Jagoo Wala Chak 40</t>
  </si>
  <si>
    <t>Govt. Elementary School Jagoo Wala Chak 40, tehsil pattoki district kasur,</t>
  </si>
  <si>
    <t>BEHAR WAL KALAN</t>
  </si>
  <si>
    <t>Mohammad Yousaf</t>
  </si>
  <si>
    <t>GES JAGIR HORAH</t>
  </si>
  <si>
    <t>Jageer Hoora</t>
  </si>
  <si>
    <t>Govt.E/S Jageer Hoora</t>
  </si>
  <si>
    <t>Duran Wala</t>
  </si>
  <si>
    <t>GES JAGO WALA KOHNA</t>
  </si>
  <si>
    <t>Jagowala</t>
  </si>
  <si>
    <t>Jagowala Tehsil Nowshera Virkan District Gujranwala</t>
  </si>
  <si>
    <t>Jagowala Kohna</t>
  </si>
  <si>
    <t>Phama Sara</t>
  </si>
  <si>
    <t>Safdar Shah</t>
  </si>
  <si>
    <t>GES JAHAAN KHAN</t>
  </si>
  <si>
    <t>Kot Mubarak Shumali</t>
  </si>
  <si>
    <t>basti jahan khan Shah sader din</t>
  </si>
  <si>
    <t>Jahan khan</t>
  </si>
  <si>
    <t>GES JAHAN ABAD</t>
  </si>
  <si>
    <t>Jahan abad</t>
  </si>
  <si>
    <t>GBES Jahan Abad Post Office Pind Mehri Tehsil Hassan Abdal District Attock</t>
  </si>
  <si>
    <t>Jahan Abad</t>
  </si>
  <si>
    <t>Pourmiana</t>
  </si>
  <si>
    <t>GES JAHAN PUR</t>
  </si>
  <si>
    <t>JAHAN PUR-MALE</t>
  </si>
  <si>
    <t>Jahan pur Mailsi</t>
  </si>
  <si>
    <t>Jahan pur</t>
  </si>
  <si>
    <t>Abdul Hafeez</t>
  </si>
  <si>
    <t>GES JAHANGIR ABAD, KACHA KHUH</t>
  </si>
  <si>
    <t>Chak no 36 10/R Jahangirabad</t>
  </si>
  <si>
    <t>GES Chak no 36 10/R Jahangirabad, Kacha Khuh, Tehsil Khanewal</t>
  </si>
  <si>
    <t>LIAQAT ALI SAJID</t>
  </si>
  <si>
    <t>GES JAHANGIR PURA</t>
  </si>
  <si>
    <t>VANIKE TARAR - MALE</t>
  </si>
  <si>
    <t>vanike</t>
  </si>
  <si>
    <t>20 km away in north from hafiz abad</t>
  </si>
  <si>
    <t>vanike tarar</t>
  </si>
  <si>
    <t>akhtar ahmad</t>
  </si>
  <si>
    <t>GES JAHANIAN</t>
  </si>
  <si>
    <t>Jahanian</t>
  </si>
  <si>
    <t>block No.6 Jahanian</t>
  </si>
  <si>
    <t>Mc Jahanian</t>
  </si>
  <si>
    <t>GES JAHANIAN NO.3 JAHANIAN</t>
  </si>
  <si>
    <t>Block no. 1 Jahanian</t>
  </si>
  <si>
    <t>GES JAHLAR</t>
  </si>
  <si>
    <t>Jahlar</t>
  </si>
  <si>
    <t>GES JAHLAR Village &amp; Post office Jahlar Tehsil Naushera District Khushab</t>
  </si>
  <si>
    <t>Siddiquabad</t>
  </si>
  <si>
    <t>Muhammad Tariq Riaz</t>
  </si>
  <si>
    <t>GES JAITA</t>
  </si>
  <si>
    <t>Jaita</t>
  </si>
  <si>
    <t>village jaita tehsil muridke distt sheikhuoura</t>
  </si>
  <si>
    <t>Bahrian Wala</t>
  </si>
  <si>
    <t>Mohammed Afzal Shah</t>
  </si>
  <si>
    <t>GES JAJOKEE</t>
  </si>
  <si>
    <t>Jajokee</t>
  </si>
  <si>
    <t>Jajokee PO budhagoraya teh nvirkan distt grw</t>
  </si>
  <si>
    <t>Budhagoraya</t>
  </si>
  <si>
    <t>Muzammal Saeed</t>
  </si>
  <si>
    <t>GES JAKHAR</t>
  </si>
  <si>
    <t>mouza jakhar paca</t>
  </si>
  <si>
    <t>Basti Jakhar</t>
  </si>
  <si>
    <t>jakhar Pacca</t>
  </si>
  <si>
    <t>Atiq Uz Zaman</t>
  </si>
  <si>
    <t>GES JALAL ABAD</t>
  </si>
  <si>
    <t>Chak Janoobi</t>
  </si>
  <si>
    <t>Al haji colony chak Janoobi jhang</t>
  </si>
  <si>
    <t>Qasim Ali Shah</t>
  </si>
  <si>
    <t>GES JALAL KOT</t>
  </si>
  <si>
    <t>SHAHMAND-MALE</t>
  </si>
  <si>
    <t>Jalal Kot</t>
  </si>
  <si>
    <t>jalal kot mehr shah khagga</t>
  </si>
  <si>
    <t>Mehr Shah Khagga</t>
  </si>
  <si>
    <t>Ghulam Husain</t>
  </si>
  <si>
    <t>GES JALAL PUR  PIRWALA NO.1  WARD NO 4</t>
  </si>
  <si>
    <t>Jalalpur Pirwala</t>
  </si>
  <si>
    <t>ameer abad colony jalalpur pirwala</t>
  </si>
  <si>
    <t>Town Committee ward no.1</t>
  </si>
  <si>
    <t>Nazir Ahmad Malik</t>
  </si>
  <si>
    <t>GES JALAL PUR JADEED</t>
  </si>
  <si>
    <t>Jalalpur Jadeed</t>
  </si>
  <si>
    <t>Jalalpur Jadeed, Tehsil Shahpur, District Sargodha.</t>
  </si>
  <si>
    <t>Jhanabad</t>
  </si>
  <si>
    <t>AHMAD HAYAT</t>
  </si>
  <si>
    <t>GES JALAL PUR KAMLANA</t>
  </si>
  <si>
    <t>Jalalpur Kamlana</t>
  </si>
  <si>
    <t>Maoza jalapur kamlana, p/o shorkot Teh shorkot Jhang.</t>
  </si>
  <si>
    <t>Ghuman Mari</t>
  </si>
  <si>
    <t>Muhammad Yar</t>
  </si>
  <si>
    <t>GES JALAL PURA</t>
  </si>
  <si>
    <t>Jalalpura</t>
  </si>
  <si>
    <t>soye asal road raiwind lahore</t>
  </si>
  <si>
    <t>Judhu Dheer</t>
  </si>
  <si>
    <t>Habib Ahmad khan</t>
  </si>
  <si>
    <t>GES JALIL ABAD</t>
  </si>
  <si>
    <t>Basti Jalilabad Moza lakhani khan Bela Liaquatpur District Rahim yar khan</t>
  </si>
  <si>
    <t>Jalilabad</t>
  </si>
  <si>
    <t>Kotla daolat</t>
  </si>
  <si>
    <t>GES JALL SHUMALI</t>
  </si>
  <si>
    <t>Jall</t>
  </si>
  <si>
    <t>P O Jall Shumali</t>
  </si>
  <si>
    <t>Jall Shumali</t>
  </si>
  <si>
    <t>GES JALLA BALLA</t>
  </si>
  <si>
    <t>FAROOQA - MALE</t>
  </si>
  <si>
    <t>Jalla Bala</t>
  </si>
  <si>
    <t>jalla Bala Tehsil sahiwal district sargodha</t>
  </si>
  <si>
    <t>Kudlathi Aara</t>
  </si>
  <si>
    <t>GES JALLA MAKHDOOM</t>
  </si>
  <si>
    <t>Jalla Makhdoom</t>
  </si>
  <si>
    <t>Govt Boys Elementary School Jalla Makdoom Tehsil Kotmomin District Sargodha</t>
  </si>
  <si>
    <t>GES JALLO WALI</t>
  </si>
  <si>
    <t>Jallu Wali</t>
  </si>
  <si>
    <t>P/O kohar teh. taunsa distt. D.G.khan</t>
  </si>
  <si>
    <t>Saeed Ahmad Qaisrani</t>
  </si>
  <si>
    <t>GES JALYANA NIAZBAIG LAHORE</t>
  </si>
  <si>
    <t>jaliana</t>
  </si>
  <si>
    <t>Village jalyana defence road near bahria town lahore</t>
  </si>
  <si>
    <t>Jalyana</t>
  </si>
  <si>
    <t>Maraka</t>
  </si>
  <si>
    <t>Syed Munir Hussain shah</t>
  </si>
  <si>
    <t>GES JAMAL KAY TRAGGER, NAWAN SHEHR</t>
  </si>
  <si>
    <t>JAMAL KAY TRAGGAR</t>
  </si>
  <si>
    <t>Mouza JAMAL KAY TRAGGER, KABIRWALA</t>
  </si>
  <si>
    <t>JAMAL KAY TRAGGER</t>
  </si>
  <si>
    <t>Thull Najeeb</t>
  </si>
  <si>
    <t>GES JAMAL PUR</t>
  </si>
  <si>
    <t>Jamal Pur Syedan</t>
  </si>
  <si>
    <t>Ges jamal pur syedan</t>
  </si>
  <si>
    <t>Moin Udin Pur Syedan</t>
  </si>
  <si>
    <t>GES JAMALWAL</t>
  </si>
  <si>
    <t>Jamalwal</t>
  </si>
  <si>
    <t>vpo Jamalwal teh &amp; distt chakwal</t>
  </si>
  <si>
    <t>Ballokasar</t>
  </si>
  <si>
    <t>GES JAMIA CHARAGIA GOJRA</t>
  </si>
  <si>
    <t>GOJRA CITY MALE</t>
  </si>
  <si>
    <t>Gojra City</t>
  </si>
  <si>
    <t>Mehdi Mohalla near Laari Ada Gojra</t>
  </si>
  <si>
    <t>Gojra city</t>
  </si>
  <si>
    <t>Mehdi mohalla</t>
  </si>
  <si>
    <t>Zia Muhammad</t>
  </si>
  <si>
    <t>GES JAMIA RASHIDIA SAHIWAL</t>
  </si>
  <si>
    <t>SAHIWAL SADAR-A-MALE</t>
  </si>
  <si>
    <t>Grain Market Ghallah mandi Tehsil &amp; District Sahiwal</t>
  </si>
  <si>
    <t>Grain Market Ghallah mandi Sahiwal</t>
  </si>
  <si>
    <t>Ghallah Mandi</t>
  </si>
  <si>
    <t>Muhammad Ishaq Khan</t>
  </si>
  <si>
    <t>GES JAMMAR GHAL</t>
  </si>
  <si>
    <t>Jammarghal</t>
  </si>
  <si>
    <t>V. P. O JAMMARGHAL TEHSIL JHELUM DISTT JHELUM</t>
  </si>
  <si>
    <t>Shakil Ahmad</t>
  </si>
  <si>
    <t>GES JAMNA CHANDIA</t>
  </si>
  <si>
    <t>Dagger Chit</t>
  </si>
  <si>
    <t>Govt Boys E/S jamna chandia,p/o mamoori,teh and distt dg khan</t>
  </si>
  <si>
    <t>Jamna Chandia</t>
  </si>
  <si>
    <t>purchased water</t>
  </si>
  <si>
    <t>GES JAMPUR</t>
  </si>
  <si>
    <t>near qabirstan basti jampur khas, tehsil khanpur</t>
  </si>
  <si>
    <t>GES JAMPUR NO. 1</t>
  </si>
  <si>
    <t>Jampur West</t>
  </si>
  <si>
    <t>Muhammadia colony jampur</t>
  </si>
  <si>
    <t>Muhammadia Colony</t>
  </si>
  <si>
    <t>Mc Jampur</t>
  </si>
  <si>
    <t>GES JAMPUR NO. 2</t>
  </si>
  <si>
    <t>JAMPUR (N) N0. 2 - MALE</t>
  </si>
  <si>
    <t>chah baker wala,Wazir abad colony ,jampur</t>
  </si>
  <si>
    <t>Yasir Abbas</t>
  </si>
  <si>
    <t>GES JAMPUR NO. 3</t>
  </si>
  <si>
    <t>muhamdia colony jampur</t>
  </si>
  <si>
    <t>irshad ahmad</t>
  </si>
  <si>
    <t>GES JAMRANI SHAREEF</t>
  </si>
  <si>
    <t>Jamrani Kohna</t>
  </si>
  <si>
    <t>Jamrani Shareef, PO  Musafir Khana, Tehsil and District Bahawalpur</t>
  </si>
  <si>
    <t>Jamrani Shareef</t>
  </si>
  <si>
    <t>SYED ZAHID HUSSAIN BUKHARI</t>
  </si>
  <si>
    <t>GES JAMSHER 24</t>
  </si>
  <si>
    <t>Jamsher Chak No 24</t>
  </si>
  <si>
    <t>Jadmsher Chak no 24</t>
  </si>
  <si>
    <t>Awan Chak No 39</t>
  </si>
  <si>
    <t>GES JAMSHER KHURD</t>
  </si>
  <si>
    <t>Darbar Sheikh Ilm Din</t>
  </si>
  <si>
    <t>Darbar sheikh ilm din chunian kasur</t>
  </si>
  <si>
    <t>Jamsher Khurd</t>
  </si>
  <si>
    <t>Syed Ajmal Hussain Gelani</t>
  </si>
  <si>
    <t>GES JAMWAL</t>
  </si>
  <si>
    <t>Jamwal</t>
  </si>
  <si>
    <t>village jamwal</t>
  </si>
  <si>
    <t>Sajjad Khan</t>
  </si>
  <si>
    <t>GES JANAY WALA</t>
  </si>
  <si>
    <t>chah yaseen wala tehsil haubara;district layyah</t>
  </si>
  <si>
    <t>Yaseen Wala</t>
  </si>
  <si>
    <t>Nawnkot</t>
  </si>
  <si>
    <t>GES JANDIAL</t>
  </si>
  <si>
    <t>Mithial</t>
  </si>
  <si>
    <t>Jandial Mithial Jand Attock</t>
  </si>
  <si>
    <t>Azhar Mehmood</t>
  </si>
  <si>
    <t>GES JANDIALA</t>
  </si>
  <si>
    <t>ZAFARWAL - MALE</t>
  </si>
  <si>
    <t>jandiala</t>
  </si>
  <si>
    <t>govt.elemetry school jandiala</t>
  </si>
  <si>
    <t>jaadiala</t>
  </si>
  <si>
    <t>Qamar Ali</t>
  </si>
  <si>
    <t>GES JANDRAKA</t>
  </si>
  <si>
    <t>SHEIKHU SHARIF - MALE</t>
  </si>
  <si>
    <t>Jandraka</t>
  </si>
  <si>
    <t>Jandraka p/o same tehsil/ district okara</t>
  </si>
  <si>
    <t>Rai Ahmad Ali</t>
  </si>
  <si>
    <t>GES JANJOON SHARIF</t>
  </si>
  <si>
    <t>GOHAR WALA - MALE</t>
  </si>
  <si>
    <t>Goher Wala</t>
  </si>
  <si>
    <t>Janjoon  sharif tehsil mankera bhakkar</t>
  </si>
  <si>
    <t>Janjoon  Sharif</t>
  </si>
  <si>
    <t>GES JARA</t>
  </si>
  <si>
    <t>KHI KHURD (MALE)</t>
  </si>
  <si>
    <t>jara Tehsil&amp;P.O.NoorPurThal District Khushab</t>
  </si>
  <si>
    <t>Jherkil</t>
  </si>
  <si>
    <t>GES JARH RATHAIB</t>
  </si>
  <si>
    <t>Jarh Rathaib</t>
  </si>
  <si>
    <t>basti jarh rathaib</t>
  </si>
  <si>
    <t>Muhammad Arslan Farid</t>
  </si>
  <si>
    <t>GES JARRI SAWAG</t>
  </si>
  <si>
    <t>Daggar Kotli South</t>
  </si>
  <si>
    <t>Jarri sawag daggar kotli south Teh.Mankera Distt.Bhakkar.(punjab)</t>
  </si>
  <si>
    <t>Jarri Sawag</t>
  </si>
  <si>
    <t>GES JASSIAN</t>
  </si>
  <si>
    <t>ATTOCK SADDAR - MALE</t>
  </si>
  <si>
    <t>jassian</t>
  </si>
  <si>
    <t>vill.jassian</t>
  </si>
  <si>
    <t>sheen bagh</t>
  </si>
  <si>
    <t>GES JASSORAN</t>
  </si>
  <si>
    <t>CHAWINDA - MALE</t>
  </si>
  <si>
    <t>Jassoran</t>
  </si>
  <si>
    <t>village and post office jassoran tensile pasture dist. sialkot</t>
  </si>
  <si>
    <t>Muhammad Kifaitullah</t>
  </si>
  <si>
    <t>GES JASWAL</t>
  </si>
  <si>
    <t>KATHA SAGRAL (EAST) (MALE)</t>
  </si>
  <si>
    <t>Village Jaswal</t>
  </si>
  <si>
    <t>Imran Ali Haider</t>
  </si>
  <si>
    <t>GES JATHIANA</t>
  </si>
  <si>
    <t>Jathiana</t>
  </si>
  <si>
    <t>Jathiana  Distt OkarA</t>
  </si>
  <si>
    <t>Jithiana</t>
  </si>
  <si>
    <t>Feroz</t>
  </si>
  <si>
    <t>GES JATIAL</t>
  </si>
  <si>
    <t>JATIAL</t>
  </si>
  <si>
    <t>VILLAGE JATIAL, TEH HAZRO, DISTT ATTOCK</t>
  </si>
  <si>
    <t>BAHADUR KHAN</t>
  </si>
  <si>
    <t>Ali Asgher</t>
  </si>
  <si>
    <t>GES JATOI No. 1</t>
  </si>
  <si>
    <t>jatoi shumali</t>
  </si>
  <si>
    <t>ges jatoi no 1</t>
  </si>
  <si>
    <t>jatoi city</t>
  </si>
  <si>
    <t>Sharafat Ali</t>
  </si>
  <si>
    <t>GES JATRIKE</t>
  </si>
  <si>
    <t>Jatrike</t>
  </si>
  <si>
    <t>jatrike</t>
  </si>
  <si>
    <t>Garyial Kalan</t>
  </si>
  <si>
    <t>Saifullah Jathol</t>
  </si>
  <si>
    <t>GES JATTAL</t>
  </si>
  <si>
    <t>Jattal</t>
  </si>
  <si>
    <t>vpo jattal teh gujarkhan tehsil rwp</t>
  </si>
  <si>
    <t>Manghot</t>
  </si>
  <si>
    <t>GES JATTAN WALA</t>
  </si>
  <si>
    <t>Dalla Mir Wala</t>
  </si>
  <si>
    <t>Jattanwala p/o Makerwal Tehsil Esa khel</t>
  </si>
  <si>
    <t>Jattanwala</t>
  </si>
  <si>
    <t>Pakka Kamar Mushani</t>
  </si>
  <si>
    <t>RAFI UR REHMAN</t>
  </si>
  <si>
    <t>GES JATTAR</t>
  </si>
  <si>
    <t>Jattar</t>
  </si>
  <si>
    <t>village jattar po kanjrur teh shakargarh district narowal</t>
  </si>
  <si>
    <t>GES JATTOWAKAL</t>
  </si>
  <si>
    <t>Jattuwakal</t>
  </si>
  <si>
    <t>Government Elementary School Jattuwakal District Gujrat</t>
  </si>
  <si>
    <t>Mirza Tariq Mehmood</t>
  </si>
  <si>
    <t>Neighbours</t>
  </si>
  <si>
    <t>GES JAWAHRI, P/O SARDAR PUR, SARAI SIDHU</t>
  </si>
  <si>
    <t>Jawahri</t>
  </si>
  <si>
    <t>Mauza Jawahri Post office Hashmat Mirali Tehsil Kabirwala</t>
  </si>
  <si>
    <t>Tangra</t>
  </si>
  <si>
    <t>GES JAWAYA BALOCH</t>
  </si>
  <si>
    <t>Jiwaya Baloch</t>
  </si>
  <si>
    <t>Jiwaya Baloch P/o Haveli Lakha (okara)</t>
  </si>
  <si>
    <t>Hakumat Ghar</t>
  </si>
  <si>
    <t>Ijaz Ahmad Shahid</t>
  </si>
  <si>
    <t>GES JAWINDA PANWAN</t>
  </si>
  <si>
    <t>JAWINDA PANNUN</t>
  </si>
  <si>
    <t>Khan Khasa</t>
  </si>
  <si>
    <t>GES JAYYA</t>
  </si>
  <si>
    <t>Jayya</t>
  </si>
  <si>
    <t>Jayya M.B. DIN.</t>
  </si>
  <si>
    <t>Chak # 40</t>
  </si>
  <si>
    <t>Khalid Rauf Ahmad</t>
  </si>
  <si>
    <t>GES JEND WALI</t>
  </si>
  <si>
    <t>Jiand Wali</t>
  </si>
  <si>
    <t>Village Jiand Wali P/O Mian Wali Qureshian Tehsil and District Rahim Yar Khan</t>
  </si>
  <si>
    <t>Sardar Gargh</t>
  </si>
  <si>
    <t>Muhammad Amin Anjum</t>
  </si>
  <si>
    <t>GES JEOKAY</t>
  </si>
  <si>
    <t>jeokay</t>
  </si>
  <si>
    <t>village jeokay  tehsil zafarwal district narowal</t>
  </si>
  <si>
    <t>dhamthal</t>
  </si>
  <si>
    <t>muhammad amjad</t>
  </si>
  <si>
    <t>GES JETHA BHUTTA KHAN PUR</t>
  </si>
  <si>
    <t>Jetha Bhutta</t>
  </si>
  <si>
    <t>basti mian Mohammad Islam  ckack 4/p</t>
  </si>
  <si>
    <t>chak 4/P</t>
  </si>
  <si>
    <t>GES JEVAN PURA KHURD</t>
  </si>
  <si>
    <t>Jevan Pura khurd</t>
  </si>
  <si>
    <t>Jevan Pura Khurd</t>
  </si>
  <si>
    <t>Muhammad Mehboob Ul Haq</t>
  </si>
  <si>
    <t>GES JEWARA</t>
  </si>
  <si>
    <t>Jewra</t>
  </si>
  <si>
    <t>po jewra tehsil kahuta rwp</t>
  </si>
  <si>
    <t>RAJA INAYAT ULLAH KHAN</t>
  </si>
  <si>
    <t>GES JHAJHA</t>
  </si>
  <si>
    <t>Jhajha PO Shahwala Shumali Quaidabad</t>
  </si>
  <si>
    <t>Jhajha</t>
  </si>
  <si>
    <t>Khuda Dad</t>
  </si>
  <si>
    <t>GES JHALARIN JANUBI</t>
  </si>
  <si>
    <t>Jhalarin</t>
  </si>
  <si>
    <t>basti khas jhalarin maoza jhalarin tehsil jatoi district muzafar garh</t>
  </si>
  <si>
    <t>Muhammad Munir Anjum</t>
  </si>
  <si>
    <t>GES JHAMKE</t>
  </si>
  <si>
    <t>jhamkey</t>
  </si>
  <si>
    <t>jhamkey sargodha road skp</t>
  </si>
  <si>
    <t>GES JHAMMAT JANUBI</t>
  </si>
  <si>
    <t>Dalan</t>
  </si>
  <si>
    <t>jhammat janubi po Dullewala</t>
  </si>
  <si>
    <t>Jhammat Janubi</t>
  </si>
  <si>
    <t>Jhammat SHUMALI</t>
  </si>
  <si>
    <t>ZULFIQAR ALI</t>
  </si>
  <si>
    <t>GES JHAND MEHLO</t>
  </si>
  <si>
    <t>Jand Mehlu</t>
  </si>
  <si>
    <t>Jand Mehlu P.O. Jand Mehlu Teh.Gujar khan Rawalpindi</t>
  </si>
  <si>
    <t>Nasir Saeed</t>
  </si>
  <si>
    <t>GES JHANDIAL</t>
  </si>
  <si>
    <t>Jhandial</t>
  </si>
  <si>
    <t>VPO JHANDIAL TEHSIL FATEH JANG DISTRICT ATTOCK</t>
  </si>
  <si>
    <t>Resham Dad</t>
  </si>
  <si>
    <t>GES JHANG CITY</t>
  </si>
  <si>
    <t>chak janoobi jhang city,jhang</t>
  </si>
  <si>
    <t>Chak Janoobi Jhang</t>
  </si>
  <si>
    <t>Maddan Shah</t>
  </si>
  <si>
    <t>MUHAMMAD AHMAD NASIM</t>
  </si>
  <si>
    <t>GES JHANGAR MAHRA</t>
  </si>
  <si>
    <t>BASTI JHANGAR Mahra</t>
  </si>
  <si>
    <t>MOUZA BASTI JHANGAR MAHRA p/o mahra khas  T / D MUZAFFAR GARH</t>
  </si>
  <si>
    <t>BASTI JHANGAR</t>
  </si>
  <si>
    <t>MAHRA</t>
  </si>
  <si>
    <t>JAM ABDUL RAZAQ</t>
  </si>
  <si>
    <t>GES JHANGI PHEROO</t>
  </si>
  <si>
    <t>Jhangi Pheroo</t>
  </si>
  <si>
    <t>Jhangi pheroo</t>
  </si>
  <si>
    <t>Javed Sarwar</t>
  </si>
  <si>
    <t>GES JHANGRA GHARBI</t>
  </si>
  <si>
    <t>Jhangra Gharbi</t>
  </si>
  <si>
    <t>moza jhangra gharbi tehsil ape</t>
  </si>
  <si>
    <t>Shabir Ahmad</t>
  </si>
  <si>
    <t>GES JHARAN WALA</t>
  </si>
  <si>
    <t>Jharanwala</t>
  </si>
  <si>
    <t>jharanwala tehsil daska</t>
  </si>
  <si>
    <t>GES JHARKI</t>
  </si>
  <si>
    <t>Jharki</t>
  </si>
  <si>
    <t>Moza jharki</t>
  </si>
  <si>
    <t>FAROOQ AHMAD</t>
  </si>
  <si>
    <t>GES JHOK QULANDAR BUKHSH</t>
  </si>
  <si>
    <t>PANJGIRAIN NASHAIB</t>
  </si>
  <si>
    <t>Jhoke Qalandare Bakhsh Tehsil Darya Khan District.Bhakkar Bhakkar</t>
  </si>
  <si>
    <t>JHOKE QALANDARE BAKHSH</t>
  </si>
  <si>
    <t>MUR ID ABBAS</t>
  </si>
  <si>
    <t>GES JHOK UTTRA</t>
  </si>
  <si>
    <t>Jhok uttra</t>
  </si>
  <si>
    <t>jhok uttra tehsil kot chutta dist.dgk</t>
  </si>
  <si>
    <t>Jhok Uttra</t>
  </si>
  <si>
    <t>Rana Muhammad Iqbal</t>
  </si>
  <si>
    <t>GES JHOKE AZAM P/O THUL NAJEEB</t>
  </si>
  <si>
    <t>Jhoke azam</t>
  </si>
  <si>
    <t>p/o Thull Najeeb</t>
  </si>
  <si>
    <t>Jhoke Azam</t>
  </si>
  <si>
    <t>THull Najeeb</t>
  </si>
  <si>
    <t>Tanzeel Ul Rehman</t>
  </si>
  <si>
    <t>GES JHOKE WAINS</t>
  </si>
  <si>
    <t>Jhoke wains warli</t>
  </si>
  <si>
    <t>Mouza Jhoke Wains Warli</t>
  </si>
  <si>
    <t>Jhoke wains</t>
  </si>
  <si>
    <t>GES JHUGHIAN MAROOK</t>
  </si>
  <si>
    <t>Jhugian Mehrook</t>
  </si>
  <si>
    <t>Jhugian Mehrook Hujra Shah Muqeem Tehseel Depal Pur Okara</t>
  </si>
  <si>
    <t>Bhon manzabta</t>
  </si>
  <si>
    <t>GES JHUN</t>
  </si>
  <si>
    <t>Village Jhun P/O Sadar Cantt Teh &amp; Distt Sialkot</t>
  </si>
  <si>
    <t>GES JHUNDA MIANI JALALPUR PIRWALA</t>
  </si>
  <si>
    <t>Jhanda Miani</t>
  </si>
  <si>
    <t>Muza jhanda Miani jalaj pur pir wala Distt. Multan</t>
  </si>
  <si>
    <t>GES JINDOO CHANNAR</t>
  </si>
  <si>
    <t>Jindoo Channar</t>
  </si>
  <si>
    <t>mouza jindoo channar APE</t>
  </si>
  <si>
    <t>Muhammad nadeem</t>
  </si>
  <si>
    <t>GES JINNAH COLONY</t>
  </si>
  <si>
    <t>gadai sharqi</t>
  </si>
  <si>
    <t>jinnah colony</t>
  </si>
  <si>
    <t>MUHAMMAD SHAHBAZ AKMAL</t>
  </si>
  <si>
    <t>GES JINNAH COLONY, ABDUL HAKIM</t>
  </si>
  <si>
    <t>Ges jinnah colony abdul hakim.distt.khanewal.</t>
  </si>
  <si>
    <t>MC Abdul Hakim</t>
  </si>
  <si>
    <t>GES JINNAH ISLAMIA DASKA</t>
  </si>
  <si>
    <t>daska city</t>
  </si>
  <si>
    <t>main bazar daska</t>
  </si>
  <si>
    <t>GES JINNAH M. KOT RADHA KISHAN</t>
  </si>
  <si>
    <t>MANSINGH WALA</t>
  </si>
  <si>
    <t>MUHALLA RAJPOOTAN KRK</t>
  </si>
  <si>
    <t>GES JOCHA MAMDOT</t>
  </si>
  <si>
    <t>KALLAR SYEDAN - MALE</t>
  </si>
  <si>
    <t>Jocha Mamdot</t>
  </si>
  <si>
    <t>Kallar Syedan</t>
  </si>
  <si>
    <t>Aamir Naseer</t>
  </si>
  <si>
    <t>GES JODH SINGH WALA CHAK NO.13</t>
  </si>
  <si>
    <t>Jodh Singh Wala 13</t>
  </si>
  <si>
    <t>Jodh Singh wala  Chak 13, chunian. , kasur</t>
  </si>
  <si>
    <t>Traday Wala</t>
  </si>
  <si>
    <t>GES JODHALA</t>
  </si>
  <si>
    <t>JUDHALA</t>
  </si>
  <si>
    <t>V/PO JUDHALA TEH PASRUR DISTT SIALKOT</t>
  </si>
  <si>
    <t>GES JOGAY KOT</t>
  </si>
  <si>
    <t>Jogay KOT</t>
  </si>
  <si>
    <t>village jogay kot p/o More Khunda NNS</t>
  </si>
  <si>
    <t>Jogay Kot Nao Bahaar</t>
  </si>
  <si>
    <t>GES JOGI MERA</t>
  </si>
  <si>
    <t>Qaliar</t>
  </si>
  <si>
    <t>dis.attock .tehsil fathe Jung post office dhurnal muza qaliar village jogi mera</t>
  </si>
  <si>
    <t>Jogi Mera</t>
  </si>
  <si>
    <t>Zubair Amanat</t>
  </si>
  <si>
    <t>GES JOIYA ABAD</t>
  </si>
  <si>
    <t>Patti Chan</t>
  </si>
  <si>
    <t>GES JOIYABAD MOZA PATTI CHANG PO KOTLA MUSA KHAN</t>
  </si>
  <si>
    <t>Joiyabad</t>
  </si>
  <si>
    <t>khalil ahmed</t>
  </si>
  <si>
    <t>GES JONE KAY</t>
  </si>
  <si>
    <t>Jonekey</t>
  </si>
  <si>
    <t>Government elementary School jone key</t>
  </si>
  <si>
    <t>Jone key</t>
  </si>
  <si>
    <t>MUHAMMAD AKMAL  KHAN</t>
  </si>
  <si>
    <t>GES JORKI SIKAAN</t>
  </si>
  <si>
    <t>Jorki Sikhan</t>
  </si>
  <si>
    <t>moza jorki sikhan</t>
  </si>
  <si>
    <t>Giria Abad</t>
  </si>
  <si>
    <t>Abdul Kareem</t>
  </si>
  <si>
    <t>GES JOYAN</t>
  </si>
  <si>
    <t>BHAGOWAL - MALE</t>
  </si>
  <si>
    <t>joiyan</t>
  </si>
  <si>
    <t>village joiyan</t>
  </si>
  <si>
    <t>Rasoolpur bhallian</t>
  </si>
  <si>
    <t>GES JOYIA</t>
  </si>
  <si>
    <t>JOYIA</t>
  </si>
  <si>
    <t>JOIYA</t>
  </si>
  <si>
    <t>MOUZA JOIYA POST OFFICE JABOKA TEHSIL AND DISTRICT OKARA</t>
  </si>
  <si>
    <t>MOUZA JOIYA</t>
  </si>
  <si>
    <t>MANGAN</t>
  </si>
  <si>
    <t>GES JOYIAN WALA GAON</t>
  </si>
  <si>
    <t>Joyanwala Gaon</t>
  </si>
  <si>
    <t>Joyanwala Gaon Markaz &amp;TEH. Muridke Dist. Sheikhupura</t>
  </si>
  <si>
    <t>Qila Star Shah</t>
  </si>
  <si>
    <t>water cular</t>
  </si>
  <si>
    <t>GES JUGMAL</t>
  </si>
  <si>
    <t>mouza jugmal uc sabaywala</t>
  </si>
  <si>
    <t>Sabah Wala</t>
  </si>
  <si>
    <t>Hayat Mohammad</t>
  </si>
  <si>
    <t>GES JUGO CHAK</t>
  </si>
  <si>
    <t>Chak Jogo</t>
  </si>
  <si>
    <t>Village CHAK Jogo Post Office Chaprar Teh Dist Sialkot</t>
  </si>
  <si>
    <t>GES JUNDU</t>
  </si>
  <si>
    <t>Jandu</t>
  </si>
  <si>
    <t>Arif Hussain Shah</t>
  </si>
  <si>
    <t>GES JURA</t>
  </si>
  <si>
    <t>Jura</t>
  </si>
  <si>
    <t>jura P/O: Alipur chatha</t>
  </si>
  <si>
    <t>Raza-i-mustafa</t>
  </si>
  <si>
    <t>GES K.Z.S. DUGRI KALAN</t>
  </si>
  <si>
    <t>Dugri Kalan</t>
  </si>
  <si>
    <t>Dugri Kalan post office Bhudda Goraya Tehsil Daska</t>
  </si>
  <si>
    <t>Bhudda Goraya</t>
  </si>
  <si>
    <t>GES KAANDH SHARIF</t>
  </si>
  <si>
    <t>Belaywala</t>
  </si>
  <si>
    <t>Basti kandh sharif mauza belaywala tehsil jatoi distt m.garh</t>
  </si>
  <si>
    <t>Kandh Sharif</t>
  </si>
  <si>
    <t>Muhammad Mujahid Fida</t>
  </si>
  <si>
    <t>GES KABIR WALA NO.2, P/O MAKHDOOM PUR ROAD, KABIRWALA</t>
  </si>
  <si>
    <t>Kabirwala</t>
  </si>
  <si>
    <t>Govt. Elementary School No.2 Makhdum Pur Road Kabirwala</t>
  </si>
  <si>
    <t>MC Kabirwala</t>
  </si>
  <si>
    <t>GES KACHA BHUTTA</t>
  </si>
  <si>
    <t>BHUTTA WAHAN - MALE</t>
  </si>
  <si>
    <t>kacha bhutta</t>
  </si>
  <si>
    <t>basti kacha bhutta</t>
  </si>
  <si>
    <t>Hafiz Irfan Raza</t>
  </si>
  <si>
    <t>GES KACHA PACCA CHAK NO. 43</t>
  </si>
  <si>
    <t>Kacha Pacca 43</t>
  </si>
  <si>
    <t>Moza kacha pacca chak 43 pattoki kasur</t>
  </si>
  <si>
    <t>Padhana</t>
  </si>
  <si>
    <t>Zaheer Abbas Khan</t>
  </si>
  <si>
    <t>GES KACHI KOTHI</t>
  </si>
  <si>
    <t>Jowed Singh</t>
  </si>
  <si>
    <t>kachi kothi tehsil and district sheikhupura</t>
  </si>
  <si>
    <t>M Shahbaz Watto</t>
  </si>
  <si>
    <t>GES KACHI MAND</t>
  </si>
  <si>
    <t>PHUKLIAN - MALE</t>
  </si>
  <si>
    <t>Kachi Mand</t>
  </si>
  <si>
    <t>vpo kachi mand</t>
  </si>
  <si>
    <t>muhammad arif</t>
  </si>
  <si>
    <t>GES KACHI SHIKRANI</t>
  </si>
  <si>
    <t>Kachi Shikrani</t>
  </si>
  <si>
    <t>mouza kachi shikrani</t>
  </si>
  <si>
    <t>basti zeldar</t>
  </si>
  <si>
    <t>bun wala</t>
  </si>
  <si>
    <t>GES KAHAL</t>
  </si>
  <si>
    <t>Kahal</t>
  </si>
  <si>
    <t>VILLAGE AND POST OFFICE KAHAL TEHSIL JAND DISTRICT ATTOCK</t>
  </si>
  <si>
    <t>Hafiz Muhammad Faisal</t>
  </si>
  <si>
    <t>GES KAHEERY</t>
  </si>
  <si>
    <t>basti kaheeri po khair pur</t>
  </si>
  <si>
    <t>Kaheeri</t>
  </si>
  <si>
    <t>Muhammad Faheem Akhtar</t>
  </si>
  <si>
    <t>GES KAHIRI</t>
  </si>
  <si>
    <t>Bait Maitla</t>
  </si>
  <si>
    <t>bait maitla tahesil district muzaffargarh garh</t>
  </si>
  <si>
    <t>Muhammad Zeeshan Qadir</t>
  </si>
  <si>
    <t>GES KAHIRI SINAWAN</t>
  </si>
  <si>
    <t>kaheeri sinawan</t>
  </si>
  <si>
    <t>Basti Haji Pur Mouza kaheeri sinawan Kot Addu M Garh</t>
  </si>
  <si>
    <t>Dregh</t>
  </si>
  <si>
    <t>GES KAHNOON</t>
  </si>
  <si>
    <t>Basti jan Muhammad wali Mouza kanhoon, jalal pur peer wala Multan</t>
  </si>
  <si>
    <t>NASIR ABBAS</t>
  </si>
  <si>
    <t>GES KAILU</t>
  </si>
  <si>
    <t>Kailu</t>
  </si>
  <si>
    <t>kailu  Teh Phalia  MBDIN</t>
  </si>
  <si>
    <t>Dugal</t>
  </si>
  <si>
    <t>GES KAISER GARH</t>
  </si>
  <si>
    <t>Kaiser Garh Kasur</t>
  </si>
  <si>
    <t>Ges kaiser garh kasur</t>
  </si>
  <si>
    <t>Farid Yameen</t>
  </si>
  <si>
    <t>GES KAKIS</t>
  </si>
  <si>
    <t>Kakis</t>
  </si>
  <si>
    <t>ges kakis markaz uch sharif</t>
  </si>
  <si>
    <t>Basti Kakis</t>
  </si>
  <si>
    <t>Khawja Munawar Abbas</t>
  </si>
  <si>
    <t>GES KAKKAR GILL</t>
  </si>
  <si>
    <t>SHEIKHUPURA-XVII - MALE</t>
  </si>
  <si>
    <t>Kakkar Gill</t>
  </si>
  <si>
    <t>Kakkar Gill p/o Kakkar Gill tehsil &amp; distt sheikhupura</t>
  </si>
  <si>
    <t>Abid Hussain Bhatti</t>
  </si>
  <si>
    <t>GES KALA BAGH</t>
  </si>
  <si>
    <t>Kalabagh</t>
  </si>
  <si>
    <t>Railway colony kalabagh</t>
  </si>
  <si>
    <t>Railway colony</t>
  </si>
  <si>
    <t>MC kalabagh</t>
  </si>
  <si>
    <t>Aftab Ahmed Khan</t>
  </si>
  <si>
    <t>GES KALA BALI</t>
  </si>
  <si>
    <t>kala bali</t>
  </si>
  <si>
    <t>mouza kala bali</t>
  </si>
  <si>
    <t>kot khan</t>
  </si>
  <si>
    <t>GES KALA KHATAI</t>
  </si>
  <si>
    <t>kala khatai</t>
  </si>
  <si>
    <t>GES kala khatai</t>
  </si>
  <si>
    <t>shahbaz ahmad</t>
  </si>
  <si>
    <t>GES KALA PHAR</t>
  </si>
  <si>
    <t>KALA PAHAR - MALE</t>
  </si>
  <si>
    <t>Kala Pahar</t>
  </si>
  <si>
    <t>post office  pasrur village kala pahar</t>
  </si>
  <si>
    <t>Ballaggan</t>
  </si>
  <si>
    <t>GES KALA SHADIAN</t>
  </si>
  <si>
    <t>v p o kala shadian phalia m b din</t>
  </si>
  <si>
    <t>M Akhter Naushahi</t>
  </si>
  <si>
    <t>GES KALAIR</t>
  </si>
  <si>
    <t>kalair wayanwali teh:wazirabad distt: Gujranwala</t>
  </si>
  <si>
    <t>Bharokey Cheema</t>
  </si>
  <si>
    <t>Waqqas Ahmad</t>
  </si>
  <si>
    <t>GES KALAIR KALAN</t>
  </si>
  <si>
    <t>Kalair Kalan</t>
  </si>
  <si>
    <t>Moza kalair kalan, Tehsil Depalpur , Okara</t>
  </si>
  <si>
    <t>Mandi Ahmadabad</t>
  </si>
  <si>
    <t>GES KALAIR MAHMAND</t>
  </si>
  <si>
    <t>ATTARI-MALE</t>
  </si>
  <si>
    <t>kalair mehmand</t>
  </si>
  <si>
    <t>kalair mehmandd p/o mandi ahmad abad, okara</t>
  </si>
  <si>
    <t>kalair mehmandd</t>
  </si>
  <si>
    <t>Attare</t>
  </si>
  <si>
    <t>GES KALANAUR</t>
  </si>
  <si>
    <t>Kalanour</t>
  </si>
  <si>
    <t>kalanour</t>
  </si>
  <si>
    <t>Martinpur</t>
  </si>
  <si>
    <t>Falak Sher Shaheen</t>
  </si>
  <si>
    <t>GES KALARA KALAN</t>
  </si>
  <si>
    <t>Govt. E/S Kalra kalan gujrat</t>
  </si>
  <si>
    <t>GES KALAS GORAYA</t>
  </si>
  <si>
    <t>Kalas Goraya</t>
  </si>
  <si>
    <t>H.M Govt. Elementary school Kalas Goraya, Narowal</t>
  </si>
  <si>
    <t>Ransewal</t>
  </si>
  <si>
    <t>GES KALERA</t>
  </si>
  <si>
    <t>Kalera</t>
  </si>
  <si>
    <t>dakhana khas kalera jhang</t>
  </si>
  <si>
    <t>GES KALI MAR</t>
  </si>
  <si>
    <t>Kalimar</t>
  </si>
  <si>
    <t>GES Kalimar</t>
  </si>
  <si>
    <t>Fazlakachh</t>
  </si>
  <si>
    <t>Janmuhamad</t>
  </si>
  <si>
    <t>GES KALIAL</t>
  </si>
  <si>
    <t>vpo kalyal .tehsil nausher .distt.Khushab</t>
  </si>
  <si>
    <t>Asif Aman</t>
  </si>
  <si>
    <t>GES KALLAH KALAN</t>
  </si>
  <si>
    <t>Kallah Kalan</t>
  </si>
  <si>
    <t>kallah kalan</t>
  </si>
  <si>
    <t>Raja Ghumman</t>
  </si>
  <si>
    <t>MUHAMMAD SAEED</t>
  </si>
  <si>
    <t>GES KALLAR SYEDAN</t>
  </si>
  <si>
    <t>near TMA office thana road kallar syedan</t>
  </si>
  <si>
    <t>MUMTAZ ALI</t>
  </si>
  <si>
    <t>GES KALLOO WALA</t>
  </si>
  <si>
    <t>Kalloo Wala</t>
  </si>
  <si>
    <t>Basti Kalloo Wala</t>
  </si>
  <si>
    <t>Salsadar</t>
  </si>
  <si>
    <t>Muhammad Bashir Akhtar</t>
  </si>
  <si>
    <t>GES KALLU</t>
  </si>
  <si>
    <t>Kallu</t>
  </si>
  <si>
    <t>GES kallu districtt chakwal tehsil kallar kahar</t>
  </si>
  <si>
    <t>GES KALLUAN WALA ISA KHEL</t>
  </si>
  <si>
    <t>village kalluanwala tehsil esa khel distt mianwali</t>
  </si>
  <si>
    <t>GES KALO WALA</t>
  </si>
  <si>
    <t>BILWANI MALE</t>
  </si>
  <si>
    <t>Kalowala</t>
  </si>
  <si>
    <t>basti kalowala p/o nutkani tehsil tunsa distt d g khan</t>
  </si>
  <si>
    <t>GES KALU KHURD</t>
  </si>
  <si>
    <t>Kalu Khurd</t>
  </si>
  <si>
    <t>kalu khurd Tehsil Hazro Attock</t>
  </si>
  <si>
    <t>GES KALUKA HITHAR</t>
  </si>
  <si>
    <t>Kaluka Hithar</t>
  </si>
  <si>
    <t>kaluka hithar</t>
  </si>
  <si>
    <t>Kalu Ka Hithar</t>
  </si>
  <si>
    <t>Muhmmad Ikram</t>
  </si>
  <si>
    <t>GES KALUWAL</t>
  </si>
  <si>
    <t>kaluwal</t>
  </si>
  <si>
    <t>kaluwal PO bhirta tehsil dina District jhelum</t>
  </si>
  <si>
    <t>GES KAMAL PUR CHISHTIAN</t>
  </si>
  <si>
    <t>Kamalpur Chishtian</t>
  </si>
  <si>
    <t>kamalpur chishtian pasrur dist sialkot</t>
  </si>
  <si>
    <t>Blagan</t>
  </si>
  <si>
    <t>Mian Safrish Ali</t>
  </si>
  <si>
    <t>GES KAMAL PUR JATIAL</t>
  </si>
  <si>
    <t>Kamal Pur Jatial</t>
  </si>
  <si>
    <t>kamal pur jatial</t>
  </si>
  <si>
    <t>Liaquat Ali Khan</t>
  </si>
  <si>
    <t>GES KAMAL THAEEM</t>
  </si>
  <si>
    <t>kamal thaheem</t>
  </si>
  <si>
    <t>GES KAMAL THAHEEM MOUZA KAMAL THAHEEM BHAKKAR</t>
  </si>
  <si>
    <t>183 184 tda</t>
  </si>
  <si>
    <t>Ahmad Hassan Khan</t>
  </si>
  <si>
    <t>GES KAMAR SAR</t>
  </si>
  <si>
    <t>kamarsar p/o tolabangi khel tehsil isakhel district mianwali</t>
  </si>
  <si>
    <t>Kamarsar</t>
  </si>
  <si>
    <t>Rizwan Arshad Hashmi</t>
  </si>
  <si>
    <t>GES KAMAS</t>
  </si>
  <si>
    <t>Kamas</t>
  </si>
  <si>
    <t>village kamas p/o raiwind district Lahore city</t>
  </si>
  <si>
    <t>Sultankay</t>
  </si>
  <si>
    <t>Kashif Naveed Ch</t>
  </si>
  <si>
    <t>GES KAMBOH NAGAR, KHANEWAL</t>
  </si>
  <si>
    <t>168/10R</t>
  </si>
  <si>
    <t>jehania by pass GT Road 168/10R chowk kwl</t>
  </si>
  <si>
    <t>Muhammad Rizwan</t>
  </si>
  <si>
    <t>GES KAMIL LAR</t>
  </si>
  <si>
    <t>Kamil lar</t>
  </si>
  <si>
    <t>Moza Kamil Lar</t>
  </si>
  <si>
    <t>Deepak kumar</t>
  </si>
  <si>
    <t>GES KAMLA BHAND</t>
  </si>
  <si>
    <t>Kamla  Bhand</t>
  </si>
  <si>
    <t>kamla bhand P.O. hanj  teh  kharian  dist  gujrat</t>
  </si>
  <si>
    <t>Kamla Bhand</t>
  </si>
  <si>
    <t>Khawaspur</t>
  </si>
  <si>
    <t>Adeel Asghar</t>
  </si>
  <si>
    <t>GES KAMO MALHI</t>
  </si>
  <si>
    <t>Kamo Malhi</t>
  </si>
  <si>
    <t>kamo Malhi</t>
  </si>
  <si>
    <t>GES KAMRA FATEH JANG</t>
  </si>
  <si>
    <t>village and post office karma tehsil fateh jang districtâ€‹. attock</t>
  </si>
  <si>
    <t>Kot Fateh Khan</t>
  </si>
  <si>
    <t>Muhammad Tauqir</t>
  </si>
  <si>
    <t>GES KAMRAH</t>
  </si>
  <si>
    <t>Kamraa</t>
  </si>
  <si>
    <t>Village kamrah post office kahoti tehsil kotli sattian district rawalpindi</t>
  </si>
  <si>
    <t>Naveed Saeed</t>
  </si>
  <si>
    <t>GES KAMRIAL</t>
  </si>
  <si>
    <t>KHOUR - MALE</t>
  </si>
  <si>
    <t>Kamrial</t>
  </si>
  <si>
    <t>GPS KAMRIAL Tehsil PindiGheb district Attock</t>
  </si>
  <si>
    <t>Affia Iqbal</t>
  </si>
  <si>
    <t>GES KANARA</t>
  </si>
  <si>
    <t>Kanara</t>
  </si>
  <si>
    <t>village kanara post office dandi nizam sarai alamgir gujrat</t>
  </si>
  <si>
    <t>Waqas Jahangir</t>
  </si>
  <si>
    <t>GES KANHAT</t>
  </si>
  <si>
    <t>Kanhat</t>
  </si>
  <si>
    <t>Village Kanhat, P.O Pichnand, Tehsil Lawa, District Chakwal</t>
  </si>
  <si>
    <t>GES KANJUN WALA</t>
  </si>
  <si>
    <t>THIND KALAN CHOULISTAN</t>
  </si>
  <si>
    <t>Chah Kanjan Wala Tehsil Choubara Distt. Layyah</t>
  </si>
  <si>
    <t>KANJUN WALA</t>
  </si>
  <si>
    <t>AULAKH THAL KALAN</t>
  </si>
  <si>
    <t>MUHAMMAD BASHIR</t>
  </si>
  <si>
    <t>GES KANTRELI</t>
  </si>
  <si>
    <t>Kantrili</t>
  </si>
  <si>
    <t>Kantrili Jhelum</t>
  </si>
  <si>
    <t>ZAFAR IQBAL HASHMI</t>
  </si>
  <si>
    <t>GES KANTRILA</t>
  </si>
  <si>
    <t>Kantrila</t>
  </si>
  <si>
    <t>village kantrila p.o kala gujran tehsil and district Jhelum</t>
  </si>
  <si>
    <t>Monan</t>
  </si>
  <si>
    <t>Rafaqat Hussain</t>
  </si>
  <si>
    <t>GES KAPUR PUR</t>
  </si>
  <si>
    <t>Kapoor Pur</t>
  </si>
  <si>
    <t>kapoor pur tehsil pasrur, sialkot</t>
  </si>
  <si>
    <t>Syed Zahid Hussain Gilani</t>
  </si>
  <si>
    <t>GES KARAM ABAD</t>
  </si>
  <si>
    <t>H.B SHAH - MALE</t>
  </si>
  <si>
    <t>moza rustam Sargana markaz H.B shah teh shorkot district jhang</t>
  </si>
  <si>
    <t>Rustam Sarhana</t>
  </si>
  <si>
    <t>habib ur rehman zia</t>
  </si>
  <si>
    <t>GES KARAM PUR</t>
  </si>
  <si>
    <t>karampur</t>
  </si>
  <si>
    <t>GES KARAM PUR PO PAKPATTAN</t>
  </si>
  <si>
    <t>Karam Pur Bhatti</t>
  </si>
  <si>
    <t>karam pur bhatti</t>
  </si>
  <si>
    <t>15/sp</t>
  </si>
  <si>
    <t>Ansar Javed Naz</t>
  </si>
  <si>
    <t>GES KARAM SHAH, SARAI SIDHU</t>
  </si>
  <si>
    <t>Karam Shah</t>
  </si>
  <si>
    <t>mauza karam Shah</t>
  </si>
  <si>
    <t>Baqar Pur</t>
  </si>
  <si>
    <t>M Riaz</t>
  </si>
  <si>
    <t>GES KARANI</t>
  </si>
  <si>
    <t>Karani</t>
  </si>
  <si>
    <t>Basti Karani Moza Karani UC Mari Shaikh Shujra Markaz Sama Satta Teh Saddar district BWP</t>
  </si>
  <si>
    <t>Muhammad Ramzan Bhatti</t>
  </si>
  <si>
    <t>GES KARI WALA CHAK 49/RB</t>
  </si>
  <si>
    <t>GES KARIM WAH</t>
  </si>
  <si>
    <t>Karim Wah</t>
  </si>
  <si>
    <t>Basti Siddique Abad P/o Qadir Abad Mouza Karim Wah Tehsil Vehari Distt.Vehari</t>
  </si>
  <si>
    <t>GES KARIMA</t>
  </si>
  <si>
    <t>Karima</t>
  </si>
  <si>
    <t>GBES KARIMA, TEHSIL FATEH JANG, DISTRICT ATTOCK.</t>
  </si>
  <si>
    <t>Akhlaq Ahmed Khan</t>
  </si>
  <si>
    <t>GES KARORE</t>
  </si>
  <si>
    <t>karore bala</t>
  </si>
  <si>
    <t>karore bala kotli sattian rawalpindi</t>
  </si>
  <si>
    <t>karore</t>
  </si>
  <si>
    <t>Mansoor Ahmed Abbasi</t>
  </si>
  <si>
    <t>GES KARRI WALA</t>
  </si>
  <si>
    <t>kari wala</t>
  </si>
  <si>
    <t>Shafqat Raza Babar</t>
  </si>
  <si>
    <t>GES KARWAL</t>
  </si>
  <si>
    <t>Karwal</t>
  </si>
  <si>
    <t>village karwal post karwal tehsil shakargarh district narowal</t>
  </si>
  <si>
    <t>GES KARYALA</t>
  </si>
  <si>
    <t>GES KASANA</t>
  </si>
  <si>
    <t>Village Kasana, P/O Dudhu Chak, Tehsil Shakargarh, Distt Narowal</t>
  </si>
  <si>
    <t>Dudhu Chak</t>
  </si>
  <si>
    <t>GES KASO WALA</t>
  </si>
  <si>
    <t>Kassowala</t>
  </si>
  <si>
    <t>P/O Kassowala Tehsil Daska (Sialkot)</t>
  </si>
  <si>
    <t>Malomehay</t>
  </si>
  <si>
    <t>tanveer ahmad</t>
  </si>
  <si>
    <t>GES KATAR MAL</t>
  </si>
  <si>
    <t>katarmal</t>
  </si>
  <si>
    <t>katarmal tehsil Pattoki distt kasur</t>
  </si>
  <si>
    <t>akbar  abad</t>
  </si>
  <si>
    <t>Muhammad Younas Shad</t>
  </si>
  <si>
    <t>GES KATH GARH</t>
  </si>
  <si>
    <t>TIBBA IMAM MALE</t>
  </si>
  <si>
    <t>Kath gahr p/o nutkani tehsil taunsa Sharif district DG Khan</t>
  </si>
  <si>
    <t>Muhammad Hasnain</t>
  </si>
  <si>
    <t>GES KATHA MISRAL</t>
  </si>
  <si>
    <t>KATHA SAGRAL (WEST) (MALE)</t>
  </si>
  <si>
    <t>Katha Masral</t>
  </si>
  <si>
    <t>vpo katha masral</t>
  </si>
  <si>
    <t>Katha Saghral</t>
  </si>
  <si>
    <t>Inayat-ullah</t>
  </si>
  <si>
    <t>GES KATLOHI KHURAD</t>
  </si>
  <si>
    <t>Katlohi Khurd</t>
  </si>
  <si>
    <t>Katlohi khurd p/o green kot</t>
  </si>
  <si>
    <t>Ibrahim Abaad</t>
  </si>
  <si>
    <t>Mahmood Ahmad</t>
  </si>
  <si>
    <t>GES KEELAY</t>
  </si>
  <si>
    <t>Keelay</t>
  </si>
  <si>
    <t>keelay p/o same tehseel &amp; district sheikhupura</t>
  </si>
  <si>
    <t>GES KEERA MANDI</t>
  </si>
  <si>
    <t>Kera Mandi</t>
  </si>
  <si>
    <t>elementary school keramandi</t>
  </si>
  <si>
    <t>Ch 13</t>
  </si>
  <si>
    <t>Chak 13</t>
  </si>
  <si>
    <t>GES KEHER WAH P/O SAEED ABAD</t>
  </si>
  <si>
    <t>kehar wah</t>
  </si>
  <si>
    <t>basti kehar wah p/o karam ali wala</t>
  </si>
  <si>
    <t>dilshad ahmad khan</t>
  </si>
  <si>
    <t>GES KERAL</t>
  </si>
  <si>
    <t>Keral</t>
  </si>
  <si>
    <t>Village Keral Tehsil Kahuta Distt. Rawalpindi</t>
  </si>
  <si>
    <t>Punjar</t>
  </si>
  <si>
    <t>GES KHABAKY</t>
  </si>
  <si>
    <t>Khabbakey</t>
  </si>
  <si>
    <t>vpo khabbakey</t>
  </si>
  <si>
    <t>Qila Mian Singh</t>
  </si>
  <si>
    <t>Nasir Ahmad</t>
  </si>
  <si>
    <t>GES KHABARI</t>
  </si>
  <si>
    <t>WAN BHACHRAN-MALE</t>
  </si>
  <si>
    <t>Muzafar Pur</t>
  </si>
  <si>
    <t>khabari mianwali</t>
  </si>
  <si>
    <t>Khabari</t>
  </si>
  <si>
    <t>Muzafarpur Janobi</t>
  </si>
  <si>
    <t>Muhammad Munir Ahmed</t>
  </si>
  <si>
    <t>GES KHAD</t>
  </si>
  <si>
    <t>NALA MUSALMANA - MALE</t>
  </si>
  <si>
    <t>KHAD</t>
  </si>
  <si>
    <t>vpo khad teh kallar syedain distt rwp</t>
  </si>
  <si>
    <t>Manyanda</t>
  </si>
  <si>
    <t>Nasir Khurshid</t>
  </si>
  <si>
    <t>GES KHADDAN WALA P/O FATTA THATHA</t>
  </si>
  <si>
    <t>khaddanwala</t>
  </si>
  <si>
    <t>Khaddanwala</t>
  </si>
  <si>
    <t>Fatha Thatha</t>
  </si>
  <si>
    <t>M Waseem Raza</t>
  </si>
  <si>
    <t>GES KHAERA KALUKA</t>
  </si>
  <si>
    <t>Kherakaluka Muhammad Ali Kaluka</t>
  </si>
  <si>
    <t>moza khera kalo ka Minchinabad</t>
  </si>
  <si>
    <t>Kherakaluka</t>
  </si>
  <si>
    <t>Mirzeka</t>
  </si>
  <si>
    <t>GES KHAIR SHAH OTTAR</t>
  </si>
  <si>
    <t>Khair Shah Uttar</t>
  </si>
  <si>
    <t>moza khair shah uttar</t>
  </si>
  <si>
    <t>Bachian Wali</t>
  </si>
  <si>
    <t>Sayyed M Maqsood Shah</t>
  </si>
  <si>
    <t>GES KHAJI WALA</t>
  </si>
  <si>
    <t>P.O Mehmoodkot adda turk Wala tehsil kot adu muzaffar garh</t>
  </si>
  <si>
    <t>GES KHALID ABAD</t>
  </si>
  <si>
    <t>Sandeela</t>
  </si>
  <si>
    <t>near rural health centre rohillanwali</t>
  </si>
  <si>
    <t>Khalidabad</t>
  </si>
  <si>
    <t>abdul hameed</t>
  </si>
  <si>
    <t>GES KHALIL ABAD</t>
  </si>
  <si>
    <t>149c/TDA</t>
  </si>
  <si>
    <t>Khalil Abad Chak no.149 C / TDA</t>
  </si>
  <si>
    <t>149 C/TDA</t>
  </si>
  <si>
    <t>Mureed Kazim</t>
  </si>
  <si>
    <t>GES KHALIQIA BLOCK 25, SARGODHA</t>
  </si>
  <si>
    <t>Block 25</t>
  </si>
  <si>
    <t>Block 25 sargodha</t>
  </si>
  <si>
    <t>Mc 12</t>
  </si>
  <si>
    <t>GES KHALRI</t>
  </si>
  <si>
    <t>VPO Khilri Teh &amp; Distt Rawalpindi</t>
  </si>
  <si>
    <t>Mumraiz Alam</t>
  </si>
  <si>
    <t>GES KHAMBA ALI RAZA ABAD</t>
  </si>
  <si>
    <t>Khamba</t>
  </si>
  <si>
    <t>nasheman e iqbal society</t>
  </si>
  <si>
    <t>ASHFAQ  AHMED</t>
  </si>
  <si>
    <t>GES KHAN BAHADUR GARH, NAWAN SHEHR</t>
  </si>
  <si>
    <t>Khan Bahadur Garh</t>
  </si>
  <si>
    <t>mouza Khan Bahadur Garh tahsil kabirwala distt.khanewal</t>
  </si>
  <si>
    <t>Salarwahin Kohna</t>
  </si>
  <si>
    <t>Shoukat Ali Shahid</t>
  </si>
  <si>
    <t>GES KHAN MOHAMMAD WALA</t>
  </si>
  <si>
    <t>Khan Muhammad Wala</t>
  </si>
  <si>
    <t>Moza khan Muhammad wala po Khan Muhammad wala Tehsil and district Mianwali</t>
  </si>
  <si>
    <t>Dilewali Qureshian</t>
  </si>
  <si>
    <t>Shaukat Abbas Khan</t>
  </si>
  <si>
    <t>GES KHAN MUSALMAN</t>
  </si>
  <si>
    <t>NOSHERA VIRKAN  - MALE</t>
  </si>
  <si>
    <t>Khanmuslman</t>
  </si>
  <si>
    <t>khanmuslman tehsil nowshera Virkan district gujranwala</t>
  </si>
  <si>
    <t>Bado Ratta</t>
  </si>
  <si>
    <t>GES KHAN PUR</t>
  </si>
  <si>
    <t>Kot Chian</t>
  </si>
  <si>
    <t>khanpur post office jalalpur bhattian tehsil and distt hafizabad</t>
  </si>
  <si>
    <t>Shahnawaz Umar</t>
  </si>
  <si>
    <t>GES KHAN PUR NAHRAKA</t>
  </si>
  <si>
    <t>Khanpur Narrhakka</t>
  </si>
  <si>
    <t>Basti indra</t>
  </si>
  <si>
    <t>Khan garh Doma</t>
  </si>
  <si>
    <t>GES KHANDA KHOOH</t>
  </si>
  <si>
    <t>BOLIAN WAL - MALE</t>
  </si>
  <si>
    <t>Mirza</t>
  </si>
  <si>
    <t>Moh: Khanda khooh Mirza</t>
  </si>
  <si>
    <t>Amjad khan</t>
  </si>
  <si>
    <t>GES KHANDAN</t>
  </si>
  <si>
    <t>GES Khandan</t>
  </si>
  <si>
    <t>Khandan</t>
  </si>
  <si>
    <t>TARIQ MAHMOOD ABBASI</t>
  </si>
  <si>
    <t>GES KHANKEY MORE</t>
  </si>
  <si>
    <t>Khan Key More</t>
  </si>
  <si>
    <t>Khan key more,teh.pattoki ,dist.kasur</t>
  </si>
  <si>
    <t>GES KHANOOR</t>
  </si>
  <si>
    <t>Khanoor</t>
  </si>
  <si>
    <t>khanoor teh.pasrur sialkot</t>
  </si>
  <si>
    <t>Mehrajky</t>
  </si>
  <si>
    <t>Muhammad Akram Sulehria</t>
  </si>
  <si>
    <t>GES KHANOWAL</t>
  </si>
  <si>
    <t>Khanowal</t>
  </si>
  <si>
    <t>Village &amp; P/O Khanowal Tehsil shakargarh</t>
  </si>
  <si>
    <t>MUNAWAR HUSSAIN</t>
  </si>
  <si>
    <t>GES KHANPUR QAZIAN SHUJABAD</t>
  </si>
  <si>
    <t>DAIRA PUR - MALE</t>
  </si>
  <si>
    <t>moza khan pur</t>
  </si>
  <si>
    <t>Daira Pur</t>
  </si>
  <si>
    <t>M Akram Khan</t>
  </si>
  <si>
    <t>GES KHANPUR SHUMALI</t>
  </si>
  <si>
    <t>Maoza Khanpur Shumali, bhakkar</t>
  </si>
  <si>
    <t>Maoza Khanpur  Shumali</t>
  </si>
  <si>
    <t>Saray Mohajir 205TDA</t>
  </si>
  <si>
    <t>Abdul Ghafar</t>
  </si>
  <si>
    <t>GES KHARAL AZIM</t>
  </si>
  <si>
    <t>mouza kharal azeem</t>
  </si>
  <si>
    <t>Kot Sultan Rural</t>
  </si>
  <si>
    <t>MUKHTIAR HUSSAIN</t>
  </si>
  <si>
    <t>GES KHARAL KAHNA</t>
  </si>
  <si>
    <t>Kharal Kahna</t>
  </si>
  <si>
    <t>mohalla Riaz market Shakargarh</t>
  </si>
  <si>
    <t>Norang Abad</t>
  </si>
  <si>
    <t>Muhammad Azhar Inayat</t>
  </si>
  <si>
    <t>GES KHARALA KALAN</t>
  </si>
  <si>
    <t>Kharala kalan</t>
  </si>
  <si>
    <t>kharala kalan</t>
  </si>
  <si>
    <t>Aujuwala</t>
  </si>
  <si>
    <t>Muhammad safdar</t>
  </si>
  <si>
    <t>GES KHARAN WALA</t>
  </si>
  <si>
    <t>SHORKOT CITY - MALE</t>
  </si>
  <si>
    <t>Kharanwala</t>
  </si>
  <si>
    <t>Mouza kharanwala post office khaki lakhi tehsil shorkot distt jhang</t>
  </si>
  <si>
    <t>Khaki Lakhi</t>
  </si>
  <si>
    <t>Muhammad Azhar  Iqbal Malik</t>
  </si>
  <si>
    <t>GES KHARAPER HITHAR</t>
  </si>
  <si>
    <t>KELOO KALAN - MALE</t>
  </si>
  <si>
    <t>Kharaper Hithar</t>
  </si>
  <si>
    <t>Bazeed Pur</t>
  </si>
  <si>
    <t>GES KHAROLIAN</t>
  </si>
  <si>
    <t>kharolian</t>
  </si>
  <si>
    <t>kharolian tehsile sambrial</t>
  </si>
  <si>
    <t>Baddoke cheema</t>
  </si>
  <si>
    <t>Tariq Nawaz</t>
  </si>
  <si>
    <t>GES KHARORA BAQIR EAST</t>
  </si>
  <si>
    <t>Kharora Baqir</t>
  </si>
  <si>
    <t>Tubark hussain</t>
  </si>
  <si>
    <t>GES KHAROS</t>
  </si>
  <si>
    <t>Rampur3</t>
  </si>
  <si>
    <t>basti ch Ali Mohammad)</t>
  </si>
  <si>
    <t>Basti Ch Ali Mohammad</t>
  </si>
  <si>
    <t>Khurshid Ahmad</t>
  </si>
  <si>
    <t>GES KHASA</t>
  </si>
  <si>
    <t>Khasa</t>
  </si>
  <si>
    <t>villagekhasatehseelodistrictgujrat</t>
  </si>
  <si>
    <t>Muhammad usama sabri</t>
  </si>
  <si>
    <t>GES KHASALAA KALLAN</t>
  </si>
  <si>
    <t>Khasala Kallan</t>
  </si>
  <si>
    <t>GES Khasala Kallan adyala road Rawalpindi</t>
  </si>
  <si>
    <t>Hafiz Muhammad Salman Khurshid</t>
  </si>
  <si>
    <t>GES KHASORE</t>
  </si>
  <si>
    <t>p.o.box khasore</t>
  </si>
  <si>
    <t>Khasore</t>
  </si>
  <si>
    <t>NOOR HUSSAIN</t>
  </si>
  <si>
    <t>GES KHAWAJA MODEL SHAHDARA</t>
  </si>
  <si>
    <t>Shahdara Town</t>
  </si>
  <si>
    <t>shahdara town lahore</t>
  </si>
  <si>
    <t>Ladhay Shah</t>
  </si>
  <si>
    <t>GES KHAWAJA MODERN</t>
  </si>
  <si>
    <t>Gulzar colony</t>
  </si>
  <si>
    <t>GES Khawaja Modern Gulzar colony grw</t>
  </si>
  <si>
    <t>Ratta bajwa</t>
  </si>
  <si>
    <t>Muhammad Arshad Mughal</t>
  </si>
  <si>
    <t>GES KHAWAJGAN</t>
  </si>
  <si>
    <t>Hakra</t>
  </si>
  <si>
    <t>basti khawajgan mouza hakra tehsil bawalpur sadar district bahawalpur</t>
  </si>
  <si>
    <t>Khawajgan</t>
  </si>
  <si>
    <t>Rukrani</t>
  </si>
  <si>
    <t>Muhammad Hammad ullah</t>
  </si>
  <si>
    <t>GES KHEW</t>
  </si>
  <si>
    <t>khew post office Haider Abad tehsil Mankera Bhakkar</t>
  </si>
  <si>
    <t>Hafiz Muhammad Ishaq</t>
  </si>
  <si>
    <t>GES KHEWRA KHAS</t>
  </si>
  <si>
    <t>Khewra</t>
  </si>
  <si>
    <t>ges khewra khas</t>
  </si>
  <si>
    <t>MC Khewra</t>
  </si>
  <si>
    <t>Syed Amjad Hussain Naqvi</t>
  </si>
  <si>
    <t>GES KHICHI</t>
  </si>
  <si>
    <t>khichi Tehseel. Talagang. District. Chakwal</t>
  </si>
  <si>
    <t>Muhammad Kabir Bhatti</t>
  </si>
  <si>
    <t>GES KHICHI KALAN</t>
  </si>
  <si>
    <t>Khichi kalan bhakkar</t>
  </si>
  <si>
    <t>khichi kalan bhakkar</t>
  </si>
  <si>
    <t>Ahmad Faheem Kashif</t>
  </si>
  <si>
    <t>GES KHIDAY</t>
  </si>
  <si>
    <t>QILA MASHMOOLA - MALE</t>
  </si>
  <si>
    <t>Khiday</t>
  </si>
  <si>
    <t>SHAHBAZ AHMAD</t>
  </si>
  <si>
    <t>GES KHODAY</t>
  </si>
  <si>
    <t>KHODAY</t>
  </si>
  <si>
    <t>PO.BOX.KHODAY</t>
  </si>
  <si>
    <t>BALLO KASAR</t>
  </si>
  <si>
    <t>MUHAMMAD ASHFAQ</t>
  </si>
  <si>
    <t>GES KHOJA</t>
  </si>
  <si>
    <t>Khoja</t>
  </si>
  <si>
    <t>Vpo khoja</t>
  </si>
  <si>
    <t>Tapiala</t>
  </si>
  <si>
    <t>Muhammad Afzaal</t>
  </si>
  <si>
    <t>GES KHOKHARI NO.1</t>
  </si>
  <si>
    <t>khokhrip.o nawankot tehsil choubara dist layyah</t>
  </si>
  <si>
    <t>Khokhri</t>
  </si>
  <si>
    <t>Tajammal Hussain Jani</t>
  </si>
  <si>
    <t>GES KHOKHRA</t>
  </si>
  <si>
    <t>Head Khokhra</t>
  </si>
  <si>
    <t>p/o head Rasool, vlg head khokhra</t>
  </si>
  <si>
    <t>Amra Kalan</t>
  </si>
  <si>
    <t>GES KHOKHRAN P/O SIKINDARABAD</t>
  </si>
  <si>
    <t>GES khokharan P/S Sikindarabad</t>
  </si>
  <si>
    <t>Khoharan</t>
  </si>
  <si>
    <t>Javid Akhtar</t>
  </si>
  <si>
    <t>GES KHOUR CITY</t>
  </si>
  <si>
    <t>Khaur City</t>
  </si>
  <si>
    <t>Goverment Elementry School khaur city</t>
  </si>
  <si>
    <t>GES KHUDA</t>
  </si>
  <si>
    <t>Khudda</t>
  </si>
  <si>
    <t>village khudda</t>
  </si>
  <si>
    <t>Burhan</t>
  </si>
  <si>
    <t>GES KHUDA BUKHSH MAHAR</t>
  </si>
  <si>
    <t>Khuda Buksh Mahar</t>
  </si>
  <si>
    <t>government elementary school khuda buksh mahar tehsil ahmad pur east</t>
  </si>
  <si>
    <t>Jam Fazal Hussain</t>
  </si>
  <si>
    <t>GES KHUDAI</t>
  </si>
  <si>
    <t>Khudai</t>
  </si>
  <si>
    <t>basti khudai muzaffargarh</t>
  </si>
  <si>
    <t>Muhammad Imran Tahir</t>
  </si>
  <si>
    <t>GES KHUDALI</t>
  </si>
  <si>
    <t>Khudali</t>
  </si>
  <si>
    <t>E/S khudali</t>
  </si>
  <si>
    <t>Ameen Ghar</t>
  </si>
  <si>
    <t>Hameed Iqbal</t>
  </si>
  <si>
    <t>GES KHUDIAN KHAS</t>
  </si>
  <si>
    <t>Khudian khas</t>
  </si>
  <si>
    <t>MC Khudian</t>
  </si>
  <si>
    <t>GES KHUDOZAI</t>
  </si>
  <si>
    <t>Khudozai</t>
  </si>
  <si>
    <t>khudozai p/o manda khel tehsil isa khail district mianwali</t>
  </si>
  <si>
    <t>MUHAMMAD ZAFAR IQBAL KHAN</t>
  </si>
  <si>
    <t>GES KHUIAN</t>
  </si>
  <si>
    <t>Khuian</t>
  </si>
  <si>
    <t>near madina masjid vpo khuian, Talagang, chakwal</t>
  </si>
  <si>
    <t>GES KHUJJAR</t>
  </si>
  <si>
    <t>Kujjar</t>
  </si>
  <si>
    <t>Govt. E/S. Kujjar</t>
  </si>
  <si>
    <t>GES KHUKHA</t>
  </si>
  <si>
    <t>Khukha</t>
  </si>
  <si>
    <t>village khukha tehsil dina distt jhelum</t>
  </si>
  <si>
    <t>Qulab Abbas</t>
  </si>
  <si>
    <t>GES KHURA KHAIL</t>
  </si>
  <si>
    <t>Khura Khail</t>
  </si>
  <si>
    <t>vpo khura khail tehsil hazro district attock</t>
  </si>
  <si>
    <t>Mullan Mansoor</t>
  </si>
  <si>
    <t>Muhammad Kamran Khan</t>
  </si>
  <si>
    <t>GES KHURPA CHAK</t>
  </si>
  <si>
    <t>RAJA JANG - MALE</t>
  </si>
  <si>
    <t>Khurpa Chak</t>
  </si>
  <si>
    <t>Govt.E/S khurpa Chak Teh.@ Dist kasur</t>
  </si>
  <si>
    <t>Baroon Raja Jung</t>
  </si>
  <si>
    <t>GES KHUSHAL GARH</t>
  </si>
  <si>
    <t>khushal garh</t>
  </si>
  <si>
    <t>p/o khushal garh teh lawa dist chkwal</t>
  </si>
  <si>
    <t>kotgullah</t>
  </si>
  <si>
    <t>GES KHUSHAL SINGH</t>
  </si>
  <si>
    <t>KhushhalnsimNgh</t>
  </si>
  <si>
    <t>Mouza khushhal singh</t>
  </si>
  <si>
    <t>Khushhal Singh</t>
  </si>
  <si>
    <t>Muhammad Din</t>
  </si>
  <si>
    <t>GES KHUT PUR SANDA, SARAI SIDHU</t>
  </si>
  <si>
    <t>Kund Sargana</t>
  </si>
  <si>
    <t>Ges khat pur sanda kund sargana</t>
  </si>
  <si>
    <t>GES KIKRI P/O KIKRI</t>
  </si>
  <si>
    <t>Kikri</t>
  </si>
  <si>
    <t>govt elementary school Kikri  post office ghazi Pur</t>
  </si>
  <si>
    <t>Behli Shareef</t>
  </si>
  <si>
    <t>Karim Bakhsh</t>
  </si>
  <si>
    <t>GES KISHAN GARH</t>
  </si>
  <si>
    <t>KISHAN GARAH - MALE</t>
  </si>
  <si>
    <t>Kishan Garh</t>
  </si>
  <si>
    <t>P/O Kishan Garh. Teh.Pindi Bhattian.Distt.Hafizabad</t>
  </si>
  <si>
    <t>GES KISHEN GARH</t>
  </si>
  <si>
    <t>GES KISHAN GARH post office sawai wala bahawalnagar</t>
  </si>
  <si>
    <t>Chodary Ghulam Jilani</t>
  </si>
  <si>
    <t>GES KLASWALA</t>
  </si>
  <si>
    <t>P.O. Kalaswala tehsil Pasrur District Sialkot</t>
  </si>
  <si>
    <t>Mian Khalid Mehmood</t>
  </si>
  <si>
    <t>GES KOHAR JANUBI</t>
  </si>
  <si>
    <t>KOHAR JANOBI</t>
  </si>
  <si>
    <t>KOHAR JANOBI TRIBAL AREA DG KHAN</t>
  </si>
  <si>
    <t>BEROT MANDWANI</t>
  </si>
  <si>
    <t>aziz ahmad</t>
  </si>
  <si>
    <t>GES KOHLIAN</t>
  </si>
  <si>
    <t>village kohlian tehsil bhera dist. sargodha</t>
  </si>
  <si>
    <t>Jhamat Ranjheanwala</t>
  </si>
  <si>
    <t>Nisar Ali</t>
  </si>
  <si>
    <t>GES KOHLO WALA</t>
  </si>
  <si>
    <t>kohlowala</t>
  </si>
  <si>
    <t>Kohlowala</t>
  </si>
  <si>
    <t>GES KOHRIAN NEAR BARKI LHR CANTT</t>
  </si>
  <si>
    <t>kohrian</t>
  </si>
  <si>
    <t>village kohrian p/o barki lahore cantt</t>
  </si>
  <si>
    <t>barki</t>
  </si>
  <si>
    <t>MUHAMMAD IDREES</t>
  </si>
  <si>
    <t>GES KOKARA BELA SINGH</t>
  </si>
  <si>
    <t>Bela Singh</t>
  </si>
  <si>
    <t>bela singh minchinbad</t>
  </si>
  <si>
    <t>Muhammad Mazhar</t>
  </si>
  <si>
    <t>GES KOLIAN SHAH HUSSAIN</t>
  </si>
  <si>
    <t>Kolian Shah Hussain</t>
  </si>
  <si>
    <t>Kolian Shah Hussain P.O. dinga</t>
  </si>
  <si>
    <t>Shahid Aslam</t>
  </si>
  <si>
    <t>GES KOLLIAN HAMEED</t>
  </si>
  <si>
    <t>Kollian Hameed</t>
  </si>
  <si>
    <t>vpo  kollin Hamwed RWP</t>
  </si>
  <si>
    <t>GES KOLO WALA</t>
  </si>
  <si>
    <t>Kolowala</t>
  </si>
  <si>
    <t>village and post office Kolowala.Tehsil Nowshera virkan.District.Gujranwala.</t>
  </si>
  <si>
    <t>Matty Bhai Ke</t>
  </si>
  <si>
    <t>GES KOORIA</t>
  </si>
  <si>
    <t>Koria</t>
  </si>
  <si>
    <t>GES Koria.tehsil mankera.Districf bhakkar</t>
  </si>
  <si>
    <t>electrical cooler.water pump</t>
  </si>
  <si>
    <t>GES KORAI BALOCH, KABIRWALA</t>
  </si>
  <si>
    <t>Korai Baloch</t>
  </si>
  <si>
    <t>Korai Baloch P/,O Haji pur Tehsil Kabirwala District Khanewal</t>
  </si>
  <si>
    <t>Mongan Wala</t>
  </si>
  <si>
    <t>ILYAS RAZA QAISAR</t>
  </si>
  <si>
    <t>GES KOREKAY</t>
  </si>
  <si>
    <t>VPO Korekey , Daska, Sialkot</t>
  </si>
  <si>
    <t>GES KOREY WALTON</t>
  </si>
  <si>
    <t>Korey</t>
  </si>
  <si>
    <t>korey walton road cantt lahore</t>
  </si>
  <si>
    <t>GES KORO WEST</t>
  </si>
  <si>
    <t>Pukhan</t>
  </si>
  <si>
    <t>Koro gharbi P/O KOT QASRANI TEH TAUNSA DISTT DG KHAN</t>
  </si>
  <si>
    <t>Koro West</t>
  </si>
  <si>
    <t>QAZI ZAFAR AHMAD</t>
  </si>
  <si>
    <t>GES KOT AHMAD YAR</t>
  </si>
  <si>
    <t>Hissam</t>
  </si>
  <si>
    <t>nawan thatta mandi shah jewna jhang</t>
  </si>
  <si>
    <t>Mandi Shah Jewana</t>
  </si>
  <si>
    <t>Mahar Wali</t>
  </si>
  <si>
    <t>Amjad Zulfiqar</t>
  </si>
  <si>
    <t>GES KOT AMEER SHAH</t>
  </si>
  <si>
    <t>KOT AMEER SHAH</t>
  </si>
  <si>
    <t>KOT AMEER SHAH TEHSIL LALIAN DISTRICT CHINIOT</t>
  </si>
  <si>
    <t>HAST KHEWA</t>
  </si>
  <si>
    <t>Habibul Ghafoor</t>
  </si>
  <si>
    <t>GES KOT ARJAN SINGH</t>
  </si>
  <si>
    <t>Mundeyki</t>
  </si>
  <si>
    <t>Kot Arjan singh</t>
  </si>
  <si>
    <t>Muhammad Aamir Siddique</t>
  </si>
  <si>
    <t>GES KOT BACHNA</t>
  </si>
  <si>
    <t>Kot Bachna</t>
  </si>
  <si>
    <t>Village Kot Bachna,  P/o Satowal , tehsil Shakargah, district Narowal</t>
  </si>
  <si>
    <t>Muhammad Daryafat Khan</t>
  </si>
  <si>
    <t>GES KOT BAKHSHA</t>
  </si>
  <si>
    <t>Kot Bakhsha</t>
  </si>
  <si>
    <t>chak kot bakhsha district pakpattan</t>
  </si>
  <si>
    <t>Hota</t>
  </si>
  <si>
    <t>GES KOT BALIAN MIANWALI</t>
  </si>
  <si>
    <t>Kotbelian</t>
  </si>
  <si>
    <t>vpo Kotbelian</t>
  </si>
  <si>
    <t>Hameed Raza</t>
  </si>
  <si>
    <t>GES KOT BARE KHAN</t>
  </si>
  <si>
    <t>Kot Baray Khan</t>
  </si>
  <si>
    <t>villege and post office gujranwala</t>
  </si>
  <si>
    <t>kot baray khan</t>
  </si>
  <si>
    <t>kot amer singh</t>
  </si>
  <si>
    <t>GES KOT BHAGA</t>
  </si>
  <si>
    <t>kot bhaga  tehsil wazirabad distt Gujranwala</t>
  </si>
  <si>
    <t>Hazrat Kalian Wala</t>
  </si>
  <si>
    <t>GES KOT BHAWANIDASS</t>
  </si>
  <si>
    <t>Kot Bhawanidass</t>
  </si>
  <si>
    <t>Kot Bhawanidass tehsil and district Gujranwala</t>
  </si>
  <si>
    <t>Botala Jhanda Singh</t>
  </si>
  <si>
    <t>Ghulam Abbas Warraich</t>
  </si>
  <si>
    <t>GES KOT CHANDNA</t>
  </si>
  <si>
    <t>kotchandna</t>
  </si>
  <si>
    <t>p/o kalabagh tehsil isa khel district mianwali</t>
  </si>
  <si>
    <t>Kotchandna</t>
  </si>
  <si>
    <t>Nisar Ahmed Khan</t>
  </si>
  <si>
    <t>GES KOT CHIAN</t>
  </si>
  <si>
    <t>Kot chian</t>
  </si>
  <si>
    <t>kot chian</t>
  </si>
  <si>
    <t>Pindi Bawary</t>
  </si>
  <si>
    <t>Arfan Akhter</t>
  </si>
  <si>
    <t>GES KOT DEWAN</t>
  </si>
  <si>
    <t>Kot Dewan</t>
  </si>
  <si>
    <t>Monza kot dewan</t>
  </si>
  <si>
    <t>muhammad ismail Tariq</t>
  </si>
  <si>
    <t>GES KOT DEWAN PO PAKPATTAN</t>
  </si>
  <si>
    <t>Hota Road Pakpattan Sharif</t>
  </si>
  <si>
    <t>Behram pur</t>
  </si>
  <si>
    <t>Qazi Muhammad Ahmad</t>
  </si>
  <si>
    <t>GES KOT DIYA RAM</t>
  </si>
  <si>
    <t>SHEIKHUPURA-XVI - MALE</t>
  </si>
  <si>
    <t>Kot Diya Ram</t>
  </si>
  <si>
    <t>Kot Diya Ram P/O same</t>
  </si>
  <si>
    <t>Nokhar Nau</t>
  </si>
  <si>
    <t>GES KOT FAQIRAN</t>
  </si>
  <si>
    <t>Kot Faqira</t>
  </si>
  <si>
    <t>kot faqira</t>
  </si>
  <si>
    <t>Muhammad Ubaidullah</t>
  </si>
  <si>
    <t>GES KOT FATEH MUHAMMAD SHAH</t>
  </si>
  <si>
    <t>Kot Fateh Muhammad  Shah</t>
  </si>
  <si>
    <t>Kot Fateh Muhammad  Shah p/ o jakwala BAHAWALNAGAR</t>
  </si>
  <si>
    <t>Shafeeq Ahmad</t>
  </si>
  <si>
    <t>GES KOT GHAZI</t>
  </si>
  <si>
    <t>kot ghazi  pindi bhuttian  Hafizabad</t>
  </si>
  <si>
    <t>Kot ghazi</t>
  </si>
  <si>
    <t>Khuram Chorara</t>
  </si>
  <si>
    <t>Sufyan Amjad</t>
  </si>
  <si>
    <t>GES KOT GHULAM MIRAN SHAH</t>
  </si>
  <si>
    <t>Kot Ghulam Miran Shah</t>
  </si>
  <si>
    <t>basti malook wali</t>
  </si>
  <si>
    <t>Basti Malook Wali</t>
  </si>
  <si>
    <t>Irfan Zahid</t>
  </si>
  <si>
    <t>GES KOT GHULAM QADIR</t>
  </si>
  <si>
    <t>Pul Kot Luddan</t>
  </si>
  <si>
    <t>SHOKAT HAYAT KHAN</t>
  </si>
  <si>
    <t>GES KOT GHUMAN</t>
  </si>
  <si>
    <t>Kot Ghuman</t>
  </si>
  <si>
    <t>village kot ghuman P/o Mirza goraya  tehsil daska district sialkot</t>
  </si>
  <si>
    <t>GES KOT GOHAR MUHAMMAD, SARAI SIDHU</t>
  </si>
  <si>
    <t>Kot Gohar Muhammad</t>
  </si>
  <si>
    <t>Kot Gohar Mohammad</t>
  </si>
  <si>
    <t>Saghir Ahmad</t>
  </si>
  <si>
    <t>GES KOT HAIBAT</t>
  </si>
  <si>
    <t>Churhatta Sindh Shumali</t>
  </si>
  <si>
    <t>Taunsa road,chowk churhatta D G Khan.</t>
  </si>
  <si>
    <t>D  G Khan</t>
  </si>
  <si>
    <t>Churhatta</t>
  </si>
  <si>
    <t>Ishaq Ahmad</t>
  </si>
  <si>
    <t>GES KOT HARA</t>
  </si>
  <si>
    <t>Kot Hara</t>
  </si>
  <si>
    <t>Kot Hara Tehsil Wazirabad District Gujranwala</t>
  </si>
  <si>
    <t>Hazrat Kailian Wala</t>
  </si>
  <si>
    <t>Arshad Ahmad</t>
  </si>
  <si>
    <t>GES KOT IQBAL</t>
  </si>
  <si>
    <t>Kot Iqbal</t>
  </si>
  <si>
    <t>VPO KOT IQBAL TEH. AND DISTT CHAKWAL</t>
  </si>
  <si>
    <t>Siral</t>
  </si>
  <si>
    <t>SIRAL</t>
  </si>
  <si>
    <t>Muhammad  Rifaqat  Nawaz</t>
  </si>
  <si>
    <t>GES KOT JAN BUX</t>
  </si>
  <si>
    <t>Kot Jan Bakhush</t>
  </si>
  <si>
    <t>kot jan bux teh wazirabad district gujranwala</t>
  </si>
  <si>
    <t>Jhattanwali</t>
  </si>
  <si>
    <t>Muhammad Asif Zubair</t>
  </si>
  <si>
    <t>GES KOT KARAM KHAN</t>
  </si>
  <si>
    <t>IQBAL ABAD-MALE</t>
  </si>
  <si>
    <t>kot karam khan</t>
  </si>
  <si>
    <t>kot karam khan rahim yar khan</t>
  </si>
  <si>
    <t>Yasir Ghafoor</t>
  </si>
  <si>
    <t>GES KOT KARIM SHAH</t>
  </si>
  <si>
    <t>Nukrary</t>
  </si>
  <si>
    <t>kot Karam shah Teh.pirmahal pirmahal distance TTSingh</t>
  </si>
  <si>
    <t>Kot Karam Shah</t>
  </si>
  <si>
    <t>GES KOT KAY</t>
  </si>
  <si>
    <t>Kotkay</t>
  </si>
  <si>
    <t>Village kotkay Tehsil hazro District Attock</t>
  </si>
  <si>
    <t>Malak Mala</t>
  </si>
  <si>
    <t>MUHAMMAD SHAUKAT</t>
  </si>
  <si>
    <t>GES KOT KHAZRI</t>
  </si>
  <si>
    <t>KOT KHIZRI TEH WAZIRABAD</t>
  </si>
  <si>
    <t>KOT KHIZRI</t>
  </si>
  <si>
    <t>MANZOR ABAD</t>
  </si>
  <si>
    <t>nazim Shehzad</t>
  </si>
  <si>
    <t>GES KOT KHUSHAL</t>
  </si>
  <si>
    <t>MATTEKE - MALE</t>
  </si>
  <si>
    <t>Kot Khushakl</t>
  </si>
  <si>
    <t>kot khushal</t>
  </si>
  <si>
    <t>Kot Khushal</t>
  </si>
  <si>
    <t>GES KOT KOMBOH</t>
  </si>
  <si>
    <t>JHAWARIAN - MALE</t>
  </si>
  <si>
    <t>Kot Kamboh</t>
  </si>
  <si>
    <t>kot kamboh</t>
  </si>
  <si>
    <t>Muhammad Shahmir Qasim</t>
  </si>
  <si>
    <t>GES KOT MALLIAR</t>
  </si>
  <si>
    <t>Kot Milyar</t>
  </si>
  <si>
    <t>Khaur</t>
  </si>
  <si>
    <t>SHAHID HAMID</t>
  </si>
  <si>
    <t>GES KOT MANDIAN WALA</t>
  </si>
  <si>
    <t>kot Mandianwala Sialkot</t>
  </si>
  <si>
    <t>Kot Mandianwala</t>
  </si>
  <si>
    <t>Faisal Kamran</t>
  </si>
  <si>
    <t>GES KOT MANGAL SANE KHEWRA</t>
  </si>
  <si>
    <t>islam gunj khewra</t>
  </si>
  <si>
    <t>islam gunj</t>
  </si>
  <si>
    <t>mc khewra</t>
  </si>
  <si>
    <t>GES KOT MAPAL</t>
  </si>
  <si>
    <t>Kot Mapal</t>
  </si>
  <si>
    <t>Kot Mapal P O madrajbana Tehsil Ahmad Pur Sial District jhang</t>
  </si>
  <si>
    <t>Muhammad Muneer</t>
  </si>
  <si>
    <t>GES KOT MEHTAB KHAN</t>
  </si>
  <si>
    <t>Kot mehtab khan</t>
  </si>
  <si>
    <t>Ges kot mehtab khan</t>
  </si>
  <si>
    <t>Chhina arla</t>
  </si>
  <si>
    <t>tahir mehmood</t>
  </si>
  <si>
    <t>GES KOT MIANA</t>
  </si>
  <si>
    <t>Kot Miana</t>
  </si>
  <si>
    <t>Muhammad Shafqat</t>
  </si>
  <si>
    <t>GES KOT MIR HUSSAIN</t>
  </si>
  <si>
    <t>Kot Amir Hussain</t>
  </si>
  <si>
    <t>Kot Amir Hassian</t>
  </si>
  <si>
    <t>Thimka</t>
  </si>
  <si>
    <t>GES KOT MULCHAND, KABIRWALA</t>
  </si>
  <si>
    <t>kotmulchand</t>
  </si>
  <si>
    <t>e tehsil kabirwala dist khanewal</t>
  </si>
  <si>
    <t>shamkot</t>
  </si>
  <si>
    <t>GES KOT NAMDAR</t>
  </si>
  <si>
    <t>NABI PUR PIRAN-MALE</t>
  </si>
  <si>
    <t>Kot Namdar</t>
  </si>
  <si>
    <t>kot Namdar Tehsil and District Nankana sahib</t>
  </si>
  <si>
    <t>GES KOT NAWAN</t>
  </si>
  <si>
    <t>kot nawan</t>
  </si>
  <si>
    <t>Solungy Awan</t>
  </si>
  <si>
    <t>Azhar Munir</t>
  </si>
  <si>
    <t>GES KOT NOOR SHAH</t>
  </si>
  <si>
    <t>Kot Noor Shah</t>
  </si>
  <si>
    <t>Kot Noor Shah 10 km Lahore Sharqpur Road Near Faizpur Interchange Tehsil Ferozewala SKP</t>
  </si>
  <si>
    <t>Faizpur</t>
  </si>
  <si>
    <t>GES KOT PIR SAADAT</t>
  </si>
  <si>
    <t>Kot Peer Saadat</t>
  </si>
  <si>
    <t>Mouza Kot Peer Saadat Tehsil&amp; District Lodhran</t>
  </si>
  <si>
    <t>GES KOT QAZI</t>
  </si>
  <si>
    <t>Ges kot Qazi Teh Lalian Dist chiniot</t>
  </si>
  <si>
    <t>Hast Khewa</t>
  </si>
  <si>
    <t>PSSP School</t>
  </si>
  <si>
    <t>GES KOT RANJAH</t>
  </si>
  <si>
    <t>KARIANWALA II - MALE</t>
  </si>
  <si>
    <t>Kot Ranjha</t>
  </si>
  <si>
    <t>vill&amp;p/o kot Ranjha</t>
  </si>
  <si>
    <t>Bheraj</t>
  </si>
  <si>
    <t>Basharat Hussain</t>
  </si>
  <si>
    <t>GES KOT REHAIR</t>
  </si>
  <si>
    <t>kot rehar po ali pur chatha ,teh wazirabad, distt. gujranwala.</t>
  </si>
  <si>
    <t>Kot Rehar</t>
  </si>
  <si>
    <t>Ali Pur Chatha</t>
  </si>
  <si>
    <t>GES KOT RUB NAWAZ P/O JHOKE LASHKER PUR</t>
  </si>
  <si>
    <t>Kot Rub Nawaz</t>
  </si>
  <si>
    <t>Basti kot rub nawaz</t>
  </si>
  <si>
    <t>Malik Abdul Ghaffar</t>
  </si>
  <si>
    <t>GES KOT SAJANA</t>
  </si>
  <si>
    <t>Kot Sajana</t>
  </si>
  <si>
    <t>kot  sajana Hafizabad</t>
  </si>
  <si>
    <t>Manghat Necha</t>
  </si>
  <si>
    <t>Jamshed Ahmad</t>
  </si>
  <si>
    <t>GES KOT SARDAR KAHAN SINGH P/O BEHER WAL KALAN</t>
  </si>
  <si>
    <t>Ksk Singh</t>
  </si>
  <si>
    <t>GES KOT SARDAR KAHAN MARKAZ JAMBER KALAN,PATTOKI</t>
  </si>
  <si>
    <t>sayad farrukh rashid</t>
  </si>
  <si>
    <t>GES KOT SHAH MUSHTAQ</t>
  </si>
  <si>
    <t>HUJRA SHAH MUQEEM - MALE</t>
  </si>
  <si>
    <t>Kot Shah Mushtaq</t>
  </si>
  <si>
    <t>Kot Shah Mushtaq Tehsil depalpur District Okara</t>
  </si>
  <si>
    <t>Phular Wan Wazir Kay</t>
  </si>
  <si>
    <t>GHULAM MURTAZA ABID</t>
  </si>
  <si>
    <t>GES KOT SHAMMAS</t>
  </si>
  <si>
    <t>KOTSHAMAS</t>
  </si>
  <si>
    <t>VPO KOTSHAMAS TEHSIL LAWA DISTT CHAKWAL</t>
  </si>
  <si>
    <t>Muhammad Jafar Sadiq</t>
  </si>
  <si>
    <t>GES KOT SHERA</t>
  </si>
  <si>
    <t>Kot Shera</t>
  </si>
  <si>
    <t>Village &amp; Post Office Gujranwala</t>
  </si>
  <si>
    <t>Kot shera</t>
  </si>
  <si>
    <t>hafiz Muhammad umer</t>
  </si>
  <si>
    <t>GES KOT SULTAN NO 1</t>
  </si>
  <si>
    <t>Bhai Sadhu</t>
  </si>
  <si>
    <t>Bhai sadhu kot Sultan</t>
  </si>
  <si>
    <t>GES KOT SULTAN NO 2</t>
  </si>
  <si>
    <t>Jam Rid Thal</t>
  </si>
  <si>
    <t>kotsultan city</t>
  </si>
  <si>
    <t>Kotsultan</t>
  </si>
  <si>
    <t>Kotsutan City</t>
  </si>
  <si>
    <t>MUHAMMAD RAFIQ</t>
  </si>
  <si>
    <t>GES KOTEHRA</t>
  </si>
  <si>
    <t>vpo kotehra(chinji) Talagang Chakwal</t>
  </si>
  <si>
    <t>Abdul Karim</t>
  </si>
  <si>
    <t>GES KOTEHRA JABBI P.O MULTAN KHURD</t>
  </si>
  <si>
    <t>village kotehra po Multan Khurd tehsil Talagang district Chakwal</t>
  </si>
  <si>
    <t>Jabbi Shah Dilawar</t>
  </si>
  <si>
    <t>Abdullah Khan</t>
  </si>
  <si>
    <t>GES KOTHA UTRA</t>
  </si>
  <si>
    <t>Kotha Utera</t>
  </si>
  <si>
    <t>basti Kotha Utera</t>
  </si>
  <si>
    <t>Rana Riaz Ahmad</t>
  </si>
  <si>
    <t>GES KOTKI BERUNI</t>
  </si>
  <si>
    <t>Kutki Beroni</t>
  </si>
  <si>
    <t>po. kitki beroni tell isakhel  disit.  mianwali</t>
  </si>
  <si>
    <t>Chapri</t>
  </si>
  <si>
    <t>Muhammad Ismail Khan</t>
  </si>
  <si>
    <t>GES KOTLA AHMAD</t>
  </si>
  <si>
    <t>Kotla Ahmad</t>
  </si>
  <si>
    <t>kotla Ahmad</t>
  </si>
  <si>
    <t>Kotla Naseer</t>
  </si>
  <si>
    <t>Muzammal Hussain</t>
  </si>
  <si>
    <t>GES KOTLA AHMAD KHAN</t>
  </si>
  <si>
    <t>Kotla Ahmad Khan</t>
  </si>
  <si>
    <t>GES kotla ahmad khan, kot chutta,D g khan</t>
  </si>
  <si>
    <t>Gull Muhammad</t>
  </si>
  <si>
    <t>GES KOTLA AIMA</t>
  </si>
  <si>
    <t>Kotla Aima</t>
  </si>
  <si>
    <t>Village Kotla Aima, PO Kala Gujran, Tehsil and District Jhelum.</t>
  </si>
  <si>
    <t>AASIM MUSHTAQ KAYANI</t>
  </si>
  <si>
    <t>GES KOTLA AYYUB</t>
  </si>
  <si>
    <t>Kotla Ayoub Khan</t>
  </si>
  <si>
    <t>basti dara jamal  rahim yar khan</t>
  </si>
  <si>
    <t>Dara Jamal</t>
  </si>
  <si>
    <t>GES KOTLA DAD</t>
  </si>
  <si>
    <t>Kotla Dad</t>
  </si>
  <si>
    <t>Kotla dad</t>
  </si>
  <si>
    <t>Kotla Khan Muhammad M7hammad</t>
  </si>
  <si>
    <t>GES KOTLA KALAN CHAK 43/RB</t>
  </si>
  <si>
    <t>Kotla Kalan</t>
  </si>
  <si>
    <t>kotla kalan</t>
  </si>
  <si>
    <t>Marrer 45</t>
  </si>
  <si>
    <t>Liaquat Ali</t>
  </si>
  <si>
    <t>GES KOTLA MUHAMMAD ZARIF KHAN</t>
  </si>
  <si>
    <t>kotla muhammad zarif khan</t>
  </si>
  <si>
    <t>kotla muhammad  zarif khan</t>
  </si>
  <si>
    <t>KOTLA MUHAMMAD ZARIF KHAN</t>
  </si>
  <si>
    <t>ALI  SHER</t>
  </si>
  <si>
    <t>GES KOTLA PANJU BAIG</t>
  </si>
  <si>
    <t>Kotla Panju Baig</t>
  </si>
  <si>
    <t>kotla panju baig</t>
  </si>
  <si>
    <t>Ali Adnan Dogar</t>
  </si>
  <si>
    <t>GES KOTLA QASIM KHAN</t>
  </si>
  <si>
    <t>GES KOTLA QAZI</t>
  </si>
  <si>
    <t>LAYYAH-II - MALE</t>
  </si>
  <si>
    <t>Kotla Qazi</t>
  </si>
  <si>
    <t>moza kotla qazi kothi qureshi stop layyah</t>
  </si>
  <si>
    <t>Lohanch Nasheb</t>
  </si>
  <si>
    <t>GES KOTLA RAHEEM SHAH</t>
  </si>
  <si>
    <t>kotla rahim</t>
  </si>
  <si>
    <t>kot mithan</t>
  </si>
  <si>
    <t>dhigin</t>
  </si>
  <si>
    <t>Mian Muhammad Saeed</t>
  </si>
  <si>
    <t>GES KOTLA RUBAIT</t>
  </si>
  <si>
    <t>Chak kotla rubait</t>
  </si>
  <si>
    <t>kotla rubait</t>
  </si>
  <si>
    <t>kotla Rubait</t>
  </si>
  <si>
    <t>HAMAD RAZA</t>
  </si>
  <si>
    <t>GES KOTLA SARANG KHAN</t>
  </si>
  <si>
    <t>Kotla Sarang Khan</t>
  </si>
  <si>
    <t>Kotla Sarang Khan P/O Paswal Tehsil Kharian District Gujrat</t>
  </si>
  <si>
    <t>Chakori Shair Ghazi</t>
  </si>
  <si>
    <t>Nasir Muhammad</t>
  </si>
  <si>
    <t>GES KOTLA SHER MUHAMMAD</t>
  </si>
  <si>
    <t>kotla sher mohammad</t>
  </si>
  <si>
    <t>GES, KOTLA SHER MOHAMMAD</t>
  </si>
  <si>
    <t>Muhammad Asim</t>
  </si>
  <si>
    <t>GES KOTLI BAKHSHO KHAN MUZA KOTLI BAKHSHO KHAN</t>
  </si>
  <si>
    <t>Kotli bakhshoo khan</t>
  </si>
  <si>
    <t>Mouza kotli bakhshoo khan</t>
  </si>
  <si>
    <t>Jhok wains</t>
  </si>
  <si>
    <t>Hameedullah Zulqarnain</t>
  </si>
  <si>
    <t>GES KOTLI BAL GOBIND</t>
  </si>
  <si>
    <t>Near Qila Didar Sing</t>
  </si>
  <si>
    <t>kotli balgobind teh: and distt: GRW</t>
  </si>
  <si>
    <t>Kotli Balgobind</t>
  </si>
  <si>
    <t>Muhammad Shoaib Mughal</t>
  </si>
  <si>
    <t>GES KOTLI BAQIR SHAH</t>
  </si>
  <si>
    <t>Kotli Baqir Shah</t>
  </si>
  <si>
    <t>Moza kotli Baqir Shah</t>
  </si>
  <si>
    <t>Doosa</t>
  </si>
  <si>
    <t>Barkat Ali Bhatti</t>
  </si>
  <si>
    <t>GES KOTLI BHUTTA</t>
  </si>
  <si>
    <t>village kotli bhutta uggoki sialkot</t>
  </si>
  <si>
    <t>Bhagwal Awaan</t>
  </si>
  <si>
    <t>Ahmad Rehan</t>
  </si>
  <si>
    <t>GES KOTLI MUHAMMAD SIDDIQUE</t>
  </si>
  <si>
    <t>Kotli Muhammad Siddique</t>
  </si>
  <si>
    <t>kotli muhammad siddique narowal</t>
  </si>
  <si>
    <t>Kotli Muhamad Siddique</t>
  </si>
  <si>
    <t>Faleez Pur</t>
  </si>
  <si>
    <t>Muhammad Yousaf Khan</t>
  </si>
  <si>
    <t>GES KOTLI SINDHOWAN</t>
  </si>
  <si>
    <t>Kotli Sandhuwan</t>
  </si>
  <si>
    <t>Chanderke Rajpootan</t>
  </si>
  <si>
    <t>Muhammad Ihsan Mahmood Saddiqui</t>
  </si>
  <si>
    <t>GES KOTLI SYEDAN</t>
  </si>
  <si>
    <t>kotli syedan pasrur sialkot</t>
  </si>
  <si>
    <t>Nabeel Ahmed</t>
  </si>
  <si>
    <t>GES KUL BAJWA</t>
  </si>
  <si>
    <t>Kul Bajwa</t>
  </si>
  <si>
    <t>VPO Kul Bajwa Tehsil Pasrur District Sialkot</t>
  </si>
  <si>
    <t>Muhammad Abid</t>
  </si>
  <si>
    <t>GES KULLAH MANDIALA</t>
  </si>
  <si>
    <t>Kullah Mundyallah</t>
  </si>
  <si>
    <t>Village kullah mandiala Uc Bhainuan</t>
  </si>
  <si>
    <t>Kullah Mandiala</t>
  </si>
  <si>
    <t>Bhainuan</t>
  </si>
  <si>
    <t>GES KULLIAN WALA</t>
  </si>
  <si>
    <t>kalluan wala mouza dhingana Teh, Mankera District Bhakkar</t>
  </si>
  <si>
    <t>Kalluan wala</t>
  </si>
  <si>
    <t>GES KUMHARI</t>
  </si>
  <si>
    <t>Doke Kumhari</t>
  </si>
  <si>
    <t>vpo thoha doke kumhari tehsil talagang dist chakwal</t>
  </si>
  <si>
    <t>Thoha  Mehram Khan</t>
  </si>
  <si>
    <t>GES KUNDAI</t>
  </si>
  <si>
    <t>Kundai</t>
  </si>
  <si>
    <t>Langarwah</t>
  </si>
  <si>
    <t>GES KUNDIAN CITY</t>
  </si>
  <si>
    <t>kundian</t>
  </si>
  <si>
    <t>khalid mehmood khan</t>
  </si>
  <si>
    <t>GES KUNNAL SHERUANA</t>
  </si>
  <si>
    <t>Kunnal Sherowana</t>
  </si>
  <si>
    <t>Kunnal Sherowana Post office Machiwal tehsile 18hazari District Jhang</t>
  </si>
  <si>
    <t>7/2 thal janobi Machiwal</t>
  </si>
  <si>
    <t>GES KURAR</t>
  </si>
  <si>
    <t>KATHA SAGRAL (SOUTH) (MALE)</t>
  </si>
  <si>
    <t>V P O  KURAR DIST.&amp; TEH.KHUSHAB</t>
  </si>
  <si>
    <t>Muhammad Muddassir</t>
  </si>
  <si>
    <t>GES KURI KHUDA BUKSH</t>
  </si>
  <si>
    <t>Kuri Khuda Bakhsh</t>
  </si>
  <si>
    <t>VPO KURI KHUDA BAKHSH RWP</t>
  </si>
  <si>
    <t>kuri khuda bakhsh</t>
  </si>
  <si>
    <t>banda</t>
  </si>
  <si>
    <t>SYED ABID HUSSAIN SHAH</t>
  </si>
  <si>
    <t>GES KURPALKA</t>
  </si>
  <si>
    <t>KHUSHAB (SADAR) (MALE)</t>
  </si>
  <si>
    <t>Kuraplka</t>
  </si>
  <si>
    <t>kurpalka khushab</t>
  </si>
  <si>
    <t>Kurpalka</t>
  </si>
  <si>
    <t>Hassan Pur</t>
  </si>
  <si>
    <t>Khurram Javed Abbas</t>
  </si>
  <si>
    <t>GES KUTIAM</t>
  </si>
  <si>
    <t>Kotyam</t>
  </si>
  <si>
    <t>VPO Kotyam, Tehsil Dina, District Jhelum.</t>
  </si>
  <si>
    <t>Muhammad Awais Ali</t>
  </si>
  <si>
    <t>GES KUTLOOHI KOLAN</t>
  </si>
  <si>
    <t>Katlohi Kalan</t>
  </si>
  <si>
    <t>Lakhnekey</t>
  </si>
  <si>
    <t>Mahmood</t>
  </si>
  <si>
    <t>GES LABER P/O SIKANDARABAD</t>
  </si>
  <si>
    <t>Labar</t>
  </si>
  <si>
    <t>govt elementary school mark sher shah sad at multan</t>
  </si>
  <si>
    <t>Basti Labar</t>
  </si>
  <si>
    <t>Hamid Pur Kanora</t>
  </si>
  <si>
    <t>abdul raheem</t>
  </si>
  <si>
    <t>GES LADHAR</t>
  </si>
  <si>
    <t>LADHAR</t>
  </si>
  <si>
    <t>Village and PO Ladhar</t>
  </si>
  <si>
    <t>Syed Hasnat Ahmed</t>
  </si>
  <si>
    <t>GES LADHAR CHAK 116/RB</t>
  </si>
  <si>
    <t>Ladhar 116</t>
  </si>
  <si>
    <t>ladhar 116 teh sangla hill</t>
  </si>
  <si>
    <t>GES LADI CHUNIAN</t>
  </si>
  <si>
    <t>ELAH ABAD - MALE</t>
  </si>
  <si>
    <t>Ladi</t>
  </si>
  <si>
    <t>vill.Ladi p/o Allah Abad Tehsl Chunian Distt. Kasur</t>
  </si>
  <si>
    <t>Sraisar Hithar</t>
  </si>
  <si>
    <t>Mian Abdul Wahid Anjum</t>
  </si>
  <si>
    <t>GES LADUN</t>
  </si>
  <si>
    <t>Ladan</t>
  </si>
  <si>
    <t>Ladan D.G,Khan</t>
  </si>
  <si>
    <t>GES LAHORIAN WALI</t>
  </si>
  <si>
    <t>Lahorian Wali</t>
  </si>
  <si>
    <t>Village Lahorianwali P/O Narang Mandi Teh, Muridkey Distt. Sheikhupura.</t>
  </si>
  <si>
    <t>Aadhian</t>
  </si>
  <si>
    <t>GES LAK</t>
  </si>
  <si>
    <t>govt elementary school lak more tehsil sargodha</t>
  </si>
  <si>
    <t>GES LAKHAN</t>
  </si>
  <si>
    <t>Lakhan</t>
  </si>
  <si>
    <t>Govt Boys Elementey Schoil Lakhan</t>
  </si>
  <si>
    <t>Waqas Razzaq</t>
  </si>
  <si>
    <t>water tanker</t>
  </si>
  <si>
    <t>GES LAKHANI DAWANI</t>
  </si>
  <si>
    <t>Khitran Wala</t>
  </si>
  <si>
    <t>basti Dawani p/o tibi qaisrani</t>
  </si>
  <si>
    <t>Lakhani Dawani</t>
  </si>
  <si>
    <t>Jhoke Bodo</t>
  </si>
  <si>
    <t>GES LAKHO DHER CHAK NO.48</t>
  </si>
  <si>
    <t>Lakhodher Chak48</t>
  </si>
  <si>
    <t>Government elementary school Lakhodher chak 48 Markaz Hallah</t>
  </si>
  <si>
    <t>Hallah</t>
  </si>
  <si>
    <t>Abdul razzaq abid</t>
  </si>
  <si>
    <t>GES LAKHWAL</t>
  </si>
  <si>
    <t>Lakhwal</t>
  </si>
  <si>
    <t>vpo Lakhwal Teh and District Chakwal</t>
  </si>
  <si>
    <t>Maingan</t>
  </si>
  <si>
    <t>watersuply</t>
  </si>
  <si>
    <t>GES LAL PIR</t>
  </si>
  <si>
    <t>Verar Sipra</t>
  </si>
  <si>
    <t>basti sapray wala teh.kot addu distt.m.garh</t>
  </si>
  <si>
    <t>Sapray Wala</t>
  </si>
  <si>
    <t>GES LALA AMIR SINGH</t>
  </si>
  <si>
    <t>MND-VI-MALE</t>
  </si>
  <si>
    <t>Main Chock Lala Amar Singh</t>
  </si>
  <si>
    <t>GES LALIAN</t>
  </si>
  <si>
    <t>LaLian</t>
  </si>
  <si>
    <t>Village &amp; P/O LaLian Shakar Garh</t>
  </si>
  <si>
    <t>GES LALU KHEL</t>
  </si>
  <si>
    <t>SULTAN WALA SHARQI-MALE</t>
  </si>
  <si>
    <t>Lalukhel</t>
  </si>
  <si>
    <t>Yaru Khel  Paka</t>
  </si>
  <si>
    <t>Javed Iqbal Khan</t>
  </si>
  <si>
    <t>GES LALU NAICH</t>
  </si>
  <si>
    <t>moza Lalu Naich</t>
  </si>
  <si>
    <t>GES LALU PUR</t>
  </si>
  <si>
    <t>Lalupur</t>
  </si>
  <si>
    <t>lalupur P/O Eminabad kamoke</t>
  </si>
  <si>
    <t>Asad Ali Bhatti</t>
  </si>
  <si>
    <t>GES LALU WALI</t>
  </si>
  <si>
    <t>laluwali teh&amp;distt sargodha</t>
  </si>
  <si>
    <t>Ghazanfar Raza Rizvi</t>
  </si>
  <si>
    <t>GES LAMBRAY</t>
  </si>
  <si>
    <t>Lambray</t>
  </si>
  <si>
    <t>lambray muridke</t>
  </si>
  <si>
    <t>Tariq Mahmood Chahil</t>
  </si>
  <si>
    <t>GES LANG GARWAN</t>
  </si>
  <si>
    <t>Lang Garwan</t>
  </si>
  <si>
    <t>moza Lang garwan uc  dhor kot</t>
  </si>
  <si>
    <t>Dhor Kot</t>
  </si>
  <si>
    <t>Jam Abdul Sattar</t>
  </si>
  <si>
    <t>GES LANGAH</t>
  </si>
  <si>
    <t>langah</t>
  </si>
  <si>
    <t>v.p.o langah teh and dist chakwal</t>
  </si>
  <si>
    <t>jand</t>
  </si>
  <si>
    <t>GES LANGER PUR</t>
  </si>
  <si>
    <t>Langerpur</t>
  </si>
  <si>
    <t>Village and P.O Langarpur via Kala Gujran Tehsil and distt Jhelum</t>
  </si>
  <si>
    <t>Jehanzeb Khalid</t>
  </si>
  <si>
    <t>GES LANGERKE</t>
  </si>
  <si>
    <t>Langerke</t>
  </si>
  <si>
    <t>village langerkey tehsil zafarwal district narowal</t>
  </si>
  <si>
    <t>Langarke</t>
  </si>
  <si>
    <t>USMAN ISHTIAQ AHMAD</t>
  </si>
  <si>
    <t>GES LANGIAN</t>
  </si>
  <si>
    <t>Langian</t>
  </si>
  <si>
    <t>moza Langian p/o malik pur tehsil Shankar Gary district narowal</t>
  </si>
  <si>
    <t>Zafar iqbal</t>
  </si>
  <si>
    <t>GES LANGIAN WALI</t>
  </si>
  <si>
    <t>Langianwali</t>
  </si>
  <si>
    <t>langianwali teh wazirabad</t>
  </si>
  <si>
    <t>Mazhar Hussain Cheema</t>
  </si>
  <si>
    <t>GES LANGRAYALI</t>
  </si>
  <si>
    <t>Langrayali</t>
  </si>
  <si>
    <t>Village Langrayali P. O. Cantt Sialkot</t>
  </si>
  <si>
    <t>Mirza Maqsood Baig</t>
  </si>
  <si>
    <t>GES LANGRIAL</t>
  </si>
  <si>
    <t>Langrial</t>
  </si>
  <si>
    <t>langrial teh pindigheb attock</t>
  </si>
  <si>
    <t>GES LANGRIAL WALA</t>
  </si>
  <si>
    <t>shahn wala</t>
  </si>
  <si>
    <t>shahn wala choti road jampur</t>
  </si>
  <si>
    <t>Langrial wala</t>
  </si>
  <si>
    <t>meeran</t>
  </si>
  <si>
    <t>Shahjahan</t>
  </si>
  <si>
    <t>GES LARRIAN P/0 LARRIAN</t>
  </si>
  <si>
    <t>Trap Janoobi</t>
  </si>
  <si>
    <t>Vpo larrian tehsil lawa District chakwal</t>
  </si>
  <si>
    <t>Larrian</t>
  </si>
  <si>
    <t>GES LASHARI JUTEY WALA</t>
  </si>
  <si>
    <t>Thaljandi</t>
  </si>
  <si>
    <t>89tda</t>
  </si>
  <si>
    <t>89 TDA</t>
  </si>
  <si>
    <t>98 ML</t>
  </si>
  <si>
    <t>GES LASKANI WALA</t>
  </si>
  <si>
    <t>SHAHBAZ PUR</t>
  </si>
  <si>
    <t>BASTI LASKANI MOUZA SHAHBAZ PUR WARD NO.18 MC JATOI</t>
  </si>
  <si>
    <t>BASTI LASKANI</t>
  </si>
  <si>
    <t>GES LATKI</t>
  </si>
  <si>
    <t>basti latki moza latki.tehsil khanpur .disst rahim yar khan</t>
  </si>
  <si>
    <t>LATKI</t>
  </si>
  <si>
    <t>M Zubair jahangir Bukhari</t>
  </si>
  <si>
    <t>GES LAWERI WALA</t>
  </si>
  <si>
    <t>Laveriwala</t>
  </si>
  <si>
    <t>GOVT E/S Laveriwala</t>
  </si>
  <si>
    <t>Winjowali</t>
  </si>
  <si>
    <t>Jamshaid Gull</t>
  </si>
  <si>
    <t>GES LAWRENCE COLLEGE</t>
  </si>
  <si>
    <t>ANGOORI - MALE</t>
  </si>
  <si>
    <t>Namble</t>
  </si>
  <si>
    <t>govt. elementary school Lawrence college Murree</t>
  </si>
  <si>
    <t>Akhter Hussain Abbasi</t>
  </si>
  <si>
    <t>college pipe line</t>
  </si>
  <si>
    <t>GES LEEL</t>
  </si>
  <si>
    <t>LEEL</t>
  </si>
  <si>
    <t>LEEL LAHORE CANTT</t>
  </si>
  <si>
    <t>CANTT AREA WCB</t>
  </si>
  <si>
    <t>ABDUL WAHID</t>
  </si>
  <si>
    <t>GES LEHR SULTAN PUR</t>
  </si>
  <si>
    <t>BASHARAT-MALE</t>
  </si>
  <si>
    <t>Lehr Sultan Pur</t>
  </si>
  <si>
    <t>GES Lehr Sultan Pur VPO Lehr Sultan Pur, Tehsil Choa Saidan Shah, District Chakwal</t>
  </si>
  <si>
    <t>IJAZ BAIG</t>
  </si>
  <si>
    <t>GES LOC KOT</t>
  </si>
  <si>
    <t>Lakot</t>
  </si>
  <si>
    <t>lakot Teh Murree Dist Rawalpindi</t>
  </si>
  <si>
    <t>Numbal</t>
  </si>
  <si>
    <t>Sharafat Mehmood</t>
  </si>
  <si>
    <t>GES LODIA</t>
  </si>
  <si>
    <t>Lodia</t>
  </si>
  <si>
    <t>Moza Lodia Tehsil Bhowana District Chiniot</t>
  </si>
  <si>
    <t>Muhammad Zafar</t>
  </si>
  <si>
    <t>GES LOHAR WALA P/O JALL WALA</t>
  </si>
  <si>
    <t>Mouza Lohar Wala</t>
  </si>
  <si>
    <t>Mouza Lohar Wala P.O Jal Wala Tehsile Multan Saddar District Multan</t>
  </si>
  <si>
    <t>Jangal Kalran Wala</t>
  </si>
  <si>
    <t>M Saeed  Akhter</t>
  </si>
  <si>
    <t>GES LOHARKA</t>
  </si>
  <si>
    <t>Nazd adda loharka Minchinabad bahawalnagar</t>
  </si>
  <si>
    <t>Loharka</t>
  </si>
  <si>
    <t>Mohammad Javed Khan</t>
  </si>
  <si>
    <t>GES LOHARKAY</t>
  </si>
  <si>
    <t>Loharkay</t>
  </si>
  <si>
    <t>village loharkay post office noul tehsil pasrur distt. sialkot</t>
  </si>
  <si>
    <t>Mali Pur</t>
  </si>
  <si>
    <t>Muhammad Shafaqat Ali</t>
  </si>
  <si>
    <t>GES LOHGAR JHUGIAN</t>
  </si>
  <si>
    <t>Lohghar Jhugian</t>
  </si>
  <si>
    <t>Lohghar Jhugian District Kasur</t>
  </si>
  <si>
    <t>GES LOLAY BASTI</t>
  </si>
  <si>
    <t>lolay</t>
  </si>
  <si>
    <t>lolay Basti</t>
  </si>
  <si>
    <t>GES LOOMARY</t>
  </si>
  <si>
    <t>Loomary</t>
  </si>
  <si>
    <t>Loomary  P/O Hujra Shah Muqeem</t>
  </si>
  <si>
    <t>Kandowal</t>
  </si>
  <si>
    <t>GES LOONI</t>
  </si>
  <si>
    <t>looni sialkot</t>
  </si>
  <si>
    <t>Kachhi Mand</t>
  </si>
  <si>
    <t>SHABBIR AHMED</t>
  </si>
  <si>
    <t>GES LOSER SHARFOO</t>
  </si>
  <si>
    <t>gbes losar sharfoo</t>
  </si>
  <si>
    <t>Losar Sharfoo</t>
  </si>
  <si>
    <t>Mubarak Ali Shahid</t>
  </si>
  <si>
    <t>GES LOW INCOME SCHEME NO. 1</t>
  </si>
  <si>
    <t>CITY SDK-MALE</t>
  </si>
  <si>
    <t>Fattakatta</t>
  </si>
  <si>
    <t>JDW road setlite town sadiq abad</t>
  </si>
  <si>
    <t>Setlite Town</t>
  </si>
  <si>
    <t>mAQBOOL AHMED</t>
  </si>
  <si>
    <t>GES LOWER PIPAL KHALSANA</t>
  </si>
  <si>
    <t>Pipal Khalsana</t>
  </si>
  <si>
    <t>pipal khalsana the Minchin abad</t>
  </si>
  <si>
    <t>PIPAL KHALSANA</t>
  </si>
  <si>
    <t>Peer Ghir</t>
  </si>
  <si>
    <t>Muhammad maqsood mughal</t>
  </si>
  <si>
    <t>GES LOWER TOPA</t>
  </si>
  <si>
    <t>RAWAT-MALE</t>
  </si>
  <si>
    <t>Sehr Bagla</t>
  </si>
  <si>
    <t>Lower Topa</t>
  </si>
  <si>
    <t>Murree City</t>
  </si>
  <si>
    <t>Ayaz Qureshi</t>
  </si>
  <si>
    <t>GES LUDAY WALA</t>
  </si>
  <si>
    <t>karlu wala</t>
  </si>
  <si>
    <t>po karlu wala luday wala</t>
  </si>
  <si>
    <t>luday wala</t>
  </si>
  <si>
    <t>GES LUDDAN</t>
  </si>
  <si>
    <t>Luddan</t>
  </si>
  <si>
    <t>Luddn</t>
  </si>
  <si>
    <t>GES LUDHAR</t>
  </si>
  <si>
    <t>BARYAR Kohna</t>
  </si>
  <si>
    <t>village Baryar  kohna Markaz   Mdk. 3  Distt Skp</t>
  </si>
  <si>
    <t>GES LUFTAY WALA</t>
  </si>
  <si>
    <t>PACCA SHAH NAWAZ MALE</t>
  </si>
  <si>
    <t>GES Luftay Wala P/O Kala DGKhan</t>
  </si>
  <si>
    <t>Luftay Wala</t>
  </si>
  <si>
    <t>GES LUKOO</t>
  </si>
  <si>
    <t>Lukku</t>
  </si>
  <si>
    <t>VPO Lukku</t>
  </si>
  <si>
    <t>GES LUND</t>
  </si>
  <si>
    <t>lund</t>
  </si>
  <si>
    <t>vpo lund</t>
  </si>
  <si>
    <t>dhurnal</t>
  </si>
  <si>
    <t>GES LUNDI NASHIB</t>
  </si>
  <si>
    <t>LUNDI NASHAIB</t>
  </si>
  <si>
    <t>LUNDI NASHAIB P/O HASSAN SHAH</t>
  </si>
  <si>
    <t>ANGRA DAGAR</t>
  </si>
  <si>
    <t>Rabnawaz</t>
  </si>
  <si>
    <t>GES LUNGRAY KHEL NO. 2 PO KUNDIAN</t>
  </si>
  <si>
    <t>Kundian</t>
  </si>
  <si>
    <t>Village Langray khel city kundian</t>
  </si>
  <si>
    <t>Langray khel</t>
  </si>
  <si>
    <t>Malik Atta Ullah</t>
  </si>
  <si>
    <t>GES LUQMAN</t>
  </si>
  <si>
    <t>Luqman</t>
  </si>
  <si>
    <t>Village Luqman</t>
  </si>
  <si>
    <t>Muhammad Omar Farooq</t>
  </si>
  <si>
    <t>GES LUTAFPUR BASTI MITHU SHUJABAD</t>
  </si>
  <si>
    <t>Lutaf Pur</t>
  </si>
  <si>
    <t>lutaf pur, Shujabad,Multan</t>
  </si>
  <si>
    <t>GES M I GULBERG B FSD</t>
  </si>
  <si>
    <t>Gulberg B Faisalabad</t>
  </si>
  <si>
    <t>GULBERG B</t>
  </si>
  <si>
    <t>Hafiz Kamran Ahmed</t>
  </si>
  <si>
    <t>GES MAAN</t>
  </si>
  <si>
    <t>Maan</t>
  </si>
  <si>
    <t>Maan Tehil &amp;district Gujranwala</t>
  </si>
  <si>
    <t>Sajid Mahmood Khan</t>
  </si>
  <si>
    <t>GES MAAN KASUR</t>
  </si>
  <si>
    <t>MAAN</t>
  </si>
  <si>
    <t>Govt.E/S MAAN KASUR</t>
  </si>
  <si>
    <t>maan</t>
  </si>
  <si>
    <t>GES MACHHORA</t>
  </si>
  <si>
    <t>Machhora</t>
  </si>
  <si>
    <t>village machhora , po sarsal, teh kharian , distt gujrat</t>
  </si>
  <si>
    <t>Chirywala</t>
  </si>
  <si>
    <t>Tariq Mehmood Akhtar</t>
  </si>
  <si>
    <t>GES MACHIANA</t>
  </si>
  <si>
    <t>Machiana village</t>
  </si>
  <si>
    <t>Ayesha Kiran</t>
  </si>
  <si>
    <t>GES MACHIKE GORAYA</t>
  </si>
  <si>
    <t>Machike Goraya</t>
  </si>
  <si>
    <t>Village Machike Goraya Gujranwala</t>
  </si>
  <si>
    <t>Ladhay Wala Goraya</t>
  </si>
  <si>
    <t>NASIR USMAN</t>
  </si>
  <si>
    <t>GES MADAN CHAK</t>
  </si>
  <si>
    <t>Madan Chack</t>
  </si>
  <si>
    <t>Madan Chack post office Ali Pur Chattha,wazirabad,Gujranwal</t>
  </si>
  <si>
    <t>Noinwala</t>
  </si>
  <si>
    <t>Khalid Mehmood Chattha</t>
  </si>
  <si>
    <t>GES MADD GAMAN</t>
  </si>
  <si>
    <t>MADD GAMAN</t>
  </si>
  <si>
    <t>GOVT. E/S MADD GAMAN RAHIM YAR KHAN</t>
  </si>
  <si>
    <t>CHAK  100 - P</t>
  </si>
  <si>
    <t>MUHAMMAD TAHIR JAMIL</t>
  </si>
  <si>
    <t>GES MADDUKI</t>
  </si>
  <si>
    <t>GES Madduki</t>
  </si>
  <si>
    <t>Lack Badhar</t>
  </si>
  <si>
    <t>GES MADINA</t>
  </si>
  <si>
    <t>Madina</t>
  </si>
  <si>
    <t>Madina syedan Gujrat</t>
  </si>
  <si>
    <t>Ashfaq Ahmed Awan</t>
  </si>
  <si>
    <t>GES MADINA COLONY</t>
  </si>
  <si>
    <t>Amer Sadhu Eid Gah</t>
  </si>
  <si>
    <t>Govt. elementary school madina colony,amar sadhu</t>
  </si>
  <si>
    <t>Amar Sadhu</t>
  </si>
  <si>
    <t>Walton Cantonment Board</t>
  </si>
  <si>
    <t>Mohammad Ibrahim</t>
  </si>
  <si>
    <t>packages tube well</t>
  </si>
  <si>
    <t>GES MADO KHALIL</t>
  </si>
  <si>
    <t>madu khalil</t>
  </si>
  <si>
    <t>G E S Madu khalil</t>
  </si>
  <si>
    <t>pupnakha</t>
  </si>
  <si>
    <t>Muhammad Arif Cheema</t>
  </si>
  <si>
    <t>GES MADRAIN WALA KALAR</t>
  </si>
  <si>
    <t>Madhrinwala Kalar</t>
  </si>
  <si>
    <t>madhrianwla kalar tehsil kamoke</t>
  </si>
  <si>
    <t>Madhrianwala Kalar</t>
  </si>
  <si>
    <t>Dhenser Paye</t>
  </si>
  <si>
    <t>Faisal Anwar</t>
  </si>
  <si>
    <t>GES MAGSI WALA</t>
  </si>
  <si>
    <t>GES Magsi wala PO sarai muhajir</t>
  </si>
  <si>
    <t>Magsi Wala</t>
  </si>
  <si>
    <t>Mutiullah</t>
  </si>
  <si>
    <t>GES MAHAL KUSHAK</t>
  </si>
  <si>
    <t>Mahal Kushuk</t>
  </si>
  <si>
    <t>mahal kushuk</t>
  </si>
  <si>
    <t>GES MAHANI WALA MOZA CHATTA</t>
  </si>
  <si>
    <t>Chatha</t>
  </si>
  <si>
    <t>GES Mahni Wala Moza Chatha p/o Makhdoom Rashed Multan</t>
  </si>
  <si>
    <t>Mahani Wala</t>
  </si>
  <si>
    <t>electric cooler donated by staffmembers</t>
  </si>
  <si>
    <t>GES MAHARAJA ROAD SIALKOT</t>
  </si>
  <si>
    <t>Maharaja road sialkot</t>
  </si>
  <si>
    <t>Maharaja Road</t>
  </si>
  <si>
    <t>kareem Pura</t>
  </si>
  <si>
    <t>Malik Zaheer Ahmed Anwar Awan</t>
  </si>
  <si>
    <t>GES MAHARAN</t>
  </si>
  <si>
    <t>Ghulamu Mahar</t>
  </si>
  <si>
    <t>Basti maharan Mouza ghulamu Mahar PO musafir khana</t>
  </si>
  <si>
    <t>Maharan</t>
  </si>
  <si>
    <t>Taj Muhammad Khaleeq</t>
  </si>
  <si>
    <t>GES MAHEEN MAR MARKAZ</t>
  </si>
  <si>
    <t>Maheen Mar</t>
  </si>
  <si>
    <t>Maheen Mar Tehsil Kot Radha Kishan</t>
  </si>
  <si>
    <t>Chhina Arla</t>
  </si>
  <si>
    <t>Shafiq-ur-Rehman</t>
  </si>
  <si>
    <t>GES MAHI WALA CHAK NO. 148 TDA</t>
  </si>
  <si>
    <t>Moza Lohanch Thaljandi</t>
  </si>
  <si>
    <t>chak no.148/tda mahi wala</t>
  </si>
  <si>
    <t>Mahi Wala</t>
  </si>
  <si>
    <t>GES MAHLOO WALA</t>
  </si>
  <si>
    <t>Mahloo wala Tehsil Kallur kot  District Bhakkar</t>
  </si>
  <si>
    <t>Mahloo wala</t>
  </si>
  <si>
    <t>ILAHI BAKHSH</t>
  </si>
  <si>
    <t>GES MAHMOOD SHAH</t>
  </si>
  <si>
    <t>GOVT ELEMENTRY SCHOOL MEHMOOD SHAH, P/O GARH MAHARAJA</t>
  </si>
  <si>
    <t>JAIVAIN</t>
  </si>
  <si>
    <t>MUHAMMAD AJMAL KHAN</t>
  </si>
  <si>
    <t>GES MAHRAM SIAL</t>
  </si>
  <si>
    <t>Mahram Sial</t>
  </si>
  <si>
    <t>Mouza Mahram Sial P/O Haveli Bahadar shah Tehsile Shorkot District jhang.</t>
  </si>
  <si>
    <t>Abdul Majeed Kausar</t>
  </si>
  <si>
    <t>GES MAHROOK KALAN</t>
  </si>
  <si>
    <t>JAITH PUR - MALE</t>
  </si>
  <si>
    <t>Mehrook Kalan</t>
  </si>
  <si>
    <t>mehrook kalan</t>
  </si>
  <si>
    <t>Jaith Pur</t>
  </si>
  <si>
    <t>muhammad ashraf babar</t>
  </si>
  <si>
    <t>GES MAI DA FARM</t>
  </si>
  <si>
    <t>Rakhazmatwala</t>
  </si>
  <si>
    <t>ALLAH BACHAYA</t>
  </si>
  <si>
    <t>GES MAIKAN</t>
  </si>
  <si>
    <t>NOOR PUR SADAR  (MALE)</t>
  </si>
  <si>
    <t>Maikan</t>
  </si>
  <si>
    <t>GES Maiken</t>
  </si>
  <si>
    <t>Jharkil</t>
  </si>
  <si>
    <t>Muhammad Ziyad</t>
  </si>
  <si>
    <t>GES MAILSI SYPHON</t>
  </si>
  <si>
    <t>SYPHON-MALE</t>
  </si>
  <si>
    <t>Naimat Ali</t>
  </si>
  <si>
    <t>naimat ali syphon mailsi</t>
  </si>
  <si>
    <t>Chhatani</t>
  </si>
  <si>
    <t>GES MAILU KOHNA</t>
  </si>
  <si>
    <t>GES Mailu Kohna PO mailu Kohna Tehsil Phalia Distt Mandi Bahauddin</t>
  </si>
  <si>
    <t>Mailu Kohna</t>
  </si>
  <si>
    <t>GES MAINGRI</t>
  </si>
  <si>
    <t>Maingri</t>
  </si>
  <si>
    <t>Nurkot Tehsil Shakargarh</t>
  </si>
  <si>
    <t>Noorkot</t>
  </si>
  <si>
    <t>MAINGRI</t>
  </si>
  <si>
    <t>Amjid Ali</t>
  </si>
  <si>
    <t>GES MAJI KE MALLIAN</t>
  </si>
  <si>
    <t>Mojoki Malian</t>
  </si>
  <si>
    <t>mojoki Malian tehsil and district sheikhupura</t>
  </si>
  <si>
    <t>Mandiala Virkan</t>
  </si>
  <si>
    <t>GES MAKAN</t>
  </si>
  <si>
    <t>Makin</t>
  </si>
  <si>
    <t>vpo maken</t>
  </si>
  <si>
    <t>Pindi Lalaa</t>
  </si>
  <si>
    <t>Sarfraz Ahmad</t>
  </si>
  <si>
    <t>GES MAKEY WAL</t>
  </si>
  <si>
    <t>makeywal</t>
  </si>
  <si>
    <t>PO Rattowal, village makeywal, Tehsil and district mBDin</t>
  </si>
  <si>
    <t>Makeywal</t>
  </si>
  <si>
    <t>GES MAKHAN BELA</t>
  </si>
  <si>
    <t>GES makhan bela basti makhan bela UC muslim abad Rahim Yar Khan</t>
  </si>
  <si>
    <t>GES MAKHDOOM PUR</t>
  </si>
  <si>
    <t>Makhdoompur</t>
  </si>
  <si>
    <t>makhdoompur tehsil multan saddar district multan</t>
  </si>
  <si>
    <t>makhdoompur</t>
  </si>
  <si>
    <t>Abdull Sattar</t>
  </si>
  <si>
    <t>GES MAKHDOOM PUR, KHANEWAL</t>
  </si>
  <si>
    <t>Makhdumpur</t>
  </si>
  <si>
    <t>Makhdumpur-2</t>
  </si>
  <si>
    <t>abdul jabbar</t>
  </si>
  <si>
    <t>GES MAKHWARA</t>
  </si>
  <si>
    <t>Makhwara</t>
  </si>
  <si>
    <t>moza makhwara p.o box hatheji teh.ape distt bwp</t>
  </si>
  <si>
    <t>GES MAKI DHOK</t>
  </si>
  <si>
    <t>Pagh</t>
  </si>
  <si>
    <t>V &amp; P.O Meki Dhok Tehsil Fateh Jang District Attock</t>
  </si>
  <si>
    <t>Meki Dhok</t>
  </si>
  <si>
    <t>Gali Jageer</t>
  </si>
  <si>
    <t>GES MAKKI NO. 460</t>
  </si>
  <si>
    <t>Makki 460</t>
  </si>
  <si>
    <t>GES MAKORIAN WALA</t>
  </si>
  <si>
    <t>Janan</t>
  </si>
  <si>
    <t>Makorian wala Teh Ahmad Pur sial</t>
  </si>
  <si>
    <t>Makorian Wala</t>
  </si>
  <si>
    <t>Gudara</t>
  </si>
  <si>
    <t>GES MAL JANJAL</t>
  </si>
  <si>
    <t>Mal Janjal</t>
  </si>
  <si>
    <t>Govt Boys Elementar School, Mal Janjal, Tehsil Rwp</t>
  </si>
  <si>
    <t>Bilal Rafique Bhatti</t>
  </si>
  <si>
    <t>GES MAL SIPRA</t>
  </si>
  <si>
    <t>Mal Sipra</t>
  </si>
  <si>
    <t>Moza Mal Sipra P/O Lalian Tehsil Lalian District Chiniot</t>
  </si>
  <si>
    <t>Hest Khewa</t>
  </si>
  <si>
    <t>Arsh Saleem</t>
  </si>
  <si>
    <t>GES MALHOWALI</t>
  </si>
  <si>
    <t>MALHOWALI</t>
  </si>
  <si>
    <t>VPO MALHOWALI</t>
  </si>
  <si>
    <t>GES MALHUANA</t>
  </si>
  <si>
    <t>MALHOANA</t>
  </si>
  <si>
    <t>Govt E/S Malhoana Near bHU Malhoana</t>
  </si>
  <si>
    <t>GES MALIAN WALI CHAK 537</t>
  </si>
  <si>
    <t>Malian wali</t>
  </si>
  <si>
    <t>Govt. Elementary school Malian wali chak-537, Tehsil Safdarabad, District Sheikhupura</t>
  </si>
  <si>
    <t>malian wali</t>
  </si>
  <si>
    <t>Jhandian Wali</t>
  </si>
  <si>
    <t>GES MALIK BAHAWAL PO PAKPATTAN</t>
  </si>
  <si>
    <t>MALIK BAHAWAL</t>
  </si>
  <si>
    <t>CHAK MALIK BAHAWAL POST OFFICE PAKPATTAN TEHSIL AND DISTRICT PAKPATTAN</t>
  </si>
  <si>
    <t>JAGGA BALOCH</t>
  </si>
  <si>
    <t>MUHAMMAD AFZAL KHAN</t>
  </si>
  <si>
    <t>GES MALKA HANS</t>
  </si>
  <si>
    <t>Malka Hans</t>
  </si>
  <si>
    <t>mohalla hansanwala malka hans</t>
  </si>
  <si>
    <t>GES MALLAH</t>
  </si>
  <si>
    <t>Mallah</t>
  </si>
  <si>
    <t>govt E/S mallah</t>
  </si>
  <si>
    <t>Fourmulli</t>
  </si>
  <si>
    <t>GES MALLAN CHAK</t>
  </si>
  <si>
    <t>Mullan Chak</t>
  </si>
  <si>
    <t>Ù…Ù„Ø§Úº Ú†Ú© ÚˆØ§Ú©Ø®Ø§Ù†Û Ø¬Ù†Ø¯Ø±Ø§Ù† Ø´Ø±ÛŒÙ</t>
  </si>
  <si>
    <t>Mullan chak</t>
  </si>
  <si>
    <t>Bhatiyan Dewaan</t>
  </si>
  <si>
    <t>Muhammad Islam</t>
  </si>
  <si>
    <t>GES MALOOK PUR</t>
  </si>
  <si>
    <t>Malookpur</t>
  </si>
  <si>
    <t>malookpur</t>
  </si>
  <si>
    <t>Dataiwal</t>
  </si>
  <si>
    <t>mozzam ali</t>
  </si>
  <si>
    <t>GES MALOOK SHAH</t>
  </si>
  <si>
    <t>dera Izzat</t>
  </si>
  <si>
    <t>GES  Malook Shah Bahawalpur</t>
  </si>
  <si>
    <t>malook Shah</t>
  </si>
  <si>
    <t>cantt Area</t>
  </si>
  <si>
    <t>GES MALOTE DHUNDAN</t>
  </si>
  <si>
    <t>Malote Dhundan</t>
  </si>
  <si>
    <t>v malote dhundan,P O Kashmiri bazar,murree</t>
  </si>
  <si>
    <t>Rawat</t>
  </si>
  <si>
    <t>Zaheer Ahmed Abbasi</t>
  </si>
  <si>
    <t>GES MALWAL</t>
  </si>
  <si>
    <t>Malwal</t>
  </si>
  <si>
    <t>Malwal khushab</t>
  </si>
  <si>
    <t>Nali</t>
  </si>
  <si>
    <t>Tanseer Hussain</t>
  </si>
  <si>
    <t>GES MAMDOT</t>
  </si>
  <si>
    <t>Mamdot</t>
  </si>
  <si>
    <t>vpo mamdot talagang chakwal</t>
  </si>
  <si>
    <t>AHMED NAWAZ MALIK</t>
  </si>
  <si>
    <t>GES MAMKAN WALA</t>
  </si>
  <si>
    <t>RODA</t>
  </si>
  <si>
    <t>dera Soharay Khail V/P roda tehsil and district khushab</t>
  </si>
  <si>
    <t>roda</t>
  </si>
  <si>
    <t>UMAR FAROOQ</t>
  </si>
  <si>
    <t>GES MAMORI</t>
  </si>
  <si>
    <t>MAMOORI</t>
  </si>
  <si>
    <t>P/O MAMOORI KHAS  D.G.KHAN</t>
  </si>
  <si>
    <t>GES MANAK HERAJ, TULAMBA</t>
  </si>
  <si>
    <t>Jungal Dary Wala Shumali</t>
  </si>
  <si>
    <t>Basti manik hiraj tulamba</t>
  </si>
  <si>
    <t>Basti Manik Hiraj</t>
  </si>
  <si>
    <t>Ghuspur</t>
  </si>
  <si>
    <t>Umar Zahid</t>
  </si>
  <si>
    <t>GES MANAK LAHORE</t>
  </si>
  <si>
    <t>SUNDER-MALE</t>
  </si>
  <si>
    <t>village manak p/o raiwind tehsil raiwind</t>
  </si>
  <si>
    <t>GES MAND</t>
  </si>
  <si>
    <t>mand</t>
  </si>
  <si>
    <t>mand tehsil/district gujrat</t>
  </si>
  <si>
    <t>saroki</t>
  </si>
  <si>
    <t>Azmat Rasul</t>
  </si>
  <si>
    <t>GES MANDHAL</t>
  </si>
  <si>
    <t>Bhegham</t>
  </si>
  <si>
    <t>GES Mandhal Gujar Khan</t>
  </si>
  <si>
    <t>Junaid Muzaffar</t>
  </si>
  <si>
    <t>GES MANDI AHMAD ABAD</t>
  </si>
  <si>
    <t>MANDI AHMAD ABAD</t>
  </si>
  <si>
    <t>GOVT.ELEMENTARY SCHOOL MANDI AHMAD ABAD</t>
  </si>
  <si>
    <t>MC MANDI AHMAD ABAD</t>
  </si>
  <si>
    <t>GES MANDI BHALWAL</t>
  </si>
  <si>
    <t>Mandi Bhalwal</t>
  </si>
  <si>
    <t>Village and p/o Mandi Bhalwal Teh Saraialamgir Gujrat</t>
  </si>
  <si>
    <t>Fazal Hussain</t>
  </si>
  <si>
    <t>GES MANDIALA VIRKAN</t>
  </si>
  <si>
    <t>Mandiala Virkan Tehsil &amp; Distt Sheikhupura.</t>
  </si>
  <si>
    <t>Razwan Anwar</t>
  </si>
  <si>
    <t>GES MANDRANI TAUNSA</t>
  </si>
  <si>
    <t>Mundrani</t>
  </si>
  <si>
    <t>Basti  Mundrani taunsa</t>
  </si>
  <si>
    <t>Wasti Buzdar</t>
  </si>
  <si>
    <t>MUHAMMAD AMIN</t>
  </si>
  <si>
    <t>GES MANGA VILLAGE</t>
  </si>
  <si>
    <t>Qila Sammay ka Manga Tehsil Raiwind District Lahore</t>
  </si>
  <si>
    <t>Muhammah Ilyas</t>
  </si>
  <si>
    <t>GES MANGANA WALA</t>
  </si>
  <si>
    <t>Tibbi Nalera</t>
  </si>
  <si>
    <t>mouza shadi pur post office sheikhan</t>
  </si>
  <si>
    <t>Mangnawala</t>
  </si>
  <si>
    <t>GES MANGAT UNCHA</t>
  </si>
  <si>
    <t>Mangat Uncha</t>
  </si>
  <si>
    <t>Mangat uncha p.o teh. &amp; distt. Hafizabad</t>
  </si>
  <si>
    <t>Chack Chattha</t>
  </si>
  <si>
    <t>M Fakher Uz Zaman</t>
  </si>
  <si>
    <t>GES MANGAYWALI</t>
  </si>
  <si>
    <t>Mangaywali</t>
  </si>
  <si>
    <t>Village Mangaywali, Tehsil Lawa, District Chakwal</t>
  </si>
  <si>
    <t>Attaullah</t>
  </si>
  <si>
    <t>GES MANGHAT KALAR</t>
  </si>
  <si>
    <t>Manght Kalar</t>
  </si>
  <si>
    <t>Manghat Kalar P.O Wahndo thesil Kamoki Gujranwala</t>
  </si>
  <si>
    <t>Manghat Kalar</t>
  </si>
  <si>
    <t>Sohawa Dhillan</t>
  </si>
  <si>
    <t>GES MANGRAIJA</t>
  </si>
  <si>
    <t>Mangraija</t>
  </si>
  <si>
    <t>Mouza Mangraija</t>
  </si>
  <si>
    <t>Muhammad Tariq Naeem</t>
  </si>
  <si>
    <t>GES MANGROTHA WEST</t>
  </si>
  <si>
    <t>MANGROTHA</t>
  </si>
  <si>
    <t>BOYS M/S MANGROTHA WEST..</t>
  </si>
  <si>
    <t>MANGROTHA WEST</t>
  </si>
  <si>
    <t>MANGROTHA EAST</t>
  </si>
  <si>
    <t>GES MANGTANWALA GAON</t>
  </si>
  <si>
    <t>MANGTANWALA</t>
  </si>
  <si>
    <t>GAON MANGTANWALA P/O MORE KHUNDA</t>
  </si>
  <si>
    <t>MANGTANWALA GAON</t>
  </si>
  <si>
    <t>Muhammad Asghar Shah</t>
  </si>
  <si>
    <t>GES MANGWAL</t>
  </si>
  <si>
    <t>mangwal</t>
  </si>
  <si>
    <t>GES MANJHAY WALA</t>
  </si>
  <si>
    <t>ABahadar Gamu Sehole Gharbi</t>
  </si>
  <si>
    <t>p/o chak no 172 mouza gamu sehole chah manjhay wala</t>
  </si>
  <si>
    <t>Manjhay Wala</t>
  </si>
  <si>
    <t>GES MANJOTHA</t>
  </si>
  <si>
    <t>Manjotha</t>
  </si>
  <si>
    <t>Post office Manjotha, tehsil gujar Khan, distt rawalpindi</t>
  </si>
  <si>
    <t>Muhammad Ikram</t>
  </si>
  <si>
    <t>GES MANKERA</t>
  </si>
  <si>
    <t>mankera city</t>
  </si>
  <si>
    <t>andron qila mankera</t>
  </si>
  <si>
    <t>Mankera City</t>
  </si>
  <si>
    <t>mc mankera</t>
  </si>
  <si>
    <t>GES MANKEY WALA</t>
  </si>
  <si>
    <t>Mankeywala</t>
  </si>
  <si>
    <t>pindi stop jhawarian sargodha road</t>
  </si>
  <si>
    <t>Muhammad Farhat Ullah</t>
  </si>
  <si>
    <t>GES MANKIALA</t>
  </si>
  <si>
    <t>Mankiala</t>
  </si>
  <si>
    <t>Village manilla P.O.jhammat the. And distt. Rawalpindi</t>
  </si>
  <si>
    <t>Sagri</t>
  </si>
  <si>
    <t>rohina shahid</t>
  </si>
  <si>
    <t>GES MANKIALA MUSLIM</t>
  </si>
  <si>
    <t>Mankiala Muslim</t>
  </si>
  <si>
    <t>Village &amp; p.o. Mankiala Muslim</t>
  </si>
  <si>
    <t>Abdul Khalil</t>
  </si>
  <si>
    <t>GES MANSOOR PUR MOUZA MANSOOR PUR TAH. JALALPUR PIRWALA</t>
  </si>
  <si>
    <t>Mansoor Pur</t>
  </si>
  <si>
    <t>Mauza Mansoor Pur Jahan Pur Jalal pur pir wala</t>
  </si>
  <si>
    <t>GES MANSOOR WALI</t>
  </si>
  <si>
    <t>Mansoorwali</t>
  </si>
  <si>
    <t>Muhammad Rafique Ahmed Dhilon</t>
  </si>
  <si>
    <t>GES MANZOOR PURA</t>
  </si>
  <si>
    <t>Manzoorpura plat p/o kanjrur teh.shakargarh dist narowal</t>
  </si>
  <si>
    <t>Manzoorpura plat</t>
  </si>
  <si>
    <t>SALAMAT ALI</t>
  </si>
  <si>
    <t>GES MARALI HITHAR</t>
  </si>
  <si>
    <t>MARALI HITHAR</t>
  </si>
  <si>
    <t>MARALI HITHAR P/O KHUDIAN KHAS TEHSIL AND DISTT. KASUR</t>
  </si>
  <si>
    <t>GES MARAR CHAK 41/RB</t>
  </si>
  <si>
    <t>Marrar chak no 41</t>
  </si>
  <si>
    <t>marrar  chak no 41 tehsil sangla hill distt nankana  sahib</t>
  </si>
  <si>
    <t>Marar  Chak No  41</t>
  </si>
  <si>
    <t>Marrar  Chak No 41</t>
  </si>
  <si>
    <t>Muhammad Naeem Bukhari</t>
  </si>
  <si>
    <t>GES MARDANA</t>
  </si>
  <si>
    <t>Mardana</t>
  </si>
  <si>
    <t>mardana tehsil muridkay,sheikhupura</t>
  </si>
  <si>
    <t>Mian Ijaz Ahmad</t>
  </si>
  <si>
    <t>GES MARDOWAL</t>
  </si>
  <si>
    <t>Mardowal</t>
  </si>
  <si>
    <t>Village Mardowal Tehsil Shakargarh</t>
  </si>
  <si>
    <t>Abad Ali</t>
  </si>
  <si>
    <t>GES MARH BASHI</t>
  </si>
  <si>
    <t>Marh Bashi</t>
  </si>
  <si>
    <t>Marh Bashi tehsil &amp; distract Hafizabad</t>
  </si>
  <si>
    <t>GES MARH BHANGWAN</t>
  </si>
  <si>
    <t>Marh Bhanguwan</t>
  </si>
  <si>
    <t>Marh Banguwan. daak khana khas.tehsil Sharqpur.Disst. Sheikhpura</t>
  </si>
  <si>
    <t>Marh Banguwan</t>
  </si>
  <si>
    <t>Ali Ijaz</t>
  </si>
  <si>
    <t>GES MARI</t>
  </si>
  <si>
    <t>VPO. Mari, Teh. Fatehjang, distt.attock</t>
  </si>
  <si>
    <t>GES MARI BHAGOO KHAN</t>
  </si>
  <si>
    <t>Mari bhagoo khan, Tehsil Kahror Pacca, District Lodhran.</t>
  </si>
  <si>
    <t>GES MARI CITY</t>
  </si>
  <si>
    <t>Mari City tehsil &amp; District Mianwali</t>
  </si>
  <si>
    <t>Mari City</t>
  </si>
  <si>
    <t>MUHAMMAD JAMSHED AKHTER</t>
  </si>
  <si>
    <t>GES MARI HAZARA</t>
  </si>
  <si>
    <t>Mari hazara</t>
  </si>
  <si>
    <t>qaboola</t>
  </si>
  <si>
    <t>Tariq Mahmood Amer</t>
  </si>
  <si>
    <t>GES MARI JAND</t>
  </si>
  <si>
    <t>vpo mari tehsil jand district attock</t>
  </si>
  <si>
    <t>Pervez Iqbal</t>
  </si>
  <si>
    <t>GES MARI KHURD</t>
  </si>
  <si>
    <t>Ges Mari khurd</t>
  </si>
  <si>
    <t>Muhammad Sabir</t>
  </si>
  <si>
    <t>GES MARI MEER MUHAMMAD</t>
  </si>
  <si>
    <t>Mari Meer Muhammad</t>
  </si>
  <si>
    <t>mari meer Muhammad</t>
  </si>
  <si>
    <t>Muhammad Irfan Shah</t>
  </si>
  <si>
    <t>GES MARI NAHAL</t>
  </si>
  <si>
    <t>mari nehal</t>
  </si>
  <si>
    <t>Mari Nehal</t>
  </si>
  <si>
    <t>Azhar Farid</t>
  </si>
  <si>
    <t>GES MARI QASIM SHAH</t>
  </si>
  <si>
    <t>GES Mari Qasim Shah markaz Mangwani city  Bahawal Pur \n</t>
  </si>
  <si>
    <t>Jangi Walli</t>
  </si>
  <si>
    <t>Syed Aqdas Ali  Shah</t>
  </si>
  <si>
    <t>GES MARI SAHU, KABIRWALA</t>
  </si>
  <si>
    <t>Mari Sahu</t>
  </si>
  <si>
    <t>moza Mari sahu</t>
  </si>
  <si>
    <t>GES MARI WALA</t>
  </si>
  <si>
    <t>Nawan Shumali</t>
  </si>
  <si>
    <t>mariwala nawan shumali markaz choti zareen</t>
  </si>
  <si>
    <t>GES MARIAM ABAD</t>
  </si>
  <si>
    <t>SAFDARABAD-IV - MALE</t>
  </si>
  <si>
    <t>Mariam Abad</t>
  </si>
  <si>
    <t>Parkroadhafizabad</t>
  </si>
  <si>
    <t>Rehmanabad</t>
  </si>
  <si>
    <t>GES MARKHAL PO TAMMAN</t>
  </si>
  <si>
    <t>Markhal</t>
  </si>
  <si>
    <t>Village Markhal Po Budhial GES Markhal</t>
  </si>
  <si>
    <t>GES MARRHA</t>
  </si>
  <si>
    <t>Marrha</t>
  </si>
  <si>
    <t>Marrha Tehsil Taunsa Sharif Distt. Dera Ghazi Khan</t>
  </si>
  <si>
    <t>Mrrha</t>
  </si>
  <si>
    <t>water supply line</t>
  </si>
  <si>
    <t>GES MARYALA</t>
  </si>
  <si>
    <t>Maryala</t>
  </si>
  <si>
    <t>vpo Maryala  Tehsil Jand District Attock</t>
  </si>
  <si>
    <t>GES MASAKAY WALI</t>
  </si>
  <si>
    <t>Masaikey Wali</t>
  </si>
  <si>
    <t>GES masaikey wali .teh &amp;dist Gujranwala</t>
  </si>
  <si>
    <t>Khawar Zaman Warraichv</t>
  </si>
  <si>
    <t>GES MASAR</t>
  </si>
  <si>
    <t>Masar</t>
  </si>
  <si>
    <t>Masar Shah Pur Sargodha</t>
  </si>
  <si>
    <t>Muhammad Siddique Zahid</t>
  </si>
  <si>
    <t>GES MASHKOOR NAGAR</t>
  </si>
  <si>
    <t>Allurid</t>
  </si>
  <si>
    <t>Basti Jhandeer abad, mouza allurid, bus stop nala khuda dad, tehsil kot adu, district muzaffargarh</t>
  </si>
  <si>
    <t>Basti Jandir</t>
  </si>
  <si>
    <t>Hassan Abbass</t>
  </si>
  <si>
    <t>GES MASSOT</t>
  </si>
  <si>
    <t>MASSOT</t>
  </si>
  <si>
    <t>massot murree rawalpindi</t>
  </si>
  <si>
    <t>DARYA GALI</t>
  </si>
  <si>
    <t>Adeeb  Qais</t>
  </si>
  <si>
    <t>GES MASTI WALA</t>
  </si>
  <si>
    <t>VPO Masti Wala</t>
  </si>
  <si>
    <t>Masti wala</t>
  </si>
  <si>
    <t>Gul Nawaz Khan Niazi</t>
  </si>
  <si>
    <t>GES MASTOI WALA</t>
  </si>
  <si>
    <t>Mastoi wala tehsil jampur</t>
  </si>
  <si>
    <t>Qambar Shah</t>
  </si>
  <si>
    <t>Ahmad Masood</t>
  </si>
  <si>
    <t>GES MASYAL</t>
  </si>
  <si>
    <t>village masyal tehsile pasrur dist sialkot</t>
  </si>
  <si>
    <t>GES MATAN KHURD</t>
  </si>
  <si>
    <t>Matan Khurd</t>
  </si>
  <si>
    <t>village. matan khurd p/o noor Pur Teh. kallar kahar</t>
  </si>
  <si>
    <t>Ulfat Ali</t>
  </si>
  <si>
    <t>water fall</t>
  </si>
  <si>
    <t>GES MATRAIN</t>
  </si>
  <si>
    <t>Matrain</t>
  </si>
  <si>
    <t>basti @ mouza matrain</t>
  </si>
  <si>
    <t>Koundy</t>
  </si>
  <si>
    <t>GES MATTEKE</t>
  </si>
  <si>
    <t>Matteke</t>
  </si>
  <si>
    <t>Muhammad Asghar Sajid</t>
  </si>
  <si>
    <t>GES MATTO BHAIKE</t>
  </si>
  <si>
    <t>Mattu Bhaike</t>
  </si>
  <si>
    <t>MATTU BHAIKE TEHSIL NOWSHERA VIRKAN DISTRICT GUJRANWALA</t>
  </si>
  <si>
    <t>EJAZ AHMED BHATTI</t>
  </si>
  <si>
    <t>GES MATU KHEL</t>
  </si>
  <si>
    <t>mattu khel</t>
  </si>
  <si>
    <t>Mattu Khel</t>
  </si>
  <si>
    <t>Muhammad Saad</t>
  </si>
  <si>
    <t>GES MAUJ GARH CHOLISTAN</t>
  </si>
  <si>
    <t>Mauj GARH</t>
  </si>
  <si>
    <t>Fort MAUJ GARH Cholistan Yazman</t>
  </si>
  <si>
    <t>CHANAN PEER</t>
  </si>
  <si>
    <t>Muhammad Tufail Rasheed Malik</t>
  </si>
  <si>
    <t>GES MAZHAR ABAD</t>
  </si>
  <si>
    <t>mazharabad</t>
  </si>
  <si>
    <t>Rao Muhammad Ashraf Tariq</t>
  </si>
  <si>
    <t>GES MC 11-B KHANEWAL</t>
  </si>
  <si>
    <t>Jaswant Nagar Chowk Khanewal</t>
  </si>
  <si>
    <t>MC City</t>
  </si>
  <si>
    <t>hashmat hussain</t>
  </si>
  <si>
    <t>GES MC 1-B, KHANEWAL</t>
  </si>
  <si>
    <t>Khanewal</t>
  </si>
  <si>
    <t>near gpo khanewal</t>
  </si>
  <si>
    <t>GES MC ABBASI MILLS AREA</t>
  </si>
  <si>
    <t>SADAR RYK - MALE</t>
  </si>
  <si>
    <t>Kot Darya</t>
  </si>
  <si>
    <t>Siddique block Abbasia  Town R Y K</t>
  </si>
  <si>
    <t>Abbasia Town</t>
  </si>
  <si>
    <t>GES MC AGHA PURA OUTSIDE DEHLI GATE MULTAN</t>
  </si>
  <si>
    <t>DEHLI GATE - MALE</t>
  </si>
  <si>
    <t>aghapura</t>
  </si>
  <si>
    <t>Aghapura</t>
  </si>
  <si>
    <t>hazarian</t>
  </si>
  <si>
    <t>GES MC AL-JEELLAN WALA MULTAN</t>
  </si>
  <si>
    <t>taraf ravi</t>
  </si>
  <si>
    <t>Govt MC elementary school aljeelan wala</t>
  </si>
  <si>
    <t>Aljeelan</t>
  </si>
  <si>
    <t>Gulzaib colony</t>
  </si>
  <si>
    <t>GES MC ALLAMA IQBAL PARK</t>
  </si>
  <si>
    <t>IQBAL PARK</t>
  </si>
  <si>
    <t>KHADIM HUSSAIN ROAD SHEIKHUPURA</t>
  </si>
  <si>
    <t>MUHAMMAD SHAFIQUE TAHIR</t>
  </si>
  <si>
    <t>GES MC ASLAM GANJ</t>
  </si>
  <si>
    <t>Street # 5 Mohallah aslam gunj tezab mill road faisalabad</t>
  </si>
  <si>
    <t>aslam gunj</t>
  </si>
  <si>
    <t>MUNZER SHABAB BAL</t>
  </si>
  <si>
    <t>GES MC BABAR CHOWK ISLAMPURA</t>
  </si>
  <si>
    <t>M.c boys elementary school Islam pura wala babar chowk pc#2</t>
  </si>
  <si>
    <t>Veryam Singh Wala</t>
  </si>
  <si>
    <t>Batala Colony</t>
  </si>
  <si>
    <t>Nadeem Arshad</t>
  </si>
  <si>
    <t>canal water</t>
  </si>
  <si>
    <t>GES MC BADAMI BAGH NO. 1</t>
  </si>
  <si>
    <t>Data Nagar</t>
  </si>
  <si>
    <t>data nagar bdami bagh no 1</t>
  </si>
  <si>
    <t>Bela Ram</t>
  </si>
  <si>
    <t>GES MC BARKAT TOWN SHAHDARA</t>
  </si>
  <si>
    <t>barkat town</t>
  </si>
  <si>
    <t>gES MC BARKATTOWN SHAHDRA LAHORE.</t>
  </si>
  <si>
    <t>JAVAID PARK</t>
  </si>
  <si>
    <t>GES MC BASTI AMIN PURA RAIWIND</t>
  </si>
  <si>
    <t>Basti Amin Pura</t>
  </si>
  <si>
    <t>bastiaminpura</t>
  </si>
  <si>
    <t>Raiwind Rural</t>
  </si>
  <si>
    <t>Muhammad Haroon Khan</t>
  </si>
  <si>
    <t>GES MC BLOCK NO. 1</t>
  </si>
  <si>
    <t>City RYK</t>
  </si>
  <si>
    <t>Mohalla Noor abad near EidGhah RYK</t>
  </si>
  <si>
    <t>Mohalla Noor Abad</t>
  </si>
  <si>
    <t>GES MC BLOCK NO. 3</t>
  </si>
  <si>
    <t>Circular Road,Near Wirelesspull</t>
  </si>
  <si>
    <t>MCRYKhan/E</t>
  </si>
  <si>
    <t>Muhammad Azhar Hussain</t>
  </si>
  <si>
    <t>GES MC BLOCK NO. 4</t>
  </si>
  <si>
    <t>sadiq town</t>
  </si>
  <si>
    <t>Govt. M/C E/s block no. 4 sadiq town rahim yar khan</t>
  </si>
  <si>
    <t>MC C</t>
  </si>
  <si>
    <t>GES MC BLOCK NO.28 SARGODHA</t>
  </si>
  <si>
    <t>Sgd</t>
  </si>
  <si>
    <t>block 28 sgd</t>
  </si>
  <si>
    <t>Shahid Imran</t>
  </si>
  <si>
    <t>GES MC CENTRE MIAN CHANNU</t>
  </si>
  <si>
    <t>Hasnain Abad Road Mian Channu</t>
  </si>
  <si>
    <t>Mian Channu</t>
  </si>
  <si>
    <t>Mian channu City</t>
  </si>
  <si>
    <t>MUHAMMAD AFZAL</t>
  </si>
  <si>
    <t>GES MC CHAH AMBB WALA MULTAN</t>
  </si>
  <si>
    <t>Chah Amb Wala Timber Market Vehari Road Multan</t>
  </si>
  <si>
    <t>JAMIL AHMAD SUBHANI</t>
  </si>
  <si>
    <t>GES MC CHAK NO 213/RB KHARASANWALA MADINA TOWN</t>
  </si>
  <si>
    <t>Madina town 213 RB susan road fsd</t>
  </si>
  <si>
    <t>Khrasanwala</t>
  </si>
  <si>
    <t>Madina Town Flate Fsd</t>
  </si>
  <si>
    <t>Ch. Ajaz Maqbool</t>
  </si>
  <si>
    <t>GES MC CHAKWAL</t>
  </si>
  <si>
    <t>Chakwal</t>
  </si>
  <si>
    <t>Near Dar Ul Aloom Hanfia Chakwal</t>
  </si>
  <si>
    <t>GES MC CHICHAWATNI BLOCK NO. 11</t>
  </si>
  <si>
    <t>Block#11</t>
  </si>
  <si>
    <t>Block11</t>
  </si>
  <si>
    <t>Urban 2</t>
  </si>
  <si>
    <t>GES MC CHISHTIAN</t>
  </si>
  <si>
    <t>chishtian</t>
  </si>
  <si>
    <t>Mohajir colony Chishtian</t>
  </si>
  <si>
    <t>Mc Chishtian</t>
  </si>
  <si>
    <t>Muhammad Tariq Khan</t>
  </si>
  <si>
    <t>GES MC CHUHAR MAJRA FSD</t>
  </si>
  <si>
    <t>street no. 4 chuhar majra fsd</t>
  </si>
  <si>
    <t>Hakeema Wala</t>
  </si>
  <si>
    <t>ILYAS ALI JAVED</t>
  </si>
  <si>
    <t>GES MC EID BAGH RAB SHAH CHOWK GHULAM MUHAMMAD ABAD</t>
  </si>
  <si>
    <t>GM Abad</t>
  </si>
  <si>
    <t>RUBSHAH CHOWK D-BLOCK G.M ABAD</t>
  </si>
  <si>
    <t>GM ABAD</t>
  </si>
  <si>
    <t>D-block GM ABAD</t>
  </si>
  <si>
    <t>Amjad javed</t>
  </si>
  <si>
    <t>GES MC EID GAH GOJRA</t>
  </si>
  <si>
    <t>eid gah road gojra</t>
  </si>
  <si>
    <t>Urban Gojra</t>
  </si>
  <si>
    <t>Sajjad Haider</t>
  </si>
  <si>
    <t>GES MC FARRUKH ABAD SHAHDARA</t>
  </si>
  <si>
    <t>Chah chimby wala khun</t>
  </si>
  <si>
    <t>cdg bms farrukh abad shahdra lahore</t>
  </si>
  <si>
    <t>farrukh abad</t>
  </si>
  <si>
    <t>chah chimby wala khun</t>
  </si>
  <si>
    <t>Rana Zaheer Ahmad</t>
  </si>
  <si>
    <t>GES MC FATEH GARH</t>
  </si>
  <si>
    <t>cdg boys middle school fateh garh tehsil shalimar lahore</t>
  </si>
  <si>
    <t>M Afzal Khan</t>
  </si>
  <si>
    <t>GES MC GHAFOOR COLONY OKARA</t>
  </si>
  <si>
    <t>Ghafoor Colony</t>
  </si>
  <si>
    <t>street no. 3 ghafoor colony okara</t>
  </si>
  <si>
    <t>Bashir Ahmad Anjum</t>
  </si>
  <si>
    <t>GES MC GHOUSIA CHOWK FSD</t>
  </si>
  <si>
    <t>PC 2 ghousia chowk</t>
  </si>
  <si>
    <t>PC 2</t>
  </si>
  <si>
    <t>MUHAMMAD ASGHAR</t>
  </si>
  <si>
    <t>GES MC GOJRA WARD NO. 1</t>
  </si>
  <si>
    <t>Govt,M C Middle School College Road Gojra</t>
  </si>
  <si>
    <t>GES MC GULGASHT COLONY MULTAN</t>
  </si>
  <si>
    <t>Tarf Mubarak Doim</t>
  </si>
  <si>
    <t>gulashat near board office multan</t>
  </si>
  <si>
    <t>Gulgashat</t>
  </si>
  <si>
    <t>Muhammad Nadeem Hussain</t>
  </si>
  <si>
    <t>GES MC IQBAL NAGAR</t>
  </si>
  <si>
    <t>Jumma Khalsa</t>
  </si>
  <si>
    <t>ges mc iqbal nagar multan city</t>
  </si>
  <si>
    <t>multan city</t>
  </si>
  <si>
    <t>lqbal nagar</t>
  </si>
  <si>
    <t>hafiz faiz ahmad</t>
  </si>
  <si>
    <t>GES MC JARANWALA</t>
  </si>
  <si>
    <t>Ciienma chowk Jaranwala</t>
  </si>
  <si>
    <t>City Jaranwala</t>
  </si>
  <si>
    <t>City Jaranwla</t>
  </si>
  <si>
    <t>GES MC JHAL KHANUANA</t>
  </si>
  <si>
    <t>JHAL KHANUANA</t>
  </si>
  <si>
    <t>Fatehabad</t>
  </si>
  <si>
    <t>224RB</t>
  </si>
  <si>
    <t>KHALSA COLLEGE</t>
  </si>
  <si>
    <t>GES MC JHIKA GALI</t>
  </si>
  <si>
    <t>Chak Cometty Murree City</t>
  </si>
  <si>
    <t>Ges Mc jhikagali murree</t>
  </si>
  <si>
    <t>Ejaz Ahmed Abbasi</t>
  </si>
  <si>
    <t>GES MC KAMALIA</t>
  </si>
  <si>
    <t>Kamalia</t>
  </si>
  <si>
    <t>Mohalla dargai shah near MC kamalia</t>
  </si>
  <si>
    <t>Kamalia City</t>
  </si>
  <si>
    <t>MC Kamalia</t>
  </si>
  <si>
    <t>Hammad Bashir</t>
  </si>
  <si>
    <t>GES MC KARRI DAUD KHAN MULTAN</t>
  </si>
  <si>
    <t>Qasaab Pura</t>
  </si>
  <si>
    <t>Mohalla Kiri Daud Khan o/s Pak gate Multan</t>
  </si>
  <si>
    <t>Juma Khasa</t>
  </si>
  <si>
    <t>GES MC KASHMIRI MOHALLAH</t>
  </si>
  <si>
    <t>Marian</t>
  </si>
  <si>
    <t>mohalla Marian sialkot</t>
  </si>
  <si>
    <t>Haji Pura</t>
  </si>
  <si>
    <t>GES MC KHALISA COLLEGE FAISALABAD</t>
  </si>
  <si>
    <t>Khalsa College</t>
  </si>
  <si>
    <t>muhala khalisa college abdullahpur fsd</t>
  </si>
  <si>
    <t>Khalisa College</t>
  </si>
  <si>
    <t>Munib-ur-Rehman</t>
  </si>
  <si>
    <t>canal</t>
  </si>
  <si>
    <t>GES MC KIRRI AFGHANAN MULTAN</t>
  </si>
  <si>
    <t>Baghban</t>
  </si>
  <si>
    <t>Mohallah Baghban Nawan Shehar Chowk ,Multan</t>
  </si>
  <si>
    <t>BAGHBAN</t>
  </si>
  <si>
    <t>Masood Ahmad Gujar</t>
  </si>
  <si>
    <t>GES MC KOT FAREED SARGODHA</t>
  </si>
  <si>
    <t>kot Farid</t>
  </si>
  <si>
    <t>kot farid</t>
  </si>
  <si>
    <t>Kot Farid</t>
  </si>
  <si>
    <t>HUSSAIN AHMAD</t>
  </si>
  <si>
    <t>GES MC KOT MOMIN</t>
  </si>
  <si>
    <t>Salim road kotmomin</t>
  </si>
  <si>
    <t>muhammad ashraf bhatti</t>
  </si>
  <si>
    <t>GES MC MADINA TOWN FSD</t>
  </si>
  <si>
    <t>Madina Town</t>
  </si>
  <si>
    <t>st 4 y_ block madina town fsd</t>
  </si>
  <si>
    <t>Y Block Madina Town</t>
  </si>
  <si>
    <t>Kamran Hafeez</t>
  </si>
  <si>
    <t>GES MC MANSOOR ABAD FSD</t>
  </si>
  <si>
    <t>street no. 8 roza park mansoorabad</t>
  </si>
  <si>
    <t>Roza Park</t>
  </si>
  <si>
    <t>Rai Muhammad Idrees</t>
  </si>
  <si>
    <t>GES MC MAZAR BABA REHMAT SHAH</t>
  </si>
  <si>
    <t>Mohlla Mazar Baba Rehmat Shah Raiwind</t>
  </si>
  <si>
    <t>Moh Mazar Baba Rehmat Shah Raiwind</t>
  </si>
  <si>
    <t>Raiwind</t>
  </si>
  <si>
    <t>Muhammad Younus Malik</t>
  </si>
  <si>
    <t>GES MC MILLAT COLONY</t>
  </si>
  <si>
    <t>CITY 3 - MALE</t>
  </si>
  <si>
    <t>Mc E/S millat colony Fsd</t>
  </si>
  <si>
    <t>Millat Colony</t>
  </si>
  <si>
    <t>muhammad mukhtar shahid</t>
  </si>
  <si>
    <t>Water can</t>
  </si>
  <si>
    <t>GES MC MODEL CHISHTIAN</t>
  </si>
  <si>
    <t>Sugar mill road Chishtian</t>
  </si>
  <si>
    <t>Muhammad Yaqoob Iqbal</t>
  </si>
  <si>
    <t>GES MC MOHALLAH QADIR ABAD SHAH COLONY</t>
  </si>
  <si>
    <t>Mohallah Qadirabad Qadirabad</t>
  </si>
  <si>
    <t>Mohallah Qadirabad Sheikhupura.</t>
  </si>
  <si>
    <t>Bhadru</t>
  </si>
  <si>
    <t>Sheikhupura Urban2</t>
  </si>
  <si>
    <t>GES MC MUMTAZ ABAD MULTAN</t>
  </si>
  <si>
    <t>JUMA KHALSA</t>
  </si>
  <si>
    <t>Mumtazabad Multan</t>
  </si>
  <si>
    <t>MUMTAZABAD</t>
  </si>
  <si>
    <t>MUHAMMAD SHAHID FAROOQ KHAN</t>
  </si>
  <si>
    <t>GES MC NAIKA PURA SIALKOT</t>
  </si>
  <si>
    <t>Naika Pura</t>
  </si>
  <si>
    <t>naika pura skt</t>
  </si>
  <si>
    <t>Doburji Araian</t>
  </si>
  <si>
    <t>Muhammad Pervaiz   i</t>
  </si>
  <si>
    <t>GES MC NAWABAN WALA FSD</t>
  </si>
  <si>
    <t>Nawabanwala</t>
  </si>
  <si>
    <t>St 1 Qari Chownk Nawabanwala Fsd</t>
  </si>
  <si>
    <t>Asrar Ahmad</t>
  </si>
  <si>
    <t>Canal water</t>
  </si>
  <si>
    <t>GES MC NEW GARHI SHAHU</t>
  </si>
  <si>
    <t>GARHI SHAHU</t>
  </si>
  <si>
    <t>TARIQ ROAD  AQAB. POLICE STATION GARHI SHAHU LAHORE</t>
  </si>
  <si>
    <t>ABDUL HAMEED KHAN</t>
  </si>
  <si>
    <t>GES MC NO. 1 NEW MANDI PATTOKI</t>
  </si>
  <si>
    <t>allama iqbal road patto ki</t>
  </si>
  <si>
    <t>Muhammad Ghafoor Ahmad Zahid</t>
  </si>
  <si>
    <t>GES MC NO. 2 GHALLA MANDI</t>
  </si>
  <si>
    <t>GES M.C GHALLAH MANDI PAKPATTAN</t>
  </si>
  <si>
    <t>URBAN Ward No 39</t>
  </si>
  <si>
    <t>GES MC NO. 3 MUZAFFARGARH</t>
  </si>
  <si>
    <t>City Area</t>
  </si>
  <si>
    <t>Ravlay Wala Road</t>
  </si>
  <si>
    <t>Zaffar Iqbal Bajwa</t>
  </si>
  <si>
    <t>GES MC NO. 3 SOFIA ABAD</t>
  </si>
  <si>
    <t>Sufia Ababd</t>
  </si>
  <si>
    <t>sufia abad main road near city thana pakpattan</t>
  </si>
  <si>
    <t>City Aera</t>
  </si>
  <si>
    <t>Urban Ward #23</t>
  </si>
  <si>
    <t>GES MC NO. 5 HAFIZABAD</t>
  </si>
  <si>
    <t>City hafizabad</t>
  </si>
  <si>
    <t>Kassoke Road Hafizabad</t>
  </si>
  <si>
    <t>Bahawal pura</t>
  </si>
  <si>
    <t>Bahawal Pura</t>
  </si>
  <si>
    <t>GES MC NO. 8 HAFIZABAD</t>
  </si>
  <si>
    <t>City Hafizabad</t>
  </si>
  <si>
    <t>vanike road hafizabad</t>
  </si>
  <si>
    <t>None</t>
  </si>
  <si>
    <t>GES MC NO.1 BUMBAY BAZAR</t>
  </si>
  <si>
    <t>BUMBAY BAZAR</t>
  </si>
  <si>
    <t>GES MC NO.1 BUMBAY BAZAR LAYYAH</t>
  </si>
  <si>
    <t>Muhammad Abu Bakar Zia</t>
  </si>
  <si>
    <t>GES MC NO.1 CCE</t>
  </si>
  <si>
    <t>Block No 1</t>
  </si>
  <si>
    <t>Block no 1  malik market</t>
  </si>
  <si>
    <t>Chichawstni</t>
  </si>
  <si>
    <t>Urban 3</t>
  </si>
  <si>
    <t>GES MC NO.1 IMTIAZ AHMED SHAHEED</t>
  </si>
  <si>
    <t>street no 1 hajwary town fsd</t>
  </si>
  <si>
    <t>Hajwary Town Fsd</t>
  </si>
  <si>
    <t>Hajwary Town</t>
  </si>
  <si>
    <t>muhammad naeem ahmed</t>
  </si>
  <si>
    <t>GES MC NO.2 LAYYAH</t>
  </si>
  <si>
    <t>Chah Chandia Wala</t>
  </si>
  <si>
    <t>Chah Chandia Ward No. 15 Near Chowk Kumharan Layyah</t>
  </si>
  <si>
    <t>Mohallah Chah Chandi Wala</t>
  </si>
  <si>
    <t>Muhammad Iqbal Virk</t>
  </si>
  <si>
    <t>GES MC NO.3 GUJRANWALA</t>
  </si>
  <si>
    <t>Lakkarwala Pull</t>
  </si>
  <si>
    <t>Lakkarwala Pull Bairiwala Chowk Gujranwala</t>
  </si>
  <si>
    <t>Bairiwala Chowk</t>
  </si>
  <si>
    <t>Lakkar Wala Pulll</t>
  </si>
  <si>
    <t>RIASAT ALI LONE</t>
  </si>
  <si>
    <t>GES MC NO.4</t>
  </si>
  <si>
    <t>Lahori Gate</t>
  </si>
  <si>
    <t>Lahori gate, Gujranwala.</t>
  </si>
  <si>
    <t>Gujranwala City</t>
  </si>
  <si>
    <t>Bakhtay Wala</t>
  </si>
  <si>
    <t>GES MC NO.4 MIAN CHANNU</t>
  </si>
  <si>
    <t>G .T ROAD NEAR CITY POLICE STATION MIAN CHANNU</t>
  </si>
  <si>
    <t>Ch Shah Muhammad Shahid</t>
  </si>
  <si>
    <t>GES MC NO.5 GUJRANWALA</t>
  </si>
  <si>
    <t>Baghbanpura Pura</t>
  </si>
  <si>
    <t>St#4 silko mills wali. grw</t>
  </si>
  <si>
    <t>Baghbanpura jadeed hafizabad road</t>
  </si>
  <si>
    <t>Muslim Town</t>
  </si>
  <si>
    <t>muhammad tariq  qureshi</t>
  </si>
  <si>
    <t>GES MC NO.6</t>
  </si>
  <si>
    <t>Gala Master islamil wala Mohala Bakhty wala Near allama Iqbal road Gujranwala</t>
  </si>
  <si>
    <t>Bakhty  Wala</t>
  </si>
  <si>
    <t>GES MC NO.6-B, RAILWAY COLONY, KHANEWAL</t>
  </si>
  <si>
    <t>ges mc 6bkhanewal</t>
  </si>
  <si>
    <t>Mc city Khanewal</t>
  </si>
  <si>
    <t>Arif Javed Shakir</t>
  </si>
  <si>
    <t>GES MC PURAN NAGAR SIALKOT</t>
  </si>
  <si>
    <t>PURAN NAGAR</t>
  </si>
  <si>
    <t>Paris Road Sialkot</t>
  </si>
  <si>
    <t>Muhammad Ansar Javaid</t>
  </si>
  <si>
    <t>GES MC RAFIQ-UL-ULMA</t>
  </si>
  <si>
    <t>SONAK - MALE</t>
  </si>
  <si>
    <t>Noore Wali</t>
  </si>
  <si>
    <t>Near Al kulia tul Islamia ryk</t>
  </si>
  <si>
    <t>Shah Faisal Colony Ryk</t>
  </si>
  <si>
    <t>City Area 38 I</t>
  </si>
  <si>
    <t>GES MC SANI BANK</t>
  </si>
  <si>
    <t>Murree</t>
  </si>
  <si>
    <t>MC boys Elementary school sunny bank Murree</t>
  </si>
  <si>
    <t>Sunny Bank</t>
  </si>
  <si>
    <t>Arshad Mahmood Abbasi</t>
  </si>
  <si>
    <t>GES MC SHAH MUHAMMAD JOIA MEMORIAL</t>
  </si>
  <si>
    <t>Bahawal Garh</t>
  </si>
  <si>
    <t>shah Muhammad joya memorial school kehror pacca</t>
  </si>
  <si>
    <t>Kehror Pacca</t>
  </si>
  <si>
    <t>Dyanat Purah</t>
  </si>
  <si>
    <t>Habib Ahmad</t>
  </si>
  <si>
    <t>GES MC SHAHAB PURA SIALKOT</t>
  </si>
  <si>
    <t>Govt.MC  E/ School Shahab pura.sialkot</t>
  </si>
  <si>
    <t>Shahab Pura</t>
  </si>
  <si>
    <t>GES MC TALLAB PUKHTA</t>
  </si>
  <si>
    <t>SHAKRIAL-MALE</t>
  </si>
  <si>
    <t>Banni</t>
  </si>
  <si>
    <t>Janglaat Road Banni Rwp</t>
  </si>
  <si>
    <t>GES MC TARIQ ABAD FAISALABAD</t>
  </si>
  <si>
    <t>mehmoodabad street 1 ,FSD</t>
  </si>
  <si>
    <t>mehmoodabad</t>
  </si>
  <si>
    <t>Muhammad yousaf</t>
  </si>
  <si>
    <t>External Supplier</t>
  </si>
  <si>
    <t>GES MC TUFAIL SHAHEED ROAD FSD</t>
  </si>
  <si>
    <t>SHAREEF PURA</t>
  </si>
  <si>
    <t>GOVERNMENT M.C. ELEMENTARY SCHOOL,TUFAIL SHAHEED ROAD, FAISALABAD</t>
  </si>
  <si>
    <t>ROBINA ASLAM</t>
  </si>
  <si>
    <t>GES MC YASEEN ABAD FSD</t>
  </si>
  <si>
    <t>St no; 4, yasinabad near waris Pura, fsd</t>
  </si>
  <si>
    <t>Yasinabad</t>
  </si>
  <si>
    <t>private van</t>
  </si>
  <si>
    <t>GES MC YOUSAF PARK</t>
  </si>
  <si>
    <t>Kot Muhibbo</t>
  </si>
  <si>
    <t>cdg boys middle school yousaf park shahdara lahore</t>
  </si>
  <si>
    <t>KHALID MUHMOOD</t>
  </si>
  <si>
    <t>GES MC ZADEY KHEL</t>
  </si>
  <si>
    <t>Yaru Khel</t>
  </si>
  <si>
    <t>Mohallah Zaday khel Balloo khel Road Mianwali</t>
  </si>
  <si>
    <t>Mianwali City</t>
  </si>
  <si>
    <t>Muhammad Javed Iqbal Khan</t>
  </si>
  <si>
    <t>GES MEENDAR WAL</t>
  </si>
  <si>
    <t>Meendarwal</t>
  </si>
  <si>
    <t>Village Meendarwal P. O. Dalowali Tehsil Sialkot</t>
  </si>
  <si>
    <t>Ghazanfar Ali</t>
  </si>
  <si>
    <t>GES MEER KHAR</t>
  </si>
  <si>
    <t>Meer Khar</t>
  </si>
  <si>
    <t>Govt middle school meer khar. P/O Nari. Taunsa sharif. DG Khan</t>
  </si>
  <si>
    <t>Dauna</t>
  </si>
  <si>
    <t>Suhail Akhter Qaisrani</t>
  </si>
  <si>
    <t>GES MEER MUHAMMAD</t>
  </si>
  <si>
    <t>Mir Muhammad muhammadooeosoj</t>
  </si>
  <si>
    <t>Kot Ch. Hakim Ali</t>
  </si>
  <si>
    <t>GES MEERAN PUR SHUMALI</t>
  </si>
  <si>
    <t>MEERAN PUR - MALE</t>
  </si>
  <si>
    <t>Meeran Pur Shumali</t>
  </si>
  <si>
    <t>Meeran pur shumali near Haji pur jam pur</t>
  </si>
  <si>
    <t>Wah Lashari</t>
  </si>
  <si>
    <t>Aamir Raza</t>
  </si>
  <si>
    <t>GES MEGHA</t>
  </si>
  <si>
    <t>Megha</t>
  </si>
  <si>
    <t>Megha p/o sur singh chak no.53 tehsil pattoki district kasur</t>
  </si>
  <si>
    <t>GES MEHAR PUR</t>
  </si>
  <si>
    <t>post office mehar pur</t>
  </si>
  <si>
    <t>GES MEHBOOB COLONY</t>
  </si>
  <si>
    <t>Mehboob Colony</t>
  </si>
  <si>
    <t>Mehboob Colony Chishtian</t>
  </si>
  <si>
    <t>MC Chishtian</t>
  </si>
  <si>
    <t>GES MEHBOOB KOT</t>
  </si>
  <si>
    <t>Chak Muhammad Chak Zaman</t>
  </si>
  <si>
    <t>Mehboob Kot</t>
  </si>
  <si>
    <t>Kapooran</t>
  </si>
  <si>
    <t>Liaqat Ali Khan</t>
  </si>
  <si>
    <t>GES MEHDI PUR</t>
  </si>
  <si>
    <t>MEHDI PUR</t>
  </si>
  <si>
    <t>MEHDI PUR P/O CHAPRAR T/D Sialkot</t>
  </si>
  <si>
    <t>Plora Kalan</t>
  </si>
  <si>
    <t>Mumtaz Bashir</t>
  </si>
  <si>
    <t>GES MEHMOOD PUR</t>
  </si>
  <si>
    <t>MAHMOOD PUR -MALE</t>
  </si>
  <si>
    <t>Mehmoodpur</t>
  </si>
  <si>
    <t>Chak Bhatti</t>
  </si>
  <si>
    <t>Mudassar Latif Khan</t>
  </si>
  <si>
    <t>GES MEHMOOD WALA NO 2</t>
  </si>
  <si>
    <t>Kallurkot Daggar</t>
  </si>
  <si>
    <t>Akairanwala Tehsil Kallur kot District Bhakkar</t>
  </si>
  <si>
    <t>Akairan wala</t>
  </si>
  <si>
    <t>Noon Daggar</t>
  </si>
  <si>
    <t>Muhammad Khalid Mehmood</t>
  </si>
  <si>
    <t>GES MEHR CHAND WALA</t>
  </si>
  <si>
    <t>KULL - MALE</t>
  </si>
  <si>
    <t>Mehar Chand Wala</t>
  </si>
  <si>
    <t>Mehar chand wala po mokal chunian</t>
  </si>
  <si>
    <t>M Irshad</t>
  </si>
  <si>
    <t>GES MEHR SHAH WALI</t>
  </si>
  <si>
    <t>Mehrshah Wali</t>
  </si>
  <si>
    <t>po trag mehrshah wali</t>
  </si>
  <si>
    <t>Mehr Shah Wali</t>
  </si>
  <si>
    <t>Ijaz Muhammad</t>
  </si>
  <si>
    <t>GES MEHRU BLOCH</t>
  </si>
  <si>
    <t>Mehru Baloch</t>
  </si>
  <si>
    <t>basti ali Muhammad balochmehru baloch vehari</t>
  </si>
  <si>
    <t>GES MEHTA JHEDU</t>
  </si>
  <si>
    <t>Mehta Jhedu</t>
  </si>
  <si>
    <t>Mehta jhedu Chishtian</t>
  </si>
  <si>
    <t>Mehboob Ali Shah</t>
  </si>
  <si>
    <t>GES MELA MANDI ALLAMA IQBAL COLONY FSD</t>
  </si>
  <si>
    <t>Allama Iqbalbcolony</t>
  </si>
  <si>
    <t>Allama Iqbal Colony</t>
  </si>
  <si>
    <t>Hafiz Shahid Munir Gill</t>
  </si>
  <si>
    <t>perchas</t>
  </si>
  <si>
    <t>GES MELE WALI KUNDIAN MIANWALI</t>
  </si>
  <si>
    <t>Mely wali</t>
  </si>
  <si>
    <t>mahala mahram khelan Wala mele wale</t>
  </si>
  <si>
    <t>Meley Wali</t>
  </si>
  <si>
    <t>Katcha GUJRAT</t>
  </si>
  <si>
    <t>Muhammad Mahboob</t>
  </si>
  <si>
    <t>GES MERANI QADEEM</t>
  </si>
  <si>
    <t>Dulo Nashaib</t>
  </si>
  <si>
    <t>Basti Pakki Merani, Moza Dullu  Nashaib, Layyah</t>
  </si>
  <si>
    <t>Basti Pakki Merani</t>
  </si>
  <si>
    <t>javeed Ahmad</t>
  </si>
  <si>
    <t>GES MERIAN</t>
  </si>
  <si>
    <t>Merian</t>
  </si>
  <si>
    <t>Basti Merian</t>
  </si>
  <si>
    <t>Syed M saqlain Bukhari</t>
  </si>
  <si>
    <t>GES MIAN ALI DOGARAN</t>
  </si>
  <si>
    <t>Mian Ali Dogran</t>
  </si>
  <si>
    <t>mian Ali Dogran</t>
  </si>
  <si>
    <t>Sallar Bhattian</t>
  </si>
  <si>
    <t>Abu Sufyan</t>
  </si>
  <si>
    <t>GES MIAN HAKEM</t>
  </si>
  <si>
    <t>mian Hakim</t>
  </si>
  <si>
    <t>mian hakim P/O Luddan Teh &amp; Distt Vehari</t>
  </si>
  <si>
    <t>Dad kamera</t>
  </si>
  <si>
    <t>Syed Zahid Hussain Shah</t>
  </si>
  <si>
    <t>GES MIAN SANSI</t>
  </si>
  <si>
    <t>miansansi</t>
  </si>
  <si>
    <t>miansansi gujranwala</t>
  </si>
  <si>
    <t>Waqar Ahmed</t>
  </si>
  <si>
    <t>GES MIANA CHAK</t>
  </si>
  <si>
    <t>Miana Chak</t>
  </si>
  <si>
    <t>Muhammad Nawaz Anjum</t>
  </si>
  <si>
    <t>GES MIANA DHERI</t>
  </si>
  <si>
    <t>Miani Dheri</t>
  </si>
  <si>
    <t>GES Miani Dheri</t>
  </si>
  <si>
    <t>SHAHID MEHMOOD</t>
  </si>
  <si>
    <t>GES MIANA MOHRA</t>
  </si>
  <si>
    <t>Miana Mohra</t>
  </si>
  <si>
    <t>village , Miana Mohra</t>
  </si>
  <si>
    <t>Raika Meera</t>
  </si>
  <si>
    <t>Shahzaib Awaiz</t>
  </si>
  <si>
    <t>GES MIANHALA</t>
  </si>
  <si>
    <t>village and post office Minhala . GES Minhala</t>
  </si>
  <si>
    <t>GES MIANI</t>
  </si>
  <si>
    <t>MIANI - MALE</t>
  </si>
  <si>
    <t>Committee road, Miani</t>
  </si>
  <si>
    <t>FAIZAN ALI</t>
  </si>
  <si>
    <t>GES MIANI JHABAIL</t>
  </si>
  <si>
    <t>Bhinda Ghulam  Hussain</t>
  </si>
  <si>
    <t>basti Miani Jhabail bwp city</t>
  </si>
  <si>
    <t>Miani Jhabail</t>
  </si>
  <si>
    <t>GES MIANWALI BANGLA NO.1</t>
  </si>
  <si>
    <t>Mianwali Bangla</t>
  </si>
  <si>
    <t>mianwali bangla ,tehsil daska,  District Sialkot</t>
  </si>
  <si>
    <t>GES MIFTAH-UL-ALOOM HASILPUR</t>
  </si>
  <si>
    <t>Chishtian road hasilpur</t>
  </si>
  <si>
    <t>GES MILITARY FARM SARGODHA</t>
  </si>
  <si>
    <t>risala 16</t>
  </si>
  <si>
    <t>risala no 16, military farm road</t>
  </si>
  <si>
    <t>44nb</t>
  </si>
  <si>
    <t>new muhammdia col</t>
  </si>
  <si>
    <t>Ishtiaq Hussain</t>
  </si>
  <si>
    <t>GES MILLAT KOT ADU</t>
  </si>
  <si>
    <t>Pirharsharqi</t>
  </si>
  <si>
    <t>noor shah road near millo wali masjid kot adu</t>
  </si>
  <si>
    <t>GES MILLAT MUZAFFARGARH</t>
  </si>
  <si>
    <t>Muzaffargarh</t>
  </si>
  <si>
    <t>purani basti talkot</t>
  </si>
  <si>
    <t>Talkot</t>
  </si>
  <si>
    <t>Mc Mzg</t>
  </si>
  <si>
    <t>GES MIRAK SIAL</t>
  </si>
  <si>
    <t>Mirak Sial</t>
  </si>
  <si>
    <t>Mirak Sial Shorkot</t>
  </si>
  <si>
    <t>Allah Yar Jutta</t>
  </si>
  <si>
    <t>GES MIRALI WALA</t>
  </si>
  <si>
    <t>GES MIRALI WALA NEAR DABKLAN ROAD 6 KM FROM TEHSIL CHOWK SHORKOT</t>
  </si>
  <si>
    <t>MOHRI WALA</t>
  </si>
  <si>
    <t>Qaisar Abbas</t>
  </si>
  <si>
    <t>GES MIRALIAN WALA, P/O MOUZA OKAAN WALA, KABIRWALA</t>
  </si>
  <si>
    <t>Okaanwala</t>
  </si>
  <si>
    <t>chah Miralian Wala Moza okanwala Tehsil kabirwala distt: khanewal</t>
  </si>
  <si>
    <t>Miralian Wala</t>
  </si>
  <si>
    <t>Muhammad Waqar Aslam</t>
  </si>
  <si>
    <t>GES MIRAN PUR</t>
  </si>
  <si>
    <t>miran pur</t>
  </si>
  <si>
    <t>Norrabba</t>
  </si>
  <si>
    <t>Hafiz Shabir Ahmad Usmani</t>
  </si>
  <si>
    <t>GES MIRAN PUR LODHRAN</t>
  </si>
  <si>
    <t>Mera pur</t>
  </si>
  <si>
    <t>GES Miran pur</t>
  </si>
  <si>
    <t>Meran Pur</t>
  </si>
  <si>
    <t>Rafique Ahmad</t>
  </si>
  <si>
    <t>GES MIRANI JADEED</t>
  </si>
  <si>
    <t>Sargani Nashaib</t>
  </si>
  <si>
    <t>Sargani nashaib teh karor dist Layyah</t>
  </si>
  <si>
    <t>Chah Yousaf  Khan Wala Mouza Sargani Nashaib</t>
  </si>
  <si>
    <t>arshad hussain</t>
  </si>
  <si>
    <t>GES MIRGALA KHALSA</t>
  </si>
  <si>
    <t>Mirgala Khalsa</t>
  </si>
  <si>
    <t>village mirgala khalsa p.o pehr hali tehsil kallar syedan</t>
  </si>
  <si>
    <t>Parvaiz Akhtar Awan</t>
  </si>
  <si>
    <t>GES MIRHATTA</t>
  </si>
  <si>
    <t>MIRHATTA</t>
  </si>
  <si>
    <t>Govt E/S MIRHATTA Distt DGKhan</t>
  </si>
  <si>
    <t>Abdul Ghaffar Durrani</t>
  </si>
  <si>
    <t>GES MIRJAN</t>
  </si>
  <si>
    <t>Mirjan</t>
  </si>
  <si>
    <t>Village Mirjan, Tehsil Talagang District Chakwal</t>
  </si>
  <si>
    <t>Sultan Muhammad</t>
  </si>
  <si>
    <t>GES MIROWAL</t>
  </si>
  <si>
    <t>Mirowal</t>
  </si>
  <si>
    <t>GES Mirowal tehsil muridke district sheikhupura</t>
  </si>
  <si>
    <t>Mahta Suja</t>
  </si>
  <si>
    <t>Abdul Munaf</t>
  </si>
  <si>
    <t>GES MIRWAL</t>
  </si>
  <si>
    <t>village Mirwal Teh.Jand Distt.Attock</t>
  </si>
  <si>
    <t>GES MIRZA GORAYA</t>
  </si>
  <si>
    <t>Mirza Goraya</t>
  </si>
  <si>
    <t>Mirza goraya</t>
  </si>
  <si>
    <t>Mirzagoraya</t>
  </si>
  <si>
    <t>Seokey</t>
  </si>
  <si>
    <t>GES MIRZEKA</t>
  </si>
  <si>
    <t>Moza Khola Mirzeka Tehsil Minchinabad</t>
  </si>
  <si>
    <t>Zahoor Ahmad Awaisi</t>
  </si>
  <si>
    <t>GES MISSAN</t>
  </si>
  <si>
    <t>GES Missan</t>
  </si>
  <si>
    <t>Missan</t>
  </si>
  <si>
    <t>Mindiali</t>
  </si>
  <si>
    <t>GES MISSAR WALA</t>
  </si>
  <si>
    <t>TABBI SAR-MALE</t>
  </si>
  <si>
    <t>Poss Bangi Khel</t>
  </si>
  <si>
    <t>poss bangi khel darmyani missar Wala post office tabi sar tehsil esa khel district mianwali</t>
  </si>
  <si>
    <t>Missar Wala</t>
  </si>
  <si>
    <t>Abdul Baqi Khan</t>
  </si>
  <si>
    <t>hose pipe</t>
  </si>
  <si>
    <t>GES MITHA BHATTI</t>
  </si>
  <si>
    <t>Mitha Bhatti</t>
  </si>
  <si>
    <t>moza mitha Bhatti TEHSIL RENALA KHURD DISTRICT OKARA</t>
  </si>
  <si>
    <t>Kamman</t>
  </si>
  <si>
    <t>SARFRAZ NAWAZ</t>
  </si>
  <si>
    <t>GES MITHA KHOH</t>
  </si>
  <si>
    <t>villege mitha khooh p/o shahwala shumali tehsile quaidabad disst khushab</t>
  </si>
  <si>
    <t>mitha khooh</t>
  </si>
  <si>
    <t>uttra janobi</t>
  </si>
  <si>
    <t>GES MITHA LAK STATION</t>
  </si>
  <si>
    <t>Mitha Lak</t>
  </si>
  <si>
    <t>GES mitha lak station sargodha</t>
  </si>
  <si>
    <t>Rajpoot Colony</t>
  </si>
  <si>
    <t>GES MITHA TIWANA</t>
  </si>
  <si>
    <t>Mitha Tiwana</t>
  </si>
  <si>
    <t>GES Mohallah Awana wala Mitha Tiwana</t>
  </si>
  <si>
    <t>MC Mitha Tiwana</t>
  </si>
  <si>
    <t>MUHAMMAD AKHTAR KHAN</t>
  </si>
  <si>
    <t>GES MOADIB HAIDER NAGAR</t>
  </si>
  <si>
    <t>MUHAMMAD DAHA - MALE</t>
  </si>
  <si>
    <t>Chaudry</t>
  </si>
  <si>
    <t>Basti Haider Nagar Moza Chaudry Tehsil Liaquat Pur</t>
  </si>
  <si>
    <t>Basti Haider Nagar</t>
  </si>
  <si>
    <t>GES MOADIB NOOR WALA</t>
  </si>
  <si>
    <t>Mouza Noor Wala</t>
  </si>
  <si>
    <t>Mouza Noor Wala Tehsil Liaquatpur District Rahim yarkhan</t>
  </si>
  <si>
    <t>GES MOADIB SHEIKH ABDUL SATTAR</t>
  </si>
  <si>
    <t>sheilh abdul sattar</t>
  </si>
  <si>
    <t>basti sheikh abdul sattar mouza sheikh abdul sattar</t>
  </si>
  <si>
    <t>sheikh abdul sattar</t>
  </si>
  <si>
    <t>gharhi ikhtiar khan</t>
  </si>
  <si>
    <t>muhammad ahmad ismail</t>
  </si>
  <si>
    <t>GES MOADIB WAHID BUX MAHER</t>
  </si>
  <si>
    <t>WAHID Bakhsh Laar</t>
  </si>
  <si>
    <t>GHS WAHID BUX MAHAR</t>
  </si>
  <si>
    <t>WAHID BUX MAHAR</t>
  </si>
  <si>
    <t>WAHID BUX LAAR</t>
  </si>
  <si>
    <t>RASOOL BAKHSH SOLANGI</t>
  </si>
  <si>
    <t>Hand pump,Water pum</t>
  </si>
  <si>
    <t>GES MOAN BHATTIAN</t>
  </si>
  <si>
    <t>Mowan</t>
  </si>
  <si>
    <t>mowan bhattian p/o sukheke mandi</t>
  </si>
  <si>
    <t>Mohammad Iftekhar</t>
  </si>
  <si>
    <t>GES MOARI</t>
  </si>
  <si>
    <t>Araryi</t>
  </si>
  <si>
    <t>moari tehsil kotlisattian district Rawalpindi</t>
  </si>
  <si>
    <t>Moafi</t>
  </si>
  <si>
    <t>Arshad Mehmood Abbasi</t>
  </si>
  <si>
    <t>GES MODEL FACTORY NEAR CHUNGI NO 14</t>
  </si>
  <si>
    <t>Dera Muhammadi</t>
  </si>
  <si>
    <t>Jamal Town Bahawal pur Road Multan</t>
  </si>
  <si>
    <t>Jamal Town</t>
  </si>
  <si>
    <t>Basti Shor Kot</t>
  </si>
  <si>
    <t>Altaf Ahmed</t>
  </si>
  <si>
    <t>GES MODEL KHAN GARH</t>
  </si>
  <si>
    <t>Khan Garh</t>
  </si>
  <si>
    <t>Muhallah Qadirabad khangarh city</t>
  </si>
  <si>
    <t>MC Khangarh</t>
  </si>
  <si>
    <t>Ghulam Yasin Qureshi</t>
  </si>
  <si>
    <t>GES MODEL MAKHDOOM RASHEED MULTAN</t>
  </si>
  <si>
    <t>Makhdoom Rasheed Rasheed</t>
  </si>
  <si>
    <t>chah pir wala near govt degree makhdoom rasheed</t>
  </si>
  <si>
    <t>Rao M Aslam Khan</t>
  </si>
  <si>
    <t>GES MODEL NO. 2 D BLOCK  ARIF WALA</t>
  </si>
  <si>
    <t>D block Arifwala Tehsil Arifwala District pakpattan</t>
  </si>
  <si>
    <t>Arifwala City</t>
  </si>
  <si>
    <t>GES MODEL PATHI GROUND LAHORE</t>
  </si>
  <si>
    <t>Dil Muhammad Road</t>
  </si>
  <si>
    <t>Dil Muhammad Road (Pathi Ground) Lahore City Lahore</t>
  </si>
  <si>
    <t>Pathi Ground</t>
  </si>
  <si>
    <t>Saraâ€™ay Sultan</t>
  </si>
  <si>
    <t>Mr. Niaz Khan</t>
  </si>
  <si>
    <t>GES MODEL SHAH MUHAMMAD GHOUS</t>
  </si>
  <si>
    <t>shah muhammad ghous landa bazar</t>
  </si>
  <si>
    <t>Shah Ghous</t>
  </si>
  <si>
    <t>Mochi Gate</t>
  </si>
  <si>
    <t>Ijaz Ahmed Shah</t>
  </si>
  <si>
    <t>GES MODEL TAUNSA</t>
  </si>
  <si>
    <t>Taunsa</t>
  </si>
  <si>
    <t>Govt.Model Middle School Taunsa Sharif</t>
  </si>
  <si>
    <t>Urban Taunsa</t>
  </si>
  <si>
    <t>Abdul Basit Khan</t>
  </si>
  <si>
    <t>GES MODEL TOWN</t>
  </si>
  <si>
    <t>MODEL TOWN X BLOCK BAHAWALNAGAR</t>
  </si>
  <si>
    <t>NIZAM PURA</t>
  </si>
  <si>
    <t>MUHAMMAD AJMAL WATTO</t>
  </si>
  <si>
    <t>GES MODHORA KALAN</t>
  </si>
  <si>
    <t>THATTA JHAID AMEER WALA - MALE</t>
  </si>
  <si>
    <t>Madhora Kalan</t>
  </si>
  <si>
    <t>madhora kalan the pindibhattian  distt Hafiz abad</t>
  </si>
  <si>
    <t>GES MODREN ALI ABAD CHOUR</t>
  </si>
  <si>
    <t>GES Modern Chour Aliabad</t>
  </si>
  <si>
    <t>Chour</t>
  </si>
  <si>
    <t>Ward 1</t>
  </si>
  <si>
    <t>amjad Ali</t>
  </si>
  <si>
    <t>GES MODREN TAKIA SADUAN</t>
  </si>
  <si>
    <t>rang mahal</t>
  </si>
  <si>
    <t>inside akbari gate lahore</t>
  </si>
  <si>
    <t>takia saduan</t>
  </si>
  <si>
    <t>shah alam market</t>
  </si>
  <si>
    <t>M. Shahid Javid</t>
  </si>
  <si>
    <t>GES MOHAL MUSA KHAN</t>
  </si>
  <si>
    <t>moha mosa khan</t>
  </si>
  <si>
    <t>mohal Musa Khan</t>
  </si>
  <si>
    <t>mohal mosa khan</t>
  </si>
  <si>
    <t>Shah Yaka</t>
  </si>
  <si>
    <t>GES MOHALLA KHEMTAN WALA</t>
  </si>
  <si>
    <t>Mohalah Khemtanwala Darya Khan City</t>
  </si>
  <si>
    <t>MC DARYA KHAN</t>
  </si>
  <si>
    <t>Nazeer hussain</t>
  </si>
  <si>
    <t>GES MOHALLAH KHURSHID AHMED SHAH</t>
  </si>
  <si>
    <t>muhallah khursheed Ahmed shah bhakkar</t>
  </si>
  <si>
    <t>Bhakkar City</t>
  </si>
  <si>
    <t>Muhammad Hassnain Shah</t>
  </si>
  <si>
    <t>GES MOHAMMAD FAZAL ABAD</t>
  </si>
  <si>
    <t>Luda Mahni</t>
  </si>
  <si>
    <t>Tehsil. Shorkot Distt.Jhang</t>
  </si>
  <si>
    <t>Muhammad Fazal  Abad</t>
  </si>
  <si>
    <t>Muhammad Kishwer Jelani</t>
  </si>
  <si>
    <t>GES MOHAMMAD KHAN WALA</t>
  </si>
  <si>
    <t>chah Muhammad Khan wala mouza mangin primary portion and bagha ahmad wala middle portion distance between 2 portion is 3 km</t>
  </si>
  <si>
    <t>Chah Muhammad Khan Wala And Bagha Ahmed Wala</t>
  </si>
  <si>
    <t>Ansar Mehdi</t>
  </si>
  <si>
    <t>GES MOHAMMAD NAGAR LADHUKA</t>
  </si>
  <si>
    <t>M Nagar</t>
  </si>
  <si>
    <t>GES M. Nagar ladhuka P/O chak ganda sing tehsil depalpur district Okara</t>
  </si>
  <si>
    <t>GES MOHAMMAD YAR WALA</t>
  </si>
  <si>
    <t>PAI KHEL-MALE</t>
  </si>
  <si>
    <t>Muhammad yar Wala</t>
  </si>
  <si>
    <t>Muhammad yar wala</t>
  </si>
  <si>
    <t>Muhammad Yar Wala</t>
  </si>
  <si>
    <t>Muhammad Zafar Ullah</t>
  </si>
  <si>
    <t>GES MOHAR SHAIRF</t>
  </si>
  <si>
    <t>Mohar Sharif</t>
  </si>
  <si>
    <t>Mohar sharif</t>
  </si>
  <si>
    <t>GES MOHER SINGH ARIFWALA</t>
  </si>
  <si>
    <t>Kot Moher Singh</t>
  </si>
  <si>
    <t>GES kot moher singh</t>
  </si>
  <si>
    <t>Moher Singh</t>
  </si>
  <si>
    <t>Chak Shaffi</t>
  </si>
  <si>
    <t>Muhammad Nazeer</t>
  </si>
  <si>
    <t>GES MOHIB ALI</t>
  </si>
  <si>
    <t>KOT MITHAN - MALE</t>
  </si>
  <si>
    <t>Mohib Ali</t>
  </si>
  <si>
    <t>basti mohib ali kotmithan</t>
  </si>
  <si>
    <t>Mohib ali</t>
  </si>
  <si>
    <t>MC Kotmithan</t>
  </si>
  <si>
    <t>Ghaus Bakhsh</t>
  </si>
  <si>
    <t>GES MOHIB ALI OTAR</t>
  </si>
  <si>
    <t>chak Allah Din</t>
  </si>
  <si>
    <t>Falk Sher Mansoor</t>
  </si>
  <si>
    <t>GES MOHLAN KALAN</t>
  </si>
  <si>
    <t>Annokh Singh</t>
  </si>
  <si>
    <t>govt e/s Mohlan kalan bwn</t>
  </si>
  <si>
    <t>Mohlan Kalan</t>
  </si>
  <si>
    <t>Muhammad Tufail Wattoo</t>
  </si>
  <si>
    <t>GES MOHRA KALYAL</t>
  </si>
  <si>
    <t>Diali</t>
  </si>
  <si>
    <t>Mohra kalyal tehsil sohawa distt jhelum</t>
  </si>
  <si>
    <t>Mohra Kalyal</t>
  </si>
  <si>
    <t>Pind Matey Khan</t>
  </si>
  <si>
    <t>Muhammad Nisar</t>
  </si>
  <si>
    <t>GES MOHREE</t>
  </si>
  <si>
    <t>Karnali</t>
  </si>
  <si>
    <t>GES Mohree</t>
  </si>
  <si>
    <t>Mohree</t>
  </si>
  <si>
    <t>Muhmmad Jamil</t>
  </si>
  <si>
    <t>GES MOHSIN ABAD</t>
  </si>
  <si>
    <t>Chak jhangail</t>
  </si>
  <si>
    <t>patwari Chak jhangail U/C Kot mobarak Dera Ghazi Khan</t>
  </si>
  <si>
    <t>Patawari Wala</t>
  </si>
  <si>
    <t>Kot Mobarak</t>
  </si>
  <si>
    <t>Auoon Muhammad</t>
  </si>
  <si>
    <t>GES MOHSIN SHAH</t>
  </si>
  <si>
    <t>Wara Sehra</t>
  </si>
  <si>
    <t>basti mosan shah</t>
  </si>
  <si>
    <t>Mosan Shah</t>
  </si>
  <si>
    <t>manzoor hussain</t>
  </si>
  <si>
    <t>GES MOMAN PURA WAHGA TOWN GT ROAD LAHORE</t>
  </si>
  <si>
    <t>GES Momanpura GT Road Lahore</t>
  </si>
  <si>
    <t>GES MOODA</t>
  </si>
  <si>
    <t>Mooda</t>
  </si>
  <si>
    <t>Pholan Toli</t>
  </si>
  <si>
    <t>Muhammad Shah Sajid Bukhari</t>
  </si>
  <si>
    <t>GES MOORH CHAK 48/RB</t>
  </si>
  <si>
    <t>Moor 48 r/b</t>
  </si>
  <si>
    <t>GES Moor chak#48 r/b TEH: Shahkot Distt: Nankana Sahib</t>
  </si>
  <si>
    <t>Moor Chak no 48r/b</t>
  </si>
  <si>
    <t>Kariwala Chak 49 r/b</t>
  </si>
  <si>
    <t>GES MORE EMINABAD</t>
  </si>
  <si>
    <t>Mohallah Mumtaz abad</t>
  </si>
  <si>
    <t>mumtaz abad qabrastan road amore Eminabad.Gt Road Gujranwala`</t>
  </si>
  <si>
    <t>More eminabad</t>
  </si>
  <si>
    <t>Aadoroy</t>
  </si>
  <si>
    <t>SADAQAT ALI</t>
  </si>
  <si>
    <t>GES MOULA PUR KABIRWALA</t>
  </si>
  <si>
    <t>moula pur</t>
  </si>
  <si>
    <t>mouza moula pur kabirwala khanewal</t>
  </si>
  <si>
    <t>iftikhar ahmad</t>
  </si>
  <si>
    <t>GES MOUZA CHANNA</t>
  </si>
  <si>
    <t>Channa</t>
  </si>
  <si>
    <t>basti Mouza Channa</t>
  </si>
  <si>
    <t>Taranda Saway Khan</t>
  </si>
  <si>
    <t>GES MOUZA KOHAL KHURD</t>
  </si>
  <si>
    <t>Kohal Khurd</t>
  </si>
  <si>
    <t>Chak NO 103 GB Mouza Khol Khurd</t>
  </si>
  <si>
    <t>Chak NO 103 GB</t>
  </si>
  <si>
    <t>Chak no 319gb</t>
  </si>
  <si>
    <t>AAMIR MAHMOOD</t>
  </si>
  <si>
    <t>GES MOUZA KULL</t>
  </si>
  <si>
    <t>kull</t>
  </si>
  <si>
    <t>MOZA KULL</t>
  </si>
  <si>
    <t>Sher Muhammad Asad</t>
  </si>
  <si>
    <t>GES MOZA SHARF</t>
  </si>
  <si>
    <t>Mouza Sharaf</t>
  </si>
  <si>
    <t>Mouza Sharaf Tehsil &amp; District Vehari</t>
  </si>
  <si>
    <t>Sharaf</t>
  </si>
  <si>
    <t>GES MUBARAK WALA</t>
  </si>
  <si>
    <t>Patti Daya Chokha tehsil kot adu</t>
  </si>
  <si>
    <t>GES MUCHRAN</t>
  </si>
  <si>
    <t>Muchran</t>
  </si>
  <si>
    <t>mouza muchran khairpurtamewali</t>
  </si>
  <si>
    <t>GES MUD BHOORA</t>
  </si>
  <si>
    <t>Mud Bhoora</t>
  </si>
  <si>
    <t>Basti mudbhoora,  tehsil khanpur</t>
  </si>
  <si>
    <t>GES MUD HASSAN</t>
  </si>
  <si>
    <t>Muds Hassan</t>
  </si>
  <si>
    <t>e/s mudd hassan,mouza mudd hassan tehsil rahim yar khan</t>
  </si>
  <si>
    <t>Mudd Hassan</t>
  </si>
  <si>
    <t>100p</t>
  </si>
  <si>
    <t>khuda Bux Niazi</t>
  </si>
  <si>
    <t>GES MUD RINDAN</t>
  </si>
  <si>
    <t>mud rindan</t>
  </si>
  <si>
    <t>Mud Rindan</t>
  </si>
  <si>
    <t>Shahid ur Rehman</t>
  </si>
  <si>
    <t>GES MUDWALA KALAN</t>
  </si>
  <si>
    <t>Mudwala Kalan</t>
  </si>
  <si>
    <t>village mudwala kalan, tehsil and district sheikhupura</t>
  </si>
  <si>
    <t>Imtiaz Nadeem</t>
  </si>
  <si>
    <t>GES MUFT PURA</t>
  </si>
  <si>
    <t>Amer Sidhu</t>
  </si>
  <si>
    <t>government elementary school mutt Pura chungi amer sidhu Lahore cantt</t>
  </si>
  <si>
    <t>Chungi Amer Sidhu</t>
  </si>
  <si>
    <t>Cantolment Board</t>
  </si>
  <si>
    <t>Saeed Azeem Pasha</t>
  </si>
  <si>
    <t>GES MUGHLAN</t>
  </si>
  <si>
    <t>Uch Moghla</t>
  </si>
  <si>
    <t>Basti sabzazaar mouza Uch Moghla Uch Sharif</t>
  </si>
  <si>
    <t>Sabzazaar</t>
  </si>
  <si>
    <t>Muhammad  Zaheer Afzal</t>
  </si>
  <si>
    <t>GES MUGHLIA PARK SHAHDARA LAHORE</t>
  </si>
  <si>
    <t>Fatah Pori</t>
  </si>
  <si>
    <t>GES Mughlia park</t>
  </si>
  <si>
    <t>Mughlia Park</t>
  </si>
  <si>
    <t>Qila Jahangir</t>
  </si>
  <si>
    <t>Sameena Butt</t>
  </si>
  <si>
    <t>GES MUHAMMAD ALI</t>
  </si>
  <si>
    <t>mohala line park chakwal</t>
  </si>
  <si>
    <t>line park</t>
  </si>
  <si>
    <t>chakwal</t>
  </si>
  <si>
    <t>Mureed Hussain</t>
  </si>
  <si>
    <t>GES MUHAMMAD ALI RAMDANI</t>
  </si>
  <si>
    <t>Mutafirkchan</t>
  </si>
  <si>
    <t>basti ramdani</t>
  </si>
  <si>
    <t>Basti Ramdani</t>
  </si>
  <si>
    <t>Mutafariq Chan</t>
  </si>
  <si>
    <t>GES MUHAMMAD ALI WALA</t>
  </si>
  <si>
    <t>Muhammad Ali Wala</t>
  </si>
  <si>
    <t>Muhammad ali wala p/o tirkhanwala tehsil sahiwal distt sargodha</t>
  </si>
  <si>
    <t>NAVEED ZAFAR</t>
  </si>
  <si>
    <t>GES MUHAMMAD DAHA</t>
  </si>
  <si>
    <t>GBES Muhammad daha post office Allahabad tehsil liaquat pur</t>
  </si>
  <si>
    <t>GES MUHAMMAD KHAN</t>
  </si>
  <si>
    <t>Basti Muhammad Khan</t>
  </si>
  <si>
    <t>Muhammad Kha</t>
  </si>
  <si>
    <t>Mc Zahirpir</t>
  </si>
  <si>
    <t>GES MUHAMMAD PUR GANGA</t>
  </si>
  <si>
    <t>M Pur Ganga</t>
  </si>
  <si>
    <t>m pur ganga yousaf abad</t>
  </si>
  <si>
    <t>M Pur Gabga</t>
  </si>
  <si>
    <t>Hasham Khaliq</t>
  </si>
  <si>
    <t>GES MUHAMMAD PUR NO. 2</t>
  </si>
  <si>
    <t>Muhammad Pur Teh Jam Pur Distt Rajan Pur.</t>
  </si>
  <si>
    <t>Sher Muhammad Yasir</t>
  </si>
  <si>
    <t>GES MUHAMMAD PUR SANSARAN</t>
  </si>
  <si>
    <t>Muhammad Pur sansaran</t>
  </si>
  <si>
    <t>Muhammad pur sansaran Tehsil Mnchinabad District Bahawalnagar</t>
  </si>
  <si>
    <t>GES MUHAMMAD PURA</t>
  </si>
  <si>
    <t>Muhammad Pura Chak Number 174 R.B, Tehsil Shahkot, District Nankana Sahib</t>
  </si>
  <si>
    <t>Muhammad Bilal Amjad</t>
  </si>
  <si>
    <t>GES MUHAMMAD SAI</t>
  </si>
  <si>
    <t>Muhammad Saee</t>
  </si>
  <si>
    <t>P/O Rind jadah Tehsil Kahror Pacca District Lodhran</t>
  </si>
  <si>
    <t>Gahi Muhammar</t>
  </si>
  <si>
    <t>MUHAMMAD MOHSIN WAHEED</t>
  </si>
  <si>
    <t>GES MUHAMMAD SHAH, SARAI SIDHU</t>
  </si>
  <si>
    <t>GES MUJAHID</t>
  </si>
  <si>
    <t>GES MUJAHID GANGAL RAWALPINDI</t>
  </si>
  <si>
    <t>Mujahid gangal</t>
  </si>
  <si>
    <t>Village mujahid gangal</t>
  </si>
  <si>
    <t>Dhok sawayan</t>
  </si>
  <si>
    <t>Bassali Num 107</t>
  </si>
  <si>
    <t>MUhammad Nawaz</t>
  </si>
  <si>
    <t>GES MULLAN WALA</t>
  </si>
  <si>
    <t>Khanpur janobi</t>
  </si>
  <si>
    <t>chah mullan wala khanpur janobi tehsil kotchuta district dgkhan</t>
  </si>
  <si>
    <t>Mullan Wala</t>
  </si>
  <si>
    <t>GES MULTANI WALA P/O BUDHLA SANT</t>
  </si>
  <si>
    <t>Multani Wala</t>
  </si>
  <si>
    <t>Mouza Multani Wala Multan</t>
  </si>
  <si>
    <t>Khaggay Wala</t>
  </si>
  <si>
    <t>GES MUMDANA KHURD</t>
  </si>
  <si>
    <t>Mumdana Khurd</t>
  </si>
  <si>
    <t>mouza mumdana khurd  p/o qadir bux</t>
  </si>
  <si>
    <t>Mouza Mumdana Khurd</t>
  </si>
  <si>
    <t>737gb</t>
  </si>
  <si>
    <t>GES MUMDANI</t>
  </si>
  <si>
    <t>Chak Laman</t>
  </si>
  <si>
    <t>basti mamdani dg khan</t>
  </si>
  <si>
    <t>Basti Mamdani</t>
  </si>
  <si>
    <t>GES MUNAWAR WASAN PURA</t>
  </si>
  <si>
    <t>Wasanpura</t>
  </si>
  <si>
    <t>GES MUNAWAR SCHOOL WASANPURA LAHORE</t>
  </si>
  <si>
    <t>Uzma Fayyaz</t>
  </si>
  <si>
    <t>GES MUNGHAIR</t>
  </si>
  <si>
    <t>SEHJA - MALE</t>
  </si>
  <si>
    <t>Moosa Kanjoo</t>
  </si>
  <si>
    <t>ges munghair moza moosa kanjoo</t>
  </si>
  <si>
    <t>Muhammad Munawar Sajjad</t>
  </si>
  <si>
    <t>GES MUQEEM PUR P/O MATOTLI SHUJABAD</t>
  </si>
  <si>
    <t>Muqeem Pur</t>
  </si>
  <si>
    <t>moza muqeem pur post office matotli</t>
  </si>
  <si>
    <t>Shah Mosa</t>
  </si>
  <si>
    <t>GES MURAD PUR</t>
  </si>
  <si>
    <t>Murad Pur</t>
  </si>
  <si>
    <t>GES Murad pur tehsil muridke districts sheikhupura</t>
  </si>
  <si>
    <t>Ghuchli Virka</t>
  </si>
  <si>
    <t>M Aslam</t>
  </si>
  <si>
    <t>GES MURAD-UL-ISLAM MOZA SHEIKHPUR SHAJRA</t>
  </si>
  <si>
    <t>MATOTLI</t>
  </si>
  <si>
    <t>ges murad ul islam moza sheikh pur shujra post office matotli tehsil shujabad district multan</t>
  </si>
  <si>
    <t>SHEIKH PUR SHAJRA</t>
  </si>
  <si>
    <t>waseem iqbal</t>
  </si>
  <si>
    <t>GES MURALA</t>
  </si>
  <si>
    <t>Murala</t>
  </si>
  <si>
    <t>v.p.o.Murala</t>
  </si>
  <si>
    <t>GES MURANI JANUBI</t>
  </si>
  <si>
    <t>murani janubi</t>
  </si>
  <si>
    <t>mauza murani janubi</t>
  </si>
  <si>
    <t>shahani</t>
  </si>
  <si>
    <t>Sleem Abbas</t>
  </si>
  <si>
    <t>GES MURGHAN WALA</t>
  </si>
  <si>
    <t>Pacca kamar Mushani</t>
  </si>
  <si>
    <t>murghanwala</t>
  </si>
  <si>
    <t>Murghanwala</t>
  </si>
  <si>
    <t>Pakka Kamar</t>
  </si>
  <si>
    <t>Ali Khan</t>
  </si>
  <si>
    <t>GES MUSA DUGGAL</t>
  </si>
  <si>
    <t>Sadar 3</t>
  </si>
  <si>
    <t>Musa duggal P.O.Qila Didar Singh tehsil and district Gujranwala</t>
  </si>
  <si>
    <t>Musa Duggal</t>
  </si>
  <si>
    <t>Chahil Kalan</t>
  </si>
  <si>
    <t>Shamshad Khan</t>
  </si>
  <si>
    <t>GES MUSA KHATANA</t>
  </si>
  <si>
    <t>Musa Khatana</t>
  </si>
  <si>
    <t>Village. Musa khatana,p/o Nagrianwala, teh &amp; dist. Gujrat</t>
  </si>
  <si>
    <t>Musa khatana</t>
  </si>
  <si>
    <t>Arshad Mehmood  Toor</t>
  </si>
  <si>
    <t>GES MUSAY WAL P/O 39/SP PAKPATTAN</t>
  </si>
  <si>
    <t>Musewal</t>
  </si>
  <si>
    <t>chak musewal</t>
  </si>
  <si>
    <t>Hafiz Irshad Ali</t>
  </si>
  <si>
    <t>GES MUSLIM FEROZWALA ROAD</t>
  </si>
  <si>
    <t>ST.NO 17 SHAHZADA SHAHEED COLONY FEROZWALA ROAD GUJRANWALA</t>
  </si>
  <si>
    <t>ST.NO 17 SHAHZADA SHAHEED COLONY FEROZWALA ROAD GU</t>
  </si>
  <si>
    <t>ARFAT COLONY</t>
  </si>
  <si>
    <t>tariq mehmood</t>
  </si>
  <si>
    <t>GES MUSLIM GULSHAN ABAD</t>
  </si>
  <si>
    <t>Akal Ghar</t>
  </si>
  <si>
    <t>gulshanabad rwp</t>
  </si>
  <si>
    <t>Gunjmandi</t>
  </si>
  <si>
    <t>Sajid  Masud</t>
  </si>
  <si>
    <t>GES MUSLIM HARBANS PURA</t>
  </si>
  <si>
    <t>Harbanspura</t>
  </si>
  <si>
    <t>Gawala Colony Harbanspura Lahore.</t>
  </si>
  <si>
    <t>Gawala Colony</t>
  </si>
  <si>
    <t>GES MUSLIM MANDAR RAILWAY</t>
  </si>
  <si>
    <t>Narowal</t>
  </si>
  <si>
    <t>railway road narowal</t>
  </si>
  <si>
    <t>Narowal City</t>
  </si>
  <si>
    <t>MC Narowal</t>
  </si>
  <si>
    <t>GES MUSLIM PARK</t>
  </si>
  <si>
    <t>Moh Muslim Park Narang mandi</t>
  </si>
  <si>
    <t>Hafiz Waqar</t>
  </si>
  <si>
    <t>GES MUSTAFA ABAD</t>
  </si>
  <si>
    <t>Chak No 135 Np</t>
  </si>
  <si>
    <t>chak no 135 np liaquat pur Rahim Yar Khan</t>
  </si>
  <si>
    <t>Tranda Gurgaij</t>
  </si>
  <si>
    <t>GES MUSTFA ABAD</t>
  </si>
  <si>
    <t>MUSTAFABAD - MALE</t>
  </si>
  <si>
    <t>Village Mustafabad</t>
  </si>
  <si>
    <t>mustafabad</t>
  </si>
  <si>
    <t>GES MUSYARI</t>
  </si>
  <si>
    <t>Musyari</t>
  </si>
  <si>
    <t>p/o musyari tehsil murder distt rawalpindi</t>
  </si>
  <si>
    <t>Muhammad Ishtiaq</t>
  </si>
  <si>
    <t>GES MUT CHAKRANI</t>
  </si>
  <si>
    <t>Mutt</t>
  </si>
  <si>
    <t>Mouza mutt trible area barthi distt dgkhan</t>
  </si>
  <si>
    <t>GES MUTHRALA</t>
  </si>
  <si>
    <t>MUTHRALA</t>
  </si>
  <si>
    <t>vpo MUTHRALA Teh Talagang District CHAKWAL</t>
  </si>
  <si>
    <t>NARAGHI</t>
  </si>
  <si>
    <t>GES MUZA AZEEM</t>
  </si>
  <si>
    <t>Azeem</t>
  </si>
  <si>
    <t>govt. E S mouza azeem basti hafiz abad . p/o 10 fw</t>
  </si>
  <si>
    <t>Basti Hafiz Abad</t>
  </si>
  <si>
    <t>Shali Gharbi</t>
  </si>
  <si>
    <t>Shamim Hamza Choudhry</t>
  </si>
  <si>
    <t>GES MUZAFAR ABAD SHER SHAH ROAD MULTAN CANTT.</t>
  </si>
  <si>
    <t>Muzaffrabad</t>
  </si>
  <si>
    <t>pul muzaffrabad</t>
  </si>
  <si>
    <t>GES MUZAFFAR ABAD</t>
  </si>
  <si>
    <t>PATTI FAROOQ</t>
  </si>
  <si>
    <t>PATTI FAROOQ TEHSIL CHOUBARA DISTT. LAYYAH</t>
  </si>
  <si>
    <t>MUZAFFAR ABAD</t>
  </si>
  <si>
    <t>Muncipal Committee Choubara</t>
  </si>
  <si>
    <t>ARSHAD MAHMOOD</t>
  </si>
  <si>
    <t>GES MUZAFFAR NAU</t>
  </si>
  <si>
    <t>Muzaffar Nau</t>
  </si>
  <si>
    <t>Muzaffar Nau p/o Vanike Tarar Teh&amp;Distt Hafiz Abad</t>
  </si>
  <si>
    <t>Kot Sayd Muhammad Muhammad</t>
  </si>
  <si>
    <t>GES NABI BAKHSH PRARAH</t>
  </si>
  <si>
    <t>ALLAH JIWAYA LAR-MALE</t>
  </si>
  <si>
    <t>Bait Prarah</t>
  </si>
  <si>
    <t>Bait nabi bakhsh prarah</t>
  </si>
  <si>
    <t>Bait Nabi Bakhsh Prarah</t>
  </si>
  <si>
    <t>Ahmad Ali Lar</t>
  </si>
  <si>
    <t>Tehseen Abbas</t>
  </si>
  <si>
    <t>GES NABI PUR</t>
  </si>
  <si>
    <t>Muza nabi pur</t>
  </si>
  <si>
    <t>Aftab Munir</t>
  </si>
  <si>
    <t>GES NABI PUR PIRAN</t>
  </si>
  <si>
    <t>Nabi Pur piran</t>
  </si>
  <si>
    <t>Nabi pur piran nankana sahib</t>
  </si>
  <si>
    <t>Nabi pur piran</t>
  </si>
  <si>
    <t>nabi pur piran</t>
  </si>
  <si>
    <t>ALI RAZA</t>
  </si>
  <si>
    <t>GES NABI SHAH</t>
  </si>
  <si>
    <t>BANGLA ICHHA - MALE</t>
  </si>
  <si>
    <t>Belay Shah</t>
  </si>
  <si>
    <t>basti nabi shah tehsil rojhan dist. rajan pur</t>
  </si>
  <si>
    <t>Nabi Shah</t>
  </si>
  <si>
    <t>GES NABI SHAH BALA</t>
  </si>
  <si>
    <t>Nabi Shah Bala</t>
  </si>
  <si>
    <t>village NABI SHAH BALA tehsil bhalwal district sargodha</t>
  </si>
  <si>
    <t>Nabi Shah  Bala</t>
  </si>
  <si>
    <t>GES NAGAIRA SHUMALI</t>
  </si>
  <si>
    <t>Trimin</t>
  </si>
  <si>
    <t>Basti Nagaira Shumali p/o Trimin Tehsil Taunsa Sharif Distt. D.G.Khan</t>
  </si>
  <si>
    <t>Nagaira Shumali</t>
  </si>
  <si>
    <t>Jaloo Wali</t>
  </si>
  <si>
    <t>Muhammad Sajjad Hussain Adil</t>
  </si>
  <si>
    <t>Hand</t>
  </si>
  <si>
    <t>GES NAHAR WALA</t>
  </si>
  <si>
    <t>Chah kabiray wala mauza gajjani near baig chauk</t>
  </si>
  <si>
    <t>Kabiray Wala</t>
  </si>
  <si>
    <t>GES NAHOWA</t>
  </si>
  <si>
    <t>jhammat shumali</t>
  </si>
  <si>
    <t>post office dullewala government elementary school nahowa</t>
  </si>
  <si>
    <t>Nahowa</t>
  </si>
  <si>
    <t>Jhammat Shumali</t>
  </si>
  <si>
    <t>Muhammed Sajid</t>
  </si>
  <si>
    <t>GES NAHRAY WALA</t>
  </si>
  <si>
    <t>Noshera Nashaib</t>
  </si>
  <si>
    <t>GES Nahray wala</t>
  </si>
  <si>
    <t>Nahray Wala</t>
  </si>
  <si>
    <t>SHADU KHAN</t>
  </si>
  <si>
    <t>Shahid ABBAS Nasir</t>
  </si>
  <si>
    <t>GES NAI ABADI DARYA KHAN</t>
  </si>
  <si>
    <t>IRSHAD HUSSAIN JAFRI</t>
  </si>
  <si>
    <t>GES NAI WALA</t>
  </si>
  <si>
    <t>Nai Wala Chatha</t>
  </si>
  <si>
    <t>village and po nai wala dist gujranwala</t>
  </si>
  <si>
    <t>Jhattawali</t>
  </si>
  <si>
    <t>Zulfiqar Ali Chatha</t>
  </si>
  <si>
    <t>GES NAIN RANJHA</t>
  </si>
  <si>
    <t>Nain Ranjha</t>
  </si>
  <si>
    <t>vpo nain Ranjha teh&amp;Dist MB din</t>
  </si>
  <si>
    <t>Ajmal Shahzad</t>
  </si>
  <si>
    <t>GES NALLA MOSANI</t>
  </si>
  <si>
    <t>Nalla Mosani</t>
  </si>
  <si>
    <t>Rana Abdul Qayyum</t>
  </si>
  <si>
    <t>GES NAMA JINDAY KA</t>
  </si>
  <si>
    <t>Namajindeka</t>
  </si>
  <si>
    <t>ABDUL MAJEED QASMI</t>
  </si>
  <si>
    <t>GES NAMAL</t>
  </si>
  <si>
    <t>Asghar Raza</t>
  </si>
  <si>
    <t>GES NAMB DARA</t>
  </si>
  <si>
    <t>Anwali</t>
  </si>
  <si>
    <t>Anwali,kotli Sattian,Rawalpindi</t>
  </si>
  <si>
    <t>Maillot Sattian</t>
  </si>
  <si>
    <t>Pervaiz Akhtar</t>
  </si>
  <si>
    <t>GES NAND KA TAKIA PO KASUR</t>
  </si>
  <si>
    <t>Nand Ka Takia</t>
  </si>
  <si>
    <t>Nand ka takia kasur</t>
  </si>
  <si>
    <t>Har Do Shari</t>
  </si>
  <si>
    <t>GES NAND PUR</t>
  </si>
  <si>
    <t>GES NANDLA JANOBI</t>
  </si>
  <si>
    <t>Nandla</t>
  </si>
  <si>
    <t>GES Nandla saddar multan</t>
  </si>
  <si>
    <t>Basti Nandla</t>
  </si>
  <si>
    <t>Basti Nau</t>
  </si>
  <si>
    <t>Tahir Saqib Wahla</t>
  </si>
  <si>
    <t>GES NANDRAK ABAD</t>
  </si>
  <si>
    <t>CHHAB</t>
  </si>
  <si>
    <t>GBES NANDRAK ABAD, V.P.O NANDRAK ABAD, TEHSIL JAND, DISTRICT ATTOCK.</t>
  </si>
  <si>
    <t>NANDRAK ABAD</t>
  </si>
  <si>
    <t>GES NANGLIAN</t>
  </si>
  <si>
    <t>Nanglian</t>
  </si>
  <si>
    <t>govt. elementry school nanglian pasrur district sialkot</t>
  </si>
  <si>
    <t>Pasrur</t>
  </si>
  <si>
    <t>GES NANGNI</t>
  </si>
  <si>
    <t>Muzaffar Pur Shumali</t>
  </si>
  <si>
    <t>Nangni P/O Wan Bhachran Distt  Mianwali</t>
  </si>
  <si>
    <t>Nangni</t>
  </si>
  <si>
    <t>GES NANO DOGER ARIAN</t>
  </si>
  <si>
    <t>SHARAQPUR-IV - MALE</t>
  </si>
  <si>
    <t>Nano Roger Arian</t>
  </si>
  <si>
    <t>Nano Dogar Arian</t>
  </si>
  <si>
    <t>hafiz Muhammad Abid Ali</t>
  </si>
  <si>
    <t>GES NARA</t>
  </si>
  <si>
    <t>Village p.o nara teh. distt. jhelum</t>
  </si>
  <si>
    <t>Malik Tariq Mehmood</t>
  </si>
  <si>
    <t>GES NARANG</t>
  </si>
  <si>
    <t>Sadar Bazar</t>
  </si>
  <si>
    <t>sadar bazar narang mandi</t>
  </si>
  <si>
    <t>Narang mandi</t>
  </si>
  <si>
    <t>Muhammad Anwar Qasar</t>
  </si>
  <si>
    <t>GES NARBAN</t>
  </si>
  <si>
    <t>Hasilpur Old</t>
  </si>
  <si>
    <t>Basti Narban vehari road Hasilpur</t>
  </si>
  <si>
    <t>Basti Narban</t>
  </si>
  <si>
    <t>KHALID PERVAIZ AKHTAR</t>
  </si>
  <si>
    <t>GES NARHAL, KABIRWALA</t>
  </si>
  <si>
    <t>narhal</t>
  </si>
  <si>
    <t>Basti narhal kabirwala</t>
  </si>
  <si>
    <t>GES NASEER PUR NO.1 SHUJABAD</t>
  </si>
  <si>
    <t>Naseer Pur</t>
  </si>
  <si>
    <t>ges naseer pur</t>
  </si>
  <si>
    <t>Mohan Pur</t>
  </si>
  <si>
    <t>Akhter Hussain</t>
  </si>
  <si>
    <t>GES NASEER PUR NO.2  P/O BANGALA MORE SHUJABAD</t>
  </si>
  <si>
    <t>SHUJABAD - MALE</t>
  </si>
  <si>
    <t>Gardaiz Pur</t>
  </si>
  <si>
    <t>bangalamore,  shujabad</t>
  </si>
  <si>
    <t>Bangala Morr</t>
  </si>
  <si>
    <t>Rana Hazoor Bakhsh Noon</t>
  </si>
  <si>
    <t>GES NASIR ABAD</t>
  </si>
  <si>
    <t>Mukhiana</t>
  </si>
  <si>
    <t>Nasirabad Mouza Mukhiana Jhang</t>
  </si>
  <si>
    <t>Nasirabad</t>
  </si>
  <si>
    <t>Ghulam Qamar</t>
  </si>
  <si>
    <t>GES NAT KALAN</t>
  </si>
  <si>
    <t>Natt Kalan</t>
  </si>
  <si>
    <t>govt high school natt kalan</t>
  </si>
  <si>
    <t>GES NATH DUFF</t>
  </si>
  <si>
    <t>Raij</t>
  </si>
  <si>
    <t>Basti nath duff moza raij manjhvail uc therkar</t>
  </si>
  <si>
    <t>Nath duff</t>
  </si>
  <si>
    <t>Theekar</t>
  </si>
  <si>
    <t>tauqeer abbass shah</t>
  </si>
  <si>
    <t>GES NATHEEN MALKAN</t>
  </si>
  <si>
    <t>Nothain Malkan</t>
  </si>
  <si>
    <t>vpo nothain malkan, pindi gheb, attock</t>
  </si>
  <si>
    <t>Ahmdal</t>
  </si>
  <si>
    <t>sajjad hussain</t>
  </si>
  <si>
    <t>GES NATHEY JAGEER</t>
  </si>
  <si>
    <t>Nathey Jagir</t>
  </si>
  <si>
    <t>nathey jagir post office same tehsil Pattoki district kasur</t>
  </si>
  <si>
    <t>GES NATHOO DHAKA</t>
  </si>
  <si>
    <t>BWN-I-MALE</t>
  </si>
  <si>
    <t>Nathu Dhaka</t>
  </si>
  <si>
    <t>maoza nathu Dhaka tehsil and district bahawalnagar</t>
  </si>
  <si>
    <t>GES NATT SHARQI</t>
  </si>
  <si>
    <t>Natt Sharqi</t>
  </si>
  <si>
    <t>village natt Sharqi post office dhool kalan</t>
  </si>
  <si>
    <t>Sarshar Anwar</t>
  </si>
  <si>
    <t>GES NAWAB PUR</t>
  </si>
  <si>
    <t>Khanpur Wadhra</t>
  </si>
  <si>
    <t>GES NAWAN ALI KHEL CHAK NO. 5 RDW</t>
  </si>
  <si>
    <t>Chak No 5 RDW</t>
  </si>
  <si>
    <t>chak no.5 PO Dulley wala tehsil darya khan district Bhakkar</t>
  </si>
  <si>
    <t>Chak No 5</t>
  </si>
  <si>
    <t>Rural Dulley Wala</t>
  </si>
  <si>
    <t>Farhan Ahmad</t>
  </si>
  <si>
    <t>GES NAWAN GUSSOO</t>
  </si>
  <si>
    <t>Daggar Shada</t>
  </si>
  <si>
    <t>Nawan Gussoo</t>
  </si>
  <si>
    <t>GES NAWAN KOT CHAK NO. 79/RB</t>
  </si>
  <si>
    <t>Nawan Kot 79rb</t>
  </si>
  <si>
    <t>nawan kot chak #79 rb, tensil safdarabad, dist SKP</t>
  </si>
  <si>
    <t>GES NAWAN LOK</t>
  </si>
  <si>
    <t>Nawanlok</t>
  </si>
  <si>
    <t>Nawanlok mandibahauddin</t>
  </si>
  <si>
    <t>muhammad ashraf</t>
  </si>
  <si>
    <t>GES NAWAN SAGOO</t>
  </si>
  <si>
    <t>Nawan Saggu</t>
  </si>
  <si>
    <t>VPO Nawan Saggu Thesil Noor Pur Thal district Khushab</t>
  </si>
  <si>
    <t>GES NAWAN SHAHER</t>
  </si>
  <si>
    <t>nawan Shaher</t>
  </si>
  <si>
    <t>nawan shaher teh jampurr</t>
  </si>
  <si>
    <t>Noshahrah</t>
  </si>
  <si>
    <t>Dil shad ahmed</t>
  </si>
  <si>
    <t>GES NAZIK NAGAR BELAY WALA</t>
  </si>
  <si>
    <t>Mian Pur Belly Wala</t>
  </si>
  <si>
    <t>nazik nagar jalal pur pir wala</t>
  </si>
  <si>
    <t>Nazik Nagar</t>
  </si>
  <si>
    <t>GES NERMALKEY</t>
  </si>
  <si>
    <t>Narmal Kay</t>
  </si>
  <si>
    <t>Jajjal</t>
  </si>
  <si>
    <t>Iqbal Muhammad Sharif</t>
  </si>
  <si>
    <t>GES NEW KHAN</t>
  </si>
  <si>
    <t>MIRANPUR - MALE</t>
  </si>
  <si>
    <t>MUTAFARIQ MAZARI</t>
  </si>
  <si>
    <t>MOZA MUTAFARAQ MAZARI TEHSIL ROJHAN</t>
  </si>
  <si>
    <t>Basti Harwani</t>
  </si>
  <si>
    <t>MIRANPUR</t>
  </si>
  <si>
    <t>M Irshad Malik</t>
  </si>
  <si>
    <t>GES NEW MULTAN NO. 3 BLOCK V MULTAN</t>
  </si>
  <si>
    <t>Juma Khalsa</t>
  </si>
  <si>
    <t>V-Block New Multan</t>
  </si>
  <si>
    <t>New Multan</t>
  </si>
  <si>
    <t>Muhammad Hussain Tahir Warraich</t>
  </si>
  <si>
    <t>GES NIA MIANA PURA (E)</t>
  </si>
  <si>
    <t>Nia Miana Pura East</t>
  </si>
  <si>
    <t>GES Nia Miana Pura East near Chlid Protection Bureau Capital Road Sialkot</t>
  </si>
  <si>
    <t>City Sialkot</t>
  </si>
  <si>
    <t>Mubarakpura</t>
  </si>
  <si>
    <t>Syed Akhtar Abbas Kazmi</t>
  </si>
  <si>
    <t>GES NIAZBAIG NO.42 TEH.PATTOKI</t>
  </si>
  <si>
    <t>NIAZ BAIG CHAK42</t>
  </si>
  <si>
    <t>NIAZ BAIG CHAK 42</t>
  </si>
  <si>
    <t>Niazbaig Chak 42</t>
  </si>
  <si>
    <t>SHEIKHAM</t>
  </si>
  <si>
    <t>GES NIKI MANEKI</t>
  </si>
  <si>
    <t>Manekay Niki Walay</t>
  </si>
  <si>
    <t>post office haveli lakha Niki manekay</t>
  </si>
  <si>
    <t>Niki Manekay</t>
  </si>
  <si>
    <t>Mahanat Darshen</t>
  </si>
  <si>
    <t>Hafiz Muhammad Akram</t>
  </si>
  <si>
    <t>GES NIKROO SHAHEED</t>
  </si>
  <si>
    <t>Nikroo</t>
  </si>
  <si>
    <t>Ges nikroo shaheed</t>
  </si>
  <si>
    <t>Nikroo Shaheed</t>
  </si>
  <si>
    <t>GES NILA</t>
  </si>
  <si>
    <t>Neela</t>
  </si>
  <si>
    <t>VPO Neela Tehsil snd district Chakeal</t>
  </si>
  <si>
    <t>Warwal</t>
  </si>
  <si>
    <t>GES NILAGH THOKH</t>
  </si>
  <si>
    <t>Nilagh</t>
  </si>
  <si>
    <t>ges nilagh thokh</t>
  </si>
  <si>
    <t>Basti Haji Sewa</t>
  </si>
  <si>
    <t>Tamun Leghari Bala</t>
  </si>
  <si>
    <t>water tanky</t>
  </si>
  <si>
    <t>GES NISHAT MODEL NISHAT MILLS COLONY FSD</t>
  </si>
  <si>
    <t>NISHATABAD</t>
  </si>
  <si>
    <t>NISHAT MILLS COLONY NISHATABAD FAISALABAD</t>
  </si>
  <si>
    <t>MUHAMMAD AYUB</t>
  </si>
  <si>
    <t>GES NIZAM PUR, KABIRWALA</t>
  </si>
  <si>
    <t>nIZAM PUR</t>
  </si>
  <si>
    <t>MOZA NIZAM PUR TEHSIL KABIRWAL DISTRICT KHANEWAL</t>
  </si>
  <si>
    <t>NIZAM PUR</t>
  </si>
  <si>
    <t>SHAM KOT</t>
  </si>
  <si>
    <t>Mohammad Jamil ur rehman</t>
  </si>
  <si>
    <t>GES NIZAM PURA</t>
  </si>
  <si>
    <t>KASUR CITY - MALE</t>
  </si>
  <si>
    <t>Nizam pura</t>
  </si>
  <si>
    <t>ABDUL HAMEED RIZWAN</t>
  </si>
  <si>
    <t>GES NO 1 DUNYA PUR</t>
  </si>
  <si>
    <t>DUNYA PUR</t>
  </si>
  <si>
    <t>Dunya pur</t>
  </si>
  <si>
    <t>Housing Scheme</t>
  </si>
  <si>
    <t>Muhammad Izhar Ul Haq</t>
  </si>
  <si>
    <t>GES NO 1 MAKHDOOM RASHEED</t>
  </si>
  <si>
    <t>GES NO 1 NEW MULTAN GULSHAN MARKET</t>
  </si>
  <si>
    <t>Block Y</t>
  </si>
  <si>
    <t>Block Y, New Multan, Gulshan Market</t>
  </si>
  <si>
    <t>GES NO. 1 AHMEDAL</t>
  </si>
  <si>
    <t>E/S school no 1 ahmdal</t>
  </si>
  <si>
    <t>GES NO. 1 ARIF WALA</t>
  </si>
  <si>
    <t>H Block Arifwala</t>
  </si>
  <si>
    <t>GES NO. 1 HERNOLI</t>
  </si>
  <si>
    <t>HARNOLI</t>
  </si>
  <si>
    <t>GES NO 1 HARNOLI MOHALLAH ASSAR WALA  P/O HARNOLI TEHSIL PIPLAN DISTRICT MIANWALI</t>
  </si>
  <si>
    <t>HARNOLI URBAN</t>
  </si>
  <si>
    <t>MUHAMMAD TAHIR</t>
  </si>
  <si>
    <t>GES NO. 1 JAND</t>
  </si>
  <si>
    <t>mohallah paracha jand</t>
  </si>
  <si>
    <t>GES NO. 1 LALIAN</t>
  </si>
  <si>
    <t>Lalian</t>
  </si>
  <si>
    <t>GES No.1 Lalian Teh Lalian Distt Chiniot</t>
  </si>
  <si>
    <t>M C Lalian</t>
  </si>
  <si>
    <t>Ihsan Ullah</t>
  </si>
  <si>
    <t>GES NO. 1 MURIDKE</t>
  </si>
  <si>
    <t>Bazar Masjid Mohajreen, Near Office Market Committee, Muridke</t>
  </si>
  <si>
    <t>MUHAMMAD DILNAWAZ BUTT</t>
  </si>
  <si>
    <t>GES NO. 1 NAROWAL</t>
  </si>
  <si>
    <t>Mohallah Chowkhandi Chann peer road Narowal</t>
  </si>
  <si>
    <t>Muhalla Chowkhandi</t>
  </si>
  <si>
    <t>GES NO. 1 PAIL</t>
  </si>
  <si>
    <t>Pail</t>
  </si>
  <si>
    <t>vpo pail</t>
  </si>
  <si>
    <t>Hafiz Obaid Ul Rehman</t>
  </si>
  <si>
    <t>GES NO. 2 BANDIAL</t>
  </si>
  <si>
    <t>bandial tehsil quaidabad distt.khushab</t>
  </si>
  <si>
    <t>GES NO. 2 GUNJIAL</t>
  </si>
  <si>
    <t>Gunjial city</t>
  </si>
  <si>
    <t>Gunjial South</t>
  </si>
  <si>
    <t>GES NO. 2 HADALI</t>
  </si>
  <si>
    <t>muhalla virkhanwala hadali</t>
  </si>
  <si>
    <t>Saad Sidique</t>
  </si>
  <si>
    <t>GES NO. 3 JAUHARABAD</t>
  </si>
  <si>
    <t>Jauharabad</t>
  </si>
  <si>
    <t>labour colony jauharabad</t>
  </si>
  <si>
    <t>Labour Colony Jauharabad</t>
  </si>
  <si>
    <t>Jauharabad I</t>
  </si>
  <si>
    <t>Sadiq Ali</t>
  </si>
  <si>
    <t>GES NO. 3 KOT RADHA KISHEN QASIM ALI ROAD</t>
  </si>
  <si>
    <t>Qasim Ali road, Muhallah Judge wala, Kot-Radha-Kishen</t>
  </si>
  <si>
    <t>Judge wala</t>
  </si>
  <si>
    <t>GES NO. 3 SHAHKOT</t>
  </si>
  <si>
    <t>shahkot</t>
  </si>
  <si>
    <t>nankana road shahkot</t>
  </si>
  <si>
    <t>ward no.9</t>
  </si>
  <si>
    <t>m c shahkot</t>
  </si>
  <si>
    <t>BASHARAT ALI</t>
  </si>
  <si>
    <t>private water supply</t>
  </si>
  <si>
    <t>GES NO. 4 DAUD KHEL</t>
  </si>
  <si>
    <t>Daud khel</t>
  </si>
  <si>
    <t>Dera Ghazni khel Daud khel</t>
  </si>
  <si>
    <t>GES NO. 4 LALIAN</t>
  </si>
  <si>
    <t>Railway Road Lalian</t>
  </si>
  <si>
    <t>MC Lalian</t>
  </si>
  <si>
    <t>GES NO.1 CHAK NO.173 NB SOBHAGA</t>
  </si>
  <si>
    <t>sobhaga</t>
  </si>
  <si>
    <t>GES NO.1 CHAK NO.92 NB</t>
  </si>
  <si>
    <t>Chak 92nb</t>
  </si>
  <si>
    <t>chak no. 92nb teh. &amp; dist Sargodha</t>
  </si>
  <si>
    <t>Muhammad Mueed Haider</t>
  </si>
  <si>
    <t>GES NO.1 DHUDHI PHAPHRA</t>
  </si>
  <si>
    <t>Dhudhi Phaphra</t>
  </si>
  <si>
    <t>Govt. Elementary School Dhudhi Phaphra</t>
  </si>
  <si>
    <t>Abdul Jaleel</t>
  </si>
  <si>
    <t>Pvt water supply</t>
  </si>
  <si>
    <t>GES NO.1 FAROOKA</t>
  </si>
  <si>
    <t>Farooka</t>
  </si>
  <si>
    <t>GES NO.1 QILA DIDAR SINGH</t>
  </si>
  <si>
    <t>Qila Didar Singh</t>
  </si>
  <si>
    <t>Noor pur road qila didar singh</t>
  </si>
  <si>
    <t>Muhammad Muzammil</t>
  </si>
  <si>
    <t>GES NO.1 SARAI ALAMGIR</t>
  </si>
  <si>
    <t>S.A. GIR M.C</t>
  </si>
  <si>
    <t>GES nO 1 S.A. GIR</t>
  </si>
  <si>
    <t>City S.A. Gir</t>
  </si>
  <si>
    <t>M.C sarai alamgir</t>
  </si>
  <si>
    <t>sadeed ud din zia</t>
  </si>
  <si>
    <t>GES NO.2 HUJJAN</t>
  </si>
  <si>
    <t>Village And Post office Hujjan  Tehsil Kotmomin District Sargodha</t>
  </si>
  <si>
    <t>GES NO.3 SAHIWAL</t>
  </si>
  <si>
    <t>NEHANG - MALE</t>
  </si>
  <si>
    <t>Sahiwal</t>
  </si>
  <si>
    <t>GES No. 3 Sahiwal Near Laari Adda Sahiwal</t>
  </si>
  <si>
    <t>Uc Sahiwal</t>
  </si>
  <si>
    <t>Muhammad Zeshan Maajid</t>
  </si>
  <si>
    <t>GES NO.4 HAVELI LAKHA</t>
  </si>
  <si>
    <t>Boarding house haveli lakha tehsil depalpur distt. okara</t>
  </si>
  <si>
    <t>Boarding house</t>
  </si>
  <si>
    <t>MC Haveli lakha</t>
  </si>
  <si>
    <t>GES NO.5 HAVELI LAKHA</t>
  </si>
  <si>
    <t>Mohallah Jandi Haveli Lakha Tehsil Depalpur District Okara</t>
  </si>
  <si>
    <t>Mohallah Jandi</t>
  </si>
  <si>
    <t>shabir Ul Hassan</t>
  </si>
  <si>
    <t>GES NOINKE</t>
  </si>
  <si>
    <t>Noinke</t>
  </si>
  <si>
    <t>p.o. noinke teh. and dist. Gujranwala</t>
  </si>
  <si>
    <t>noinke</t>
  </si>
  <si>
    <t>mokhal</t>
  </si>
  <si>
    <t>Farman ali</t>
  </si>
  <si>
    <t>GES NONAR</t>
  </si>
  <si>
    <t>Nonar</t>
  </si>
  <si>
    <t>village nonar Tehsil Zafarwal District Narowal</t>
  </si>
  <si>
    <t>nonar</t>
  </si>
  <si>
    <t>Malik Muhammad Ashraf</t>
  </si>
  <si>
    <t>GES NOON DAGGAR</t>
  </si>
  <si>
    <t>nooon daggar tehsil kallur kot distt.Bhakkar</t>
  </si>
  <si>
    <t>abdul rahim</t>
  </si>
  <si>
    <t>GES NOOR AHMAD CHISHTI</t>
  </si>
  <si>
    <t>Chak Ghulam Muhammad</t>
  </si>
  <si>
    <t>Basti noor ahmad chishti</t>
  </si>
  <si>
    <t>Kokari Noor Ahmad Chishti</t>
  </si>
  <si>
    <t>GES NOOR AHMED</t>
  </si>
  <si>
    <t>Noor Ahmed Abad</t>
  </si>
  <si>
    <t>Basti kalewaly</t>
  </si>
  <si>
    <t>Kalewaly</t>
  </si>
  <si>
    <t>Ghari  Dhu Dhu</t>
  </si>
  <si>
    <t>Muhammed Khizar Rehman</t>
  </si>
  <si>
    <t>GES NOOR DALAL</t>
  </si>
  <si>
    <t>Noor Dolal</t>
  </si>
  <si>
    <t>vpo Noor Dolal teh Gujar Khan Distt Rawalpindi</t>
  </si>
  <si>
    <t>IQTADAR RAZA</t>
  </si>
  <si>
    <t>GES NOOR JAMAL</t>
  </si>
  <si>
    <t>GES Noor Jamal</t>
  </si>
  <si>
    <t>Haslanwala</t>
  </si>
  <si>
    <t>GES NOOR JAMAL NORTH</t>
  </si>
  <si>
    <t>NOOR JAMAL</t>
  </si>
  <si>
    <t>vpo NOOR JAMAL shumali Gujrat</t>
  </si>
  <si>
    <t>Fattah Bhand</t>
  </si>
  <si>
    <t>MUHAMMAD ILYAS SHAKER</t>
  </si>
  <si>
    <t>GES NOOR JUG WALA CHAK NO 75 b TDA</t>
  </si>
  <si>
    <t>chak no 75/B TDA</t>
  </si>
  <si>
    <t>Chak No 75/B</t>
  </si>
  <si>
    <t>93 /ML</t>
  </si>
  <si>
    <t>Zamir Abbas</t>
  </si>
  <si>
    <t>GES NOOR MOHAMMAD BHANGRAN</t>
  </si>
  <si>
    <t>Noor Muhammad Bhangran</t>
  </si>
  <si>
    <t>Chak bhattian moza Noor Muhammad Bhangran</t>
  </si>
  <si>
    <t>Chak Bhattian</t>
  </si>
  <si>
    <t>Mominabad</t>
  </si>
  <si>
    <t>GES NOOR PUR BATWANI</t>
  </si>
  <si>
    <t>Ashraf  Shah</t>
  </si>
  <si>
    <t>basti noor Pur Batwani po pacca laran tehsil LQP district  RYKhan</t>
  </si>
  <si>
    <t>Noor Pur Batwani</t>
  </si>
  <si>
    <t>Kotla Daulat</t>
  </si>
  <si>
    <t>Muhammad Umar Iqbal</t>
  </si>
  <si>
    <t>GES NOOR PUR KATVI</t>
  </si>
  <si>
    <t>Noor Pur Katvi</t>
  </si>
  <si>
    <t>Vill&amp;po noor pur katvi teh phalia dist mbdin</t>
  </si>
  <si>
    <t>Khamb Kalan</t>
  </si>
  <si>
    <t>GES NOOR PUR MANJHO WALA</t>
  </si>
  <si>
    <t>Noor Pur Manjhu Wala</t>
  </si>
  <si>
    <t>Noor pur manjhu wala</t>
  </si>
  <si>
    <t>Zahid Ali</t>
  </si>
  <si>
    <t>GES NOOR PUR, KABIRWALA</t>
  </si>
  <si>
    <t>ges noorpur</t>
  </si>
  <si>
    <t>GES NOORA</t>
  </si>
  <si>
    <t>Noora Sharif</t>
  </si>
  <si>
    <t>Qaisar Naveed</t>
  </si>
  <si>
    <t>GES NOORA MANDHALA</t>
  </si>
  <si>
    <t>Mandhala,Teh and Distt Gujrat</t>
  </si>
  <si>
    <t>Shafqat Ullah</t>
  </si>
  <si>
    <t>GES NOOREY WALA</t>
  </si>
  <si>
    <t>Thathi Lang</t>
  </si>
  <si>
    <t>Noorey Wala ,tehsil Sahiwal, District Sargodha</t>
  </si>
  <si>
    <t>Noorey Wala</t>
  </si>
  <si>
    <t>Muhammad Hayat</t>
  </si>
  <si>
    <t>GES NOORPUR JADEED</t>
  </si>
  <si>
    <t>moza noorpur klp road basti goth Dewan near attock petroleum service</t>
  </si>
  <si>
    <t>muhammad nawaz</t>
  </si>
  <si>
    <t>GES NORANGA</t>
  </si>
  <si>
    <t>Noranga</t>
  </si>
  <si>
    <t>ges noranga  tariff khel katcha</t>
  </si>
  <si>
    <t>Shafa Ullah Khan</t>
  </si>
  <si>
    <t>GES NOSHERA</t>
  </si>
  <si>
    <t>Noshera Thal Jhandi</t>
  </si>
  <si>
    <t>Basti Noshera layyah</t>
  </si>
  <si>
    <t>Basti Noshera</t>
  </si>
  <si>
    <t>ALLAH NAWAZ SHAH</t>
  </si>
  <si>
    <t>GES NOSHERA KAKAY ZIAN</t>
  </si>
  <si>
    <t>Talwandi inayiat khan</t>
  </si>
  <si>
    <t>Noshehra Kakay Zian</t>
  </si>
  <si>
    <t>Talwandi Inaiyat Khan</t>
  </si>
  <si>
    <t>NAZAKAT ALI</t>
  </si>
  <si>
    <t>GES NOSHERA KHAWAJGAN</t>
  </si>
  <si>
    <t>Noshera Khawajgan</t>
  </si>
  <si>
    <t>Village /Post office Noshera Khawajgan</t>
  </si>
  <si>
    <t>Waheed Hassan</t>
  </si>
  <si>
    <t>GES NOSHERA THAL KALAN NO.2</t>
  </si>
  <si>
    <t>Noshahra Thal Kalan</t>
  </si>
  <si>
    <t>NOSHERA THAL KALAN NO 2 TEHSIL CHOBARA</t>
  </si>
  <si>
    <t>NOSHERA THAL</t>
  </si>
  <si>
    <t>OLAKH THAL KALAN</t>
  </si>
  <si>
    <t>GES NOTAK MAHMEED</t>
  </si>
  <si>
    <t>notak meheed</t>
  </si>
  <si>
    <t>Notak Mehmeedn</t>
  </si>
  <si>
    <t>Notak72</t>
  </si>
  <si>
    <t>Muhammad Sarfraz</t>
  </si>
  <si>
    <t>GES NOTAK SIKHANI</t>
  </si>
  <si>
    <t>Notak Sikhani</t>
  </si>
  <si>
    <t>notak sikhani p/o kala tehsil and distt. dg khan</t>
  </si>
  <si>
    <t>GES NOTLA</t>
  </si>
  <si>
    <t>Behgam</t>
  </si>
  <si>
    <t>VPO Notla tehsil Gujarkhan</t>
  </si>
  <si>
    <t>Notla</t>
  </si>
  <si>
    <t>Muhammad Saad Tariq</t>
  </si>
  <si>
    <t>GES NOUGRAN</t>
  </si>
  <si>
    <t>nougran</t>
  </si>
  <si>
    <t>PO and village Nougran</t>
  </si>
  <si>
    <t>Kotla fakeer</t>
  </si>
  <si>
    <t>Muhammad Zubair Kayani</t>
  </si>
  <si>
    <t>GES NOUL HITHAR</t>
  </si>
  <si>
    <t>Noul Hithar</t>
  </si>
  <si>
    <t>Oalakh Hithar</t>
  </si>
  <si>
    <t>Nazir Ahmad Naji</t>
  </si>
  <si>
    <t>GES NOWSHERA SANSI</t>
  </si>
  <si>
    <t>Noshehra Sansi</t>
  </si>
  <si>
    <t>GES NUMB RUMAL</t>
  </si>
  <si>
    <t>Numb Rumal</t>
  </si>
  <si>
    <t>post office phagwari murree village numb RUMAL</t>
  </si>
  <si>
    <t>local residence provide</t>
  </si>
  <si>
    <t>GES NUMBLE</t>
  </si>
  <si>
    <t>Sakrana</t>
  </si>
  <si>
    <t>village and po numble, Kallar Syedan</t>
  </si>
  <si>
    <t>Numble</t>
  </si>
  <si>
    <t>Shahid Ahmad</t>
  </si>
  <si>
    <t>GES OGAND</t>
  </si>
  <si>
    <t>Ogand</t>
  </si>
  <si>
    <t>Ogand post office Ajnianwala Distt sheikhupura</t>
  </si>
  <si>
    <t>GES OJANA</t>
  </si>
  <si>
    <t>Mallot Sattian Ojana</t>
  </si>
  <si>
    <t>government boys elementary school ojana mallot sattian tehsil kotli sattian Rawalpindi</t>
  </si>
  <si>
    <t>Ojana</t>
  </si>
  <si>
    <t>Syed Abdul Wadood Shah</t>
  </si>
  <si>
    <t>natural hill springs</t>
  </si>
  <si>
    <t>GES OLAKH BUNGA</t>
  </si>
  <si>
    <t>Olakh Bonga</t>
  </si>
  <si>
    <t>Govt. High school olakh Bonga. P/o Phool Nagar. Pattoki. Kasur</t>
  </si>
  <si>
    <t>Jamil Ahmed</t>
  </si>
  <si>
    <t>GES OLD BOUNTRA</t>
  </si>
  <si>
    <t>Chak 168 P</t>
  </si>
  <si>
    <t>Gulshan e Rehman Tibba Zahar Peer SDK</t>
  </si>
  <si>
    <t>ZARRAR SARWAR</t>
  </si>
  <si>
    <t>hand pump from outside school permisses</t>
  </si>
  <si>
    <t>GES OLD CHISHTIAN NO 1</t>
  </si>
  <si>
    <t>Near Darbar Khawaja Noor Muhammad Moharvi</t>
  </si>
  <si>
    <t>Old Ctn</t>
  </si>
  <si>
    <t>MC-CHISHTIAN</t>
  </si>
  <si>
    <t>GES ORDINANCE DEPOT</t>
  </si>
  <si>
    <t>Sarfraz Rafique Road Lahore  Cantt</t>
  </si>
  <si>
    <t>Cantonment Board</t>
  </si>
  <si>
    <t>GES ORKI ABDULLAH SHAH</t>
  </si>
  <si>
    <t>Manohar Gar</t>
  </si>
  <si>
    <t>Orki Abdullah Shah Tehsil and district bahawalnagar</t>
  </si>
  <si>
    <t>Orki Abdullah Shah</t>
  </si>
  <si>
    <t>GES ORRANG</t>
  </si>
  <si>
    <t>Orrang</t>
  </si>
  <si>
    <t>GESORRANG</t>
  </si>
  <si>
    <t>Chak Orrang</t>
  </si>
  <si>
    <t>Muttwala</t>
  </si>
  <si>
    <t>Tariq Mehmmod</t>
  </si>
  <si>
    <t>GES OUDHERWAL</t>
  </si>
  <si>
    <t>Oudherwal</t>
  </si>
  <si>
    <t>V.P.O oudherwal</t>
  </si>
  <si>
    <t>GES OUTHIAN</t>
  </si>
  <si>
    <t>DASKA SADDAR - MALE</t>
  </si>
  <si>
    <t>Othian</t>
  </si>
  <si>
    <t>village and post office othian tehsil daska district sialkot</t>
  </si>
  <si>
    <t>Galotian</t>
  </si>
  <si>
    <t>Ghulam Samdani Qadri</t>
  </si>
  <si>
    <t>GES P.D BHANDARA</t>
  </si>
  <si>
    <t>Muree Brewery</t>
  </si>
  <si>
    <t>GES PD BHANDARA Rawalpindi</t>
  </si>
  <si>
    <t>Chaudry Muhammad Daud Khan</t>
  </si>
  <si>
    <t>GES PABBAR WALA</t>
  </si>
  <si>
    <t>Pabberwala</t>
  </si>
  <si>
    <t>mouza pabberwala post office same teh/dist jhang</t>
  </si>
  <si>
    <t>Hadi Hussain</t>
  </si>
  <si>
    <t>GES PACCA GARHA</t>
  </si>
  <si>
    <t>pacca Garha</t>
  </si>
  <si>
    <t>Pacca Garha Sialkot</t>
  </si>
  <si>
    <t>Muhammad Rafiq Chaychee</t>
  </si>
  <si>
    <t>GES PACCA GHANJERA</t>
  </si>
  <si>
    <t>mohalla.aalo khel pacca ghanjera</t>
  </si>
  <si>
    <t>Pacca Ghanjera</t>
  </si>
  <si>
    <t>GES PACCA SANDAN WALA</t>
  </si>
  <si>
    <t>Shadia Janubi</t>
  </si>
  <si>
    <t>GES pakka sandhan wala shadia</t>
  </si>
  <si>
    <t>Pakka Sandan Wala</t>
  </si>
  <si>
    <t>Ghulamm Mujtaba</t>
  </si>
  <si>
    <t>GES PACCA SIDHAR</t>
  </si>
  <si>
    <t>Pacca Sridhar</t>
  </si>
  <si>
    <t>Farid Iqbal Anjum</t>
  </si>
  <si>
    <t>GES PADIAN WALA</t>
  </si>
  <si>
    <t>Padianwala</t>
  </si>
  <si>
    <t>Government elementary school padianwala</t>
  </si>
  <si>
    <t>Esherky</t>
  </si>
  <si>
    <t>GES PAF COLONY SHORKOT</t>
  </si>
  <si>
    <t>Shorkot Cantt</t>
  </si>
  <si>
    <t>PAF colony shorkot cantt</t>
  </si>
  <si>
    <t>Cant Area</t>
  </si>
  <si>
    <t>GES PAGH</t>
  </si>
  <si>
    <t>Village Pagh Tehsil Fateh Jang</t>
  </si>
  <si>
    <t>Gali Jagir</t>
  </si>
  <si>
    <t>GES PAHAR KHAN</t>
  </si>
  <si>
    <t>Pahar Khan</t>
  </si>
  <si>
    <t>village and post office pahar khan teh kallar kahar district chakwal</t>
  </si>
  <si>
    <t>GES PAHAR PUR</t>
  </si>
  <si>
    <t>pahar pur</t>
  </si>
  <si>
    <t>p/o pahar pur tehseel 18 hazari distt jhang</t>
  </si>
  <si>
    <t>Nazar Abbas Shah</t>
  </si>
  <si>
    <t>GES PAHIRWAL</t>
  </si>
  <si>
    <t>Pahirwal</t>
  </si>
  <si>
    <t>pahirwal po khas teh sarai almgir distt gujrat</t>
  </si>
  <si>
    <t>Simbly</t>
  </si>
  <si>
    <t>GES PAIGAH</t>
  </si>
  <si>
    <t>Paigah Chak No.3</t>
  </si>
  <si>
    <t>Paigah khas</t>
  </si>
  <si>
    <t>Paigah</t>
  </si>
  <si>
    <t>Paigah Chak 3</t>
  </si>
  <si>
    <t>Malik Amjad Farooq</t>
  </si>
  <si>
    <t>GES PAJIAN</t>
  </si>
  <si>
    <t>Pajian</t>
  </si>
  <si>
    <t>village pajian Raiwind road Lahore</t>
  </si>
  <si>
    <t>Hafiz Muhammad Shahzad</t>
  </si>
  <si>
    <t>GES PAJOKAY</t>
  </si>
  <si>
    <t>pajokay tehsil Pasrur district sialkot</t>
  </si>
  <si>
    <t>Mussawar Ahmed</t>
  </si>
  <si>
    <t>GES PAJOKI</t>
  </si>
  <si>
    <t>Pajoki</t>
  </si>
  <si>
    <t>pajoki p/o lakhanwal tensile &amp; district gujrat</t>
  </si>
  <si>
    <t>Lakhanwal</t>
  </si>
  <si>
    <t>GES PAKHWAL KHAS</t>
  </si>
  <si>
    <t>PAKHWAL-MALE</t>
  </si>
  <si>
    <t>Pakhwal Khas</t>
  </si>
  <si>
    <t>Village Pakhwal Khas p/o Kala Dev Tehsil and District Jhelum</t>
  </si>
  <si>
    <t>GES PALLAY</t>
  </si>
  <si>
    <t>Thoon</t>
  </si>
  <si>
    <t>pallay po barrohi</t>
  </si>
  <si>
    <t>Pallay</t>
  </si>
  <si>
    <t>Iftikhar Haroon</t>
  </si>
  <si>
    <t>GES PALUWAN</t>
  </si>
  <si>
    <t>Paluwan</t>
  </si>
  <si>
    <t>Moza Paluwan post office Shahwala janubi tehsil noorpur district khushab</t>
  </si>
  <si>
    <t>Noorpur Rural</t>
  </si>
  <si>
    <t>Shaukat Iqbal</t>
  </si>
  <si>
    <t>GES PANCHORE</t>
  </si>
  <si>
    <t>Panchore</t>
  </si>
  <si>
    <t>village panchore,p/o Panchore,tehsil Sohawa,district jhelum</t>
  </si>
  <si>
    <t>Khurram Shahzad</t>
  </si>
  <si>
    <t>GES PANDORI</t>
  </si>
  <si>
    <t>Village.  Pandori, P.O. Maira Teh. &amp; Distt. .Jhelum</t>
  </si>
  <si>
    <t>Boken</t>
  </si>
  <si>
    <t>Muhammad Tanveer ul Haq</t>
  </si>
  <si>
    <t>GES PANJA</t>
  </si>
  <si>
    <t>punja teh&amp;disst khushab</t>
  </si>
  <si>
    <t>Punja</t>
  </si>
  <si>
    <t>Mitha Tiwana Junobi</t>
  </si>
  <si>
    <t>GES PARTAN WALI</t>
  </si>
  <si>
    <t>Govt. Elementary school Partanwali sialkot</t>
  </si>
  <si>
    <t>GES PARY WALI</t>
  </si>
  <si>
    <t>Paray Wali</t>
  </si>
  <si>
    <t>village paray wali Nankana sahib</t>
  </si>
  <si>
    <t>Martin Pur 25</t>
  </si>
  <si>
    <t>nasir ali</t>
  </si>
  <si>
    <t>GES PASWAL</t>
  </si>
  <si>
    <t>village Paswal post office moorat tehsil Fateh jang district attock</t>
  </si>
  <si>
    <t>Jangle</t>
  </si>
  <si>
    <t>GES PATHAR GARH</t>
  </si>
  <si>
    <t>Pathar Garh</t>
  </si>
  <si>
    <t>VILLAGE PATHAR GARH-BABRAKI</t>
  </si>
  <si>
    <t>Babraki</t>
  </si>
  <si>
    <t>BABAR ALI KHAN</t>
  </si>
  <si>
    <t>GES PATRIATA</t>
  </si>
  <si>
    <t>Patriata</t>
  </si>
  <si>
    <t>village Patriata Post Office Gulehra Gali Tehsil Murree District Rawalpindi</t>
  </si>
  <si>
    <t>Hafiz M Minhas Abbasi</t>
  </si>
  <si>
    <t>Natural fountain</t>
  </si>
  <si>
    <t>GES PATTOKI NEAR IMAM BARGAH CHUNIAN ROAD PATTOKI</t>
  </si>
  <si>
    <t>old mandi pattoki near imam bargah</t>
  </si>
  <si>
    <t>Mian Aziz Ur Rehman</t>
  </si>
  <si>
    <t>Filtered Water Plant</t>
  </si>
  <si>
    <t>GES PATUANA</t>
  </si>
  <si>
    <t>Patoana</t>
  </si>
  <si>
    <t>moza patoana Jhang saddar</t>
  </si>
  <si>
    <t>Pakay Wala</t>
  </si>
  <si>
    <t>MUHAMMAD WARIS</t>
  </si>
  <si>
    <t>GES PAWLI WALA</t>
  </si>
  <si>
    <t>middle school , pawali wala, the.  choubara, distt. layyah</t>
  </si>
  <si>
    <t>Pawali Wala</t>
  </si>
  <si>
    <t>GES PEENG LAR</t>
  </si>
  <si>
    <t>Karluwala</t>
  </si>
  <si>
    <t>peenglar</t>
  </si>
  <si>
    <t>Peenglar</t>
  </si>
  <si>
    <t>GES PEER MURAD</t>
  </si>
  <si>
    <t>Peer Murad</t>
  </si>
  <si>
    <t>Govt Elementary School, Peer Murad,Vehari</t>
  </si>
  <si>
    <t>Ward No 23</t>
  </si>
  <si>
    <t>GES PEERA BALUCH</t>
  </si>
  <si>
    <t>GARHI IKTHIAR KHAN - MALE</t>
  </si>
  <si>
    <t>Mitha Mirani</t>
  </si>
  <si>
    <t>Garhi ikhtyar khan road near 3L canal khanpur</t>
  </si>
  <si>
    <t>3 L Canal</t>
  </si>
  <si>
    <t>Gehnana Lar</t>
  </si>
  <si>
    <t>M Jamil Ahmed</t>
  </si>
  <si>
    <t>GES PEOPLES COLONY, KHANEWAL</t>
  </si>
  <si>
    <t>W-block people's colony khanewal</t>
  </si>
  <si>
    <t>City-khanewal</t>
  </si>
  <si>
    <t>MUHAMMAD-SARWAR-ZAHID</t>
  </si>
  <si>
    <t>GES PERHAL</t>
  </si>
  <si>
    <t>Parhal</t>
  </si>
  <si>
    <t>VPO parhal teh &amp; distt chakwal</t>
  </si>
  <si>
    <t>GES PHALIA AMIR</t>
  </si>
  <si>
    <t>PHALIA - MALE</t>
  </si>
  <si>
    <t>Phalia</t>
  </si>
  <si>
    <t>Phalia Ameer</t>
  </si>
  <si>
    <t>MC Phalia</t>
  </si>
  <si>
    <t>Sayyed Sajjad Haider Kazmi</t>
  </si>
  <si>
    <t>GES PHALOKI CHEEMA</t>
  </si>
  <si>
    <t>Phaloke cheema</t>
  </si>
  <si>
    <t>phaloke cheema post office wadala Cheema tehsile wazirabad district gujranwala</t>
  </si>
  <si>
    <t>Bhattike</t>
  </si>
  <si>
    <t>Saad Imran</t>
  </si>
  <si>
    <t>GES PHAMA SARAI</t>
  </si>
  <si>
    <t>distt. gujranwala teh. nowshera virkan village phama sarai</t>
  </si>
  <si>
    <t>GES PHAMRA JAGIR</t>
  </si>
  <si>
    <t>phamra jagir</t>
  </si>
  <si>
    <t>government boys elementry school phamra jagir</t>
  </si>
  <si>
    <t>malal</t>
  </si>
  <si>
    <t>Amjad Ali Khan</t>
  </si>
  <si>
    <t>GES PHANGAT</t>
  </si>
  <si>
    <t>Phangat</t>
  </si>
  <si>
    <t>vpo phangat the daska dist sialkot</t>
  </si>
  <si>
    <t>Kandan Sian</t>
  </si>
  <si>
    <t>Amjad Ali</t>
  </si>
  <si>
    <t>GES PHILLOKE</t>
  </si>
  <si>
    <t>vpo Philloki nowshera virkan gujranwala</t>
  </si>
  <si>
    <t>GES PHIRAY</t>
  </si>
  <si>
    <t>Pheray</t>
  </si>
  <si>
    <t>Govt Elementary school pheray</t>
  </si>
  <si>
    <t>Dherakan</t>
  </si>
  <si>
    <t>Tauqir Ahmed</t>
  </si>
  <si>
    <t>GES PHUGLOO</t>
  </si>
  <si>
    <t>Phugloo</t>
  </si>
  <si>
    <t>basti phugloo p/o barthi</t>
  </si>
  <si>
    <t>GES PHULLAN</t>
  </si>
  <si>
    <t>Phullan</t>
  </si>
  <si>
    <t>Mouza Phullan</t>
  </si>
  <si>
    <t>Bandyshah</t>
  </si>
  <si>
    <t>Aliraza</t>
  </si>
  <si>
    <t>GES PHULLIANI PATTOKI DIST. KASUR</t>
  </si>
  <si>
    <t>Phulliani</t>
  </si>
  <si>
    <t>Phulliani pattoki</t>
  </si>
  <si>
    <t>Bashir Ahmad Zafar</t>
  </si>
  <si>
    <t>GES PIND AZIZ</t>
  </si>
  <si>
    <t>PIND AZIZ</t>
  </si>
  <si>
    <t>VILLAGE &amp; P/O PIND AZIZ TEHSIL SARAI ALAM GIR DISTRICT GUJRAT</t>
  </si>
  <si>
    <t>MANDI BHALWAL</t>
  </si>
  <si>
    <t>Shoaib Arshad</t>
  </si>
  <si>
    <t>GES PIND FAZAL KHAN</t>
  </si>
  <si>
    <t>Pind Fazal Khan</t>
  </si>
  <si>
    <t>village Pind Fazal khan, tehsil Fateh jang, Attock</t>
  </si>
  <si>
    <t>Rustam Khan</t>
  </si>
  <si>
    <t>GES PIND JATA</t>
  </si>
  <si>
    <t>PIND JATA</t>
  </si>
  <si>
    <t>PIND JATA Dina Jhelum</t>
  </si>
  <si>
    <t>USMAN SHABBIR</t>
  </si>
  <si>
    <t>GES PINDI GHEB</t>
  </si>
  <si>
    <t>Pindigheb</t>
  </si>
  <si>
    <t>Moh Aria Samaj Pindigheb</t>
  </si>
  <si>
    <t>Abdul Rauf Zulfi</t>
  </si>
  <si>
    <t>GES PINDI KALAN</t>
  </si>
  <si>
    <t>pindi kalan</t>
  </si>
  <si>
    <t>pindi kalan p/o khas teh shakar garh district narowal</t>
  </si>
  <si>
    <t>killah</t>
  </si>
  <si>
    <t>GES PINDI KOT</t>
  </si>
  <si>
    <t>pindikoot</t>
  </si>
  <si>
    <t>village pindikoot bhera</t>
  </si>
  <si>
    <t>ali pur syedhan</t>
  </si>
  <si>
    <t>Tahir Shahzad</t>
  </si>
  <si>
    <t>GES PINDI RATTAN SINGH</t>
  </si>
  <si>
    <t>pindi Rattan Singh</t>
  </si>
  <si>
    <t>Pindi Ratttan singh,Muridke</t>
  </si>
  <si>
    <t>Pindi Rattan singh</t>
  </si>
  <si>
    <t>Khatyala virkan</t>
  </si>
  <si>
    <t>Malik Muhammad Ramzan</t>
  </si>
  <si>
    <t>GES PINDWAL</t>
  </si>
  <si>
    <t>Pindwal</t>
  </si>
  <si>
    <t>pindwal</t>
  </si>
  <si>
    <t>Rubina Iqbal</t>
  </si>
  <si>
    <t>GES PIPLI</t>
  </si>
  <si>
    <t>vpo pipli pd khan jhelum</t>
  </si>
  <si>
    <t>MALIK AMIR HUSSAIN</t>
  </si>
  <si>
    <t>GES PIR ABDUL MALIK</t>
  </si>
  <si>
    <t>Pir Abdul Malik</t>
  </si>
  <si>
    <t>Basti Pir Abdul Malik Rahim Yar Khan</t>
  </si>
  <si>
    <t>Badli Sharif</t>
  </si>
  <si>
    <t>Ghulam Hassan Shahzad</t>
  </si>
  <si>
    <t>GES PIR BAROO</t>
  </si>
  <si>
    <t>Olakh Thal</t>
  </si>
  <si>
    <t>Government Elementary school for Boys Pir Baroo Sharif</t>
  </si>
  <si>
    <t>Chak #300 TDA P/O Pir Baroo Tehsil Choubara Distri</t>
  </si>
  <si>
    <t>Aulakh Thal Kalan</t>
  </si>
  <si>
    <t>GES PIR BEHLOL</t>
  </si>
  <si>
    <t>Pir Behlol</t>
  </si>
  <si>
    <t>pir behlol</t>
  </si>
  <si>
    <t>Umer Hayyat</t>
  </si>
  <si>
    <t>GES PIR HAQANI P/O KOTLA CHAKAR</t>
  </si>
  <si>
    <t>Kandair</t>
  </si>
  <si>
    <t>Basti pir haqqani moza kandair p/o bahadur pur tehsil jalalpur district multan</t>
  </si>
  <si>
    <t>Pir Haqqani</t>
  </si>
  <si>
    <t>Bahadur pur</t>
  </si>
  <si>
    <t>Allah Dewaya</t>
  </si>
  <si>
    <t>GES PIR MAKHDOOM JAHANIAN</t>
  </si>
  <si>
    <t>Pir Makhdoom Jahanian</t>
  </si>
  <si>
    <t>v &amp; post office p.m jahanian c s shah</t>
  </si>
  <si>
    <t>GES PIRA JANGLA</t>
  </si>
  <si>
    <t>Pirajangla</t>
  </si>
  <si>
    <t>vpo pirajangla Tehsil Talagang</t>
  </si>
  <si>
    <t>GES PIRANA</t>
  </si>
  <si>
    <t>Pirana</t>
  </si>
  <si>
    <t>V.po.Pirana Teh.Pindigheb District Attock</t>
  </si>
  <si>
    <t>GES PIRDAN SHARQI</t>
  </si>
  <si>
    <t>Pirdan sharqi</t>
  </si>
  <si>
    <t>PO shadunlund union pirdan sharqi tehsil taunsa distt dgkhan</t>
  </si>
  <si>
    <t>Kareem bakhsh</t>
  </si>
  <si>
    <t>GES PIRHAR GHARBI MUSTAQIL</t>
  </si>
  <si>
    <t>basti pirhar near tariq chowk tehsil kot addu</t>
  </si>
  <si>
    <t>basti pirhar</t>
  </si>
  <si>
    <t>pirhar 8</t>
  </si>
  <si>
    <t>Yasir Afzal</t>
  </si>
  <si>
    <t>GES PITHAR NADI</t>
  </si>
  <si>
    <t>Pither Nadi</t>
  </si>
  <si>
    <t>village pither nadi p.d khan jhelum</t>
  </si>
  <si>
    <t>GOLPUR</t>
  </si>
  <si>
    <t>GES PITHLI</t>
  </si>
  <si>
    <t>Pithli</t>
  </si>
  <si>
    <t>Village Pithli, Tehsil Murree Distt, Rwp</t>
  </si>
  <si>
    <t>Saqib Abbasi</t>
  </si>
  <si>
    <t>GES POOLY KEY</t>
  </si>
  <si>
    <t>Polay Kay</t>
  </si>
  <si>
    <t>poolay kay</t>
  </si>
  <si>
    <t>GES POTHI</t>
  </si>
  <si>
    <t>Pothi</t>
  </si>
  <si>
    <t>vpo pothi tehsil Gujrkhan dist rawalpindi</t>
  </si>
  <si>
    <t>Sahang</t>
  </si>
  <si>
    <t>Hafiz M Razzaq</t>
  </si>
  <si>
    <t>GES PUBLIC MODEL AIRPORT ROAD</t>
  </si>
  <si>
    <t>Mohallah islam nagar. Air port road, Rshim yar khan</t>
  </si>
  <si>
    <t>Mehmood Ul Hassan</t>
  </si>
  <si>
    <t>GES PUBLIC SAHIWAL</t>
  </si>
  <si>
    <t>Near civil hospital sahiwal</t>
  </si>
  <si>
    <t>Mehboob Ellahi</t>
  </si>
  <si>
    <t>GES PUNJ AHATA CHAK NO. 576/GB</t>
  </si>
  <si>
    <t>Punj Ahata</t>
  </si>
  <si>
    <t>Village Punj Ahata Warburton</t>
  </si>
  <si>
    <t>Riaz Ali Watto</t>
  </si>
  <si>
    <t>GES PUNJ GRAEEN</t>
  </si>
  <si>
    <t>Punj Graeen</t>
  </si>
  <si>
    <t>Post Office Ratta Matta</t>
  </si>
  <si>
    <t>Ratta Matta</t>
  </si>
  <si>
    <t>Umar Shahzad</t>
  </si>
  <si>
    <t>GES PUNJ GRAIN</t>
  </si>
  <si>
    <t>Punj Grain</t>
  </si>
  <si>
    <t>punj Grain tehsil nowshera virkan district Gujranwala</t>
  </si>
  <si>
    <t>Chak Choudhry</t>
  </si>
  <si>
    <t>Muhahhad Naeem Ayub</t>
  </si>
  <si>
    <t>GES PUNJ KOHA MOUZA PUJKOOHA MULTAN</t>
  </si>
  <si>
    <t>Punj koha</t>
  </si>
  <si>
    <t>Basti and moza punj koha ,p/o doran nigana</t>
  </si>
  <si>
    <t>Punj Koha</t>
  </si>
  <si>
    <t>GES PUNJAN SHAHANA</t>
  </si>
  <si>
    <t>Punjan Shahana</t>
  </si>
  <si>
    <t>punjan shahana tehsil kharian distt gujrat</t>
  </si>
  <si>
    <t>Shahbaz Hussain</t>
  </si>
  <si>
    <t>GES PUNJNAD</t>
  </si>
  <si>
    <t>GES Punjnad markaz Alipur 3</t>
  </si>
  <si>
    <t>Gindora</t>
  </si>
  <si>
    <t>Ghalwan 1st</t>
  </si>
  <si>
    <t>Mahar Ghulam Akbar</t>
  </si>
  <si>
    <t>GES PUNJNAD COLONY</t>
  </si>
  <si>
    <t>Bait Moezudin</t>
  </si>
  <si>
    <t>Punjnad Colony Head Punjnad Alipur</t>
  </si>
  <si>
    <t>Punjnad Colony</t>
  </si>
  <si>
    <t>Damar Wala Janobi</t>
  </si>
  <si>
    <t>Muhammad Ashiq Farid</t>
  </si>
  <si>
    <t>GES QABOOL WALA</t>
  </si>
  <si>
    <t>Pattal Munda</t>
  </si>
  <si>
    <t>p/o Rang pur teh kot adu distt m garh</t>
  </si>
  <si>
    <t>Ghulam Hasnain</t>
  </si>
  <si>
    <t>GES QADIR ABAD</t>
  </si>
  <si>
    <t>Moza qadir abad tehsil depalpur district okara</t>
  </si>
  <si>
    <t>Qasim Ali</t>
  </si>
  <si>
    <t>GES QADIR BUKHSH BALOCH</t>
  </si>
  <si>
    <t>Sultan  Arain</t>
  </si>
  <si>
    <t>mouza sultan Arain Khanpur nauranga bahawalpur saddar</t>
  </si>
  <si>
    <t>Muhammad Umar hayat</t>
  </si>
  <si>
    <t>GES QADIR PUR RAWAN MULTAN</t>
  </si>
  <si>
    <t>QADIR PUR RAN - MALE</t>
  </si>
  <si>
    <t>Qadir Pur Ran</t>
  </si>
  <si>
    <t>GES QAIM SHAH WALA</t>
  </si>
  <si>
    <t>Qaim shah Wala</t>
  </si>
  <si>
    <t>Qaim shah wala  Chunian Kasur</t>
  </si>
  <si>
    <t>Mokal</t>
  </si>
  <si>
    <t>Hafiz Ghulam Mustafa</t>
  </si>
  <si>
    <t>GES QAISER GHAZLANI</t>
  </si>
  <si>
    <t>Qaisar Ghazlani</t>
  </si>
  <si>
    <t>mouza qaisar ghazlani jatoi</t>
  </si>
  <si>
    <t>Muhammad Ajmal Makwal</t>
  </si>
  <si>
    <t>GES QASBA RUKAN PUR</t>
  </si>
  <si>
    <t>Rukan Pur</t>
  </si>
  <si>
    <t>Rukan pur</t>
  </si>
  <si>
    <t>Galoor Masu Khan</t>
  </si>
  <si>
    <t>GES QAYAMPUR</t>
  </si>
  <si>
    <t>Sadhay Madhay</t>
  </si>
  <si>
    <t>Qayampur P/O Jassar Teh and District Narowal</t>
  </si>
  <si>
    <t>Qayampur</t>
  </si>
  <si>
    <t>Hassan Hussain</t>
  </si>
  <si>
    <t>GES QAZI CHAK</t>
  </si>
  <si>
    <t>chak qazi village</t>
  </si>
  <si>
    <t>Narowali</t>
  </si>
  <si>
    <t>Muhammad Iqbal Bhutta</t>
  </si>
  <si>
    <t>GES QAZI KALRA</t>
  </si>
  <si>
    <t>ANAITI (A) - MALE</t>
  </si>
  <si>
    <t>Qazi Kalra Kpt</t>
  </si>
  <si>
    <t>Basti shahid khan moza Qazi kalra kpt bwp</t>
  </si>
  <si>
    <t>Qazi Kalra</t>
  </si>
  <si>
    <t>Muhammad Yasir Ilyas</t>
  </si>
  <si>
    <t>GES QIBLA BANDI</t>
  </si>
  <si>
    <t>malak mala</t>
  </si>
  <si>
    <t>village qiblabandi tehsil hazro district attock</t>
  </si>
  <si>
    <t>Qiblabandi</t>
  </si>
  <si>
    <t>ZAHID MEHMOOD</t>
  </si>
  <si>
    <t>GES QILA DERAWAR</t>
  </si>
  <si>
    <t>Qila Derawar</t>
  </si>
  <si>
    <t>GHS Qila Derawar. P/O Shahi Wala. Tehsil Yazman. District BWP</t>
  </si>
  <si>
    <t>GES QILA DEWAN SINGH</t>
  </si>
  <si>
    <t>QILA DEWAN  SINGH</t>
  </si>
  <si>
    <t>Qila Dewan Singh</t>
  </si>
  <si>
    <t>GES QILA KHAZANA</t>
  </si>
  <si>
    <t>Qila Khazana</t>
  </si>
  <si>
    <t>Govt elementary school qila khazana</t>
  </si>
  <si>
    <t>Muhammad Ramzqn</t>
  </si>
  <si>
    <t>GES QILA MASHMOOLA</t>
  </si>
  <si>
    <t>Qila chadhran</t>
  </si>
  <si>
    <t>Qila Chadhran</t>
  </si>
  <si>
    <t>Mudassar Bilal</t>
  </si>
  <si>
    <t>GES QILA NOOR PUR</t>
  </si>
  <si>
    <t>Qila Noor Pur</t>
  </si>
  <si>
    <t>Kot Binnidas</t>
  </si>
  <si>
    <t>Ghulam Abbas Qadri</t>
  </si>
  <si>
    <t>GES QILA SATAR SHAH</t>
  </si>
  <si>
    <t>Qila star shah</t>
  </si>
  <si>
    <t>Muhammad naseer</t>
  </si>
  <si>
    <t>GES QILA SONDHA SINGH</t>
  </si>
  <si>
    <t>Qila Sondha Singh, Teh. Depalpur, Distt. Okara</t>
  </si>
  <si>
    <t>GES QILA SOORA SINGH</t>
  </si>
  <si>
    <t>Qila soora singh</t>
  </si>
  <si>
    <t>P/O Tanda qila soora singh Teh, and Disstt. Gujrat</t>
  </si>
  <si>
    <t>Mota</t>
  </si>
  <si>
    <t>zafar  Mehdi</t>
  </si>
  <si>
    <t>GES QILA TARA SINGH</t>
  </si>
  <si>
    <t>qila tara singh</t>
  </si>
  <si>
    <t>qila tara singh tehsil depalpur district okara</t>
  </si>
  <si>
    <t>GES QUAID ABAD</t>
  </si>
  <si>
    <t>Qaidabad</t>
  </si>
  <si>
    <t>quaid abad</t>
  </si>
  <si>
    <t>MC Quaidabad</t>
  </si>
  <si>
    <t>Hafiz Ahmad Yar</t>
  </si>
  <si>
    <t>GES QUAID MODEL ABDULAHPUR FSD</t>
  </si>
  <si>
    <t>ABDULLAH Pur</t>
  </si>
  <si>
    <t>street#19 abdullah pur fsd</t>
  </si>
  <si>
    <t>ABDULLAH Pur Fsd</t>
  </si>
  <si>
    <t>GES R.S. JHAMAT</t>
  </si>
  <si>
    <t>Jhamat</t>
  </si>
  <si>
    <t>VPO jhamat</t>
  </si>
  <si>
    <t>MUHAMMAD KHAN</t>
  </si>
  <si>
    <t>GES RAB NAWAZ PURA</t>
  </si>
  <si>
    <t>Rab Nawaz Pura</t>
  </si>
  <si>
    <t>Basti Syed Sarwar Shah Mauza Rab Nawaz Pura Bahawal Nagar</t>
  </si>
  <si>
    <t>Basti Syed Sarwar Shah</t>
  </si>
  <si>
    <t>Muhammad Iqbal Tariq</t>
  </si>
  <si>
    <t>GES RAFIQ ABAD</t>
  </si>
  <si>
    <t>Kakki Nau Soam</t>
  </si>
  <si>
    <t>Colony Kausarabad Multan Road Tehsil Shorkot District Jhang</t>
  </si>
  <si>
    <t>Colony Kausarabad</t>
  </si>
  <si>
    <t>Asghar Abbas</t>
  </si>
  <si>
    <t>GES RAFIQ AHMAD PUR LAMA</t>
  </si>
  <si>
    <t>Apl</t>
  </si>
  <si>
    <t>tanky ground Ahmad Pur lamma</t>
  </si>
  <si>
    <t>Apl Deh</t>
  </si>
  <si>
    <t>Faiz Rasool Malana</t>
  </si>
  <si>
    <t>GES RAFIQ CHAK NO 208/P</t>
  </si>
  <si>
    <t>Chak no.208/p</t>
  </si>
  <si>
    <t>Chak No.208/p</t>
  </si>
  <si>
    <t>Chak No.208/P</t>
  </si>
  <si>
    <t>Chak No.173/P</t>
  </si>
  <si>
    <t>GES RAFIQ ISLAM PUR</t>
  </si>
  <si>
    <t>Basti Islam Pur, mouza thul hamza,tehsil. liaqat pur</t>
  </si>
  <si>
    <t>Islam Pur</t>
  </si>
  <si>
    <t>Dashti</t>
  </si>
  <si>
    <t>Abdul Wajid</t>
  </si>
  <si>
    <t>GES RAFIQ JAGIR CHANNELI</t>
  </si>
  <si>
    <t>Chak 127/NP</t>
  </si>
  <si>
    <t>BASTI JAGEER CHANNELI . CHACK NO 127/NP Tehsil Liaquat Pur District Rahim yar khan</t>
  </si>
  <si>
    <t>BASTI JAGEER CHANELY</t>
  </si>
  <si>
    <t>MUHAMMAD TARIQ FAREED</t>
  </si>
  <si>
    <t>GES RAFIQUE</t>
  </si>
  <si>
    <t>Chak 168p</t>
  </si>
  <si>
    <t>mohalla islam pura sdk</t>
  </si>
  <si>
    <t>Mohalla Islam Pura</t>
  </si>
  <si>
    <t>Municipal Ward</t>
  </si>
  <si>
    <t>Mohsin Raza Tariq</t>
  </si>
  <si>
    <t>GES RAFIQUE ABAD</t>
  </si>
  <si>
    <t>RAFIQABAD - MALE</t>
  </si>
  <si>
    <t>RAFIQABAD</t>
  </si>
  <si>
    <t>Adda Rafiq Abad tehsil choubara dist. Layyah</t>
  </si>
  <si>
    <t>366/TDA</t>
  </si>
  <si>
    <t>MUHAMMAD ZUBAIR</t>
  </si>
  <si>
    <t>GES RAFIQUE KOT AZAM</t>
  </si>
  <si>
    <t>Kot Azam</t>
  </si>
  <si>
    <t>Basti Kot Azam Tehsil Khairpur Tamewali Distt.Bahawal Pur</t>
  </si>
  <si>
    <t>GES RAFIQUE MUD RANJA</t>
  </si>
  <si>
    <t>Basti Mud Ranjha azim Pur Tehsil Liaquat Pur Distt Rahim Yar Khan</t>
  </si>
  <si>
    <t>Basti Mud Ranjha</t>
  </si>
  <si>
    <t>GES RAFIQUE SANJAR DERA BAKHA</t>
  </si>
  <si>
    <t>Sanjar</t>
  </si>
  <si>
    <t>Govt E/S Sanjar Near Basti Kharik Moza Sanjar</t>
  </si>
  <si>
    <t>Basti Kharik</t>
  </si>
  <si>
    <t>GES RAFIQ-UL-HULMA FAQIR WALI</t>
  </si>
  <si>
    <t>Faqir Walli</t>
  </si>
  <si>
    <t>Madrsa Qasim ul uloom Faqir walli</t>
  </si>
  <si>
    <t>Ali Raza Razvi</t>
  </si>
  <si>
    <t>GES RAGH</t>
  </si>
  <si>
    <t>Ragh</t>
  </si>
  <si>
    <t>Govt E/s Ragh</t>
  </si>
  <si>
    <t>Raikey</t>
  </si>
  <si>
    <t>Muhammad Nawaz Tarar</t>
  </si>
  <si>
    <t>GES RAHGO SEYDAN</t>
  </si>
  <si>
    <t>Rahgo Syedan</t>
  </si>
  <si>
    <t>GES rahgo syedan, hafizabad</t>
  </si>
  <si>
    <t>GES RAHIM SHAH, JAHANIAN</t>
  </si>
  <si>
    <t>RAHIM SHAH</t>
  </si>
  <si>
    <t>GOVT ELEMENTARY SCHOOL RAHIM SHAH JAHANIAN</t>
  </si>
  <si>
    <t>GES RAHUJA P/O GOGRAN</t>
  </si>
  <si>
    <t>Gogran</t>
  </si>
  <si>
    <t>basti shair wala p/o gogran lodhran</t>
  </si>
  <si>
    <t>Shair Wala</t>
  </si>
  <si>
    <t>GES RAHWALI</t>
  </si>
  <si>
    <t>Rahwali</t>
  </si>
  <si>
    <t>govt elementary school rahwali</t>
  </si>
  <si>
    <t>IHSAN ULLAH</t>
  </si>
  <si>
    <t>GES RAI KALAN</t>
  </si>
  <si>
    <t>Raikalan</t>
  </si>
  <si>
    <t>Raikalan tehsil kasur</t>
  </si>
  <si>
    <t>Chathianwala</t>
  </si>
  <si>
    <t>GES RAIKA MIRA</t>
  </si>
  <si>
    <t>Raika Mera</t>
  </si>
  <si>
    <t>VILLAGE RAIKA MAIRA P/O CHK BELI KHAN TEHSIL &amp; DISTRICT RAWALPINDI.</t>
  </si>
  <si>
    <t>RAIKA MAIRA</t>
  </si>
  <si>
    <t>Khawar Ali Hussain</t>
  </si>
  <si>
    <t>GES RAILWAY COLONY</t>
  </si>
  <si>
    <t>shorkot cantt tehseel shorkot disff jhang</t>
  </si>
  <si>
    <t>Cantt  Area</t>
  </si>
  <si>
    <t>Habib Ahmad Saeed</t>
  </si>
  <si>
    <t>GES RAILWAY COLONY KUNDIAN</t>
  </si>
  <si>
    <t>Mc Kundian</t>
  </si>
  <si>
    <t>ZAFAR ALAM</t>
  </si>
  <si>
    <t>GES RAILWAY COLONY LALA MUSA</t>
  </si>
  <si>
    <t>Govt. elementary school rai
way colony lalamusa</t>
  </si>
  <si>
    <t>MC Lalamusa</t>
  </si>
  <si>
    <t>GES RAILWAY COLONY MALAKWAL</t>
  </si>
  <si>
    <t>Malakwal</t>
  </si>
  <si>
    <t>Near Railway Station milad chowk malakwal</t>
  </si>
  <si>
    <t>Railway Colony</t>
  </si>
  <si>
    <t>malakwal</t>
  </si>
  <si>
    <t>Pervaiz Akhter Mehmood</t>
  </si>
  <si>
    <t>GES RAILWAY STATION LODHRAN</t>
  </si>
  <si>
    <t>railway station ward no 25 lodhran</t>
  </si>
  <si>
    <t>Lohran City</t>
  </si>
  <si>
    <t>Ward No 25</t>
  </si>
  <si>
    <t>rana muhammad waseem</t>
  </si>
  <si>
    <t>GES RAILWAY STATION MITHA TAWANA</t>
  </si>
  <si>
    <t>Railway Station Mitha Tiwana</t>
  </si>
  <si>
    <t>Mitha Tiwana Janubi</t>
  </si>
  <si>
    <t>Ahmed Yaar</t>
  </si>
  <si>
    <t>GES RAILWAY STATION SHUJABAD</t>
  </si>
  <si>
    <t>Govt. E/S Railway station</t>
  </si>
  <si>
    <t>Railway Station</t>
  </si>
  <si>
    <t>Muhammad  Kaleem</t>
  </si>
  <si>
    <t>GES RAIMAN</t>
  </si>
  <si>
    <t>ramin p.o kala dg khan</t>
  </si>
  <si>
    <t>GES RAIWIND TOWN</t>
  </si>
  <si>
    <t>Man Bazar RAIWIND TOWN</t>
  </si>
  <si>
    <t>Muhammad Rasheed Chattah</t>
  </si>
  <si>
    <t>GES RAJA BHULAH</t>
  </si>
  <si>
    <t>Raja Bhulla</t>
  </si>
  <si>
    <t>village raja bullah tehsil kamoke gujranwala</t>
  </si>
  <si>
    <t>Raja Bullah</t>
  </si>
  <si>
    <t>Mari Thakran</t>
  </si>
  <si>
    <t>GES RAJA BOLA</t>
  </si>
  <si>
    <t>RAJA BOLA</t>
  </si>
  <si>
    <t>VILLAGE RAJA BOLA P/O KAHNA NAU LAHORE</t>
  </si>
  <si>
    <t>DHALLOKI</t>
  </si>
  <si>
    <t>Muhammad Qasim Javed</t>
  </si>
  <si>
    <t>GES RAJA GHUMAN</t>
  </si>
  <si>
    <t>Raja ghuman</t>
  </si>
  <si>
    <t>village Raja Ghuman. Teh.Daska. Distt. Sialkot.</t>
  </si>
  <si>
    <t>Khalid Javid Iqbal</t>
  </si>
  <si>
    <t>GES RAJA PUR</t>
  </si>
  <si>
    <t>Rajapur</t>
  </si>
  <si>
    <t>basti raja pur tehsil lodhran</t>
  </si>
  <si>
    <t>Muhammad Mumtaz Khan</t>
  </si>
  <si>
    <t>GES RAJANA</t>
  </si>
  <si>
    <t>SAMUNDRI ROAD RAJANA</t>
  </si>
  <si>
    <t>CHAK NO 285 GB</t>
  </si>
  <si>
    <t>Wasim Ahmad</t>
  </si>
  <si>
    <t>GES RAJAR</t>
  </si>
  <si>
    <t>village and post office Rajar</t>
  </si>
  <si>
    <t>Saeed Iqbal Sadiq</t>
  </si>
  <si>
    <t>GES RAJIAN</t>
  </si>
  <si>
    <t>Rajian</t>
  </si>
  <si>
    <t>Rajian Tehsil zafarwal</t>
  </si>
  <si>
    <t>Unchan Kalan</t>
  </si>
  <si>
    <t>WAQAR AHMED</t>
  </si>
  <si>
    <t>GES RAKH BLOCH KALAN</t>
  </si>
  <si>
    <t>Rakh Baloch Kalan</t>
  </si>
  <si>
    <t>VPO RAKH BALOCH KALAN</t>
  </si>
  <si>
    <t>GES RAKH CHANDRAI</t>
  </si>
  <si>
    <t>Rakh Chandrai</t>
  </si>
  <si>
    <t>rakh chandrai</t>
  </si>
  <si>
    <t>Chandrai</t>
  </si>
  <si>
    <t>GES RAKH KIKRAN WALI</t>
  </si>
  <si>
    <t>Rakh Kikranwali</t>
  </si>
  <si>
    <t>rakh kikranwli Gujranwala</t>
  </si>
  <si>
    <t>imtiaz ahmad</t>
  </si>
  <si>
    <t>GES RAKH KOLAN</t>
  </si>
  <si>
    <t>Rakh Kolan</t>
  </si>
  <si>
    <t>Rakh kolan  tahsil kharian district gujrat dakkhana tapyala</t>
  </si>
  <si>
    <t>Rakh  Kolan</t>
  </si>
  <si>
    <t>Baghrianwala</t>
  </si>
  <si>
    <t>GES RAKH MAHOTA KHANSAR</t>
  </si>
  <si>
    <t>Rakh Mahota khansar</t>
  </si>
  <si>
    <t>GES Rakh Mahota khansar 1 RMK</t>
  </si>
  <si>
    <t>1 RMK</t>
  </si>
  <si>
    <t>khansar</t>
  </si>
  <si>
    <t>Mulazim Hussain Khan</t>
  </si>
  <si>
    <t>GES RAKH PAKPATTAN</t>
  </si>
  <si>
    <t>Rakh</t>
  </si>
  <si>
    <t>Bari Rakh Pakpattan</t>
  </si>
  <si>
    <t>17/SP</t>
  </si>
  <si>
    <t>GES RAKH REIKH</t>
  </si>
  <si>
    <t>PIR BUX EAST - MALE</t>
  </si>
  <si>
    <t>Rakh Raikh</t>
  </si>
  <si>
    <t>Ges Rakh Raikh teh&amp; dist Rajanpur</t>
  </si>
  <si>
    <t>Pir Bux East</t>
  </si>
  <si>
    <t>GES RAKHI MUNH</t>
  </si>
  <si>
    <t>Rakhi Munh</t>
  </si>
  <si>
    <t>rakhi munh</t>
  </si>
  <si>
    <t>Tuman Leghari Zaireen</t>
  </si>
  <si>
    <t>Muhammad Tariq Shahzad Buzdar Baloch</t>
  </si>
  <si>
    <t>GES RAM DIANA</t>
  </si>
  <si>
    <t>Ram Diana</t>
  </si>
  <si>
    <t>ram Diana p/o mid ranjha kotmomin Sargodha</t>
  </si>
  <si>
    <t>Tanvir Hayat</t>
  </si>
  <si>
    <t>GES RAM GARH 12/RB</t>
  </si>
  <si>
    <t>Ratti Tibbi</t>
  </si>
  <si>
    <t>Ratti Tibbi Chak 12RB</t>
  </si>
  <si>
    <t>Ratti Tibbi Chak 12</t>
  </si>
  <si>
    <t>GES RAM GARH CHAK 179/RB</t>
  </si>
  <si>
    <t>Ram Ghar Nodha</t>
  </si>
  <si>
    <t>ram Ghar nodha c#179 tehsil shahkot distt: nankana sahib</t>
  </si>
  <si>
    <t>Ram Ghar</t>
  </si>
  <si>
    <t>Abid Ali</t>
  </si>
  <si>
    <t>GES RAM KALI</t>
  </si>
  <si>
    <t>RAJAR HOO - MALE</t>
  </si>
  <si>
    <t>GHS RAMKALI MARKAZ RAJAR HOO P/O Chani Goth APE</t>
  </si>
  <si>
    <t>RAJAR HOO</t>
  </si>
  <si>
    <t>GES RAM PUR</t>
  </si>
  <si>
    <t>Rampur2</t>
  </si>
  <si>
    <t>Moza rampur 2 tehsil jatoi disst m.garh</t>
  </si>
  <si>
    <t>Ram Pur 2</t>
  </si>
  <si>
    <t>TAHIR WASEEM</t>
  </si>
  <si>
    <t>GES RAMKAY</t>
  </si>
  <si>
    <t>Ramkay</t>
  </si>
  <si>
    <t>ramkay  teh pasrur  dist.sialkot</t>
  </si>
  <si>
    <t>Nisar Ahmad Rabbani</t>
  </si>
  <si>
    <t>GES RAMKOT (SHEIKH DAKOT)</t>
  </si>
  <si>
    <t>Ramkot</t>
  </si>
  <si>
    <t>GES Ramkot</t>
  </si>
  <si>
    <t>GES RAMZAN ABAD</t>
  </si>
  <si>
    <t>Mandu</t>
  </si>
  <si>
    <t>moaza mandu , tehsil and district muzaffargarh</t>
  </si>
  <si>
    <t>Abdul Haq</t>
  </si>
  <si>
    <t>GES RAMZAN GHALLU</t>
  </si>
  <si>
    <t>Ramzan Ghallu</t>
  </si>
  <si>
    <t>moza ramzan ghallu tehsil ahmed pur east</t>
  </si>
  <si>
    <t>Khair Pur Dhah</t>
  </si>
  <si>
    <t>Muhammad Mujahid</t>
  </si>
  <si>
    <t>GES RAMZAN KHOR</t>
  </si>
  <si>
    <t>BAIT SOUNTRA - MALE</t>
  </si>
  <si>
    <t>AQIL PUR</t>
  </si>
  <si>
    <t>Government Elementary school Ramzan</t>
  </si>
  <si>
    <t>BASTI KHUR</t>
  </si>
  <si>
    <t>Muhammad Asif leghari</t>
  </si>
  <si>
    <t>GES RANA WAHIN</t>
  </si>
  <si>
    <t>RANG PUR- MALE</t>
  </si>
  <si>
    <t>p/o rangpur tehsil and district muzaffargarh</t>
  </si>
  <si>
    <t>Ansar mehdi</t>
  </si>
  <si>
    <t>GES RANDHAWA</t>
  </si>
  <si>
    <t>Randhawa</t>
  </si>
  <si>
    <t>V.P.O Randhawa Tehsil Pasrur, District Sialkot</t>
  </si>
  <si>
    <t>Jodhala</t>
  </si>
  <si>
    <t>Muhammad Farrukh Naveed</t>
  </si>
  <si>
    <t>GES RANDHEER</t>
  </si>
  <si>
    <t>NOONA WALI I - MALE</t>
  </si>
  <si>
    <t>Randheer</t>
  </si>
  <si>
    <t>Vpo randheer</t>
  </si>
  <si>
    <t>Bhao Ghaseet Pur</t>
  </si>
  <si>
    <t>Nadeem Ajmal</t>
  </si>
  <si>
    <t>GES RANGLI</t>
  </si>
  <si>
    <t>Rangli</t>
  </si>
  <si>
    <t>VPO RANGLI tehsil jand attock</t>
  </si>
  <si>
    <t>Farooq hussain</t>
  </si>
  <si>
    <t>GES RANGRA</t>
  </si>
  <si>
    <t>Rangra</t>
  </si>
  <si>
    <t>rangra gujrat</t>
  </si>
  <si>
    <t>RANGRA</t>
  </si>
  <si>
    <t>Surkhpur</t>
  </si>
  <si>
    <t>GES RANJALI</t>
  </si>
  <si>
    <t>Ranjali</t>
  </si>
  <si>
    <t>vpo ranjali tehsil Gujrkhan dist rwp</t>
  </si>
  <si>
    <t>Muhammad Kabeer Kiyani</t>
  </si>
  <si>
    <t>GES RANJHA</t>
  </si>
  <si>
    <t>V.p.o Ranjha Teh and Disst. Chakwal</t>
  </si>
  <si>
    <t>Kot chaudhrian</t>
  </si>
  <si>
    <t>Mehr Khan</t>
  </si>
  <si>
    <t>GES RANJHAI</t>
  </si>
  <si>
    <t>Ranjhai</t>
  </si>
  <si>
    <t>Bharoky Kalan</t>
  </si>
  <si>
    <t>Rana Muhammad Malik</t>
  </si>
  <si>
    <t>GES RANJHAY KHAN</t>
  </si>
  <si>
    <t>Ranjhay Khan</t>
  </si>
  <si>
    <t>Basti Ranjhay Khan Post office Lakar Wali Tehsil Sadiq Abad District Rahim Yar Khan</t>
  </si>
  <si>
    <t>GES RAO KHAN WALA</t>
  </si>
  <si>
    <t>Rao Khanwala</t>
  </si>
  <si>
    <t>rao khanwala</t>
  </si>
  <si>
    <t>Muhammad Amin Zahid</t>
  </si>
  <si>
    <t>GES RAQBA NOOR KHAN</t>
  </si>
  <si>
    <t>Kotla</t>
  </si>
  <si>
    <t>chah mosa khan wala moza kotla tehsil/dist. muzaffargarh</t>
  </si>
  <si>
    <t>Mosa Khan Wala</t>
  </si>
  <si>
    <t>Gairy Weihn</t>
  </si>
  <si>
    <t>GES RARYALA BIRAM</t>
  </si>
  <si>
    <t>Raryala Beeram</t>
  </si>
  <si>
    <t>village raryala beeram po kot basira teh and distt jhelum</t>
  </si>
  <si>
    <t>Sanghoi</t>
  </si>
  <si>
    <t>GES RASHEED PUR</t>
  </si>
  <si>
    <t>Mouza Rasheed Pur</t>
  </si>
  <si>
    <t>GES RASHID PUR</t>
  </si>
  <si>
    <t>Govt Elementary School Rasheed Pur Teh Sarai Alamgir</t>
  </si>
  <si>
    <t>GES RASOOL NAGAR</t>
  </si>
  <si>
    <t>Rasool Nagar teh&amp; Distt kasur</t>
  </si>
  <si>
    <t>Fatohiwala</t>
  </si>
  <si>
    <t>Asif Mahmood</t>
  </si>
  <si>
    <t>GES RATALA</t>
  </si>
  <si>
    <t>Ratala</t>
  </si>
  <si>
    <t>vpo ratala.gujar khan.rawalpindi</t>
  </si>
  <si>
    <t>GES RATAR NAHRAN WALI</t>
  </si>
  <si>
    <t>Rattur Nahran Wali</t>
  </si>
  <si>
    <t>basti chakar khan rattur nahran wali p/o uchsharif APE BWP</t>
  </si>
  <si>
    <t>Chakar Khan</t>
  </si>
  <si>
    <t>Chanab Rasoolpur</t>
  </si>
  <si>
    <t>Ihsan Alahi</t>
  </si>
  <si>
    <t>GES RATTA DHOTHER</t>
  </si>
  <si>
    <t>Ratta Dhother</t>
  </si>
  <si>
    <t>Ges Ratta Dhother p/o bhiri khurd tehsil Nowshera virkan</t>
  </si>
  <si>
    <t>Bhiri Kalan</t>
  </si>
  <si>
    <t>Sajid Ali</t>
  </si>
  <si>
    <t>GES RATTA KALAN</t>
  </si>
  <si>
    <t>Ratta Kalan</t>
  </si>
  <si>
    <t>ratta kalan</t>
  </si>
  <si>
    <t>Mubasher Haq</t>
  </si>
  <si>
    <t>GES RATTA MATTA</t>
  </si>
  <si>
    <t>Ratta Mata Junoobi</t>
  </si>
  <si>
    <t>Lalian Road Jhang</t>
  </si>
  <si>
    <t>Saifullah</t>
  </si>
  <si>
    <t>GES RATTA PUR REHAN</t>
  </si>
  <si>
    <t>ratta pur rehan</t>
  </si>
  <si>
    <t>P/O khas ratta pur rehan kotmoman sargodha</t>
  </si>
  <si>
    <t>lakseen</t>
  </si>
  <si>
    <t>Imran Furqan</t>
  </si>
  <si>
    <t>GES RATTEKA</t>
  </si>
  <si>
    <t>Ratteka Otar</t>
  </si>
  <si>
    <t>chak ratteka P/O macleod gunj tehsil minchin abad district bahawal nagar</t>
  </si>
  <si>
    <t>Ratteka</t>
  </si>
  <si>
    <t>Muhammad Sarwar</t>
  </si>
  <si>
    <t>GES RATTI KASSI</t>
  </si>
  <si>
    <t>GES Ratti Kassi. P/O, Kahal. Teh, Jand (Attock)</t>
  </si>
  <si>
    <t>HAFIZ NASEER UD DIN</t>
  </si>
  <si>
    <t>GES RATTI RAM</t>
  </si>
  <si>
    <t>Ratti ram</t>
  </si>
  <si>
    <t>Ratti ram mandi sadaq gunj</t>
  </si>
  <si>
    <t>Ratti Ram</t>
  </si>
  <si>
    <t>Sami Ullah Majid</t>
  </si>
  <si>
    <t>GES RATTIAN CHAK 5/RB</t>
  </si>
  <si>
    <t>Rattian Arrian Check 05</t>
  </si>
  <si>
    <t>Rattian arrain check no 05 rb</t>
  </si>
  <si>
    <t>Rattian Arrian Check 05rb</t>
  </si>
  <si>
    <t>Marhbalochan</t>
  </si>
  <si>
    <t>GES RATUCHHA</t>
  </si>
  <si>
    <t>Ratuchha</t>
  </si>
  <si>
    <t>VPO Ratuchha Teh Choa Saiden Shah Distt Chakwal</t>
  </si>
  <si>
    <t>Yasir Hanif</t>
  </si>
  <si>
    <t>GES RAVI KHOKHAR</t>
  </si>
  <si>
    <t>Ravi Khokhar</t>
  </si>
  <si>
    <t>MOUZA RAVI KHOKHAR</t>
  </si>
  <si>
    <t>mUHAMMAD sHAH</t>
  </si>
  <si>
    <t>GES RAWAL</t>
  </si>
  <si>
    <t>Rawal</t>
  </si>
  <si>
    <t>village Rawal po pindigheb Distt.Attock.</t>
  </si>
  <si>
    <t>village well</t>
  </si>
  <si>
    <t>GES RAWAL JHANGAR</t>
  </si>
  <si>
    <t>Rawal Jhangar</t>
  </si>
  <si>
    <t>village rawal jhangar</t>
  </si>
  <si>
    <t>Rawal Jhangr</t>
  </si>
  <si>
    <t>China Arla</t>
  </si>
  <si>
    <t>hafiz saood mahmood</t>
  </si>
  <si>
    <t>GES RAWANI</t>
  </si>
  <si>
    <t>basti rawani multan</t>
  </si>
  <si>
    <t>GES RAYYAN GORSIAN</t>
  </si>
  <si>
    <t>Rayyan</t>
  </si>
  <si>
    <t>village rayyan p/o sayyed thesil gujarkhan dist.rawalpindi</t>
  </si>
  <si>
    <t>SHOUKT HUSSAIN</t>
  </si>
  <si>
    <t>GES RAZAI SHAH SHUMALI</t>
  </si>
  <si>
    <t>razai Shah Shumali bhakkar</t>
  </si>
  <si>
    <t>Razai Shah Shumali Bhakkar</t>
  </si>
  <si>
    <t>Peer Ashab Dagar</t>
  </si>
  <si>
    <t>Atta Ullah Khan</t>
  </si>
  <si>
    <t>GES REMOUNT DEPOT</t>
  </si>
  <si>
    <t>Remount Depot</t>
  </si>
  <si>
    <t>6/7 chak bari mandi remount depot sargodha</t>
  </si>
  <si>
    <t>6/7 Chak Remount Depot</t>
  </si>
  <si>
    <t>Saqib Javed</t>
  </si>
  <si>
    <t>GES RENMAL SHARIF</t>
  </si>
  <si>
    <t>Ranmal Sharif</t>
  </si>
  <si>
    <t>Ranmal sharif</t>
  </si>
  <si>
    <t>Mukhtar Ahmad Tarar</t>
  </si>
  <si>
    <t>GES RIAZ HUSSAIN SHAH</t>
  </si>
  <si>
    <t>Mouza Lal Shah</t>
  </si>
  <si>
    <t>mouza lal shah p/o shedani sharif</t>
  </si>
  <si>
    <t>Azeem Pur</t>
  </si>
  <si>
    <t>Gullani</t>
  </si>
  <si>
    <t>Abdul Razaq Abid</t>
  </si>
  <si>
    <t>GES RODA TIBA</t>
  </si>
  <si>
    <t>Village Roda Tiba P/O Vehoa Tehsil Taunsa Distt DG Khan</t>
  </si>
  <si>
    <t>Roda Tibba</t>
  </si>
  <si>
    <t>submersible Pump</t>
  </si>
  <si>
    <t>GES ROHAIL</t>
  </si>
  <si>
    <t>Jhoke Rohail Shurqi</t>
  </si>
  <si>
    <t>jhoke rohail shurqi ,teh taunsa Sharif ,District DGKhan</t>
  </si>
  <si>
    <t>Jhoke Rohail</t>
  </si>
  <si>
    <t>Bohur</t>
  </si>
  <si>
    <t>GES ROHAILA MAITLA</t>
  </si>
  <si>
    <t>Rohela Maitla</t>
  </si>
  <si>
    <t>Rohela Maitla p.. o Hujra depalpur Okara</t>
  </si>
  <si>
    <t>Kharal Kalan</t>
  </si>
  <si>
    <t>Rizwan Maqsood</t>
  </si>
  <si>
    <t>GES ROHRA</t>
  </si>
  <si>
    <t>Rohra</t>
  </si>
  <si>
    <t>ROhra</t>
  </si>
  <si>
    <t>Nadar Labana</t>
  </si>
  <si>
    <t>Shahid Qamar</t>
  </si>
  <si>
    <t>GES ROSA TIBBA CHAK NO.1</t>
  </si>
  <si>
    <t>ROSA TIBBA</t>
  </si>
  <si>
    <t>ROSA TIBBA CHAK.NO1</t>
  </si>
  <si>
    <t>SADDAH OTAR</t>
  </si>
  <si>
    <t>GES ROSSA</t>
  </si>
  <si>
    <t>Rossa</t>
  </si>
  <si>
    <t>Bhail</t>
  </si>
  <si>
    <t>Muhammad Afzal Nadeem</t>
  </si>
  <si>
    <t>GES ROZA ABU ISHAQ MOZANG</t>
  </si>
  <si>
    <t>Mozang</t>
  </si>
  <si>
    <t>Roza peer abu ishaq temple road Mozang Lahore</t>
  </si>
  <si>
    <t>Muhammad Saeed Akhtar</t>
  </si>
  <si>
    <t>GES RUKHWAN</t>
  </si>
  <si>
    <t>gbes rukhwan tehsil jand district attock</t>
  </si>
  <si>
    <t>Mukhad Sharif</t>
  </si>
  <si>
    <t>GES RUSTUM LAGHARI</t>
  </si>
  <si>
    <t>Rustam Lighari</t>
  </si>
  <si>
    <t>Govet Elementary school  Rustam Lighari tehsil jampur district  rajanpur</t>
  </si>
  <si>
    <t>Rakhperoo Wala</t>
  </si>
  <si>
    <t>Qari muhammad Shafiq</t>
  </si>
  <si>
    <t>GES SABA ZAIR</t>
  </si>
  <si>
    <t>Saba Zair</t>
  </si>
  <si>
    <t>po dhuman village saba zair</t>
  </si>
  <si>
    <t>Tasawar hussain</t>
  </si>
  <si>
    <t>GES SABAL PUR</t>
  </si>
  <si>
    <t>Village Sabal Pur P/0 &amp; Teh. Pasrur Distt. Sialkkot</t>
  </si>
  <si>
    <t>Balaggan</t>
  </si>
  <si>
    <t>Ata Nazar Muhayudin</t>
  </si>
  <si>
    <t>GES SABAY WALA</t>
  </si>
  <si>
    <t>Sabaywala</t>
  </si>
  <si>
    <t>sabaywala khas tehsil jatoi dist. muzaffar garh</t>
  </si>
  <si>
    <t>Irfan Ullah Tariq</t>
  </si>
  <si>
    <t>GES SABAZ PIR</t>
  </si>
  <si>
    <t>Sabazpir</t>
  </si>
  <si>
    <t>Govt.Boys elementary school sabazpir</t>
  </si>
  <si>
    <t>GES SABHRAL</t>
  </si>
  <si>
    <t>Sabhral</t>
  </si>
  <si>
    <t>village Sabhral tehsil naushera district khushab</t>
  </si>
  <si>
    <t>Anga</t>
  </si>
  <si>
    <t>Muhammad Ijaz Malik</t>
  </si>
  <si>
    <t>GES SADEHRI</t>
  </si>
  <si>
    <t>gujrat</t>
  </si>
  <si>
    <t>saidhri</t>
  </si>
  <si>
    <t>deona</t>
  </si>
  <si>
    <t>GES SADHUKI</t>
  </si>
  <si>
    <t>Sadhoki</t>
  </si>
  <si>
    <t>Moza Sadhoki New Defence Road Lahore</t>
  </si>
  <si>
    <t>WAPDA Town</t>
  </si>
  <si>
    <t>GES SADIQ ABAD MILLS MOZA SHAKH MADINA</t>
  </si>
  <si>
    <t>Shakh Madina</t>
  </si>
  <si>
    <t>post office jhariyan wala</t>
  </si>
  <si>
    <t>Jhariyan Wala</t>
  </si>
  <si>
    <t>Malik Muhammad  Ayub</t>
  </si>
  <si>
    <t>GES SADIQ PUR</t>
  </si>
  <si>
    <t>Sadiq Pur</t>
  </si>
  <si>
    <t>GES Sadiq Pur</t>
  </si>
  <si>
    <t>Basti Bangul</t>
  </si>
  <si>
    <t>GES SADULLAH PUR</t>
  </si>
  <si>
    <t>Saadullah Pur</t>
  </si>
  <si>
    <t>vpo saadullah pur teh phali district mb din</t>
  </si>
  <si>
    <t>Razzaq Ahmad</t>
  </si>
  <si>
    <t>GES SADWAL KALAN</t>
  </si>
  <si>
    <t>Sadwal Kalan</t>
  </si>
  <si>
    <t>V.p.o Sadwal Kalan Tehsil kharian Dist Gujrat</t>
  </si>
  <si>
    <t>Kakrali</t>
  </si>
  <si>
    <t>Tanveer Anwar</t>
  </si>
  <si>
    <t>GES SAGHAR PUR</t>
  </si>
  <si>
    <t>SAGHARPUR</t>
  </si>
  <si>
    <t>PINDI SAID PUR</t>
  </si>
  <si>
    <t>SHAFQAT HUSSAIN</t>
  </si>
  <si>
    <t>GES SAGHIR SHAHEED ROAD GUJRANWALA</t>
  </si>
  <si>
    <t>Naveed colony nosehra road Gujranwala</t>
  </si>
  <si>
    <t>Naveed Colony</t>
  </si>
  <si>
    <t>Qila Sunder Sing</t>
  </si>
  <si>
    <t>GES SAGHRI NO.01</t>
  </si>
  <si>
    <t>vpo saghri tehsil jand district attock GES No1 saghri</t>
  </si>
  <si>
    <t>GES SAHAD</t>
  </si>
  <si>
    <t>Sahad</t>
  </si>
  <si>
    <t>sahad T/ Kasur</t>
  </si>
  <si>
    <t>Sahaf</t>
  </si>
  <si>
    <t>Kotli Ray Abubakr</t>
  </si>
  <si>
    <t>Muhammad Siddique Hasrat</t>
  </si>
  <si>
    <t>GES SAHARAN CHATTA</t>
  </si>
  <si>
    <t>V&amp;P/O Saharan chattha</t>
  </si>
  <si>
    <t>Saharanc Chattha</t>
  </si>
  <si>
    <t>Saharan Chattha</t>
  </si>
  <si>
    <t>muhammad walayat shahid</t>
  </si>
  <si>
    <t>GES SAHARAN KE</t>
  </si>
  <si>
    <t>Saharan Key</t>
  </si>
  <si>
    <t>Govet elementary school Saharan Key phoolnagar</t>
  </si>
  <si>
    <t>Jambar Khurd</t>
  </si>
  <si>
    <t>Muhammad Irfan Munawar</t>
  </si>
  <si>
    <t>GES SAHIB KHAN</t>
  </si>
  <si>
    <t>Sahib Khan</t>
  </si>
  <si>
    <t>Sahib khan tehsil Fateh jang</t>
  </si>
  <si>
    <t>Dhraik</t>
  </si>
  <si>
    <t>Ashraf Ali</t>
  </si>
  <si>
    <t>GES SAHIB WAL</t>
  </si>
  <si>
    <t>Sahibwal</t>
  </si>
  <si>
    <t>vpo Sahibwal tehsil malakwal dist M.B.Din</t>
  </si>
  <si>
    <t>SAJID MAHMOOD</t>
  </si>
  <si>
    <t>GES SAHIBA BALOCHAN</t>
  </si>
  <si>
    <t>Sahiba Balochan</t>
  </si>
  <si>
    <t>GES SAHLOWAL</t>
  </si>
  <si>
    <t>Salhowal</t>
  </si>
  <si>
    <t>chak salhowal</t>
  </si>
  <si>
    <t>Shamdin</t>
  </si>
  <si>
    <t>Dastager Faridi</t>
  </si>
  <si>
    <t>GES SAHNKAY</t>
  </si>
  <si>
    <t>Sahankay</t>
  </si>
  <si>
    <t>p o box pipnakha village sahankay</t>
  </si>
  <si>
    <t>Muhammad Daud</t>
  </si>
  <si>
    <t>GES SAHOKE VIRKAN</t>
  </si>
  <si>
    <t>Sahoke Virkan</t>
  </si>
  <si>
    <t>Village Sahoke Virkan Tensil Nowshehra Virkan District Gujranwala</t>
  </si>
  <si>
    <t>Sher Muhammad Khan</t>
  </si>
  <si>
    <t>GES SAHUWAL</t>
  </si>
  <si>
    <t>Kallary</t>
  </si>
  <si>
    <t>p.o. kallary dhoke sahuwal</t>
  </si>
  <si>
    <t>Dhoke Sahuwal</t>
  </si>
  <si>
    <t>Thamy Wali</t>
  </si>
  <si>
    <t>Muhammad Waheed Khan</t>
  </si>
  <si>
    <t>GES SAI</t>
  </si>
  <si>
    <t>Sai</t>
  </si>
  <si>
    <t>Village and post office sai tehseel kahuta district rawalpindi</t>
  </si>
  <si>
    <t>Mowara</t>
  </si>
  <si>
    <t>Humayoon Amjad Kiyani</t>
  </si>
  <si>
    <t>GES SAIB</t>
  </si>
  <si>
    <t>Saib</t>
  </si>
  <si>
    <t>Kali Sooba</t>
  </si>
  <si>
    <t>Shahbaz Akhtar</t>
  </si>
  <si>
    <t>GES SAID MUSA</t>
  </si>
  <si>
    <t>SHEIKH BURHAN-MALE</t>
  </si>
  <si>
    <t>Syed Musa</t>
  </si>
  <si>
    <t>moza syed musa kamalia</t>
  </si>
  <si>
    <t>GES SAID PUR HAFIZ WALA</t>
  </si>
  <si>
    <t>said pur mouza hafiz wala sharqi jppw</t>
  </si>
  <si>
    <t>Muhammad Shaukat Saeedi</t>
  </si>
  <si>
    <t>GES SAID WALA</t>
  </si>
  <si>
    <t>Saeed Wala Tehsil Kallur Kot District Bhakkar</t>
  </si>
  <si>
    <t>Saeed Wala</t>
  </si>
  <si>
    <t>Malik Ziaullah</t>
  </si>
  <si>
    <t>GES SAIDOKE</t>
  </si>
  <si>
    <t>Saidokey</t>
  </si>
  <si>
    <t>Village Saidokey Narowal</t>
  </si>
  <si>
    <t>Ikram Ali</t>
  </si>
  <si>
    <t>GES SAINTHAL</t>
  </si>
  <si>
    <t>Village Sainthal Post office Malka Tehsil Kharian District Gujrat</t>
  </si>
  <si>
    <t>Mazhar Mahmood</t>
  </si>
  <si>
    <t>GES SAIR WALA</t>
  </si>
  <si>
    <t>Gull Qaim Madtoi</t>
  </si>
  <si>
    <t>basti Sair wala</t>
  </si>
  <si>
    <t>Sair Wala</t>
  </si>
  <si>
    <t>Gull Qaim Mastoi</t>
  </si>
  <si>
    <t>Ehsan Kareem</t>
  </si>
  <si>
    <t>GES SAJHU WAL</t>
  </si>
  <si>
    <t>Sajhowal</t>
  </si>
  <si>
    <t>sajhowal jhang</t>
  </si>
  <si>
    <t>MUHAMMAD SAJJAD</t>
  </si>
  <si>
    <t>GES SALAMAT PURA</t>
  </si>
  <si>
    <t>Slamat Pora</t>
  </si>
  <si>
    <t>slamat pora</t>
  </si>
  <si>
    <t>GES SALAR WAHIN KOHNA, NAWAN SHEHR</t>
  </si>
  <si>
    <t>SALAR WEHAN</t>
  </si>
  <si>
    <t>MOUZA SALAR WEHAN KOHNA TEHSIL KABIRWALA DISTRICT KHANEWAL</t>
  </si>
  <si>
    <t>GES SALARAY</t>
  </si>
  <si>
    <t>Mouza Salaray Tehsil Chiniot</t>
  </si>
  <si>
    <t>GES SALEEM KHEL/KHABARAN WALA</t>
  </si>
  <si>
    <t>Saleem khel p o Ahmad Khan wala teh. distt Mian wali</t>
  </si>
  <si>
    <t>Saleem khel</t>
  </si>
  <si>
    <t>Arif Khan</t>
  </si>
  <si>
    <t>GES SALEEM SHAH BODLA</t>
  </si>
  <si>
    <t>saleem shah bodla</t>
  </si>
  <si>
    <t>Chak Saleem Shah bodla</t>
  </si>
  <si>
    <t>Saleem Shah bodla</t>
  </si>
  <si>
    <t>kumhariwala</t>
  </si>
  <si>
    <t>Moazzam Ali</t>
  </si>
  <si>
    <t>GES SALEH PUR</t>
  </si>
  <si>
    <t>Salehpur</t>
  </si>
  <si>
    <t>Salehpur Tehsil &amp; p/o Kamoke Distt. Gujranwala</t>
  </si>
  <si>
    <t>Shahid Iqbal Nayyar</t>
  </si>
  <si>
    <t>GES SALKHATER</t>
  </si>
  <si>
    <t>Salkhater</t>
  </si>
  <si>
    <t>village and post office salkhater</t>
  </si>
  <si>
    <t>Azam Ali Khan</t>
  </si>
  <si>
    <t>GES SAMAND WALA</t>
  </si>
  <si>
    <t>Samand Wala</t>
  </si>
  <si>
    <t>vpo samand wala</t>
  </si>
  <si>
    <t>Muhammad Rasool</t>
  </si>
  <si>
    <t>GES SAMBRIAL</t>
  </si>
  <si>
    <t>moh. Darulislam</t>
  </si>
  <si>
    <t>Muhammad Idrees Rahi</t>
  </si>
  <si>
    <t>GES SAMUNDRI</t>
  </si>
  <si>
    <t>Samundri</t>
  </si>
  <si>
    <t>circular road Samundri</t>
  </si>
  <si>
    <t>Qasim Bazaar</t>
  </si>
  <si>
    <t>Mc Samundri</t>
  </si>
  <si>
    <t>Zahid Mehmood</t>
  </si>
  <si>
    <t>GES SANA ABAD</t>
  </si>
  <si>
    <t>Muhabbat Sohrani</t>
  </si>
  <si>
    <t>basti Faizabad,mouza mohabbat sohrani,p/o basti shadi khan,teh&amp; distt Muzaffargarh.</t>
  </si>
  <si>
    <t>Gulqaim Mastoi</t>
  </si>
  <si>
    <t>Imran Aamir</t>
  </si>
  <si>
    <t>GES SANDAN WALA</t>
  </si>
  <si>
    <t>Village sandanwala</t>
  </si>
  <si>
    <t>Sandanwala</t>
  </si>
  <si>
    <t>mohammad aslam</t>
  </si>
  <si>
    <t>GES SANDHU KALAN</t>
  </si>
  <si>
    <t>Sandhu Kalan</t>
  </si>
  <si>
    <t>Sandhu Kalan, Via Phool Nagar, Distt. Kasur</t>
  </si>
  <si>
    <t>Sandhu kalan</t>
  </si>
  <si>
    <t>Akbarabad</t>
  </si>
  <si>
    <t>GES SANDHWAN TARAR</t>
  </si>
  <si>
    <t>Sandhwan Tarar</t>
  </si>
  <si>
    <t>Sandhwan</t>
  </si>
  <si>
    <t>GES SANGAT BUZDAR</t>
  </si>
  <si>
    <t>RAKH QADRAH</t>
  </si>
  <si>
    <t>basti sangat buzdar mouza rakh qadirah p / of umer kot Tehsil Rojhan Distt Rajan Pur</t>
  </si>
  <si>
    <t>Basti Sangat buzdar</t>
  </si>
  <si>
    <t>GES SANGIAL</t>
  </si>
  <si>
    <t>Sangial</t>
  </si>
  <si>
    <t>Mehlowala</t>
  </si>
  <si>
    <t>GES SANGRAL</t>
  </si>
  <si>
    <t>Sangral</t>
  </si>
  <si>
    <t>vill&amp;Po sangral teh&amp;distt rawalpindi</t>
  </si>
  <si>
    <t>GES SANGRRAN WALA</t>
  </si>
  <si>
    <t>Patti Balanda</t>
  </si>
  <si>
    <t>Sanegeran wala mouza patti balanda tehsil Mankera District Bhakkar</t>
  </si>
  <si>
    <t>Sanegerran Wala</t>
  </si>
  <si>
    <t>Hafeez Ullah Khan</t>
  </si>
  <si>
    <t>GES SANJ</t>
  </si>
  <si>
    <t>village and post office sanj tehsil murree district rawalpindi</t>
  </si>
  <si>
    <t>Sanj</t>
  </si>
  <si>
    <t>Dilshad Anwar</t>
  </si>
  <si>
    <t>GES SANJWAL</t>
  </si>
  <si>
    <t>Sanjwal</t>
  </si>
  <si>
    <t>GBES SANJWAL attock</t>
  </si>
  <si>
    <t>Golrah</t>
  </si>
  <si>
    <t>Umair Rashid</t>
  </si>
  <si>
    <t>GES SANTH SARULA</t>
  </si>
  <si>
    <t>Santh SARULLA</t>
  </si>
  <si>
    <t>village Santh SARULLA p.o &amp; tehsil kotli sattain Rawalpindi</t>
  </si>
  <si>
    <t>Santh Sarulla</t>
  </si>
  <si>
    <t>Zaid Ul Khayal Zaidi</t>
  </si>
  <si>
    <t>GES SARAI ALAMGIR NO.2</t>
  </si>
  <si>
    <t>near fawara chowk purani jhelum sarai alamgir</t>
  </si>
  <si>
    <t>Syed Zulqarnain Hussain Shah</t>
  </si>
  <si>
    <t>GES SARAI CHEENBA</t>
  </si>
  <si>
    <t>Sarai Cheemba</t>
  </si>
  <si>
    <t>GES SARAI CHEEMBA MARKAZ PHOOL NAGER pattoki kasur</t>
  </si>
  <si>
    <t>Gaga Sarai</t>
  </si>
  <si>
    <t>Hafiz Muhmmad Usman</t>
  </si>
  <si>
    <t>GES SARAI DHING</t>
  </si>
  <si>
    <t>sarai dhing</t>
  </si>
  <si>
    <t>tehsil and district gujrat villege and post office sarai dhing</t>
  </si>
  <si>
    <t>doult nagar</t>
  </si>
  <si>
    <t>muhammad asghar tayyab</t>
  </si>
  <si>
    <t>GES SARAI MOHAJIR</t>
  </si>
  <si>
    <t>Krari Kot</t>
  </si>
  <si>
    <t>SARAY MUHAJIR BHAKKAR</t>
  </si>
  <si>
    <t>205/tda</t>
  </si>
  <si>
    <t>205/TDA</t>
  </si>
  <si>
    <t>umar farooq</t>
  </si>
  <si>
    <t>GES SARANG WALA</t>
  </si>
  <si>
    <t>KOTLA QAIM - MALE</t>
  </si>
  <si>
    <t>Kotla Lundan</t>
  </si>
  <si>
    <t>kotla lundan rajan pur</t>
  </si>
  <si>
    <t>Kotla Easan</t>
  </si>
  <si>
    <t>SHAHID  IQBAL SAGHIR</t>
  </si>
  <si>
    <t>GES SARANKAY</t>
  </si>
  <si>
    <t>sarankay</t>
  </si>
  <si>
    <t>Syed Ghaznfar Ali</t>
  </si>
  <si>
    <t>GES SARDAR KALAT</t>
  </si>
  <si>
    <t>Sardar kalat barthi trible area distt dgkhan</t>
  </si>
  <si>
    <t>Sardar Kalat</t>
  </si>
  <si>
    <t>GES SARFARAGH</t>
  </si>
  <si>
    <t>MITHWAN MALE</t>
  </si>
  <si>
    <t>SARFARAGH</t>
  </si>
  <si>
    <t>sarfaragh p/o vehoa tribal area dg khan</t>
  </si>
  <si>
    <t>Mithwan</t>
  </si>
  <si>
    <t>Abdul Hameed Qaisrani</t>
  </si>
  <si>
    <t>GES SARHALI KHURD</t>
  </si>
  <si>
    <t>Sarhali Khurd</t>
  </si>
  <si>
    <t>Sarhali khurd post office Mustafa bad tehsil and district kasur</t>
  </si>
  <si>
    <t>Sarhali</t>
  </si>
  <si>
    <t>Hafiz Asif Shahzad</t>
  </si>
  <si>
    <t>GES SARKAL KASSAR</t>
  </si>
  <si>
    <t>Sarkal Kassar</t>
  </si>
  <si>
    <t>vpo sarkal kassar teh distt chakwal</t>
  </si>
  <si>
    <t>GES SARSALA</t>
  </si>
  <si>
    <t>Sarsal</t>
  </si>
  <si>
    <t>vpo sarsal teh. kharian  distt. Gujarat</t>
  </si>
  <si>
    <t>Muhammad Arshad Baig</t>
  </si>
  <si>
    <t>GES SARU WALA</t>
  </si>
  <si>
    <t>SAROO WALA</t>
  </si>
  <si>
    <t>GPS SAROO WALA</t>
  </si>
  <si>
    <t>PIR PUNJA</t>
  </si>
  <si>
    <t>MUHAMMAD FAROOQ</t>
  </si>
  <si>
    <t>GES SARWYA</t>
  </si>
  <si>
    <t>Nowshera</t>
  </si>
  <si>
    <t>GBES Sarwaya</t>
  </si>
  <si>
    <t>Sarwaya</t>
  </si>
  <si>
    <t>Nisar Ali Malik</t>
  </si>
  <si>
    <t>GES SATELLITE TOWN</t>
  </si>
  <si>
    <t>A-Block Satellite Town Jhang</t>
  </si>
  <si>
    <t>Satellite Town</t>
  </si>
  <si>
    <t>Aftab Ahmad</t>
  </si>
  <si>
    <t>GES SATHIALI KALAN NO. 25/RB</t>
  </si>
  <si>
    <t>Sathiali Kalan</t>
  </si>
  <si>
    <t>GES, Sathiali Kalan, Tehsil Sangla Hill, District Nankana Sahib</t>
  </si>
  <si>
    <t>GES SATTOKI</t>
  </si>
  <si>
    <t>Sattoki</t>
  </si>
  <si>
    <t>GES Sattoki tehsil and district kasur</t>
  </si>
  <si>
    <t>Raza Muhammad Kasuri</t>
  </si>
  <si>
    <t>Water Room Filter</t>
  </si>
  <si>
    <t>GES SEEDA BRAHM</t>
  </si>
  <si>
    <t>Saida Braham</t>
  </si>
  <si>
    <t>saida Braham  teh  kharian distt Gujarat</t>
  </si>
  <si>
    <t>Said a Braham</t>
  </si>
  <si>
    <t>MUHAMMAD SAJID</t>
  </si>
  <si>
    <t>GES SEER KHARAK</t>
  </si>
  <si>
    <t>Seer Kharak</t>
  </si>
  <si>
    <t>GPS Seer Kharak Multan</t>
  </si>
  <si>
    <t>Neel Kot</t>
  </si>
  <si>
    <t>GES SEERAY</t>
  </si>
  <si>
    <t>Seeray</t>
  </si>
  <si>
    <t>Govt E/S Seeray</t>
  </si>
  <si>
    <t>GES SEETPUR</t>
  </si>
  <si>
    <t>Khanani</t>
  </si>
  <si>
    <t>GES SEET PUR KHANANI ALI PUR M.GARH</t>
  </si>
  <si>
    <t>Seet pur</t>
  </si>
  <si>
    <t>Seet Pur</t>
  </si>
  <si>
    <t>Muhammad Sagheer</t>
  </si>
  <si>
    <t>GES SEHJOWAL</t>
  </si>
  <si>
    <t>Sehjowal P.O. sharqpur Tehsil Sharqpur Distrect sheikhupura</t>
  </si>
  <si>
    <t>Muhammad Siddique Tahir</t>
  </si>
  <si>
    <t>GES SEHJOWAL CHAK NO.11</t>
  </si>
  <si>
    <t>Sehjowal Chak 11</t>
  </si>
  <si>
    <t>sehjowal chak no. 11</t>
  </si>
  <si>
    <t>Bhopaywal Chak 23</t>
  </si>
  <si>
    <t>Ghulam  Yasin</t>
  </si>
  <si>
    <t>GES SEHNSARA GORAYA</t>
  </si>
  <si>
    <t>Chanda Qila</t>
  </si>
  <si>
    <t>sehansra Goraya</t>
  </si>
  <si>
    <t>Sehansra Goraya</t>
  </si>
  <si>
    <t>Masood Ullah Aslam</t>
  </si>
  <si>
    <t>GES SEHOWAL</t>
  </si>
  <si>
    <t>Sehowal</t>
  </si>
  <si>
    <t>Village Sehowal, Tehsil Pasrur, District Sialkot</t>
  </si>
  <si>
    <t>Shehzada</t>
  </si>
  <si>
    <t>Muhammad Tahir Mehmood</t>
  </si>
  <si>
    <t>GES SEHTHI</t>
  </si>
  <si>
    <t>Sethi</t>
  </si>
  <si>
    <t>village sethi post office noorpur teh. kallar kahar distt. chakwal</t>
  </si>
  <si>
    <t>village water supply</t>
  </si>
  <si>
    <t>GES SETTLITE TOWN NO.2 GULSHAN-E-IQBAL</t>
  </si>
  <si>
    <t>govt E/S GULSHAN Iqbal</t>
  </si>
  <si>
    <t>GULSHAN Iqbal</t>
  </si>
  <si>
    <t>City Aria</t>
  </si>
  <si>
    <t>GES SEWA RAM</t>
  </si>
  <si>
    <t>Sewa Ram</t>
  </si>
  <si>
    <t>Mouza Sewa Ram</t>
  </si>
  <si>
    <t>Dinpur Sharif</t>
  </si>
  <si>
    <t>GES SHADAB COLONY CHUNG LAHORE</t>
  </si>
  <si>
    <t>Chung</t>
  </si>
  <si>
    <t>near post office Chung lahore</t>
  </si>
  <si>
    <t>Shadab Colony</t>
  </si>
  <si>
    <t>Syed Zahid Abbas Zaidi</t>
  </si>
  <si>
    <t>GES SHADAY WALA</t>
  </si>
  <si>
    <t>Shaday Wala</t>
  </si>
  <si>
    <t>GES SHADI PUR</t>
  </si>
  <si>
    <t>Shadi Pur</t>
  </si>
  <si>
    <t>shadi pur teh lalian disst chiniot</t>
  </si>
  <si>
    <t>malla khan</t>
  </si>
  <si>
    <t>GES SHADIWAL</t>
  </si>
  <si>
    <t>Shadiwal</t>
  </si>
  <si>
    <t>main bazar shadiwal</t>
  </si>
  <si>
    <t>Mehmoodkey Shadiwal</t>
  </si>
  <si>
    <t>Abdul Aleem Tahir</t>
  </si>
  <si>
    <t>GES SHAFIQ ABAD</t>
  </si>
  <si>
    <t>Khokhar Isra Nashaib</t>
  </si>
  <si>
    <t>basti thala inayat khan</t>
  </si>
  <si>
    <t>Thala Inayat Khan</t>
  </si>
  <si>
    <t>M Ghalib Sultan</t>
  </si>
  <si>
    <t>GES SHAFQAT ABAD</t>
  </si>
  <si>
    <t>Shafqat Abad</t>
  </si>
  <si>
    <t>Moh.shafqat Abad Mandi Bhaudin</t>
  </si>
  <si>
    <t>Muncipal Comety</t>
  </si>
  <si>
    <t>Shahid Rasul</t>
  </si>
  <si>
    <t>GES SHAH ALI</t>
  </si>
  <si>
    <t>Shah Ali</t>
  </si>
  <si>
    <t>ges shah ali</t>
  </si>
  <si>
    <t>GES SHAH DHANIYAL NAWAN SHEHR</t>
  </si>
  <si>
    <t>Shah Dhaniyal</t>
  </si>
  <si>
    <t>Mouza Shah Dhaniyal Teh kabirwala Distt Khanewal</t>
  </si>
  <si>
    <t>Salar Wahin NAU</t>
  </si>
  <si>
    <t>GES SHAH GARH</t>
  </si>
  <si>
    <t>SHAH GARH</t>
  </si>
  <si>
    <t>BAHISHTI</t>
  </si>
  <si>
    <t>Sallah-u-din</t>
  </si>
  <si>
    <t>GES SHAH HUSSAIN</t>
  </si>
  <si>
    <t>Aulakh Thal Jandi</t>
  </si>
  <si>
    <t>Shah Hussain, 113-A TDA P/O Shah pur, Layyah.</t>
  </si>
  <si>
    <t>Shah Hussain 113-A/ TDA Layyah</t>
  </si>
  <si>
    <t>GES SHAH KHAGGA PAKPATTAN</t>
  </si>
  <si>
    <t>Shah Khagga</t>
  </si>
  <si>
    <t>chak shah khagga pakpattan</t>
  </si>
  <si>
    <t>Muhammad Naeem Iqbal Shah</t>
  </si>
  <si>
    <t>GES SHAH NAWAZ</t>
  </si>
  <si>
    <t>KOTLA HAJI SHAH MALE</t>
  </si>
  <si>
    <t>Basti shah Nawaz</t>
  </si>
  <si>
    <t>basti shah nawaz layyah</t>
  </si>
  <si>
    <t>Basti Shah Nawaz</t>
  </si>
  <si>
    <t>GES SHAH PUR</t>
  </si>
  <si>
    <t>Moza shah pur tehsil depalpur distt okara</t>
  </si>
  <si>
    <t>GES SHAH PUR SANI</t>
  </si>
  <si>
    <t>Shah Pur Sani</t>
  </si>
  <si>
    <t>Shah pur sani</t>
  </si>
  <si>
    <t>Muhammad Shakeel Ahmad</t>
  </si>
  <si>
    <t>GES SHAH PUR UBBHA TEH.SHUJABAD MULTAN</t>
  </si>
  <si>
    <t>Shahpur Ubah</t>
  </si>
  <si>
    <t>GES shahpur ubah Tehsil shujabad, Multan</t>
  </si>
  <si>
    <t>Hafiz Khadim Hussain</t>
  </si>
  <si>
    <t>GES SHAH QULLI</t>
  </si>
  <si>
    <t>Shah Qulli</t>
  </si>
  <si>
    <t>Ges Shah Qulli</t>
  </si>
  <si>
    <t>Syed Tanveer Haider</t>
  </si>
  <si>
    <t>GES SHAH SADIQ NEHANG</t>
  </si>
  <si>
    <t>Shah Sadiq Nehang Nehang</t>
  </si>
  <si>
    <t>shah sadiq nehang teh shorkot district jhang</t>
  </si>
  <si>
    <t>Shah Sadiq Nehang</t>
  </si>
  <si>
    <t>Iqbal Hussain Khan</t>
  </si>
  <si>
    <t>GES SHAH SAFEER</t>
  </si>
  <si>
    <t>Shah Safeer</t>
  </si>
  <si>
    <t>Village &amp; PO Shah Safeer</t>
  </si>
  <si>
    <t>Pind Mattay Khan</t>
  </si>
  <si>
    <t>GES SHAH WALA</t>
  </si>
  <si>
    <t>govt E/S SHAH WALA p/o dhingana haidar abad thal tehsil mankera distt bhakkar</t>
  </si>
  <si>
    <t>Iftikhar Hussain</t>
  </si>
  <si>
    <t>GES SHAH YAKKA</t>
  </si>
  <si>
    <t>Shah yakka</t>
  </si>
  <si>
    <t>SHAH YAKKA</t>
  </si>
  <si>
    <t>Zia Ul Haq</t>
  </si>
  <si>
    <t>GES SHAHADAT KUNDLA, ABDUL HAKIM</t>
  </si>
  <si>
    <t>Shahadat Kundla</t>
  </si>
  <si>
    <t>Moza Shahadat Kundla Nazd Shakh Madina Abdul Hakim</t>
  </si>
  <si>
    <t>Muhammad Binyamin</t>
  </si>
  <si>
    <t>GES SHAHAMAD</t>
  </si>
  <si>
    <t>shahamad p/ o basirpur, tehsil depalpur distt okara</t>
  </si>
  <si>
    <t>GES SHAHBAZ PUR</t>
  </si>
  <si>
    <t>vpo shahbaz pur</t>
  </si>
  <si>
    <t>Syed Ghulam Hussain Shah Naqvi</t>
  </si>
  <si>
    <t>GES SHAH-BAZ PUR</t>
  </si>
  <si>
    <t>Basti shahbaz pur</t>
  </si>
  <si>
    <t>Basti Shahbaz Pur</t>
  </si>
  <si>
    <t>Muhammad Waseem Iqbal</t>
  </si>
  <si>
    <t>GES SHAHEEDAN WALA P/O RAJA PUR</t>
  </si>
  <si>
    <t>shaheedan wala p/o raja pur lodhran</t>
  </si>
  <si>
    <t>Shaheedan Wala</t>
  </si>
  <si>
    <t>GES SHAHEEDAN WALI</t>
  </si>
  <si>
    <t>Shaheedanwali</t>
  </si>
  <si>
    <t>Govt. boys elementary school,vpo shaheedanwali, mandi bahauddin 
postal code 50400</t>
  </si>
  <si>
    <t>GES SHAHER SULTAN NO. 1</t>
  </si>
  <si>
    <t>ward no 4 shaher sultan tehsil jatoi</t>
  </si>
  <si>
    <t>Shahre Sultan</t>
  </si>
  <si>
    <t>M/c Shaher Sultan</t>
  </si>
  <si>
    <t>Abdul Waheed Khan</t>
  </si>
  <si>
    <t>GES SHAHI WALA</t>
  </si>
  <si>
    <t>shahi wala</t>
  </si>
  <si>
    <t>Mohsin abbas</t>
  </si>
  <si>
    <t>GES SHAHIAN WALA</t>
  </si>
  <si>
    <t>Jandan  Wala</t>
  </si>
  <si>
    <t>Shahian Wala</t>
  </si>
  <si>
    <t>MUHAMMAD HAYAT</t>
  </si>
  <si>
    <t>GES SHAHID ABAD</t>
  </si>
  <si>
    <t>P/O shahid a bad mouza chohan Tehsil liaquat pur dist Rahim Yar Khan</t>
  </si>
  <si>
    <t>Shahid Abad</t>
  </si>
  <si>
    <t>GES SHAHLANI SHARQI</t>
  </si>
  <si>
    <t>KOT QAISRANI</t>
  </si>
  <si>
    <t>SHAHLANI SHARQI P/O KOT QAISRANI TEH. TAUNSA D.G KHAN</t>
  </si>
  <si>
    <t>SHAHLANI SHARQI</t>
  </si>
  <si>
    <t>Hafiz Munir Ahmad</t>
  </si>
  <si>
    <t>GES SHAHPUR CITY</t>
  </si>
  <si>
    <t>Shahpur City</t>
  </si>
  <si>
    <t>GES shahpur city</t>
  </si>
  <si>
    <t>zahoor ahmed</t>
  </si>
  <si>
    <t>GES SHAHU BALOUCH PO PAKPATTAN</t>
  </si>
  <si>
    <t>SHAHU BALOUCH</t>
  </si>
  <si>
    <t>CHAK SHAHU BALOUCH POST OFFICE PAKPATTAN</t>
  </si>
  <si>
    <t>BEHRAM PUR</t>
  </si>
  <si>
    <t>Hafiz Ali Ahmad</t>
  </si>
  <si>
    <t>GES SHAHZAD PUR</t>
  </si>
  <si>
    <t>SHAHPUR - MALE</t>
  </si>
  <si>
    <t>shahzadpur</t>
  </si>
  <si>
    <t>Muhammad Ijaz Chadhar</t>
  </si>
  <si>
    <t>GES SHAKAR KOT</t>
  </si>
  <si>
    <t>Shakar Kot</t>
  </si>
  <si>
    <t>Shakar kot tensile Naushera district khushab</t>
  </si>
  <si>
    <t>GES SHAMAS PURA</t>
  </si>
  <si>
    <t>Shamaspura</t>
  </si>
  <si>
    <t>shamaspura tehsil chunian district kasur</t>
  </si>
  <si>
    <t>MUHAMMAD WAQAS</t>
  </si>
  <si>
    <t>GES SHAMBOO</t>
  </si>
  <si>
    <t>Shamboo</t>
  </si>
  <si>
    <t>basti shamboo p/o sakhi sarwar tehsil and district DGK</t>
  </si>
  <si>
    <t>pipe line from lake</t>
  </si>
  <si>
    <t>GES SHAMIR DINGA</t>
  </si>
  <si>
    <t>Shamir Dinga</t>
  </si>
  <si>
    <t>Shamir dinga</t>
  </si>
  <si>
    <t>Nanoana</t>
  </si>
  <si>
    <t>Manzoor Elahi</t>
  </si>
  <si>
    <t>GES SHAMIR PUR CHOBARA</t>
  </si>
  <si>
    <t>Shamir Pur</t>
  </si>
  <si>
    <t>Vill Shamir Pur Chobara P.O Qila Kalar Wala Pasrur Sialkot</t>
  </si>
  <si>
    <t>Shamir Pur Chobara</t>
  </si>
  <si>
    <t>Ghatyalian</t>
  </si>
  <si>
    <t>GES SHAMSA CHEEMA</t>
  </si>
  <si>
    <t>Shamsa CheeCheema</t>
  </si>
  <si>
    <t>vpo shamsa cheema</t>
  </si>
  <si>
    <t>Shamsa Cheema</t>
  </si>
  <si>
    <t>Gojra 56</t>
  </si>
  <si>
    <t>GES SHAMSA DHADA</t>
  </si>
  <si>
    <t>Shamsa Dhadda</t>
  </si>
  <si>
    <t>village shamsa dhadda p/o khas tehsil nowshera Virkan</t>
  </si>
  <si>
    <t>GES SHARAQPUR KHURD</t>
  </si>
  <si>
    <t>Sharaq Pur Khurd</t>
  </si>
  <si>
    <t>Main Sui Gas Road Asif Abad Colony Shaaqpur Khurd Kot Abdul Malik</t>
  </si>
  <si>
    <t>Muncipal Committee Kot Abdul Malik</t>
  </si>
  <si>
    <t>M.ATEEQ AWAN</t>
  </si>
  <si>
    <t>GES SHAREEN MUAFI</t>
  </si>
  <si>
    <t>Shereen Muafi</t>
  </si>
  <si>
    <t>GES Shereen Muafi</t>
  </si>
  <si>
    <t>GES SHARIF PUR</t>
  </si>
  <si>
    <t>sharif pur mahais</t>
  </si>
  <si>
    <t>Sharif Pur Mahais</t>
  </si>
  <si>
    <t>dharagmiana</t>
  </si>
  <si>
    <t>Sabir Javed</t>
  </si>
  <si>
    <t>GES SHARIF PURA BAIWA COLONY MULTAN</t>
  </si>
  <si>
    <t>GES SHAREEF PURA MULTAN</t>
  </si>
  <si>
    <t>Sheena Abad</t>
  </si>
  <si>
    <t>Moomna Abad</t>
  </si>
  <si>
    <t>Mahar Umar Hayat</t>
  </si>
  <si>
    <t>GES SHATAB GARH</t>
  </si>
  <si>
    <t>SHATAB GARH-MALE</t>
  </si>
  <si>
    <t>Shatab Garh</t>
  </si>
  <si>
    <t>shatab garh</t>
  </si>
  <si>
    <t>GES SHEEN BAGH KALAN</t>
  </si>
  <si>
    <t>Sheen Bagh Kalan</t>
  </si>
  <si>
    <t>sheen bagh kalan</t>
  </si>
  <si>
    <t>Abdul Wasay</t>
  </si>
  <si>
    <t>GES SHEENAY SAGGAL</t>
  </si>
  <si>
    <t>Cheenay Saggal</t>
  </si>
  <si>
    <t>GES. Cheenay Saggal P/O Dhadiala Narowal</t>
  </si>
  <si>
    <t>Bola Bajwa</t>
  </si>
  <si>
    <t>Tariq Anwar</t>
  </si>
  <si>
    <t>GES SHEHNI WALA</t>
  </si>
  <si>
    <t>GES SHEHNI WALA JHANG CITY</t>
  </si>
  <si>
    <t>SHEHNI WALA</t>
  </si>
  <si>
    <t>MADAN SHAH</t>
  </si>
  <si>
    <t>MUHAMMAD NADEEM SAJID</t>
  </si>
  <si>
    <t>GES SHEIKH BHAGOO</t>
  </si>
  <si>
    <t>Shaikh Bhago</t>
  </si>
  <si>
    <t>shaikh bhago</t>
  </si>
  <si>
    <t>GES SHEIKH BURHAN</t>
  </si>
  <si>
    <t>Sheikh Burhan</t>
  </si>
  <si>
    <t>moza sheikh burhan</t>
  </si>
  <si>
    <t>Qadir Bux</t>
  </si>
  <si>
    <t>Asghar Bashir</t>
  </si>
  <si>
    <t>GES SHEIKH NASEER</t>
  </si>
  <si>
    <t>Shaikh Naseer</t>
  </si>
  <si>
    <t>near sheikh wain station qaimpur</t>
  </si>
  <si>
    <t>Sheikh Naseer</t>
  </si>
  <si>
    <t>Chak 75/db</t>
  </si>
  <si>
    <t>Alam Hussain</t>
  </si>
  <si>
    <t>GES SHEIKH PUR</t>
  </si>
  <si>
    <t>Sheikhpur</t>
  </si>
  <si>
    <t>ges sheikh pur</t>
  </si>
  <si>
    <t>Peer Khana</t>
  </si>
  <si>
    <t>Yasir Amanat</t>
  </si>
  <si>
    <t>GES SHEIKHALI</t>
  </si>
  <si>
    <t>Wan Bhachran Shumali</t>
  </si>
  <si>
    <t>PO wan Bhachran village Sheikhali</t>
  </si>
  <si>
    <t>Sheikhali</t>
  </si>
  <si>
    <t>Muzaffarpur Shumali SHhumali</t>
  </si>
  <si>
    <t>GES SHEIKHUPURA BEDAD</t>
  </si>
  <si>
    <t>Sheikhupura Bedad</t>
  </si>
  <si>
    <t>village Sheikhupura Bedad tehsil muridke dist Sheikhupura</t>
  </si>
  <si>
    <t>GES SHEIKHUPURA, ABDUL HAKIM</t>
  </si>
  <si>
    <t>Sheikhupura</t>
  </si>
  <si>
    <t>moza sheikhupura p/o kot islam kabirwala khanewal</t>
  </si>
  <si>
    <t>GES SHEINH WALA</t>
  </si>
  <si>
    <t>Sheinh Wala</t>
  </si>
  <si>
    <t>Basti Sheinh Wala</t>
  </si>
  <si>
    <t>GES SHER JANG KHELAN WALA</t>
  </si>
  <si>
    <t>Sawans</t>
  </si>
  <si>
    <t>vpo sawans teh and distt mianwali</t>
  </si>
  <si>
    <t>Muhammad Iqbal Khan</t>
  </si>
  <si>
    <t>GES SHEREEN ABAD</t>
  </si>
  <si>
    <t>Dandot Rs</t>
  </si>
  <si>
    <t>V and P O  Dandot R S Tehsil Pind Dadan Jhelum.</t>
  </si>
  <si>
    <t>Gol Pur</t>
  </si>
  <si>
    <t>Zadar Iqbal</t>
  </si>
  <si>
    <t>GES SHERI KHEL NIKKE</t>
  </si>
  <si>
    <t>BAN HAFIZ JEE-MALE</t>
  </si>
  <si>
    <t>kund</t>
  </si>
  <si>
    <t>Dhoke Sheri khel chakrala Tehsil and District Mianwali</t>
  </si>
  <si>
    <t>Dhoke Sheri khel</t>
  </si>
  <si>
    <t>Bun hafiz jee</t>
  </si>
  <si>
    <t>Mawaz khan</t>
  </si>
  <si>
    <t>private water suply</t>
  </si>
  <si>
    <t>GES SHERKAY ZEREEN</t>
  </si>
  <si>
    <t>Sher Kay Zereen</t>
  </si>
  <si>
    <t>sher kay zereen p/o chochak okara</t>
  </si>
  <si>
    <t>Ashiq Ali</t>
  </si>
  <si>
    <t>GES SHEROKE</t>
  </si>
  <si>
    <t>Sheroke</t>
  </si>
  <si>
    <t>Govt. elementary school sheroke</t>
  </si>
  <si>
    <t>Deurhi</t>
  </si>
  <si>
    <t>GES SHEROO WALA</t>
  </si>
  <si>
    <t>Sheroo Wala teh chobara district Layyah</t>
  </si>
  <si>
    <t>Sheroo Wala</t>
  </si>
  <si>
    <t>Muhammad Fiaz</t>
  </si>
  <si>
    <t>GES SHEW PURA</t>
  </si>
  <si>
    <t>Gnaish pura</t>
  </si>
  <si>
    <t>Shewpura Minchinabad</t>
  </si>
  <si>
    <t>shewpura</t>
  </si>
  <si>
    <t>IBRAR-UL-ISLAM</t>
  </si>
  <si>
    <t>GES SHIAN WALA</t>
  </si>
  <si>
    <t>Shianwali P.O Chakrala</t>
  </si>
  <si>
    <t>Muhammad Sajid Khan</t>
  </si>
  <si>
    <t>GES SHIEKH ABAD</t>
  </si>
  <si>
    <t>Maseet Wala</t>
  </si>
  <si>
    <t>ges sheikhabad</t>
  </si>
  <si>
    <t>Sheikhabad</t>
  </si>
  <si>
    <t>Abdul Majeed Khan</t>
  </si>
  <si>
    <t>GES SHIKAR PUR</t>
  </si>
  <si>
    <t>SHIKARPUR TEHSIL &amp; DISTRICT RAJANPUR</t>
  </si>
  <si>
    <t>GES SHIMAR</t>
  </si>
  <si>
    <t>Gunjial Janoobi</t>
  </si>
  <si>
    <t>main street gulshon iqbal town jauharabad dist khushab</t>
  </si>
  <si>
    <t>Shimar</t>
  </si>
  <si>
    <t>GES SHIMLA ISLAMIA RWP</t>
  </si>
  <si>
    <t>Aria Mohallah</t>
  </si>
  <si>
    <t>street no 4 aria mohallah Rawalpindi</t>
  </si>
  <si>
    <t>Chamman Zar</t>
  </si>
  <si>
    <t>Hafeez Ur Rehman Satti</t>
  </si>
  <si>
    <t>GES SHINKA</t>
  </si>
  <si>
    <t>Shinka</t>
  </si>
  <si>
    <t>Village Shinka  po shinka Tehsil Hazro Distt Attack</t>
  </si>
  <si>
    <t>M Ibraheem</t>
  </si>
  <si>
    <t>GES SHOALI GHARBI</t>
  </si>
  <si>
    <t>Shaili Gharbi</t>
  </si>
  <si>
    <t>shaili gharbi</t>
  </si>
  <si>
    <t>GES SHORKOT CITY</t>
  </si>
  <si>
    <t>Shorkot</t>
  </si>
  <si>
    <t>mohallah saithian shorkot City</t>
  </si>
  <si>
    <t>MC SHORKOT</t>
  </si>
  <si>
    <t>Muhammad Jamshed</t>
  </si>
  <si>
    <t>GES SHUMTALA</t>
  </si>
  <si>
    <t>shamtala</t>
  </si>
  <si>
    <t>basti Shamtala post office jhok bodo tehsil taunsa district dgkhan trible area</t>
  </si>
  <si>
    <t>Shamtala</t>
  </si>
  <si>
    <t>tum qaisrani mithwan</t>
  </si>
  <si>
    <t>Hadyat Ullah</t>
  </si>
  <si>
    <t>GES SIAL</t>
  </si>
  <si>
    <t>Fateh Pur Janubi2</t>
  </si>
  <si>
    <t>Basti baseera sadat moza fateh pur janubi2 teh.Ali pur Dist.MGarh</t>
  </si>
  <si>
    <t>Basti Baseera Sadat</t>
  </si>
  <si>
    <t>Fateh Pur Janubi</t>
  </si>
  <si>
    <t>Allahdad Khan</t>
  </si>
  <si>
    <t>GES SIAN</t>
  </si>
  <si>
    <t>Sian</t>
  </si>
  <si>
    <t>VPO Sian</t>
  </si>
  <si>
    <t>Stephen Francis</t>
  </si>
  <si>
    <t>GES SIDH</t>
  </si>
  <si>
    <t>Sidh</t>
  </si>
  <si>
    <t>Village and PO Sidh TEH Kharian Dist Gujrat</t>
  </si>
  <si>
    <t>Burch</t>
  </si>
  <si>
    <t>Asif Jah</t>
  </si>
  <si>
    <t>GES SIDHA WALA</t>
  </si>
  <si>
    <t>Village Sidha Tehsil Noor Pur Thal District Khushab</t>
  </si>
  <si>
    <t>Noor Pur Rural</t>
  </si>
  <si>
    <t>GES SIDRIAL</t>
  </si>
  <si>
    <t>Sidrial</t>
  </si>
  <si>
    <t>Village Sidrial P/O Nathain malkaan Teh Fateh jang Disst.Attock</t>
  </si>
  <si>
    <t>GES SIHANNA</t>
  </si>
  <si>
    <t>Sihanna</t>
  </si>
  <si>
    <t>vpo sihanna via sehrbagla</t>
  </si>
  <si>
    <t>Shahmir ahmed</t>
  </si>
  <si>
    <t>natural source</t>
  </si>
  <si>
    <t>GES SIKANDER ABAD EIDGHAH ROAD</t>
  </si>
  <si>
    <t>Sikanderabad</t>
  </si>
  <si>
    <t>Near Eid Gah Sikanderabad Teh Shujabad District. Multan</t>
  </si>
  <si>
    <t>Mohammad Azhar Khan</t>
  </si>
  <si>
    <t>GES SIKANDRIA COLONY</t>
  </si>
  <si>
    <t>Sikandria colony band road lahore</t>
  </si>
  <si>
    <t>SODIWAL</t>
  </si>
  <si>
    <t>KARIM BUKHSH ZAKI</t>
  </si>
  <si>
    <t>GES SINAWAN</t>
  </si>
  <si>
    <t>Sinawan</t>
  </si>
  <si>
    <t>sinawan city</t>
  </si>
  <si>
    <t>MC Sinawan</t>
  </si>
  <si>
    <t>GES SINDH KLAREI</t>
  </si>
  <si>
    <t>Chah dhangri wala</t>
  </si>
  <si>
    <t>Dhangri Wala</t>
  </si>
  <si>
    <t>GES SIRAN WALI MUSLIM 123/RB</t>
  </si>
  <si>
    <t>Siranwali 123</t>
  </si>
  <si>
    <t>siranwali 123 tehsil sangla hill dstrict nankana sahab</t>
  </si>
  <si>
    <t>Bhulair 119</t>
  </si>
  <si>
    <t>Muhammad Muddasar Riaz</t>
  </si>
  <si>
    <t>GES SIRI RAM PURA</t>
  </si>
  <si>
    <t>Mubarik Pur Kalan</t>
  </si>
  <si>
    <t>Mubarik Pur Kalan Tehsil Muridke District Sheikhupura</t>
  </si>
  <si>
    <t>Seri Ram Purs</t>
  </si>
  <si>
    <t>Mahay</t>
  </si>
  <si>
    <t>Amjad Rashid</t>
  </si>
  <si>
    <t>GES SIRKA</t>
  </si>
  <si>
    <t>Sirka</t>
  </si>
  <si>
    <t>vpo sirka tehsil hazro district attock</t>
  </si>
  <si>
    <t>Aurang Zaib</t>
  </si>
  <si>
    <t>GES SITHARI</t>
  </si>
  <si>
    <t>Jatoi Shumali</t>
  </si>
  <si>
    <t>basti sithari mouza jatoi shumali uc khalti no. 78</t>
  </si>
  <si>
    <t>Basti Sithari</t>
  </si>
  <si>
    <t>GES SMOKA</t>
  </si>
  <si>
    <t>smooka</t>
  </si>
  <si>
    <t>basti khair muhammad khosa</t>
  </si>
  <si>
    <t>chandia</t>
  </si>
  <si>
    <t>Malik Muhammad Shahid</t>
  </si>
  <si>
    <t>GES SOAIL SHARIF</t>
  </si>
  <si>
    <t>Mubarakbhara</t>
  </si>
  <si>
    <t>Moza Mubarakbhara Tehsil Sadiq Abad District RYK</t>
  </si>
  <si>
    <t>Chachrran</t>
  </si>
  <si>
    <t>Muhammad Sudheer</t>
  </si>
  <si>
    <t>GES SOHAWA</t>
  </si>
  <si>
    <t>khurakha</t>
  </si>
  <si>
    <t>ges sohawa</t>
  </si>
  <si>
    <t>Raja Arslan Zafar</t>
  </si>
  <si>
    <t>GES SOHAWA JAMLANI</t>
  </si>
  <si>
    <t>sohawa bolani</t>
  </si>
  <si>
    <t>sohawa jamlani.</t>
  </si>
  <si>
    <t>sohawa jamlani</t>
  </si>
  <si>
    <t>sohawa dillowana</t>
  </si>
  <si>
    <t>arshad iqbal</t>
  </si>
  <si>
    <t>GES SOHAY WALA</t>
  </si>
  <si>
    <t>allah yar soha</t>
  </si>
  <si>
    <t>sohay walla</t>
  </si>
  <si>
    <t>chak 06 T.D.A</t>
  </si>
  <si>
    <t>Muhammad Waseem Sajjad</t>
  </si>
  <si>
    <t>GES SOHDRA</t>
  </si>
  <si>
    <t>Government elementary school tehsil wazirabad District gujranwala</t>
  </si>
  <si>
    <t>Sohdra</t>
  </si>
  <si>
    <t>SOHDRA</t>
  </si>
  <si>
    <t>liaqat Ali Bhutta</t>
  </si>
  <si>
    <t>GES SOHIA THAL</t>
  </si>
  <si>
    <t>Chah mehry wala mouza sohia thal</t>
  </si>
  <si>
    <t>Mouza Sohia Thal</t>
  </si>
  <si>
    <t>Sunhara Wasava</t>
  </si>
  <si>
    <t>GHULAM YOUNIS</t>
  </si>
  <si>
    <t>GES SOLGEEN KHARAL</t>
  </si>
  <si>
    <t>Solgeen Kharal</t>
  </si>
  <si>
    <t>GES SOMAN QADEEM P/O AGHAR KHAWANI</t>
  </si>
  <si>
    <t>Soman</t>
  </si>
  <si>
    <t>Basti langrawain moza Soman ShujaAbad</t>
  </si>
  <si>
    <t>Basti Langrawain</t>
  </si>
  <si>
    <t>Ponta</t>
  </si>
  <si>
    <t>Abdul Baseer</t>
  </si>
  <si>
    <t>GES SOMEEGE</t>
  </si>
  <si>
    <t>Someej</t>
  </si>
  <si>
    <t>tehsiel tribal area post office fazla village someege</t>
  </si>
  <si>
    <t>Someege</t>
  </si>
  <si>
    <t>fazla</t>
  </si>
  <si>
    <t>ABDUL SHAKOOR</t>
  </si>
  <si>
    <t>GES SONEY WALA</t>
  </si>
  <si>
    <t>SONEY WALA</t>
  </si>
  <si>
    <t>SONEY WALA P/O KOT SULTAN</t>
  </si>
  <si>
    <t>SIDDIQUE RId</t>
  </si>
  <si>
    <t>KOT SULTAN</t>
  </si>
  <si>
    <t>GES SONIK BELA QADEEM</t>
  </si>
  <si>
    <t>Bait Ahmad</t>
  </si>
  <si>
    <t>basti aziz abad mouza bait ahmad</t>
  </si>
  <si>
    <t>Sadiq Abad67</t>
  </si>
  <si>
    <t>GES SORANGIAN</t>
  </si>
  <si>
    <t>Sorangian</t>
  </si>
  <si>
    <t>village and post office sorangian Teh Pasrur district sialkot</t>
  </si>
  <si>
    <t>Shaukat Ali Bajwa</t>
  </si>
  <si>
    <t>GES SRASER CHAK NO. 21</t>
  </si>
  <si>
    <t>Saraser Ch 21</t>
  </si>
  <si>
    <t>Sraser Ch 21 pattoki</t>
  </si>
  <si>
    <t>Bhopaywal</t>
  </si>
  <si>
    <t>Razzaq Ali</t>
  </si>
  <si>
    <t>GES SUGIAL</t>
  </si>
  <si>
    <t>vill/p/o sugial teh sohawa distt Jhelum</t>
  </si>
  <si>
    <t>Phulry Saydan</t>
  </si>
  <si>
    <t>Fahad Aziz</t>
  </si>
  <si>
    <t>GES SUI CHEEMIAN</t>
  </si>
  <si>
    <t>SUI Cheemian</t>
  </si>
  <si>
    <t>village SUI CHEEMIAN p o Bewal</t>
  </si>
  <si>
    <t>Sui Cheemian</t>
  </si>
  <si>
    <t>Naseeb Khan</t>
  </si>
  <si>
    <t>GES SUJANPUR P/O BOHAR VIA TATAY PUR MULTAN</t>
  </si>
  <si>
    <t>Sujan Pur</t>
  </si>
  <si>
    <t>sujan pur po bohar Multan saddar</t>
  </si>
  <si>
    <t>Kirpaal Pur</t>
  </si>
  <si>
    <t>GES SUKHEKI GOWN</t>
  </si>
  <si>
    <t>Sukheke Gaun</t>
  </si>
  <si>
    <t>Lahore sargodha road choki sukheke</t>
  </si>
  <si>
    <t>Choki Sukheke</t>
  </si>
  <si>
    <t>MC Sukheke Mandi</t>
  </si>
  <si>
    <t>Nasir Ali Bhatti</t>
  </si>
  <si>
    <t>GES SUKKA</t>
  </si>
  <si>
    <t>SUKKA</t>
  </si>
  <si>
    <t>VPO SUKKA TEHSIL LAWA DISTT CHAKWAL</t>
  </si>
  <si>
    <t>LETI</t>
  </si>
  <si>
    <t>Tanweer-ul-Hassan</t>
  </si>
  <si>
    <t>GES SULHI</t>
  </si>
  <si>
    <t>Sulhi</t>
  </si>
  <si>
    <t>ges sulhi moza sulhi juwana bangla m.garh</t>
  </si>
  <si>
    <t>Frazi</t>
  </si>
  <si>
    <t>GES SULTAN ABAD</t>
  </si>
  <si>
    <t>PAF Base Sargodha</t>
  </si>
  <si>
    <t>Noor Ul Hassan</t>
  </si>
  <si>
    <t>GES SULTAN BAKHSH</t>
  </si>
  <si>
    <t>QADIR PUR - MALE</t>
  </si>
  <si>
    <t>QADIRPUR BAKHSHA PAKKA</t>
  </si>
  <si>
    <t>mouza qadirpur bakhsha p/o chatta,teh&amp;distt.jhang.</t>
  </si>
  <si>
    <t>BAKHSHA</t>
  </si>
  <si>
    <t>yasir nadeem khan</t>
  </si>
  <si>
    <t>GES SULTAN MEHMOOD WALA</t>
  </si>
  <si>
    <t>Kot Mubarak Janobi</t>
  </si>
  <si>
    <t>union council kot mubarak tehsil and district dg khan</t>
  </si>
  <si>
    <t>Bagar Wala</t>
  </si>
  <si>
    <t>GES SULTAN PUR</t>
  </si>
  <si>
    <t>Hussainshah</t>
  </si>
  <si>
    <t>Abdul Waheed Shah</t>
  </si>
  <si>
    <t>GES SUMRA NASHAIB</t>
  </si>
  <si>
    <t>SUMRA NASHAIB</t>
  </si>
  <si>
    <t>SUMRA NASHAIB SHUMALI</t>
  </si>
  <si>
    <t>MUHAMMAD FAHEEM</t>
  </si>
  <si>
    <t>GES SUNAKKI</t>
  </si>
  <si>
    <t>Sunakki</t>
  </si>
  <si>
    <t>GES sunakki muzaffargarh</t>
  </si>
  <si>
    <t>GES SUNDER LAHORE</t>
  </si>
  <si>
    <t>SUNDER</t>
  </si>
  <si>
    <t>sunder village Multan road Lahore</t>
  </si>
  <si>
    <t>Sunder</t>
  </si>
  <si>
    <t>Shamkey Bhattian</t>
  </si>
  <si>
    <t>Azam Ali Naz</t>
  </si>
  <si>
    <t>GES SUPPEN WAL</t>
  </si>
  <si>
    <t>SUPPANWAL</t>
  </si>
  <si>
    <t>VILLAGE AND P/O SUPPANWAL UPERLA TEHSIL ZAFARWAL NAROWAL</t>
  </si>
  <si>
    <t>SUPPANWAL UPERLA</t>
  </si>
  <si>
    <t>CHAK DODHO</t>
  </si>
  <si>
    <t>MUHAMMAD RAZZAQ</t>
  </si>
  <si>
    <t>GES SUR SINGH CHAK NO 53</t>
  </si>
  <si>
    <t>Sursingh Chak#53</t>
  </si>
  <si>
    <t>Sursing Chak#53, Tehsil Pattoki</t>
  </si>
  <si>
    <t>Sursing Chak#53</t>
  </si>
  <si>
    <t>Mega</t>
  </si>
  <si>
    <t>GES SURAJ</t>
  </si>
  <si>
    <t>Suraj</t>
  </si>
  <si>
    <t>Village suraj , P.o Kuluwal , Tehsil Sambrial, Sialkot</t>
  </si>
  <si>
    <t>Kuluwal</t>
  </si>
  <si>
    <t>IMTIAZ HAIDER TARAR</t>
  </si>
  <si>
    <t>GES SURAJ GUNJ</t>
  </si>
  <si>
    <t>Suraj Gunj</t>
  </si>
  <si>
    <t>suraj gunj p/o dunga bunga</t>
  </si>
  <si>
    <t>M Islam</t>
  </si>
  <si>
    <t>GES SUTAR MILLS</t>
  </si>
  <si>
    <t>Sutter mills Lahore</t>
  </si>
  <si>
    <t>Government Elementary school sutter mills stop main  G.T roads
shalimar  lahore</t>
  </si>
  <si>
    <t>G T  Road Sutter mills</t>
  </si>
  <si>
    <t>Hando Gujjar</t>
  </si>
  <si>
    <t>Subhan Ali</t>
  </si>
  <si>
    <t>GES SWAI WALA</t>
  </si>
  <si>
    <t>Sawai Wala</t>
  </si>
  <si>
    <t>Sawai wala Bahawalnagar</t>
  </si>
  <si>
    <t>GES SYED</t>
  </si>
  <si>
    <t>Syed</t>
  </si>
  <si>
    <t>Village Syed post office Rerka Bala</t>
  </si>
  <si>
    <t>Kot Hast Khan</t>
  </si>
  <si>
    <t>GES SYULTAN AYUB QATAAL 307/WB</t>
  </si>
  <si>
    <t>CHAK No 307/WB</t>
  </si>
  <si>
    <t>Chak No.307/W.B. Tehsil Dunyapur</t>
  </si>
  <si>
    <t>Sultan Ayoub Qatal</t>
  </si>
  <si>
    <t>Muhammad Inam Bari</t>
  </si>
  <si>
    <t>GES TAHIR BHUTTA</t>
  </si>
  <si>
    <t>Tahir Bhutta</t>
  </si>
  <si>
    <t>Mouza Tahir Bhutta</t>
  </si>
  <si>
    <t>Moaza Tahir Bhutta</t>
  </si>
  <si>
    <t>366w/b</t>
  </si>
  <si>
    <t>Muhammad javed Akhtar</t>
  </si>
  <si>
    <t>GES TAHIR WALA</t>
  </si>
  <si>
    <t>government elementary school tahir wala</t>
  </si>
  <si>
    <t>Tahir Wala</t>
  </si>
  <si>
    <t>Abdul Hanan Tariq</t>
  </si>
  <si>
    <t>GES TAHLA</t>
  </si>
  <si>
    <t>Tahla</t>
  </si>
  <si>
    <t>vpo tahla tahsil noorpur thal district khushab</t>
  </si>
  <si>
    <t>Muhammad Arshad ur Rehman</t>
  </si>
  <si>
    <t>GES TAHROO</t>
  </si>
  <si>
    <t>Tahroo</t>
  </si>
  <si>
    <t>Tahroo Tehsil Lalian District Chiniot</t>
  </si>
  <si>
    <t>Wallah</t>
  </si>
  <si>
    <t>Umer Draz</t>
  </si>
  <si>
    <t>GES TAITRI</t>
  </si>
  <si>
    <t>Taitri</t>
  </si>
  <si>
    <t>Govt E/s Taitri tehsil Noor pur District khushab</t>
  </si>
  <si>
    <t>GES TAJA BARA</t>
  </si>
  <si>
    <t>Taja Bara</t>
  </si>
  <si>
    <t>Village Taja Bara Teh. Fateh Jang</t>
  </si>
  <si>
    <t>ShahriaAsadullah</t>
  </si>
  <si>
    <t>Saadat Khan</t>
  </si>
  <si>
    <t>GES TAJANA</t>
  </si>
  <si>
    <t>mandal</t>
  </si>
  <si>
    <t>mauzaa mandal</t>
  </si>
  <si>
    <t>Tjana mandal</t>
  </si>
  <si>
    <t>Bholey wala</t>
  </si>
  <si>
    <t>GES TAJAY WALA JALALPUR PIRWALA</t>
  </si>
  <si>
    <t>Tajay Wala</t>
  </si>
  <si>
    <t>moza tajey wala p/o juggo wala</t>
  </si>
  <si>
    <t>Juggu Wala</t>
  </si>
  <si>
    <t>Ghulam Nazik Khan</t>
  </si>
  <si>
    <t>GES TAKHAT PUR</t>
  </si>
  <si>
    <t>takhat pur</t>
  </si>
  <si>
    <t>takhat pur tehsil pasrur district sialkot</t>
  </si>
  <si>
    <t>GES TALA WALA</t>
  </si>
  <si>
    <t>Tala Wala</t>
  </si>
  <si>
    <t>Govt. elementry school tala wala kpr</t>
  </si>
  <si>
    <t>muhammad ayub</t>
  </si>
  <si>
    <t>GES TALAB SARAY</t>
  </si>
  <si>
    <t>Talab Saray</t>
  </si>
  <si>
    <t>Manga Raiwind Road Talab Saray</t>
  </si>
  <si>
    <t>Farzand Ali</t>
  </si>
  <si>
    <t>GES TALEEM-O-TARBIAT BHAGAT PURA</t>
  </si>
  <si>
    <t>bhagat pura</t>
  </si>
  <si>
    <t>ehahi town bhgat pura lahore</t>
  </si>
  <si>
    <t>elahi town bhgat pura lahore</t>
  </si>
  <si>
    <t>gujjar pura</t>
  </si>
  <si>
    <t>Ghulam Rasool khalid</t>
  </si>
  <si>
    <t>GES TALHAR</t>
  </si>
  <si>
    <t>Talhar</t>
  </si>
  <si>
    <t>basti talhar hasilpur</t>
  </si>
  <si>
    <t>GES TALIRI</t>
  </si>
  <si>
    <t>Taleeri</t>
  </si>
  <si>
    <t>Taleeri by pas Muzaffargarh</t>
  </si>
  <si>
    <t>Mc Muzaffargarh</t>
  </si>
  <si>
    <t>Malik Hafeez Ullah</t>
  </si>
  <si>
    <t>GES TALOOT</t>
  </si>
  <si>
    <t>Ocha</t>
  </si>
  <si>
    <t>pobox rewat teh murree district rawalpindi</t>
  </si>
  <si>
    <t>Rewat</t>
  </si>
  <si>
    <t>GES TANZEEM MAZHAR ULOOM FORT ABBAS</t>
  </si>
  <si>
    <t>FTS-II-MALE</t>
  </si>
  <si>
    <t>Fort Abbas</t>
  </si>
  <si>
    <t>Dar ul Islam Road Fort Abbas</t>
  </si>
  <si>
    <t>MC Fort Abbas</t>
  </si>
  <si>
    <t>GES TARA GARH CHAK NO.44</t>
  </si>
  <si>
    <t>TARA GARH CHAK 44</t>
  </si>
  <si>
    <t>TARA GARH CHAK 44 TEHSIL PATTOKI DISTRICT KASUR.</t>
  </si>
  <si>
    <t>MUHAMMAD SOHAIL</t>
  </si>
  <si>
    <t>GES TARA HAVALI KHURD</t>
  </si>
  <si>
    <t>Tara Haveli Khurd</t>
  </si>
  <si>
    <t>Tara haveli Khurd</t>
  </si>
  <si>
    <t>GES TARAGGAR JADEED</t>
  </si>
  <si>
    <t>148/TDA</t>
  </si>
  <si>
    <t>Chak No 148/TDA Shahbaz abad</t>
  </si>
  <si>
    <t>Shahbaz Abad</t>
  </si>
  <si>
    <t>ABID HUSSAIN</t>
  </si>
  <si>
    <t>GES TARANDA MOULVIAN</t>
  </si>
  <si>
    <t>mohal</t>
  </si>
  <si>
    <t>Govt. E/S Taranda Moulvian Moza Mohal basti Taranda moulvian Markaz Zahirpir Tehsil Khanpur District Rahimyar Khan</t>
  </si>
  <si>
    <t>taranda moulvian</t>
  </si>
  <si>
    <t>SHAFI AHMAD</t>
  </si>
  <si>
    <t>GES TARAT</t>
  </si>
  <si>
    <t>Yaki wali</t>
  </si>
  <si>
    <t>Multan road chandr bhan nala</t>
  </si>
  <si>
    <t>Tarat</t>
  </si>
  <si>
    <t>Nasir Hussain</t>
  </si>
  <si>
    <t>GES TARGA</t>
  </si>
  <si>
    <t>TARGA</t>
  </si>
  <si>
    <t>VILLAGE AND P/O TARGA TEHSIL DASKA DISTRICT SIALKOT</t>
  </si>
  <si>
    <t>PEROCHAK</t>
  </si>
  <si>
    <t>GES TARGEY WALI</t>
  </si>
  <si>
    <t>Tragey Wali</t>
  </si>
  <si>
    <t>GES Tragey Wali</t>
  </si>
  <si>
    <t>Bahriyan Wala</t>
  </si>
  <si>
    <t>Muhammad Ali Thabli</t>
  </si>
  <si>
    <t>GES TARI KHEL</t>
  </si>
  <si>
    <t>Tari Khel</t>
  </si>
  <si>
    <t>P. O  Tari Khel Mianwali</t>
  </si>
  <si>
    <t>Rokhary</t>
  </si>
  <si>
    <t>Saeed Ullah Khan</t>
  </si>
  <si>
    <t>GES TARIQ ABAD</t>
  </si>
  <si>
    <t>GES TARIQ ABAD, KHANEWAL</t>
  </si>
  <si>
    <t>City Khanewal</t>
  </si>
  <si>
    <t>Tariqabad Khanewal</t>
  </si>
  <si>
    <t>Tariq abad</t>
  </si>
  <si>
    <t>GES TARKHAN WALA</t>
  </si>
  <si>
    <t>Tarkhana wala</t>
  </si>
  <si>
    <t>Tarkhana wala, p/o Pir panja tehsil lalian distt. chiniot</t>
  </si>
  <si>
    <t>walla</t>
  </si>
  <si>
    <t>GES TARKHANA WALA</t>
  </si>
  <si>
    <t>Tarkhana Wala</t>
  </si>
  <si>
    <t>Tarkhanawala</t>
  </si>
  <si>
    <t>Naveed Ashiq Virk</t>
  </si>
  <si>
    <t>GES TARRAGAR</t>
  </si>
  <si>
    <t>Taraggar</t>
  </si>
  <si>
    <t>vpo taraggar teh talagang distt chakwal</t>
  </si>
  <si>
    <t>Muhammad  Tariq Anjum</t>
  </si>
  <si>
    <t>GES TATAR WALA</t>
  </si>
  <si>
    <t>chah shair wala post office jampur tehseel jampur distt. rajanpur</t>
  </si>
  <si>
    <t>Chah Shair Wala</t>
  </si>
  <si>
    <t>Haji Muhammad Hayyat</t>
  </si>
  <si>
    <t>GES TATLAY MALI</t>
  </si>
  <si>
    <t>Tatlay Mali</t>
  </si>
  <si>
    <t>Tatlay Mali P/O Eminabad Tehsil Kamoke district Gujranwala</t>
  </si>
  <si>
    <t>Akhtar Rasool</t>
  </si>
  <si>
    <t>GES TAUNSA NO.3 MOUCHI WALA</t>
  </si>
  <si>
    <t>GES TAUNSA NO.3 MOUCHI WALA TAUNSA</t>
  </si>
  <si>
    <t>URBAN TAUNSA</t>
  </si>
  <si>
    <t>ABDUL SALAM</t>
  </si>
  <si>
    <t>GES TAWALEY WALI</t>
  </si>
  <si>
    <t>Twailay Wali</t>
  </si>
  <si>
    <t>ges twaily wali</t>
  </si>
  <si>
    <t>Nawan Maneka</t>
  </si>
  <si>
    <t>Muhammad Nazim</t>
  </si>
  <si>
    <t>GES TEEN PURA</t>
  </si>
  <si>
    <t>Teen Pura</t>
  </si>
  <si>
    <t>Teen pura Dina Jhelum</t>
  </si>
  <si>
    <t>Muhammad Najeeb</t>
  </si>
  <si>
    <t>GES TEERAN WALI</t>
  </si>
  <si>
    <t>Chbiana</t>
  </si>
  <si>
    <t>Basti chbiana</t>
  </si>
  <si>
    <t>Said Ali</t>
  </si>
  <si>
    <t>GES TEHAL</t>
  </si>
  <si>
    <t>Tehal</t>
  </si>
  <si>
    <t>Govt. elementary school Tehal Tehsil Kharian</t>
  </si>
  <si>
    <t>Biddar</t>
  </si>
  <si>
    <t>Community Water supply</t>
  </si>
  <si>
    <t>GES TEHRI</t>
  </si>
  <si>
    <t>basti tehri post office rang pur tehsil &amp; distt. muzaffar garh.</t>
  </si>
  <si>
    <t>Basti Tehri</t>
  </si>
  <si>
    <t>GES THABAL DHOOCH</t>
  </si>
  <si>
    <t>thabal p/o chaba sindhwan noshra virkan Gujranwala</t>
  </si>
  <si>
    <t>thabal</t>
  </si>
  <si>
    <t>Saeed Ahmed Sharif</t>
  </si>
  <si>
    <t>GES THAKHAR KEY WARRAICH</t>
  </si>
  <si>
    <t>thakarke warraich</t>
  </si>
  <si>
    <t>ges thakarke warraich p.o &amp;village thakarke warraich</t>
  </si>
  <si>
    <t>kot amar singh</t>
  </si>
  <si>
    <t>Syed Zeeshan Raza</t>
  </si>
  <si>
    <t>GES THALLA KHURD</t>
  </si>
  <si>
    <t>THALLA KHURD</t>
  </si>
  <si>
    <t>VILLAGE THALLA KHURD POST OFFICE CHAKBELI KHAN RAWALPINDI</t>
  </si>
  <si>
    <t>Dhanda</t>
  </si>
  <si>
    <t>KAMRAN YOUSAF</t>
  </si>
  <si>
    <t>GES THANIL FATOHI</t>
  </si>
  <si>
    <t>Thanil Fatuhi</t>
  </si>
  <si>
    <t>VPO THANIL FATUHI CHAKWAL</t>
  </si>
  <si>
    <t>amir hussain</t>
  </si>
  <si>
    <t>GES THATHA ASALAT</t>
  </si>
  <si>
    <t>Thatha Asalat</t>
  </si>
  <si>
    <t>vill.thatha asalat tehsil pindi bhattian dist.Hafiz abad</t>
  </si>
  <si>
    <t>Madhhora Kalan</t>
  </si>
  <si>
    <t>GES THATHA BHATIAN</t>
  </si>
  <si>
    <t>THATHA BHATTIAN BHATTIAN</t>
  </si>
  <si>
    <t>GES THATHA BHATTIAN</t>
  </si>
  <si>
    <t>THATHA BHATTIAN</t>
  </si>
  <si>
    <t>CHAK NO.12/68</t>
  </si>
  <si>
    <t>Muhammad Tayyab Wattoo</t>
  </si>
  <si>
    <t>GES THATHA CHANDU KALAN</t>
  </si>
  <si>
    <t>Thatha Chandu Kalan</t>
  </si>
  <si>
    <t>Post Office Kot Rahmu, Thatha Chandu Kalan, Tehsil Lalian, District Chiniot</t>
  </si>
  <si>
    <t>Kanwien Wala</t>
  </si>
  <si>
    <t>GES THATHA GHULAM</t>
  </si>
  <si>
    <t>Thatha Ghulam</t>
  </si>
  <si>
    <t>Rhatha ghulam thesil lalian district chiniot</t>
  </si>
  <si>
    <t>Mubashar Tanverer</t>
  </si>
  <si>
    <t>GES THATHA JAHID AMIR WALA</t>
  </si>
  <si>
    <t>Thats Jahid</t>
  </si>
  <si>
    <t>GES Thatha Jahid Amir Wala</t>
  </si>
  <si>
    <t>Thatha Jahid Amir Wala</t>
  </si>
  <si>
    <t>Kassesy</t>
  </si>
  <si>
    <t>GES THATHA JHABANA</t>
  </si>
  <si>
    <t>Thatha Jhabana</t>
  </si>
  <si>
    <t>Muza Thattha Jhabana Tehsil Jhang</t>
  </si>
  <si>
    <t>Pubberwala</t>
  </si>
  <si>
    <t>Rauf Azhar</t>
  </si>
  <si>
    <t>GES THATHA KHOKHARN</t>
  </si>
  <si>
    <t>Thata Khokaran</t>
  </si>
  <si>
    <t>thata khokaran</t>
  </si>
  <si>
    <t>Thata Khokara</t>
  </si>
  <si>
    <t>GES THATHA MOHAMMAD SHAH</t>
  </si>
  <si>
    <t>Thatta Mohammed Shah</t>
  </si>
  <si>
    <t>thatta Mohammed Shah tehsil bhowana district chiniot</t>
  </si>
  <si>
    <t>Mohammed Waris</t>
  </si>
  <si>
    <t>GES THATHA SADIQ ABAD, JAHANIAN</t>
  </si>
  <si>
    <t>Government Middle school Thatha  Sadiqabad  Tehsil Jahanian District. Khanewal</t>
  </si>
  <si>
    <t>GES THATHI ASAISH</t>
  </si>
  <si>
    <t>THATTI ASAISH - MALE</t>
  </si>
  <si>
    <t>GES Thathi Asaish</t>
  </si>
  <si>
    <t>Thathi Asaish</t>
  </si>
  <si>
    <t>Muhammad Aslam Javeed</t>
  </si>
  <si>
    <t>GES THATHI LAMBI</t>
  </si>
  <si>
    <t>SAHIWAL - MALE</t>
  </si>
  <si>
    <t>Thatti Lambi</t>
  </si>
  <si>
    <t>Village Thatti Lambi Teh Sahiwal Distt Sargodha</t>
  </si>
  <si>
    <t>Hafiz Ghulam Yaseen</t>
  </si>
  <si>
    <t>GES THATHI NOOR</t>
  </si>
  <si>
    <t>Thatti Noor</t>
  </si>
  <si>
    <t>thatti noor Tehsil bhalwal dist Sargodha</t>
  </si>
  <si>
    <t>Thatti  Noor</t>
  </si>
  <si>
    <t>Hamid Ali</t>
  </si>
  <si>
    <t>GES THATHI SAMEJA</t>
  </si>
  <si>
    <t>Thathi Samaja</t>
  </si>
  <si>
    <t>Basti Thathi Samaja</t>
  </si>
  <si>
    <t>Rao Muhammad Rafique</t>
  </si>
  <si>
    <t>GES THATTA ALIA</t>
  </si>
  <si>
    <t>Thatha Alia</t>
  </si>
  <si>
    <t>V.P.O Thatha Alia</t>
  </si>
  <si>
    <t>GES THATTA GABOLAN</t>
  </si>
  <si>
    <t>thatha gabolan</t>
  </si>
  <si>
    <t>GES THATTA GULAB SINGH</t>
  </si>
  <si>
    <t>Thatha Gulab Singh</t>
  </si>
  <si>
    <t>Thatha Gulab Singh Tehsil Kamoke District Gujranwala</t>
  </si>
  <si>
    <t>Chak Ramdas</t>
  </si>
  <si>
    <t>GES THATTA GURMANI</t>
  </si>
  <si>
    <t>Thatta Gurmani Sharqi</t>
  </si>
  <si>
    <t>Thatta Gurmani Sharqi post office Thatta Gurmani</t>
  </si>
  <si>
    <t>Thatta Gurmani</t>
  </si>
  <si>
    <t>Riaz hussain</t>
  </si>
  <si>
    <t>GES THATTA PHULARWAN</t>
  </si>
  <si>
    <t>Kur</t>
  </si>
  <si>
    <t>thatha phullarwan</t>
  </si>
  <si>
    <t>Thatha Phullarwan</t>
  </si>
  <si>
    <t>598gb</t>
  </si>
  <si>
    <t>Akhtar Ali</t>
  </si>
  <si>
    <t>GES THATTI RAJU</t>
  </si>
  <si>
    <t>Thatti Raju</t>
  </si>
  <si>
    <t>GES Thatti Raju Tehsil Sahiwal Distt Sargodha</t>
  </si>
  <si>
    <t>Rakh Sahiwal</t>
  </si>
  <si>
    <t>GES THATTI SYEDAN</t>
  </si>
  <si>
    <t>Thattisyedan</t>
  </si>
  <si>
    <t>vpo.thatti syedan jand attock</t>
  </si>
  <si>
    <t>thatti Sydan</t>
  </si>
  <si>
    <t>Pind Sultani</t>
  </si>
  <si>
    <t>Syed sajjad haider shah</t>
  </si>
  <si>
    <t>GES THEEKRIAN</t>
  </si>
  <si>
    <t>thekrian</t>
  </si>
  <si>
    <t>PO Dina Thesil Dina District Jhelum</t>
  </si>
  <si>
    <t>DINA II</t>
  </si>
  <si>
    <t>Akhlaq Shabbir Akhtar</t>
  </si>
  <si>
    <t>GES THEH PANJOO</t>
  </si>
  <si>
    <t>Theh Panjoo</t>
  </si>
  <si>
    <t>Manzoor  Ahmad</t>
  </si>
  <si>
    <t>GES THEH WADANA</t>
  </si>
  <si>
    <t>theh wadana</t>
  </si>
  <si>
    <t>Theh Wadana main feroz pur road the &amp;district kasur</t>
  </si>
  <si>
    <t>Theh wadana</t>
  </si>
  <si>
    <t>Chary waan</t>
  </si>
  <si>
    <t>Muhabbat Ali</t>
  </si>
  <si>
    <t>GES THERI</t>
  </si>
  <si>
    <t>p/o sultanpur</t>
  </si>
  <si>
    <t>Basti Qaim Wala</t>
  </si>
  <si>
    <t>Gabbar Arrain</t>
  </si>
  <si>
    <t>Munawar Abbas</t>
  </si>
  <si>
    <t>GES THERI GILLAN</t>
  </si>
  <si>
    <t>THERRI GILLAN</t>
  </si>
  <si>
    <t>Therri Gillan p/o Buttala Jhandha Singh,Nowshera Virkan.Gujranwala</t>
  </si>
  <si>
    <t>Therri Gillan</t>
  </si>
  <si>
    <t>babar zaman</t>
  </si>
  <si>
    <t>GES THERI SANSI</t>
  </si>
  <si>
    <t>THERI SANSI</t>
  </si>
  <si>
    <t>THERI SANSI (RAILWAY STATION) GUJRANWALA</t>
  </si>
  <si>
    <t>KASHMIR COLONY</t>
  </si>
  <si>
    <t>ZAHID MAHMOOD</t>
  </si>
  <si>
    <t>GES THIKARIAN KALAN</t>
  </si>
  <si>
    <t>Thikrian Kalan</t>
  </si>
  <si>
    <t>GES thikrian kalan, tehsil shakargarh, district narowal</t>
  </si>
  <si>
    <t>Tola</t>
  </si>
  <si>
    <t>M Ayub</t>
  </si>
  <si>
    <t>GES THILL HAMLET</t>
  </si>
  <si>
    <t>Sultan pur</t>
  </si>
  <si>
    <t>Sultan pur mangla cantt dina distt jhelum</t>
  </si>
  <si>
    <t>ladhar</t>
  </si>
  <si>
    <t>GES THILLY KALAN</t>
  </si>
  <si>
    <t>Thillay kalan post office narowal</t>
  </si>
  <si>
    <t>Muhammad Anis</t>
  </si>
  <si>
    <t>GES THIR CHAK</t>
  </si>
  <si>
    <t>Thir Chak</t>
  </si>
  <si>
    <t>GES Thir Chak P.O Tehsil Kallar Kahar Distt. Chakwal</t>
  </si>
  <si>
    <t>ALLAH DITTA</t>
  </si>
  <si>
    <t>GES THOTHIAN KALAN CHAK 10/RB</t>
  </si>
  <si>
    <t>Chak#10</t>
  </si>
  <si>
    <t>thothian kalan</t>
  </si>
  <si>
    <t>Thothian Kalan</t>
  </si>
  <si>
    <t>Muhammad Altaf Gill</t>
  </si>
  <si>
    <t>GES THRIKHA</t>
  </si>
  <si>
    <t>Trikha</t>
  </si>
  <si>
    <t>trikha</t>
  </si>
  <si>
    <t>Shadiwal Mehmoodkey</t>
  </si>
  <si>
    <t>Syed Abrar Ali Shah</t>
  </si>
  <si>
    <t>GES THUL HAMZA</t>
  </si>
  <si>
    <t>p/o thul hamza</t>
  </si>
  <si>
    <t>Rafiq Ahmad Chishti</t>
  </si>
  <si>
    <t>GES THUL HASSAN KHAN</t>
  </si>
  <si>
    <t>Thul Khair Muhammad</t>
  </si>
  <si>
    <t>Thul Hassan KHAN, RYK.</t>
  </si>
  <si>
    <t>Thul Hassan</t>
  </si>
  <si>
    <t>Muhammad Saleem Tabasum</t>
  </si>
  <si>
    <t>GES THULL NAJEEB, NAWAN SHEHR</t>
  </si>
  <si>
    <t>mauza thull najeeb khas</t>
  </si>
  <si>
    <t>Sajjad Hussain Asi</t>
  </si>
  <si>
    <t>GES TIAL PANJAND MOUZA HEERAN</t>
  </si>
  <si>
    <t>Heeran</t>
  </si>
  <si>
    <t>Basti Hasnaina bad head heeran p/o zpr</t>
  </si>
  <si>
    <t>Basti Heeran</t>
  </si>
  <si>
    <t>Missan Abad</t>
  </si>
  <si>
    <t>GES TIBBA ALAMGIR 270/HR</t>
  </si>
  <si>
    <t>FTS-III-MALE</t>
  </si>
  <si>
    <t>TIBBA ALAMGIR</t>
  </si>
  <si>
    <t>TIBBA ALAMGIR CHAK NO 270 HR FORT ABBAS</t>
  </si>
  <si>
    <t>270-HR</t>
  </si>
  <si>
    <t>MUNCIPAL COMMITTEE</t>
  </si>
  <si>
    <t>GES TIBBA MEHRBAN SHAH</t>
  </si>
  <si>
    <t>TIBBA MEHARBAN SHAH-MALE</t>
  </si>
  <si>
    <t>Tibba Mehrban Shah</t>
  </si>
  <si>
    <t>tibba mehrban shah</t>
  </si>
  <si>
    <t>GES TIBBA PIR TANNUN</t>
  </si>
  <si>
    <t>Pir Tannun</t>
  </si>
  <si>
    <t>GES Tibba Pir Tannun multan saddar dist multan</t>
  </si>
  <si>
    <t>Tayyab Muhammad Tahir</t>
  </si>
  <si>
    <t>GES TIBBA TUGHRAIL</t>
  </si>
  <si>
    <t>Tibba Tughreel Msndi Ahmad Abad</t>
  </si>
  <si>
    <t>Mandi Ahmad Abad</t>
  </si>
  <si>
    <t>Muhammad Sarfraz Khan</t>
  </si>
  <si>
    <t>GES TIBBI</t>
  </si>
  <si>
    <t>Muaffer Pur Janobi</t>
  </si>
  <si>
    <t>Tibbi mianwali</t>
  </si>
  <si>
    <t>Tibbi</t>
  </si>
  <si>
    <t>Muzaffer Pur Janobi</t>
  </si>
  <si>
    <t>GES TIBBI ARAIN</t>
  </si>
  <si>
    <t>Tibbi Arain</t>
  </si>
  <si>
    <t>seetpur road tehsil alipur district Muzaffargarh</t>
  </si>
  <si>
    <t>Baz Wala</t>
  </si>
  <si>
    <t>GES TIBBI CHAK NO. 20</t>
  </si>
  <si>
    <t>TIBBI CHAK 20</t>
  </si>
  <si>
    <t>TIBBI CHAK 20 TEHSIL PATTOKI DISTRICT KASUR</t>
  </si>
  <si>
    <t>WAN RADHA RAM</t>
  </si>
  <si>
    <t>GES TIBBI HAMBO</t>
  </si>
  <si>
    <t>SHEIKHUPURA-VIII - MALE</t>
  </si>
  <si>
    <t>Tibbi Hambo</t>
  </si>
  <si>
    <t>tibbi hambo</t>
  </si>
  <si>
    <t>Muhammad tariq butt</t>
  </si>
  <si>
    <t>GES TIBBI HOTE MAHAR</t>
  </si>
  <si>
    <t>Tibbi Hote Mehar</t>
  </si>
  <si>
    <t>moza tibbi hote mahar</t>
  </si>
  <si>
    <t>Tibbi Hote Mahar</t>
  </si>
  <si>
    <t>Mud Peerwa</t>
  </si>
  <si>
    <t>GES TIBBI LARAN</t>
  </si>
  <si>
    <t>TIBBI LARAN</t>
  </si>
  <si>
    <t>Kacha Sadiq abad road near Wild life park Ryk</t>
  </si>
  <si>
    <t>Kot kamuh Shah</t>
  </si>
  <si>
    <t>SHAHZAD MEHMOOD HASSAN</t>
  </si>
  <si>
    <t>GES TIBBI MARLAN</t>
  </si>
  <si>
    <t>TIBBI MARLAN</t>
  </si>
  <si>
    <t>TIBBI MARLAN SARGODHA ROAD GUJRAT</t>
  </si>
  <si>
    <t>DASWNDI PURA</t>
  </si>
  <si>
    <t>Hajra Zaman</t>
  </si>
  <si>
    <t>GES TIBBI SOHAGAN</t>
  </si>
  <si>
    <t>Chandrani East</t>
  </si>
  <si>
    <t>Mouza Chandrani East Tehsil &amp; District Bahawalpur</t>
  </si>
  <si>
    <t>Muhammad Ayaz Qasim</t>
  </si>
  <si>
    <t>GES TIBI ESERAN</t>
  </si>
  <si>
    <t>YAROO KHOSA MALE</t>
  </si>
  <si>
    <t>Tibbi Esran</t>
  </si>
  <si>
    <t>Headmaster Maqsood Ahmad Khosa, GES Tibbi Esran, Tehsil &amp; District, D.G.Khan.</t>
  </si>
  <si>
    <t>Maqsood Ahmad Khosa</t>
  </si>
  <si>
    <t>GES TIBI JHULAN</t>
  </si>
  <si>
    <t>GUL MUHAMMAD LANGAH - MALE</t>
  </si>
  <si>
    <t>Tibi Jhulan</t>
  </si>
  <si>
    <t>Tibi jhulan p/o Dera faridi, Tehsil: Liaqat pur, District: RYK</t>
  </si>
  <si>
    <t>Gull Muhammad Langah</t>
  </si>
  <si>
    <t>Riaz Nasir Mahmood</t>
  </si>
  <si>
    <t>GES TOBA RAHMAN SHAH</t>
  </si>
  <si>
    <t>Toba Rahman SHAH</t>
  </si>
  <si>
    <t>Nilian wali p,o dunga bunga</t>
  </si>
  <si>
    <t>Nilian Wali</t>
  </si>
  <si>
    <t>Soondha</t>
  </si>
  <si>
    <t>GES TOLEKE</t>
  </si>
  <si>
    <t>Toleke</t>
  </si>
  <si>
    <t>toleke virkan</t>
  </si>
  <si>
    <t>Ghania</t>
  </si>
  <si>
    <t>Rana Muhammad Zafar Iqbal</t>
  </si>
  <si>
    <t>GES TOOLA</t>
  </si>
  <si>
    <t>TOLA</t>
  </si>
  <si>
    <t>TOLA    P/O RAMBRI  ( SKG)</t>
  </si>
  <si>
    <t>TAHIR MAHMOOD</t>
  </si>
  <si>
    <t>GES TOOR</t>
  </si>
  <si>
    <t>vpo toor teh and distt. jhelum</t>
  </si>
  <si>
    <t>Ishtiaq Ahmed</t>
  </si>
  <si>
    <t>GES TOOT</t>
  </si>
  <si>
    <t>Toot</t>
  </si>
  <si>
    <t>vill toot tehsil pindi gheb distt  Attock</t>
  </si>
  <si>
    <t>Maira Sharif</t>
  </si>
  <si>
    <t>Abid Ali Khan</t>
  </si>
  <si>
    <t>GES TOOTRA</t>
  </si>
  <si>
    <t>KALEKE MANDI SHARQI - MALE</t>
  </si>
  <si>
    <t>Tootra</t>
  </si>
  <si>
    <t>Uddoki</t>
  </si>
  <si>
    <t>Rai Umer Farooq</t>
  </si>
  <si>
    <t>GES TOPA USMAN</t>
  </si>
  <si>
    <t>Topa Usman</t>
  </si>
  <si>
    <t>vpo Topa Usman Teh. Kharian, Distt Gujrat</t>
  </si>
  <si>
    <t>Sikeryali</t>
  </si>
  <si>
    <t>MUHAMMAD AKHTAR</t>
  </si>
  <si>
    <t>GES TORE KHOI</t>
  </si>
  <si>
    <t>BORH KHOI-MALE</t>
  </si>
  <si>
    <t>pos bangi khel sharqi</t>
  </si>
  <si>
    <t>Govt Elementary School Tore Kohi post office kalabagh teh Isa khel mianwali</t>
  </si>
  <si>
    <t>Tore Khoi</t>
  </si>
  <si>
    <t>Tabisar</t>
  </si>
  <si>
    <t>Faisal Aftab</t>
  </si>
  <si>
    <t>GES TORI ALLAH YAR</t>
  </si>
  <si>
    <t>tori allah yar</t>
  </si>
  <si>
    <t>chachky gill</t>
  </si>
  <si>
    <t>Muhammad Safeer Ahmad</t>
  </si>
  <si>
    <t>GES TRANDA SHAIB YAR KHAN</t>
  </si>
  <si>
    <t>Tranda Sahib Yar Khan</t>
  </si>
  <si>
    <t>Tranda Sahib yar khan</t>
  </si>
  <si>
    <t>Tranda Sahib Yar</t>
  </si>
  <si>
    <t>Malik Shabbir Ahmad</t>
  </si>
  <si>
    <t>GES TRAROWALA</t>
  </si>
  <si>
    <t>Trerwanwala</t>
  </si>
  <si>
    <t>Trerwanwala kharian District Gujrat</t>
  </si>
  <si>
    <t>Muhammad Shoaib Aslam</t>
  </si>
  <si>
    <t>GES TREDDAY WALI</t>
  </si>
  <si>
    <t>treddy wali</t>
  </si>
  <si>
    <t>GES treddy wali</t>
  </si>
  <si>
    <t>mandiwala</t>
  </si>
  <si>
    <t>GES TRIMU HEAD</t>
  </si>
  <si>
    <t>Dohin Muhammad</t>
  </si>
  <si>
    <t>mouza dohin muhammad canal colony trimu head teh dist jhang</t>
  </si>
  <si>
    <t>Canal Colony Trimu Head</t>
  </si>
  <si>
    <t>Mansor Sial</t>
  </si>
  <si>
    <t>Allah Ditta Fayyaz</t>
  </si>
  <si>
    <t>GES TRINDA MIR KHAN</t>
  </si>
  <si>
    <t>Tranda Mir Khan</t>
  </si>
  <si>
    <t>Tranda mir khan liaqut pur RYK</t>
  </si>
  <si>
    <t>Waleed Qamer</t>
  </si>
  <si>
    <t>GES TRUST COLONY</t>
  </si>
  <si>
    <t>Chak 72 NP</t>
  </si>
  <si>
    <t>chak 72 NP</t>
  </si>
  <si>
    <t>Ryk Rural</t>
  </si>
  <si>
    <t>Azhar Pervaiz</t>
  </si>
  <si>
    <t>GES TUCK SHER</t>
  </si>
  <si>
    <t>Manka Janobi</t>
  </si>
  <si>
    <t>tuck sher uc fazla</t>
  </si>
  <si>
    <t>Tuck Sher</t>
  </si>
  <si>
    <t>GES TULLA BULLA</t>
  </si>
  <si>
    <t>Tulla Bhulla</t>
  </si>
  <si>
    <t>chak Tulla Bhulla</t>
  </si>
  <si>
    <t>GES TURK</t>
  </si>
  <si>
    <t>Thatha Chandir</t>
  </si>
  <si>
    <t>Basti chandir mauza Thatha Chandir</t>
  </si>
  <si>
    <t>Chandair</t>
  </si>
  <si>
    <t>Meer Wala</t>
  </si>
  <si>
    <t>GES TURKO ADDA</t>
  </si>
  <si>
    <t>GES Tarku ada tehSil choubara district layyah</t>
  </si>
  <si>
    <t>sarfraz hussain</t>
  </si>
  <si>
    <t>GES UCH BUKHARI</t>
  </si>
  <si>
    <t>uch bukhari</t>
  </si>
  <si>
    <t>mohallah bukhari</t>
  </si>
  <si>
    <t>bukhari</t>
  </si>
  <si>
    <t>Uc Bukhari</t>
  </si>
  <si>
    <t>Muhammad Ishaq Joyia</t>
  </si>
  <si>
    <t>GES UCHHALA</t>
  </si>
  <si>
    <t>Uchhala</t>
  </si>
  <si>
    <t>V.P.O UCHHALA tehsil Nushehra</t>
  </si>
  <si>
    <t>Khabkhi</t>
  </si>
  <si>
    <t>GES UDDIAN</t>
  </si>
  <si>
    <t>Uddian Sharif</t>
  </si>
  <si>
    <t>Uddian Sharif, Tehsil Kot Momin, District Sargodha.</t>
  </si>
  <si>
    <t>Halalpur</t>
  </si>
  <si>
    <t>Aon Abbas</t>
  </si>
  <si>
    <t>GES UDDOKE</t>
  </si>
  <si>
    <t>UDDOKE</t>
  </si>
  <si>
    <t>Govt. Elementary School Uddoke</t>
  </si>
  <si>
    <t>Uddoke</t>
  </si>
  <si>
    <t>Babar Sher</t>
  </si>
  <si>
    <t>GES UDO FATAH</t>
  </si>
  <si>
    <t>Uddo Fatah</t>
  </si>
  <si>
    <t>v p.o Uddo Fatah Teh Pasrur Distt Sialkot</t>
  </si>
  <si>
    <t>Pejokey</t>
  </si>
  <si>
    <t>Intizar Ali</t>
  </si>
  <si>
    <t>GES UGGO BHINDER</t>
  </si>
  <si>
    <t>Uggo Bhinder</t>
  </si>
  <si>
    <t>uggo bhinder</t>
  </si>
  <si>
    <t>Muhammad Tufail Gill</t>
  </si>
  <si>
    <t>GES UMAID ALI BHAIT</t>
  </si>
  <si>
    <t>Uamid Ali Bhait</t>
  </si>
  <si>
    <t>lakar wali</t>
  </si>
  <si>
    <t>Lakar Wali</t>
  </si>
  <si>
    <t>GES UMER PURA CHAK 50/RB</t>
  </si>
  <si>
    <t>Umerpura Chak#50 RB</t>
  </si>
  <si>
    <t>umerpurachak#50 rb</t>
  </si>
  <si>
    <t>Umerpura Chak#50 Rb</t>
  </si>
  <si>
    <t>GES UMRAL</t>
  </si>
  <si>
    <t>Umral</t>
  </si>
  <si>
    <t>village &amp;po umral tehsil sohawa district jhelum</t>
  </si>
  <si>
    <t>Asif Shehzad</t>
  </si>
  <si>
    <t>GES UNIVERSITY COLONY TAXILA</t>
  </si>
  <si>
    <t>Gangoo Bahder</t>
  </si>
  <si>
    <t>Govt boys elementary school uet taxila</t>
  </si>
  <si>
    <t>UET Campus</t>
  </si>
  <si>
    <t>Khurram Paracha</t>
  </si>
  <si>
    <t>Gul Fareen</t>
  </si>
  <si>
    <t>GES UPPER BHAN</t>
  </si>
  <si>
    <t>Bhan</t>
  </si>
  <si>
    <t>GBES UPPER BHAN KOTLI SATTIAN</t>
  </si>
  <si>
    <t>Dherkot Sattian</t>
  </si>
  <si>
    <t>spring pipeline</t>
  </si>
  <si>
    <t>GES URTAK PUR</t>
  </si>
  <si>
    <t>Urtakpur</t>
  </si>
  <si>
    <t>GES Urtakpur Kamra kalan</t>
  </si>
  <si>
    <t>Kamra Kalan</t>
  </si>
  <si>
    <t>Qamar zaman</t>
  </si>
  <si>
    <t>GES USMAN SHAH</t>
  </si>
  <si>
    <t>Usman Shah</t>
  </si>
  <si>
    <t>GES usman shah</t>
  </si>
  <si>
    <t>Cholani</t>
  </si>
  <si>
    <t>Waqas Ahmad</t>
  </si>
  <si>
    <t>GES USMAN ZADA ADRAH</t>
  </si>
  <si>
    <t>Usman Zada Adra</t>
  </si>
  <si>
    <t>usman zada adra</t>
  </si>
  <si>
    <t>Daultala 2</t>
  </si>
  <si>
    <t>Muhammad Qayyas</t>
  </si>
  <si>
    <t>GES UTRA</t>
  </si>
  <si>
    <t>village post office uttra khushab</t>
  </si>
  <si>
    <t>Khuda Bakhsh</t>
  </si>
  <si>
    <t>GES UTRA KALAN</t>
  </si>
  <si>
    <t>Utra kalan</t>
  </si>
  <si>
    <t>ges utra klan  p/o utra kalan  TEH  &amp; DISTT  MIANWALI</t>
  </si>
  <si>
    <t>Deer Umaid Ali Shah</t>
  </si>
  <si>
    <t>RAUF AHMAD</t>
  </si>
  <si>
    <t>GES UTRA SANDILA</t>
  </si>
  <si>
    <t>Uttra sandila</t>
  </si>
  <si>
    <t>uttra sandila</t>
  </si>
  <si>
    <t>Muhammad Safdar Shehzad</t>
  </si>
  <si>
    <t>GES VANOTIAN WALI CHAK 39/RB</t>
  </si>
  <si>
    <t>Chak no 39</t>
  </si>
  <si>
    <t>chak no 39 RB.P/O panwan tehsil shahkot distt Nankana sahib</t>
  </si>
  <si>
    <t>Wanotianwali</t>
  </si>
  <si>
    <t>Panwan</t>
  </si>
  <si>
    <t>Muhammad naveed anjum</t>
  </si>
  <si>
    <t>GES VARIO</t>
  </si>
  <si>
    <t>Vario</t>
  </si>
  <si>
    <t>village vario p o sahowali sialkot</t>
  </si>
  <si>
    <t>GES VAVNA WALA JANUBI</t>
  </si>
  <si>
    <t>Piplan Pacca</t>
  </si>
  <si>
    <t>Vavana wala Janubi</t>
  </si>
  <si>
    <t>Vavana Walla</t>
  </si>
  <si>
    <t>Tiba Mehrban Shah</t>
  </si>
  <si>
    <t>Iftikhar Ahmad Khan</t>
  </si>
  <si>
    <t>GES VEHOVA</t>
  </si>
  <si>
    <t>Vehova Shumali</t>
  </si>
  <si>
    <t>chak vehova shumali</t>
  </si>
  <si>
    <t>Vehova</t>
  </si>
  <si>
    <t>Khursheed Anwar</t>
  </si>
  <si>
    <t>GES VEROWALA</t>
  </si>
  <si>
    <t>verowala</t>
  </si>
  <si>
    <t>Verowala</t>
  </si>
  <si>
    <t>Ghulam Shabbir Cheema</t>
  </si>
  <si>
    <t>GES VIJHALKAY</t>
  </si>
  <si>
    <t>Vijhalkay</t>
  </si>
  <si>
    <t>lalian jhang road vijhalkay</t>
  </si>
  <si>
    <t>Hafiz Allahdita</t>
  </si>
  <si>
    <t>GES VIRAM CHAK NO 4</t>
  </si>
  <si>
    <t>Viram Chak No 4</t>
  </si>
  <si>
    <t>viram Chak No 4.tehsil chunian distt.Kasur</t>
  </si>
  <si>
    <t>Jagowala Chak 4</t>
  </si>
  <si>
    <t>GES WACHA SANDILA</t>
  </si>
  <si>
    <t>Wacha Sandila</t>
  </si>
  <si>
    <t>basti wacha sandila tehsil jalal pur pirwala distt. multan</t>
  </si>
  <si>
    <t>Ali Pur Sadat</t>
  </si>
  <si>
    <t>GES WADDAN</t>
  </si>
  <si>
    <t>Waddan</t>
  </si>
  <si>
    <t>waddan p/o mandi shah jewana tehsil&amp; distt jhang</t>
  </si>
  <si>
    <t>Shah Jewana</t>
  </si>
  <si>
    <t>Asif  Shahzad</t>
  </si>
  <si>
    <t>GES WADHALA</t>
  </si>
  <si>
    <t>Wadhala</t>
  </si>
  <si>
    <t>zafarwal</t>
  </si>
  <si>
    <t>tahir mahmood</t>
  </si>
  <si>
    <t>GES WADHAN</t>
  </si>
  <si>
    <t>Wadhan</t>
  </si>
  <si>
    <t>village Wadhan tehsil Bhera Distt. Sargodha</t>
  </si>
  <si>
    <t>Hazoor Pur</t>
  </si>
  <si>
    <t>MUHAMMAD JAMEEL</t>
  </si>
  <si>
    <t>GES WADHI</t>
  </si>
  <si>
    <t>Wadhi</t>
  </si>
  <si>
    <t>vill &amp; P/O wadhi. Tehsil shahpur district Sargodha.</t>
  </si>
  <si>
    <t>Hussain Shah</t>
  </si>
  <si>
    <t>Muhammad Sanaullah  Saqib</t>
  </si>
  <si>
    <t>GES WAGOWAL</t>
  </si>
  <si>
    <t>wagowal</t>
  </si>
  <si>
    <t>WAGOWAL</t>
  </si>
  <si>
    <t>USAMA JABBAR</t>
  </si>
  <si>
    <t>GES WAHALI ZER</t>
  </si>
  <si>
    <t>Wahali Hardo</t>
  </si>
  <si>
    <t>vpo Wahali Zer tehsil choa saiden shah district chakwal</t>
  </si>
  <si>
    <t>Wahali Zer</t>
  </si>
  <si>
    <t>Lehr Sultanpur</t>
  </si>
  <si>
    <t>muhammad tanveer</t>
  </si>
  <si>
    <t>GES WAHGRAY</t>
  </si>
  <si>
    <t>Wahgray</t>
  </si>
  <si>
    <t>wahgray P/O Faizpur khurd Teh. feroz wala Sheikhupura</t>
  </si>
  <si>
    <t>Rana Bhatti</t>
  </si>
  <si>
    <t>Muhammad Hamza</t>
  </si>
  <si>
    <t>GES WAHI KING RANI</t>
  </si>
  <si>
    <t>Wahi King Rani</t>
  </si>
  <si>
    <t>Wahi King Rani po wadoor DG, khan</t>
  </si>
  <si>
    <t>Chack Nau Abad</t>
  </si>
  <si>
    <t>GES WAHI SALAMAT ROY</t>
  </si>
  <si>
    <t>Wahi Salamat Ray</t>
  </si>
  <si>
    <t>G E S Wahi Salamat Ray</t>
  </si>
  <si>
    <t>Hati Motan Mall</t>
  </si>
  <si>
    <t>Sultan Mehmood</t>
  </si>
  <si>
    <t>GES WAHI SANDILA JALALPUR PIRWALA</t>
  </si>
  <si>
    <t>Wahi Sandia</t>
  </si>
  <si>
    <t>Basti darkhan wala moza wahi sandila</t>
  </si>
  <si>
    <t>Juggowala</t>
  </si>
  <si>
    <t>GES WAHID BAKHSH SIAL</t>
  </si>
  <si>
    <t>Wahid Bakhsh Sial</t>
  </si>
  <si>
    <t>moza Wahid Bakhsh Sial, Allahabad, liaquat pur, rahim yar khan</t>
  </si>
  <si>
    <t>Muhammad Dah</t>
  </si>
  <si>
    <t>Rasheed Ahmad Jaffri</t>
  </si>
  <si>
    <t>GES WAHNDO</t>
  </si>
  <si>
    <t>Wahndo</t>
  </si>
  <si>
    <t>wahndo teh.kamoki dist.gujranwala</t>
  </si>
  <si>
    <t>GES WAHRA GASHKORI</t>
  </si>
  <si>
    <t>Wara gishkori</t>
  </si>
  <si>
    <t>GES Wara Gishkori Tehsil Layyah District Layyah</t>
  </si>
  <si>
    <t>wara Gishkori</t>
  </si>
  <si>
    <t>kot Haji Shah</t>
  </si>
  <si>
    <t>GES WAKEEL WALA</t>
  </si>
  <si>
    <t>Vakeel Wala 574</t>
  </si>
  <si>
    <t>chak no 574 GB vakeel wala</t>
  </si>
  <si>
    <t>Vakeel Wala</t>
  </si>
  <si>
    <t>Dharay Da Wara</t>
  </si>
  <si>
    <t>GES WALANA</t>
  </si>
  <si>
    <t>Village Walana Post office Bhatti Gujar Tehsil Kallar Kahar district Chakwal</t>
  </si>
  <si>
    <t>Bharpour</t>
  </si>
  <si>
    <t>JAHANGIR AKBAR Bader</t>
  </si>
  <si>
    <t>GES WALGON SOHAIL NANKANA</t>
  </si>
  <si>
    <t>WALGON SOHAIL</t>
  </si>
  <si>
    <t>WALGON SOHAIL P / O SAME TEH &amp; DISTT NNS</t>
  </si>
  <si>
    <t>Allah Tawakkul</t>
  </si>
  <si>
    <t>GES WALGUN JANDA</t>
  </si>
  <si>
    <t>Ferozewattowan</t>
  </si>
  <si>
    <t>Walgan jhanda tehsil and dist sheikhupura</t>
  </si>
  <si>
    <t>Walgan Jhanda</t>
  </si>
  <si>
    <t>Ferozewattowa</t>
  </si>
  <si>
    <t>Asif Khan</t>
  </si>
  <si>
    <t>GES WAN</t>
  </si>
  <si>
    <t>GES WAN TEHSIL SAMBRIAL DISTRICT SIALKOT</t>
  </si>
  <si>
    <t>WAN</t>
  </si>
  <si>
    <t>MALKHANWALA</t>
  </si>
  <si>
    <t>TARIQ MEHMOOD CHEEMA</t>
  </si>
  <si>
    <t>GES WAN PITAFI</t>
  </si>
  <si>
    <t>Basti Wan Pitafi P/O BasiraTeh&amp;Distt Muzaffar Garh</t>
  </si>
  <si>
    <t>WAN Pitafi</t>
  </si>
  <si>
    <t>M Ayyaz Zaki</t>
  </si>
  <si>
    <t>GES WANAIKH</t>
  </si>
  <si>
    <t>WANAIK</t>
  </si>
  <si>
    <t>MOZA WANAIK POST OFFICE SHER GIRH TEHSIL DEPALPUR DISTRICT OKARA</t>
  </si>
  <si>
    <t>DHOOL CHOOR</t>
  </si>
  <si>
    <t>GES WANDALA NASIR KHAN</t>
  </si>
  <si>
    <t>WANDALA NASIR</t>
  </si>
  <si>
    <t>Wandala Nasir</t>
  </si>
  <si>
    <t>Bhianwala Kalan</t>
  </si>
  <si>
    <t>M.JAMIL SHAHID</t>
  </si>
  <si>
    <t>GES WANDER PO SUR SINGH</t>
  </si>
  <si>
    <t>Wander</t>
  </si>
  <si>
    <t>wander tehsil pattoki(kasur)</t>
  </si>
  <si>
    <t>Muhammad Umar Daraz</t>
  </si>
  <si>
    <t>GES WANDLA JAGIR</t>
  </si>
  <si>
    <t>Vendla Jagir</t>
  </si>
  <si>
    <t>Vendla Jagir Tehsil Depal Pur District Okara</t>
  </si>
  <si>
    <t>Ali Sher</t>
  </si>
  <si>
    <t>GES WARA GUJRAN</t>
  </si>
  <si>
    <t>Darapur Jhelum</t>
  </si>
  <si>
    <t>village Wara Gujran Post office Jamarghal Tehsile And District Jhelum</t>
  </si>
  <si>
    <t>Paras Farhad</t>
  </si>
  <si>
    <t>GES WARA SIDHU</t>
  </si>
  <si>
    <t>Mashmoola Bhai Kot</t>
  </si>
  <si>
    <t>wara siddu near sundar state p/o raiwnd</t>
  </si>
  <si>
    <t>Wara Siddhu</t>
  </si>
  <si>
    <t>GES WARCHHA CITY</t>
  </si>
  <si>
    <t>Warchha</t>
  </si>
  <si>
    <t>p/o warchha teh. qaidabad distt. khushab</t>
  </si>
  <si>
    <t>GES WARIS COLONY LAHORE</t>
  </si>
  <si>
    <t>Niazbaig</t>
  </si>
  <si>
    <t>Waris Colony Wahda Road Lahore</t>
  </si>
  <si>
    <t>Wqris Colony</t>
  </si>
  <si>
    <t>Mustafa Town</t>
  </si>
  <si>
    <t>GES WARN</t>
  </si>
  <si>
    <t>p/o same warn tehsil and district sheikhupura</t>
  </si>
  <si>
    <t>Faisal Rasheed</t>
  </si>
  <si>
    <t>electric water filteration</t>
  </si>
  <si>
    <t>GES WARSEEN</t>
  </si>
  <si>
    <t>Warseen</t>
  </si>
  <si>
    <t>chak warseen teh. distt. pakpattan</t>
  </si>
  <si>
    <t>Omer Farooq</t>
  </si>
  <si>
    <t>GES WARYAM</t>
  </si>
  <si>
    <t>Burraywala</t>
  </si>
  <si>
    <t>basti waryam</t>
  </si>
  <si>
    <t>Bastiwaryam</t>
  </si>
  <si>
    <t>burray wala</t>
  </si>
  <si>
    <t>GES WARYAM ROAD TTS</t>
  </si>
  <si>
    <t>TT SINGH</t>
  </si>
  <si>
    <t>waryam road</t>
  </si>
  <si>
    <t>Zia Colony</t>
  </si>
  <si>
    <t>Rehan Hassan</t>
  </si>
  <si>
    <t>GES WASAN PURA, BHAMMAN JHUGIAN</t>
  </si>
  <si>
    <t>Jodha</t>
  </si>
  <si>
    <t>Bahamma juggian</t>
  </si>
  <si>
    <t>Bahamma Juggian</t>
  </si>
  <si>
    <t>Bhamman</t>
  </si>
  <si>
    <t>Muhammad Aslsm</t>
  </si>
  <si>
    <t>GES WASAWA</t>
  </si>
  <si>
    <t>WASAWA</t>
  </si>
  <si>
    <t>mouza wasawa jhang</t>
  </si>
  <si>
    <t>Waseem Sajjad Kalyar</t>
  </si>
  <si>
    <t>GES WASEEM ABAD</t>
  </si>
  <si>
    <t>Bhaugh</t>
  </si>
  <si>
    <t>Basti Punar mouza Bhaugh Tehsil &amp; district Rajanpur</t>
  </si>
  <si>
    <t>Basti Punar</t>
  </si>
  <si>
    <t>Iqbal Farid</t>
  </si>
  <si>
    <t>GES WATNA</t>
  </si>
  <si>
    <t>Watna</t>
  </si>
  <si>
    <t>village watna post office raiwind distt lahore</t>
  </si>
  <si>
    <t>GES WATOO</t>
  </si>
  <si>
    <t>Wattoo</t>
  </si>
  <si>
    <t>Village Wattoo teh,distt Khushab</t>
  </si>
  <si>
    <t>Lukoo</t>
  </si>
  <si>
    <t>FARHAT HUSSAIN KHAN</t>
  </si>
  <si>
    <t>GES WATTA KHEL</t>
  </si>
  <si>
    <t>Watts Khel</t>
  </si>
  <si>
    <t>watta khel mianwali</t>
  </si>
  <si>
    <t>Aziz Ullah Khan</t>
  </si>
  <si>
    <t>GES WATTO</t>
  </si>
  <si>
    <t>Muzaffar Pur Janubi</t>
  </si>
  <si>
    <t>distt.and teh. Mianwali post office Wanbhachran</t>
  </si>
  <si>
    <t>GES WAULAH TEH CHOA SAIDAN SHAH</t>
  </si>
  <si>
    <t>Waulah</t>
  </si>
  <si>
    <t>VPO Waulah Tehsil Choa Saidan Shah District Chakwal</t>
  </si>
  <si>
    <t>Dalwal</t>
  </si>
  <si>
    <t>Imran Hussain</t>
  </si>
  <si>
    <t>GES WIJHWAN</t>
  </si>
  <si>
    <t>Wijhwan</t>
  </si>
  <si>
    <t>wijhwan</t>
  </si>
  <si>
    <t>Riaz-ul-hassan</t>
  </si>
  <si>
    <t>GES YOUSAF WALA P/O QURESHI WALA</t>
  </si>
  <si>
    <t>Pugalwari</t>
  </si>
  <si>
    <t>yousafwala pugalwari p/o Qureshiwala teh&amp;dist Lodhran</t>
  </si>
  <si>
    <t>Muhammad Waseem Abbas</t>
  </si>
  <si>
    <t>GES YOUSIF MACHHI</t>
  </si>
  <si>
    <t>moza bhara u/c machka tehsil Sadiq Abad district Rahim yar khan</t>
  </si>
  <si>
    <t>Khair Mohammad</t>
  </si>
  <si>
    <t>Syed Hazoor Shah</t>
  </si>
  <si>
    <t>hand pump ,water pump</t>
  </si>
  <si>
    <t>GES ZAFAR ABAD RANG PUR BAGHOOR</t>
  </si>
  <si>
    <t>GES Zafarabad</t>
  </si>
  <si>
    <t>MUHAMMAD SHER</t>
  </si>
  <si>
    <t>GES ZAFAR KEY</t>
  </si>
  <si>
    <t>Zafar Key</t>
  </si>
  <si>
    <t>Village Zafar Key Tehsil kKot Radha Krishan, Kasur</t>
  </si>
  <si>
    <t>GES ZAFARWAL</t>
  </si>
  <si>
    <t>govt elemantry school zafarwal</t>
  </si>
  <si>
    <t>GES ZAHEER ABAD CHISHTIAN</t>
  </si>
  <si>
    <t>Chak Abdullah Otar</t>
  </si>
  <si>
    <t>basti zaheerabad Tehsil Chishtian District bahawalnagar</t>
  </si>
  <si>
    <t>Zaheerabad</t>
  </si>
  <si>
    <t>Chak 4/G</t>
  </si>
  <si>
    <t>Hafiz Muhammad Iqbal</t>
  </si>
  <si>
    <t>GES ZAKHIRA GASHKORI</t>
  </si>
  <si>
    <t>zakhira gashkori</t>
  </si>
  <si>
    <t>GES zakhira gashkori okara</t>
  </si>
  <si>
    <t>Muhammad Sher</t>
  </si>
  <si>
    <t>GES ZALA</t>
  </si>
  <si>
    <t>Zalla</t>
  </si>
  <si>
    <t>Ges zalla mianwali</t>
  </si>
  <si>
    <t>Gullmeri Wala</t>
  </si>
  <si>
    <t>Ghulam Sadiq Khan</t>
  </si>
  <si>
    <t>GES ZEEN</t>
  </si>
  <si>
    <t>Zeen</t>
  </si>
  <si>
    <t>zeen trible area teh taunsa</t>
  </si>
  <si>
    <t>GHULAM MEHMOOD LEGHARI</t>
  </si>
  <si>
    <t>3 KM far Streem</t>
  </si>
  <si>
    <t>GES ZEENAT MILLS FSD</t>
  </si>
  <si>
    <t>ali town</t>
  </si>
  <si>
    <t>govt e/s zeenat mills sargodha road faisalabad</t>
  </si>
  <si>
    <t>syed mujahid ali shah</t>
  </si>
  <si>
    <t>GES ZUBAIR ABAD (CHAK NO. 617/TDA)</t>
  </si>
  <si>
    <t>Chak no 617/tda</t>
  </si>
  <si>
    <t>chak no 617tda p/o riazabad</t>
  </si>
  <si>
    <t>Chak no 617tda</t>
  </si>
  <si>
    <t>Muhammad Masood Raza</t>
  </si>
  <si>
    <t>GG BBS ES BHAGAT</t>
  </si>
  <si>
    <t>GHANIAN - FEMALE</t>
  </si>
  <si>
    <t>Village Bhagat</t>
  </si>
  <si>
    <t>Dharaikan Kalan</t>
  </si>
  <si>
    <t>Naila Zafar</t>
  </si>
  <si>
    <t>GG BBS ES KOT MULTANIAN WALA</t>
  </si>
  <si>
    <t>HELAN - FEMALE</t>
  </si>
  <si>
    <t>Kot Multanianwala</t>
  </si>
  <si>
    <t>Chak Manu</t>
  </si>
  <si>
    <t>Ansar Naareen</t>
  </si>
  <si>
    <t>GG BBS ES SHEIKH ALI PUR</t>
  </si>
  <si>
    <t>CHAK JANO KALAN- FEMALE</t>
  </si>
  <si>
    <t>Chk Jano Kalan</t>
  </si>
  <si>
    <t>sheikh ali pur.P/O Helan.Teh.Phalia.Dist.M.B.Din</t>
  </si>
  <si>
    <t>Sheikh Ali Pur</t>
  </si>
  <si>
    <t>Iram Tahira</t>
  </si>
  <si>
    <t>GG BBS ES SULEMAN</t>
  </si>
  <si>
    <t>DOGUL - FEMALE</t>
  </si>
  <si>
    <t>suleman</t>
  </si>
  <si>
    <t>villaga suleman</t>
  </si>
  <si>
    <t>ghanian</t>
  </si>
  <si>
    <t>Shahida parveen</t>
  </si>
  <si>
    <t>GG BBS HS CHAK MANO</t>
  </si>
  <si>
    <t>Mano chak</t>
  </si>
  <si>
    <t>village mano chak</t>
  </si>
  <si>
    <t>Mano Chak</t>
  </si>
  <si>
    <t>Uzma Sana</t>
  </si>
  <si>
    <t>GG BBS HS CHARAN WALA</t>
  </si>
  <si>
    <t>CHARANWALA</t>
  </si>
  <si>
    <t>VPO CHARANWALA</t>
  </si>
  <si>
    <t>SANDHAWALA</t>
  </si>
  <si>
    <t>SAEEDA IRSHAD</t>
  </si>
  <si>
    <t>GG BBS HS HASLAN WALA</t>
  </si>
  <si>
    <t>village and post office haslanwala tehsil phalia district m. b. din</t>
  </si>
  <si>
    <t>Azeez Fatima</t>
  </si>
  <si>
    <t>GG BBS HS KALU</t>
  </si>
  <si>
    <t>Village and post office kailu tehsil phalia district m b din</t>
  </si>
  <si>
    <t>Dougal</t>
  </si>
  <si>
    <t>Mussrat Parveen</t>
  </si>
  <si>
    <t>GG BBS HS LADHER</t>
  </si>
  <si>
    <t>Ladher Kalan</t>
  </si>
  <si>
    <t>Ladher kalan</t>
  </si>
  <si>
    <t>Dhoul Ranjah</t>
  </si>
  <si>
    <t>GG BBS HS MADHRAY</t>
  </si>
  <si>
    <t>Madhray</t>
  </si>
  <si>
    <t>madhray</t>
  </si>
  <si>
    <t>Dholl Ranjha</t>
  </si>
  <si>
    <t>Naila Khalil</t>
  </si>
  <si>
    <t>GG BBS HS MAKEN</t>
  </si>
  <si>
    <t>maken</t>
  </si>
  <si>
    <t>VPO Maken, Tehsil Phalia, District Mandibahauddin</t>
  </si>
  <si>
    <t>Pindi Lala</t>
  </si>
  <si>
    <t>Ambreen Rehna</t>
  </si>
  <si>
    <t>GG BBS HS RANMAL SHARIF</t>
  </si>
  <si>
    <t>GG BBS H/S Ranmal Sharif</t>
  </si>
  <si>
    <t>Khadija Naushahi</t>
  </si>
  <si>
    <t>GG BBS HS SAINTHAL</t>
  </si>
  <si>
    <t>Sainthal P.O Rajoya tehsil phalia mandi bahauddin</t>
  </si>
  <si>
    <t>Chak jano</t>
  </si>
  <si>
    <t>Uzma Noreen</t>
  </si>
  <si>
    <t>GG CMES CHAK 90 JB THROO</t>
  </si>
  <si>
    <t>DARA PUR FEMALE</t>
  </si>
  <si>
    <t>Chak 90 JB I</t>
  </si>
  <si>
    <t>chak no 90 jb throo</t>
  </si>
  <si>
    <t>chak no 93 jb</t>
  </si>
  <si>
    <t>Bushra Razaaq</t>
  </si>
  <si>
    <t>GG Model PS NATT</t>
  </si>
  <si>
    <t>GGMPS NATT</t>
  </si>
  <si>
    <t>Dror Muslim</t>
  </si>
  <si>
    <t>Noureen George</t>
  </si>
  <si>
    <t>kuler</t>
  </si>
  <si>
    <t>GG MPS DERA PEERAN</t>
  </si>
  <si>
    <t>Dera Peeran</t>
  </si>
  <si>
    <t>dera peeran farooqabad</t>
  </si>
  <si>
    <t>Naila Rubi</t>
  </si>
  <si>
    <t>GG MPS QILA LAL SINGH</t>
  </si>
  <si>
    <t>Qila Sharif</t>
  </si>
  <si>
    <t>Qila Sharif Po Nazar lubana tehsil sharaqpur</t>
  </si>
  <si>
    <t>GGCEMS BOTAY WALA MAKHDOOM RASHEED</t>
  </si>
  <si>
    <t>JHOK LASHKAR PUR - FEMALE</t>
  </si>
  <si>
    <t>Bootay Wala</t>
  </si>
  <si>
    <t>bootay wala p/o makhdoom rashid teh multan saddar dist multan</t>
  </si>
  <si>
    <t>Ghazala Wajid</t>
  </si>
  <si>
    <t>GGCEMS CHAK NO. 99 ML</t>
  </si>
  <si>
    <t>98/ML FEMALE</t>
  </si>
  <si>
    <t>99/ML</t>
  </si>
  <si>
    <t>Chak No 99/ML</t>
  </si>
  <si>
    <t>99/Ml</t>
  </si>
  <si>
    <t>GGCEMS MOHUTA</t>
  </si>
  <si>
    <t>Mahuta</t>
  </si>
  <si>
    <t>Village mahuta,p/o mohra,tehsil and district rawalpindi</t>
  </si>
  <si>
    <t>Raika Maira</t>
  </si>
  <si>
    <t>Saba Saleem</t>
  </si>
  <si>
    <t>GGCES SHAWALA</t>
  </si>
  <si>
    <t>Shawala</t>
  </si>
  <si>
    <t>Sandral</t>
  </si>
  <si>
    <t>Ghulam Sughra Abbass</t>
  </si>
  <si>
    <t>GGCMES  66/GD</t>
  </si>
  <si>
    <t>ggcmes 66-GD</t>
  </si>
  <si>
    <t>66 GD</t>
  </si>
  <si>
    <t>59- GD</t>
  </si>
  <si>
    <t>Sadia Parveen</t>
  </si>
  <si>
    <t>GGCMES 1 KB PAKPATTAN</t>
  </si>
  <si>
    <t>CHAKBEDI 1 - FEMALE</t>
  </si>
  <si>
    <t>1/Kb</t>
  </si>
  <si>
    <t>chak 1kb</t>
  </si>
  <si>
    <t>Almas Shaheeh Buttt</t>
  </si>
  <si>
    <t>GGCMES 105/15-L VANJARI, MIAN CHANNU</t>
  </si>
  <si>
    <t>105/15L</t>
  </si>
  <si>
    <t>chak no 105/15L Vanjari</t>
  </si>
  <si>
    <t>105/15L Vanjari</t>
  </si>
  <si>
    <t>GGCMES 11 EB P/O PIR SADAR DIN</t>
  </si>
  <si>
    <t>ARIFWALA 2 - FEMALE</t>
  </si>
  <si>
    <t>Pir Saddar Din</t>
  </si>
  <si>
    <t>chak no 11eb po box pir sadr din arifwala</t>
  </si>
  <si>
    <t>Chak No11/eb</t>
  </si>
  <si>
    <t>13/eb</t>
  </si>
  <si>
    <t>Sajida Khursheed</t>
  </si>
  <si>
    <t>GGCMES 11/AH KHANEWAL</t>
  </si>
  <si>
    <t>MAKHDOOM PUR - FEMALE</t>
  </si>
  <si>
    <t>11Ah</t>
  </si>
  <si>
    <t>GGCMES 11/ah khanewal</t>
  </si>
  <si>
    <t>Chak No11ah</t>
  </si>
  <si>
    <t>4AH</t>
  </si>
  <si>
    <t>GGCMES 110/12-L</t>
  </si>
  <si>
    <t>KOTLA JINDA RAM-FEMALE</t>
  </si>
  <si>
    <t>chak No 110/12-L</t>
  </si>
  <si>
    <t>Chak No 110/12-L chichawatni District sahiwal</t>
  </si>
  <si>
    <t>Chak No 110/12-L</t>
  </si>
  <si>
    <t>SUMERA IRSHAD ALVI</t>
  </si>
  <si>
    <t>GGCMES 110/15-L MIAN CHANNU</t>
  </si>
  <si>
    <t>MIAN CHANNU-III - FEMALE</t>
  </si>
  <si>
    <t>110/15-L</t>
  </si>
  <si>
    <t>chak no110/15-L  p/o 108/15-L Mianchanu</t>
  </si>
  <si>
    <t>Chak No 110/15L</t>
  </si>
  <si>
    <t>110/15L</t>
  </si>
  <si>
    <t>Habeeba Sattar</t>
  </si>
  <si>
    <t>GGCMES 112/7-R</t>
  </si>
  <si>
    <t>OLD CHICHAWATNI-FEMALE</t>
  </si>
  <si>
    <t>112/ 7 R</t>
  </si>
  <si>
    <t>112/7-r</t>
  </si>
  <si>
    <t>Mamoona Naz</t>
  </si>
  <si>
    <t>GGCMES 115/7-CR</t>
  </si>
  <si>
    <t>IQBAL NAGAR-B-FEMALE</t>
  </si>
  <si>
    <t>115/7CR</t>
  </si>
  <si>
    <t>chak no 115/7CR Teh.CCI Distt.SWL</t>
  </si>
  <si>
    <t>116/7CR</t>
  </si>
  <si>
    <t>Ammara Rashid</t>
  </si>
  <si>
    <t>GGCMES 12/11-L</t>
  </si>
  <si>
    <t>SHERWALA-B-FEMALE</t>
  </si>
  <si>
    <t>12/11-L</t>
  </si>
  <si>
    <t>Chak no 12/11-L</t>
  </si>
  <si>
    <t>12 /11-L</t>
  </si>
  <si>
    <t>18/11-L</t>
  </si>
  <si>
    <t>Rubina Munir</t>
  </si>
  <si>
    <t>GGCMES 121 EB</t>
  </si>
  <si>
    <t>Chak no 121/ EB</t>
  </si>
  <si>
    <t>121/EB</t>
  </si>
  <si>
    <t>Moeen Kot</t>
  </si>
  <si>
    <t>Nazia Parveen</t>
  </si>
  <si>
    <t>GGCMES 13/11-L</t>
  </si>
  <si>
    <t>13/11L</t>
  </si>
  <si>
    <t>Sumera Rafiq</t>
  </si>
  <si>
    <t>GGCMES 135/10-R QADEEM JAHANIAN</t>
  </si>
  <si>
    <t>THATTA SADIQABAD - FEMALE</t>
  </si>
  <si>
    <t>135 / 10-R qadeem  teh. jahania District Khanewal</t>
  </si>
  <si>
    <t>Shaists Tasneem</t>
  </si>
  <si>
    <t>GGCMES 139 EB ARIFWALA</t>
  </si>
  <si>
    <t>MUHAMMAD NAGAR 3 - FEMALE</t>
  </si>
  <si>
    <t>139/EB</t>
  </si>
  <si>
    <t>151/EB</t>
  </si>
  <si>
    <t>Kaniz Fatima</t>
  </si>
  <si>
    <t>GGCMES 14/1-AL</t>
  </si>
  <si>
    <t>VICTORIA FORM -FEMALE</t>
  </si>
  <si>
    <t>14 /1AL</t>
  </si>
  <si>
    <t>14 1al</t>
  </si>
  <si>
    <t>Zainab Bibi</t>
  </si>
  <si>
    <t>GGCMES 155 WB</t>
  </si>
  <si>
    <t>THINGI - FEMALE</t>
  </si>
  <si>
    <t>155/WB</t>
  </si>
  <si>
    <t>chak no 155/W.B</t>
  </si>
  <si>
    <t>Samina Sarwar</t>
  </si>
  <si>
    <t>GGCMES 161 EB ARIFWALA</t>
  </si>
  <si>
    <t>ARIFWALA 1 - FEMALE</t>
  </si>
  <si>
    <t>161/EB</t>
  </si>
  <si>
    <t>161/EB arifwala</t>
  </si>
  <si>
    <t>Zunera Akhter</t>
  </si>
  <si>
    <t>GGCMES 164-A/9-L</t>
  </si>
  <si>
    <t>GHAZI ABAD-FEMALE</t>
  </si>
  <si>
    <t>164A9/L</t>
  </si>
  <si>
    <t>Chao no 164A9/L</t>
  </si>
  <si>
    <t>164A/9L</t>
  </si>
  <si>
    <t>169/9L</t>
  </si>
  <si>
    <t>SADIA ANJUM</t>
  </si>
  <si>
    <t>GGCMES 17/11-L</t>
  </si>
  <si>
    <t>17/11l</t>
  </si>
  <si>
    <t>17/11.L</t>
  </si>
  <si>
    <t>23/11l</t>
  </si>
  <si>
    <t>Safia Majeed</t>
  </si>
  <si>
    <t>GGCMES 170/9-L</t>
  </si>
  <si>
    <t>170/9-l</t>
  </si>
  <si>
    <t>chak#170/9-l</t>
  </si>
  <si>
    <t>169/9-l</t>
  </si>
  <si>
    <t>Saba Shahzadi</t>
  </si>
  <si>
    <t>GGCMES 171/10-R KHANEWAL</t>
  </si>
  <si>
    <t>MEHR SHAH - FEMALE</t>
  </si>
  <si>
    <t>Mehrshah</t>
  </si>
  <si>
    <t>gcmms.171/10 R</t>
  </si>
  <si>
    <t>171/10R</t>
  </si>
  <si>
    <t>166/10R</t>
  </si>
  <si>
    <t>Riffat Sattar</t>
  </si>
  <si>
    <t>GGCMES 19 WB</t>
  </si>
  <si>
    <t>PAKHI MORE - FEMALE</t>
  </si>
  <si>
    <t>19wb</t>
  </si>
  <si>
    <t>chak no 19wb post office tehsil &amp;distt vehari</t>
  </si>
  <si>
    <t>Chack 19wb</t>
  </si>
  <si>
    <t>Farzana Tehseen</t>
  </si>
  <si>
    <t>GGCMES 190/ 9A-L</t>
  </si>
  <si>
    <t>chak no 190/9AL</t>
  </si>
  <si>
    <t>190/9AL</t>
  </si>
  <si>
    <t>1/10L</t>
  </si>
  <si>
    <t>Khurshid Aslam</t>
  </si>
  <si>
    <t>GGCMES 20/8-BR TULAMBA</t>
  </si>
  <si>
    <t>TULAMBA-II - FEMALE</t>
  </si>
  <si>
    <t>20/8br</t>
  </si>
  <si>
    <t>chak no 20/8br</t>
  </si>
  <si>
    <t>Saleema Noureen</t>
  </si>
  <si>
    <t>GGCMES 21 EB P/O 21 EB</t>
  </si>
  <si>
    <t>21/eb</t>
  </si>
  <si>
    <t>chak 21eb</t>
  </si>
  <si>
    <t>Farzana Sharif</t>
  </si>
  <si>
    <t>GGCMES 215 RB KAKUANA</t>
  </si>
  <si>
    <t>KHANUANA 1 - FEMALE</t>
  </si>
  <si>
    <t>KAKUANA</t>
  </si>
  <si>
    <t>GGCME/S 215 RB KAKUANA FAISALABAD</t>
  </si>
  <si>
    <t>CHAK NO 215 RB KAKUANA</t>
  </si>
  <si>
    <t>215 Rb KAKUANA</t>
  </si>
  <si>
    <t>MUSSARAT JABEEN</t>
  </si>
  <si>
    <t>GGCMES 3/14-L</t>
  </si>
  <si>
    <t>KASSOWAL-A-FEMALE</t>
  </si>
  <si>
    <t>3/14L</t>
  </si>
  <si>
    <t>chak no 3.14.l</t>
  </si>
  <si>
    <t>3/14/L</t>
  </si>
  <si>
    <t>4/14L</t>
  </si>
  <si>
    <t>GGCMES 333 EB</t>
  </si>
  <si>
    <t>333/Eb</t>
  </si>
  <si>
    <t>GGCMES333/Eb Burewala</t>
  </si>
  <si>
    <t>Chak#333/Eb</t>
  </si>
  <si>
    <t>Tahira Tabassam</t>
  </si>
  <si>
    <t>GGCMES 35 WB</t>
  </si>
  <si>
    <t>35/Wb</t>
  </si>
  <si>
    <t>35/wb</t>
  </si>
  <si>
    <t>41/Wb</t>
  </si>
  <si>
    <t>Shahnaz Zahra</t>
  </si>
  <si>
    <t>GGCMES 43 EB P/O KOT KHUDA BUKHSH</t>
  </si>
  <si>
    <t>QABOOLA  3 - FEMALE</t>
  </si>
  <si>
    <t>43/EB</t>
  </si>
  <si>
    <t>Chak No. 43/EB</t>
  </si>
  <si>
    <t>18/KB</t>
  </si>
  <si>
    <t>Shahnaz Kausar</t>
  </si>
  <si>
    <t>GGCMES 45 WB</t>
  </si>
  <si>
    <t>chak no 45/wb vehari</t>
  </si>
  <si>
    <t>Chak No 45 Wb</t>
  </si>
  <si>
    <t>53/wb</t>
  </si>
  <si>
    <t>Farkhanda Yasmin</t>
  </si>
  <si>
    <t>GGCMES 484/GB MAMUNKANJAN</t>
  </si>
  <si>
    <t>KHIDDARWALA - FEMALE</t>
  </si>
  <si>
    <t>Thothian</t>
  </si>
  <si>
    <t>chak no 484 gb</t>
  </si>
  <si>
    <t>484 Gb</t>
  </si>
  <si>
    <t>Rehana Shehnaz</t>
  </si>
  <si>
    <t>electric cooler,h and pump,water pump</t>
  </si>
  <si>
    <t>GGCMES 50 EB</t>
  </si>
  <si>
    <t>50EB</t>
  </si>
  <si>
    <t>chak # 50 EB Teh. Arifwala</t>
  </si>
  <si>
    <t>48EB</t>
  </si>
  <si>
    <t>Aneela  Munir</t>
  </si>
  <si>
    <t>GGCMES 515/EB</t>
  </si>
  <si>
    <t>MANA MORE - FEMALE</t>
  </si>
  <si>
    <t>515EB</t>
  </si>
  <si>
    <t>Govt. Girls Elementary Community School 515/EB</t>
  </si>
  <si>
    <t>515/eB</t>
  </si>
  <si>
    <t>Zahida Majeed</t>
  </si>
  <si>
    <t>GGCMES 553 EB</t>
  </si>
  <si>
    <t>MACHIWAL NORTH - FEMALE</t>
  </si>
  <si>
    <t>553/EB</t>
  </si>
  <si>
    <t>553/EB Machiwal Vehari</t>
  </si>
  <si>
    <t>553/EB Vehari</t>
  </si>
  <si>
    <t>19/WB</t>
  </si>
  <si>
    <t>AMINA NAZ</t>
  </si>
  <si>
    <t>GGCMES 58/GD</t>
  </si>
  <si>
    <t>Bahadr Shah</t>
  </si>
  <si>
    <t>58gd</t>
  </si>
  <si>
    <t>Shahida Nazir</t>
  </si>
  <si>
    <t>GGCMES 6/14-L</t>
  </si>
  <si>
    <t>IQBAL NAGAR-A-FEMALE</t>
  </si>
  <si>
    <t>Chak No 6/14l</t>
  </si>
  <si>
    <t>GGCMES6/14L</t>
  </si>
  <si>
    <t>GGCMES 65/5-L</t>
  </si>
  <si>
    <t>QADRA ABAD-A-FEMALE</t>
  </si>
  <si>
    <t>65/5l</t>
  </si>
  <si>
    <t>g.g.c.m.e.school 65/5l</t>
  </si>
  <si>
    <t>Zaib Iftikhar</t>
  </si>
  <si>
    <t>GGCMES 7/8-AR TULAMBA</t>
  </si>
  <si>
    <t>TULAMBA-III - FEMALE</t>
  </si>
  <si>
    <t>7/8AR</t>
  </si>
  <si>
    <t>7/8Ar</t>
  </si>
  <si>
    <t>mariam bibi</t>
  </si>
  <si>
    <t>GGCMES 75 EB</t>
  </si>
  <si>
    <t>QABOOLA 1- FEMALE</t>
  </si>
  <si>
    <t>Chak No 75EB</t>
  </si>
  <si>
    <t>chak no 75EB teh arif wala distt ppn</t>
  </si>
  <si>
    <t>chak No 75EB</t>
  </si>
  <si>
    <t>Chak No75EB</t>
  </si>
  <si>
    <t>Sahar Anwar</t>
  </si>
  <si>
    <t>GGCMES 75-A/10-R ZAHOOR ABAD KHANEWAL</t>
  </si>
  <si>
    <t>KOT ALA SINGH - FEMALE</t>
  </si>
  <si>
    <t>Zahoor Abad</t>
  </si>
  <si>
    <t>75-A/10-R, Zahoor Abad, Khanewal</t>
  </si>
  <si>
    <t>M.C Khanewal</t>
  </si>
  <si>
    <t>KOUSAR GILLANI</t>
  </si>
  <si>
    <t>GGCMES 82/6-R</t>
  </si>
  <si>
    <t>SAHIWAL SADAR-A-FEMALE</t>
  </si>
  <si>
    <t>82/6r</t>
  </si>
  <si>
    <t>Samina Saleem</t>
  </si>
  <si>
    <t>GGCMES 87 EB</t>
  </si>
  <si>
    <t>87/eb</t>
  </si>
  <si>
    <t>chak 87/eb</t>
  </si>
  <si>
    <t>Chak 87/eb</t>
  </si>
  <si>
    <t>Lubna Raheem</t>
  </si>
  <si>
    <t>GGCMES 89 WB</t>
  </si>
  <si>
    <t>89/wb</t>
  </si>
  <si>
    <t>95wb</t>
  </si>
  <si>
    <t>Gulzar  Anjam</t>
  </si>
  <si>
    <t>sub mercible pump</t>
  </si>
  <si>
    <t>GGCMES 91/6-R</t>
  </si>
  <si>
    <t>91/6R</t>
  </si>
  <si>
    <t>GGCMES 91/6R sahiwal</t>
  </si>
  <si>
    <t>Mehnaz Tanveer</t>
  </si>
  <si>
    <t>GGCMES 95/6-R</t>
  </si>
  <si>
    <t>MUHAMMAD PUR-A-FEMALE</t>
  </si>
  <si>
    <t>95/6-R</t>
  </si>
  <si>
    <t>GGCME.SCHOOL 95/6-R</t>
  </si>
  <si>
    <t>Najma Nasim</t>
  </si>
  <si>
    <t>GGCMES ABBAS PUR</t>
  </si>
  <si>
    <t>GGCMES Abbas Pur</t>
  </si>
  <si>
    <t>naheed akhtar</t>
  </si>
  <si>
    <t>2 hand pump 2 water pump</t>
  </si>
  <si>
    <t>GGCMES ATTARI KARAM SINGH</t>
  </si>
  <si>
    <t>attari karam singh</t>
  </si>
  <si>
    <t>govt girls community modal elementary school attari karam singh</t>
  </si>
  <si>
    <t>Attari Karam Singh</t>
  </si>
  <si>
    <t>mola pur</t>
  </si>
  <si>
    <t>shahzadi Sajid</t>
  </si>
  <si>
    <t>GGCMES ATTO KAY AWAN BATA PUR</t>
  </si>
  <si>
    <t>BHASEEN - FEMALE</t>
  </si>
  <si>
    <t>Atto Ki Awan Lhr</t>
  </si>
  <si>
    <t>gcmms atto ki awan batapur lahore</t>
  </si>
  <si>
    <t>Atto Ki Awan</t>
  </si>
  <si>
    <t>Atto Ki Awan Batapur Lahore</t>
  </si>
  <si>
    <t>GGCMES BADSHAH PUR</t>
  </si>
  <si>
    <t>LEHRI KAKAN-FEMALE</t>
  </si>
  <si>
    <t>vill Badshahpur teh choa saiden shah dis chakwal</t>
  </si>
  <si>
    <t>Nayyer Sultana</t>
  </si>
  <si>
    <t>bor</t>
  </si>
  <si>
    <t>GGCMES BARA PIND</t>
  </si>
  <si>
    <t>MARARA - FEMALE</t>
  </si>
  <si>
    <t>Bara Pind</t>
  </si>
  <si>
    <t>bara pind</t>
  </si>
  <si>
    <t>farzana Kousar</t>
  </si>
  <si>
    <t>GGCMES BARU</t>
  </si>
  <si>
    <t>Baru</t>
  </si>
  <si>
    <t>Village baru Tehsil &amp; district Gujrat</t>
  </si>
  <si>
    <t>Fatima Aliya</t>
  </si>
  <si>
    <t>GGCMES BASTI PIR BAKHTIAR SHARIF</t>
  </si>
  <si>
    <t>Chapsandi</t>
  </si>
  <si>
    <t>Basti peer Bakhtiar sharif kallur kot District Bhakkar</t>
  </si>
  <si>
    <t>Najma Un Nisa</t>
  </si>
  <si>
    <t>GGCMES BHAGOWAL</t>
  </si>
  <si>
    <t>Bhagowal</t>
  </si>
  <si>
    <t>bhagowal.p.o haria tehsil malakwal.distt.m.b.din</t>
  </si>
  <si>
    <t>Ismat Un Nisa</t>
  </si>
  <si>
    <t>GGCMES BHALA</t>
  </si>
  <si>
    <t>HERDO SAHARI - FEMALE</t>
  </si>
  <si>
    <t>Bhala</t>
  </si>
  <si>
    <t>bhala</t>
  </si>
  <si>
    <t>Roshan Bheela</t>
  </si>
  <si>
    <t>Shakeela Bano</t>
  </si>
  <si>
    <t>GGCMES BHALWAL GHARBI</t>
  </si>
  <si>
    <t>Bhalwalgharbi</t>
  </si>
  <si>
    <t>bhalwalgharbi</t>
  </si>
  <si>
    <t>Khohar</t>
  </si>
  <si>
    <t>Asma Noureen</t>
  </si>
  <si>
    <t>GGCMES BHANGI</t>
  </si>
  <si>
    <t>Bhangi</t>
  </si>
  <si>
    <t>GGCMES Bhangi</t>
  </si>
  <si>
    <t>Hazro 02</t>
  </si>
  <si>
    <t>Naeem Akhtar</t>
  </si>
  <si>
    <t>GGCMES BHASEEN CHAK NO. 47</t>
  </si>
  <si>
    <t>HALLAH - FEMALE</t>
  </si>
  <si>
    <t>Bhaseen Chak No 47</t>
  </si>
  <si>
    <t>Bhaseenchk 47</t>
  </si>
  <si>
    <t>Bhaseen</t>
  </si>
  <si>
    <t>Chak No 45</t>
  </si>
  <si>
    <t>Najma Muzammal</t>
  </si>
  <si>
    <t>GGCMES BHEKHE WAL</t>
  </si>
  <si>
    <t>Bhekheywal</t>
  </si>
  <si>
    <t>Bhekheywal vop Ghuganwali</t>
  </si>
  <si>
    <t>Saman Nawaz</t>
  </si>
  <si>
    <t>GGCMES BHOPEE WAL CHAK NO 23</t>
  </si>
  <si>
    <t>BHOPAYWAL - FEMALE</t>
  </si>
  <si>
    <t>Bhopewal#23</t>
  </si>
  <si>
    <t>GGCMES BHOPEWAL#23</t>
  </si>
  <si>
    <t>Amtul Rauf</t>
  </si>
  <si>
    <t>GGCMES BIJAR</t>
  </si>
  <si>
    <t>Bijar</t>
  </si>
  <si>
    <t>govt girls c m e school15@gmail.com</t>
  </si>
  <si>
    <t>Bushra Shumaila</t>
  </si>
  <si>
    <t>GGCMES BILAL NAGAR</t>
  </si>
  <si>
    <t>ABBAS NAGAR- FEMALE</t>
  </si>
  <si>
    <t>Chak 38bc</t>
  </si>
  <si>
    <t>Basti Bilal Nagar</t>
  </si>
  <si>
    <t>Basti bilal Nagar</t>
  </si>
  <si>
    <t>Ghazala Tabasum</t>
  </si>
  <si>
    <t>GGCMES BILAWAL PUR, KABIRWALA</t>
  </si>
  <si>
    <t>BILAWAL PUR - FEMALE</t>
  </si>
  <si>
    <t>ggcmes bilawalpur kabirwala</t>
  </si>
  <si>
    <t>Roobina Andleeb</t>
  </si>
  <si>
    <t>GGCMES BOOLA</t>
  </si>
  <si>
    <t>BUCHAL KALAN-FEMALE</t>
  </si>
  <si>
    <t>Boola</t>
  </si>
  <si>
    <t>village Boola p.o buchal kalan tehsil kallar kahar district</t>
  </si>
  <si>
    <t>MARYUM AFZAL</t>
  </si>
  <si>
    <t>GGCMES CHAK 119 GB JARANWALA</t>
  </si>
  <si>
    <t>JARANWALA 2- FEMALE</t>
  </si>
  <si>
    <t>119gb</t>
  </si>
  <si>
    <t>almadina colony alvi park st no 9 jaranwala</t>
  </si>
  <si>
    <t>nanak pur</t>
  </si>
  <si>
    <t>112gb</t>
  </si>
  <si>
    <t>Sumaira Shafique</t>
  </si>
  <si>
    <t>GGCMES CHAK 13/65</t>
  </si>
  <si>
    <t>Chak13/65</t>
  </si>
  <si>
    <t>chak 13/65,syedwala district Nankana sahib</t>
  </si>
  <si>
    <t>Chak 13/65</t>
  </si>
  <si>
    <t>Farid Abad</t>
  </si>
  <si>
    <t>GGCMES CHAK 156 GB PADRI</t>
  </si>
  <si>
    <t>BASHIR ABAD-FEMALE</t>
  </si>
  <si>
    <t>Padri 156 Gb Gojra</t>
  </si>
  <si>
    <t>chak nbr 156 gb Gojra</t>
  </si>
  <si>
    <t>Padri</t>
  </si>
  <si>
    <t>158 Gb Gojra</t>
  </si>
  <si>
    <t>mussarat sharif</t>
  </si>
  <si>
    <t>GGCMES CHAK 202 RB BAHAIWALA</t>
  </si>
  <si>
    <t>Bhaiwala</t>
  </si>
  <si>
    <t>Chak#202 R.B bhaiwala FSD</t>
  </si>
  <si>
    <t>202 RB Bhaiwala</t>
  </si>
  <si>
    <t>najma begum</t>
  </si>
  <si>
    <t>GGCMES CHAK 234 GB JARANWALA</t>
  </si>
  <si>
    <t>234 GB Jrw</t>
  </si>
  <si>
    <t>GGCMES 234 GB</t>
  </si>
  <si>
    <t>234 GB</t>
  </si>
  <si>
    <t>235 GB</t>
  </si>
  <si>
    <t>Naveela Kousar</t>
  </si>
  <si>
    <t>GGCMES CHAK 26 JB SOUTH</t>
  </si>
  <si>
    <t>NARWALA - FEMALE</t>
  </si>
  <si>
    <t>26 JB South</t>
  </si>
  <si>
    <t>chak no. 26 jb south</t>
  </si>
  <si>
    <t>26 Jb South</t>
  </si>
  <si>
    <t>Chak No 27jb</t>
  </si>
  <si>
    <t>kishwer parveen</t>
  </si>
  <si>
    <t>GGCMES CHAK 285 GB</t>
  </si>
  <si>
    <t>RAJANA FEMALE</t>
  </si>
  <si>
    <t>285Gb</t>
  </si>
  <si>
    <t>GGCES 285 G.B</t>
  </si>
  <si>
    <t>285GB</t>
  </si>
  <si>
    <t>Zaib -un- Nissa</t>
  </si>
  <si>
    <t>GGCMES CHAK 299 JB</t>
  </si>
  <si>
    <t>TARIQ ABAD-FEMALE</t>
  </si>
  <si>
    <t>299JB</t>
  </si>
  <si>
    <t>Govt. girls community model elementary school 299jb gojra</t>
  </si>
  <si>
    <t>Chak No 301JB</t>
  </si>
  <si>
    <t>Aisha Rehman</t>
  </si>
  <si>
    <t>GGCMES CHAK 315 JB</t>
  </si>
  <si>
    <t>SARO KI-FEMALE</t>
  </si>
  <si>
    <t>Kala Phar</t>
  </si>
  <si>
    <t>GGCMES315 jb</t>
  </si>
  <si>
    <t>315 Jb</t>
  </si>
  <si>
    <t>Chek#316jb Telwandi</t>
  </si>
  <si>
    <t>NASREEN KOUSER</t>
  </si>
  <si>
    <t>GGCMES CHAK 332 GB</t>
  </si>
  <si>
    <t>FARID ABAD-FEMALE</t>
  </si>
  <si>
    <t>Hawas</t>
  </si>
  <si>
    <t>chak no. 332 gb</t>
  </si>
  <si>
    <t>Chak No 332 Gb</t>
  </si>
  <si>
    <t>Chak No 333 Gb</t>
  </si>
  <si>
    <t>Maida Latif</t>
  </si>
  <si>
    <t>GGCMES CHAK 338 GB</t>
  </si>
  <si>
    <t>BARIAN WALA FEMALE</t>
  </si>
  <si>
    <t>GGCMES 338GB</t>
  </si>
  <si>
    <t>338GB</t>
  </si>
  <si>
    <t>Fareeha Arshad</t>
  </si>
  <si>
    <t>GGCMES CHAK 347 GB</t>
  </si>
  <si>
    <t>KHIKHA BANGLA FEMALE</t>
  </si>
  <si>
    <t>347gb</t>
  </si>
  <si>
    <t>chak No347gb</t>
  </si>
  <si>
    <t>Chak No347gb</t>
  </si>
  <si>
    <t>Chak No 342gb</t>
  </si>
  <si>
    <t>Salma Firdous</t>
  </si>
  <si>
    <t>GGCMES CHAK 358 GB</t>
  </si>
  <si>
    <t>PHALORE FEMALE</t>
  </si>
  <si>
    <t>358GB North</t>
  </si>
  <si>
    <t>GGCME school 358GB north</t>
  </si>
  <si>
    <t>361GB</t>
  </si>
  <si>
    <t>shumaila Saleem</t>
  </si>
  <si>
    <t>GGCMES CHAK 407 GB TANDLIAN WALA</t>
  </si>
  <si>
    <t>chak no 407 gb</t>
  </si>
  <si>
    <t>Chak No 407 GB</t>
  </si>
  <si>
    <t>Samina Asghar</t>
  </si>
  <si>
    <t>GGCMES CHAK 41 GB SAMUNDRI</t>
  </si>
  <si>
    <t>NARADADA - FEMALE</t>
  </si>
  <si>
    <t>Jugdey</t>
  </si>
  <si>
    <t>chak no.41gb</t>
  </si>
  <si>
    <t>41gb</t>
  </si>
  <si>
    <t>Chak 41gb</t>
  </si>
  <si>
    <t>Asia Saeed</t>
  </si>
  <si>
    <t>GGCMES CHAK 424 GB TANDLIANWALA</t>
  </si>
  <si>
    <t>TANDLIANWALA 1 - FEMALE</t>
  </si>
  <si>
    <t>424GB</t>
  </si>
  <si>
    <t>420GB</t>
  </si>
  <si>
    <t>Iqra Ilyas</t>
  </si>
  <si>
    <t>GGCMES CHAK 47 JB</t>
  </si>
  <si>
    <t>GATWALA 2 - FEMALE</t>
  </si>
  <si>
    <t>Mansooran</t>
  </si>
  <si>
    <t>chak no 47jb fsd</t>
  </si>
  <si>
    <t>47jb</t>
  </si>
  <si>
    <t>Masooran</t>
  </si>
  <si>
    <t>Rukhsana Koasr</t>
  </si>
  <si>
    <t>electric motar &amp;hand pump</t>
  </si>
  <si>
    <t>GGCMES CHAK 491 GB MAMUNKANJAN</t>
  </si>
  <si>
    <t>MAMUNKANJAN-I - FEMALE</t>
  </si>
  <si>
    <t>Baman</t>
  </si>
  <si>
    <t>Chak no 491GB</t>
  </si>
  <si>
    <t>Chak No 491GB</t>
  </si>
  <si>
    <t>490GB</t>
  </si>
  <si>
    <t>Sadaf Noreen</t>
  </si>
  <si>
    <t>GGCMES CHAK 50 MB</t>
  </si>
  <si>
    <t>CHAK NO 50/MB (FEMALE)</t>
  </si>
  <si>
    <t>50/MB</t>
  </si>
  <si>
    <t>GGCMES CHAK NO 50/MB</t>
  </si>
  <si>
    <t>CHAK NO 50/MB</t>
  </si>
  <si>
    <t>Munaza Shaheen</t>
  </si>
  <si>
    <t>GGCMES CHAK 61 GB JARANWALA</t>
  </si>
  <si>
    <t>AWAGAT - FEMALE</t>
  </si>
  <si>
    <t>61gb</t>
  </si>
  <si>
    <t>ggcmes61gb</t>
  </si>
  <si>
    <t>61 Gb</t>
  </si>
  <si>
    <t>61 Chak</t>
  </si>
  <si>
    <t>Shagufta Rani</t>
  </si>
  <si>
    <t>GGCMES CHAK 630 GB LUNDIANWALA</t>
  </si>
  <si>
    <t>CHAKU MOR-FEMALE</t>
  </si>
  <si>
    <t>583 Moza Ganees Purah</t>
  </si>
  <si>
    <t>GGCMES chak 630 gb dulchiyan</t>
  </si>
  <si>
    <t>630 Jalab Ka Chak</t>
  </si>
  <si>
    <t>Ganees purah</t>
  </si>
  <si>
    <t>Rubina Sarwar</t>
  </si>
  <si>
    <t>GGCMES CHAK 67 GB JARANWALA</t>
  </si>
  <si>
    <t>AWAGAT 2 - FEMALE</t>
  </si>
  <si>
    <t>67 Gb</t>
  </si>
  <si>
    <t>67 gb</t>
  </si>
  <si>
    <t>67 Gb Dhariwaal</t>
  </si>
  <si>
    <t>Azra Rani</t>
  </si>
  <si>
    <t>buying from outside source</t>
  </si>
  <si>
    <t>GGCMES CHAK 8 JB</t>
  </si>
  <si>
    <t>Punjgarieya</t>
  </si>
  <si>
    <t>Chak#8jbpunjgrain</t>
  </si>
  <si>
    <t>Chak#8jb</t>
  </si>
  <si>
    <t>Chak#6jb East</t>
  </si>
  <si>
    <t>Shakila Firdous</t>
  </si>
  <si>
    <t>GGCMES CHAK 93 JB</t>
  </si>
  <si>
    <t>PAKKA ANNA-FEMALE</t>
  </si>
  <si>
    <t>93jb</t>
  </si>
  <si>
    <t>93 jb teh gojra distt t t singh</t>
  </si>
  <si>
    <t>Naeem  Kousar</t>
  </si>
  <si>
    <t>GGCMES CHAK NO 18</t>
  </si>
  <si>
    <t>CHANGA MANGA - FEMALE</t>
  </si>
  <si>
    <t>CHAK 18</t>
  </si>
  <si>
    <t>Government Girls community model elementary school CHAK 18 kasur</t>
  </si>
  <si>
    <t>GGCMES CHAK NO 19 KB</t>
  </si>
  <si>
    <t>19 Kb</t>
  </si>
  <si>
    <t>chak no 19 kb tehsil arifwala district pakpattan</t>
  </si>
  <si>
    <t>Chak 19 Kb</t>
  </si>
  <si>
    <t>18 Kb</t>
  </si>
  <si>
    <t>Sana Khald</t>
  </si>
  <si>
    <t>GGCMES CHAK NO 331 HR</t>
  </si>
  <si>
    <t>FTS-15-FEMALE</t>
  </si>
  <si>
    <t>331/HR Marot</t>
  </si>
  <si>
    <t>331/HR</t>
  </si>
  <si>
    <t>Saher Fatima Ramzan</t>
  </si>
  <si>
    <t>GGCMES CHAK NO 44 MB</t>
  </si>
  <si>
    <t>CHAK NO 40/MB (FEMALE)</t>
  </si>
  <si>
    <t>Chak No 44MB</t>
  </si>
  <si>
    <t>GGES 44 MB Khushab</t>
  </si>
  <si>
    <t>Chak No 44 MB</t>
  </si>
  <si>
    <t>Ayesha Akram</t>
  </si>
  <si>
    <t>GGCMES CHAK NO. 109/F</t>
  </si>
  <si>
    <t>FEMALE-17</t>
  </si>
  <si>
    <t>109f</t>
  </si>
  <si>
    <t>35f</t>
  </si>
  <si>
    <t>Kalsoom Akhter</t>
  </si>
  <si>
    <t>GGCMES CHAK NO. 199 RB</t>
  </si>
  <si>
    <t>GATWALA 1 - FEMALE</t>
  </si>
  <si>
    <t>Fakhar Abad</t>
  </si>
  <si>
    <t>ggcmes199 rb fakhar abad</t>
  </si>
  <si>
    <t>199rb Fakhar Abad</t>
  </si>
  <si>
    <t>Gatwala</t>
  </si>
  <si>
    <t>Ghazala Nahid</t>
  </si>
  <si>
    <t>GGCMES CHAK NO. 201/EB (OLD)</t>
  </si>
  <si>
    <t>201/EB</t>
  </si>
  <si>
    <t>chake No  201/E.B post office gaggoo burewala</t>
  </si>
  <si>
    <t>199/EB</t>
  </si>
  <si>
    <t>Rifat Kausar</t>
  </si>
  <si>
    <t>GGCMES CHAK NO. 213/EB</t>
  </si>
  <si>
    <t>SHAH JUNAID - FEMALE</t>
  </si>
  <si>
    <t>Chak no 213</t>
  </si>
  <si>
    <t>Chak no213/eb</t>
  </si>
  <si>
    <t>213eb</t>
  </si>
  <si>
    <t>215eb</t>
  </si>
  <si>
    <t>Khalida Kousar</t>
  </si>
  <si>
    <t>GGCMES CHAK NO. 239 RB</t>
  </si>
  <si>
    <t>KHANUANA 2 - FEMALE</t>
  </si>
  <si>
    <t>near purana ada khanuana 239rb</t>
  </si>
  <si>
    <t>Maryam Majeed</t>
  </si>
  <si>
    <t>GGCMES CHAK NO. 265/EB</t>
  </si>
  <si>
    <t>JAMLERA - FEMALE</t>
  </si>
  <si>
    <t>265/eb</t>
  </si>
  <si>
    <t>chak no 265/EB</t>
  </si>
  <si>
    <t>Chak No 265/EB</t>
  </si>
  <si>
    <t>mussarat kousar</t>
  </si>
  <si>
    <t>GGCMES CHAK NO. 307 TDA</t>
  </si>
  <si>
    <t>QAZIA ABAD FEMALE</t>
  </si>
  <si>
    <t>Chak No 307/TDA</t>
  </si>
  <si>
    <t>chak no.307/tda teh karor (Layyah)</t>
  </si>
  <si>
    <t>chak no.307/tda</t>
  </si>
  <si>
    <t>Noshara Thal Kalan</t>
  </si>
  <si>
    <t>Arshad Ghafoor</t>
  </si>
  <si>
    <t>GGCMES CHAK NO. 36/2-L</t>
  </si>
  <si>
    <t>4/4.L-FEMALE</t>
  </si>
  <si>
    <t>36/2L Okara</t>
  </si>
  <si>
    <t>36/2_L Okara</t>
  </si>
  <si>
    <t>30/4L</t>
  </si>
  <si>
    <t>Shafqat Shafique</t>
  </si>
  <si>
    <t>GGCMES CHAK NO. 47 DB</t>
  </si>
  <si>
    <t>46db</t>
  </si>
  <si>
    <t>p/o chak No 47db tehsil k kot</t>
  </si>
  <si>
    <t>Chak No 47db</t>
  </si>
  <si>
    <t>63db</t>
  </si>
  <si>
    <t>AMNA KHAN</t>
  </si>
  <si>
    <t>GGCMES CHAK NO. 49/F</t>
  </si>
  <si>
    <t>CTN -II-FEMALE</t>
  </si>
  <si>
    <t>49F</t>
  </si>
  <si>
    <t>Govt.Girls Community Model Middle School 49F</t>
  </si>
  <si>
    <t>Chak 49F</t>
  </si>
  <si>
    <t>45F</t>
  </si>
  <si>
    <t>zareena nasreen</t>
  </si>
  <si>
    <t>GGCMES CHAK NO. 54/ 2-L</t>
  </si>
  <si>
    <t>SOUTH CITY - FEMALE</t>
  </si>
  <si>
    <t>54/2-l OKARA</t>
  </si>
  <si>
    <t>GGCMES 54/2-L OKARA</t>
  </si>
  <si>
    <t>54/2-L OKARA</t>
  </si>
  <si>
    <t>kausar perveen</t>
  </si>
  <si>
    <t>GGCMES CHAK NO. 54/MB</t>
  </si>
  <si>
    <t>CHAK NO 54/MB (FEMALE)</t>
  </si>
  <si>
    <t>54Mb</t>
  </si>
  <si>
    <t>GGCMES chak no 54 mb khushab</t>
  </si>
  <si>
    <t>Chak No 54 MB</t>
  </si>
  <si>
    <t>63/MB</t>
  </si>
  <si>
    <t>water suply and hand pump</t>
  </si>
  <si>
    <t>GGCMES CHAK NO. 69/4-R</t>
  </si>
  <si>
    <t>HND-7-FEMALE</t>
  </si>
  <si>
    <t>Chak No 69/4R</t>
  </si>
  <si>
    <t>chak no 69-4r</t>
  </si>
  <si>
    <t>Trannum Naz</t>
  </si>
  <si>
    <t>GGCMES CHAK NO. 75 JB</t>
  </si>
  <si>
    <t>THIKRIWALA 2 - FEMALE</t>
  </si>
  <si>
    <t>75/JB Sohal</t>
  </si>
  <si>
    <t>75/jb</t>
  </si>
  <si>
    <t>Sir shamir</t>
  </si>
  <si>
    <t>Mohsina khalid</t>
  </si>
  <si>
    <t>GGCMES CHAK NO. 77 JB MULLANPUR</t>
  </si>
  <si>
    <t>77jb</t>
  </si>
  <si>
    <t>Sabiha Maryam</t>
  </si>
  <si>
    <t>GGCMES CHAK NO. 9/1-L</t>
  </si>
  <si>
    <t>KISAN-FEMALE</t>
  </si>
  <si>
    <t>9/1L</t>
  </si>
  <si>
    <t>GGCMES 9/1L</t>
  </si>
  <si>
    <t>12/1L</t>
  </si>
  <si>
    <t>Najma Mukhtar</t>
  </si>
  <si>
    <t>GGCMES CHAK NO. 9/TDA</t>
  </si>
  <si>
    <t>DAGGAR QURESHI - FEMALE</t>
  </si>
  <si>
    <t>Ggcmes chak no 9tda</t>
  </si>
  <si>
    <t>Chak No 9tda</t>
  </si>
  <si>
    <t>Chakno 6da</t>
  </si>
  <si>
    <t>HUMAIRA SHOUKAT</t>
  </si>
  <si>
    <t>GGCMES CHAK NO.288 JB</t>
  </si>
  <si>
    <t>SEOWAL-FEMALE</t>
  </si>
  <si>
    <t>288 Jb</t>
  </si>
  <si>
    <t>g g c m e s  288 jb</t>
  </si>
  <si>
    <t>284 Jb</t>
  </si>
  <si>
    <t>Riffat Noreen</t>
  </si>
  <si>
    <t>GGCMES CHAK NO.32 SP TABAR</t>
  </si>
  <si>
    <t>PAKPATTAN 1 - FEMALE</t>
  </si>
  <si>
    <t>Tabar</t>
  </si>
  <si>
    <t>32 sp, Tabar</t>
  </si>
  <si>
    <t>32 Sp</t>
  </si>
  <si>
    <t>20 Sp</t>
  </si>
  <si>
    <t>Noureen Zia</t>
  </si>
  <si>
    <t>GGCMES CHAK NO.55</t>
  </si>
  <si>
    <t>CHAK NO.55 - FEMALE</t>
  </si>
  <si>
    <t>Chak 55</t>
  </si>
  <si>
    <t>p/o Kot radha kishan chak 55 district kasur</t>
  </si>
  <si>
    <t>Shameem mushtaq</t>
  </si>
  <si>
    <t>GGCMES CHAK NO.61/DB</t>
  </si>
  <si>
    <t>GONDAL TOWN - FEMALE</t>
  </si>
  <si>
    <t>61db</t>
  </si>
  <si>
    <t>chak no 61db tehsil yazman district bahawalpur</t>
  </si>
  <si>
    <t>117db</t>
  </si>
  <si>
    <t>RUKHSANA HANIF</t>
  </si>
  <si>
    <t>GGCMES CHANDU</t>
  </si>
  <si>
    <t>village Chandu p/o Mahinwal tehsil choa saidan shah district chakwal</t>
  </si>
  <si>
    <t>Chandu</t>
  </si>
  <si>
    <t>Sajida Batool</t>
  </si>
  <si>
    <t>GGCMES CHIRIANWALA ADHA</t>
  </si>
  <si>
    <t>KAKRALI II - FEMALE</t>
  </si>
  <si>
    <t>Chiryawala Adda</t>
  </si>
  <si>
    <t>VPO chiryawala adda, Teh.Kharian,Distt.Gujrat</t>
  </si>
  <si>
    <t>Chiryawala adda</t>
  </si>
  <si>
    <t>Chiryawala</t>
  </si>
  <si>
    <t>Toseef Mehdi</t>
  </si>
  <si>
    <t>GGCMES CHOTALA</t>
  </si>
  <si>
    <t>MARIAM TAHIR</t>
  </si>
  <si>
    <t>GGCMES DALA WAHGA</t>
  </si>
  <si>
    <t>MURIDKE-IV - FEMALE</t>
  </si>
  <si>
    <t>Dala wahga</t>
  </si>
  <si>
    <t>GGCMES DALLA CHANDA SINGH</t>
  </si>
  <si>
    <t>Dalla Chanda Singh</t>
  </si>
  <si>
    <t>Govt girls community model E/S dalla Chanda singh Teh.shahkot</t>
  </si>
  <si>
    <t>Dalla  Chanda Singh</t>
  </si>
  <si>
    <t>farhat Bano</t>
  </si>
  <si>
    <t>GGCMES DARI ALI AKBAR SANGHI</t>
  </si>
  <si>
    <t>ali akber sanghi</t>
  </si>
  <si>
    <t>dari ali akber sanghi abu zahbi road rahim yar khan</t>
  </si>
  <si>
    <t>basti dari ali akber sanghi</t>
  </si>
  <si>
    <t>amaan ghar</t>
  </si>
  <si>
    <t>rehana irem</t>
  </si>
  <si>
    <t>GGCMES DEENA NAATH CHAK NO.66</t>
  </si>
  <si>
    <t>Dena Nanth</t>
  </si>
  <si>
    <t>Government girls community model E/S Dina nath</t>
  </si>
  <si>
    <t>GGCMES DERA MASTI</t>
  </si>
  <si>
    <t>DERA MASTI - FEMALE</t>
  </si>
  <si>
    <t>Dera Masti</t>
  </si>
  <si>
    <t>GGCMES dera masti bahawalpur</t>
  </si>
  <si>
    <t>Naseem Akhter</t>
  </si>
  <si>
    <t>GGCMES DEWALIAN</t>
  </si>
  <si>
    <t>DEWALIAN-FEMALE</t>
  </si>
  <si>
    <t>Dewalian</t>
  </si>
  <si>
    <t>vpo dewalian teh &amp; distance chakwal</t>
  </si>
  <si>
    <t>Sumera Nawaz</t>
  </si>
  <si>
    <t>mezail motor</t>
  </si>
  <si>
    <t>GGCMES DHALLOO</t>
  </si>
  <si>
    <t>Dhaloo</t>
  </si>
  <si>
    <t>ggcms dhaloo</t>
  </si>
  <si>
    <t>Borana khas</t>
  </si>
  <si>
    <t>Tasawar Khanum</t>
  </si>
  <si>
    <t>GGCMES DHAMAK</t>
  </si>
  <si>
    <t>Ghulam Zareena</t>
  </si>
  <si>
    <t>GGCMES DHILAM BLAGUN</t>
  </si>
  <si>
    <t>GGES DHILLAM BALLAGAN</t>
  </si>
  <si>
    <t>Dhilaam Ballaggan</t>
  </si>
  <si>
    <t>Shama Naz</t>
  </si>
  <si>
    <t>GGCMES DHOK DAUD</t>
  </si>
  <si>
    <t>DHOKE KASIB -II-FEMALE</t>
  </si>
  <si>
    <t>Dhok Daud</t>
  </si>
  <si>
    <t>dhok Daud, Mandi Bahauddin</t>
  </si>
  <si>
    <t>Rakh Bloach Kalan</t>
  </si>
  <si>
    <t>Shameem Akhtar</t>
  </si>
  <si>
    <t>GGCMES DHUMAN</t>
  </si>
  <si>
    <t>Dhumman</t>
  </si>
  <si>
    <t>Government girls community model elementary school Dhumman, Tehsil and District Chakwal.</t>
  </si>
  <si>
    <t>GGCMES DORA BADHAL</t>
  </si>
  <si>
    <t>Dora Badhal</t>
  </si>
  <si>
    <t>Dora buhal</t>
  </si>
  <si>
    <t>Jarmot Kalan</t>
  </si>
  <si>
    <t>GGCMES FALEEZ PUR</t>
  </si>
  <si>
    <t>Faleezpur</t>
  </si>
  <si>
    <t>Misbah Sherazi</t>
  </si>
  <si>
    <t>GGCMES FATTO WALA</t>
  </si>
  <si>
    <t>Fattuwala</t>
  </si>
  <si>
    <t>Fatuwala</t>
  </si>
  <si>
    <t>Faiz Pur Kalan</t>
  </si>
  <si>
    <t>Farzana Munir</t>
  </si>
  <si>
    <t>GGCMES GAJAN SING WALA</t>
  </si>
  <si>
    <t>Gajjan Singh Wala</t>
  </si>
  <si>
    <t>Gajjan  Singh  wala</t>
  </si>
  <si>
    <t>Mojoki</t>
  </si>
  <si>
    <t>Khola  Khatoon</t>
  </si>
  <si>
    <t>GGCMES GAON MANGTANWALA</t>
  </si>
  <si>
    <t>JOGAY KOT-FEMALE</t>
  </si>
  <si>
    <t>Village Mangtawala</t>
  </si>
  <si>
    <t>gaon mangtawala  tehsil and district Nankana sahib</t>
  </si>
  <si>
    <t>Mangtawala</t>
  </si>
  <si>
    <t>Firdous Kausar</t>
  </si>
  <si>
    <t>GGCMES GHAZI PUR</t>
  </si>
  <si>
    <t>Shaista Khanum</t>
  </si>
  <si>
    <t>GGCMES GLOBE KEER KALAN</t>
  </si>
  <si>
    <t>Keer Kallan</t>
  </si>
  <si>
    <t>block 5 sector d1 Keer Kallan green Town Lahore</t>
  </si>
  <si>
    <t>Keer Kallan   Lahore</t>
  </si>
  <si>
    <t>water</t>
  </si>
  <si>
    <t>GGCMES GOBIND PUR</t>
  </si>
  <si>
    <t>Gobind Pur</t>
  </si>
  <si>
    <t>Rashida Nasim</t>
  </si>
  <si>
    <t>GGCMES HAIDER ABAD</t>
  </si>
  <si>
    <t>moh muhajaar wala haiderabad thall Tehsile mankera district bhakkar</t>
  </si>
  <si>
    <t>Sumaira Nawaz</t>
  </si>
  <si>
    <t>GGCMES HAMRAJ PURA CHAK 40/RB</t>
  </si>
  <si>
    <t>LONGOWAL-FEMALE</t>
  </si>
  <si>
    <t>Hamraj Pura</t>
  </si>
  <si>
    <t>Govt.Girls E/ School Hamraj pura CH no.40/RB</t>
  </si>
  <si>
    <t>Longowal</t>
  </si>
  <si>
    <t>Shagufta Anjum</t>
  </si>
  <si>
    <t>GGCMES HAMZAY WALI</t>
  </si>
  <si>
    <t>basti sadat muza hamzay wali jatoi</t>
  </si>
  <si>
    <t>Vains</t>
  </si>
  <si>
    <t>Samina Naz</t>
  </si>
  <si>
    <t>GGCMES IMAM PUR 89/RB</t>
  </si>
  <si>
    <t>SHAHKOT CITY 1-FEMALE</t>
  </si>
  <si>
    <t>Imam Pur Rb/89</t>
  </si>
  <si>
    <t>imam pur Rb/89 tehsil shahkot district Nankana sahib</t>
  </si>
  <si>
    <t>Kot Nizam Din</t>
  </si>
  <si>
    <t>Namoos Tahira</t>
  </si>
  <si>
    <t>filter water</t>
  </si>
  <si>
    <t>GGCMES JAIRO RATIAL</t>
  </si>
  <si>
    <t>GGCMES Jero Ratial</t>
  </si>
  <si>
    <t>Jero  Ratial</t>
  </si>
  <si>
    <t>Sumera Noreen</t>
  </si>
  <si>
    <t>GGCMES JALALPUR KHAKHI SHUJA ABAD</t>
  </si>
  <si>
    <t>jalalpur Khakhi</t>
  </si>
  <si>
    <t>Bazgha Riaz</t>
  </si>
  <si>
    <t>GGCMES KAMMAN</t>
  </si>
  <si>
    <t>4/GD - FEMALE</t>
  </si>
  <si>
    <t>mauza kamman</t>
  </si>
  <si>
    <t>Safeen afzal</t>
  </si>
  <si>
    <t>GGCMES KANDANI NO. 1</t>
  </si>
  <si>
    <t>TALBANI-FEMALE</t>
  </si>
  <si>
    <t>mouza kandani p/o kandani</t>
  </si>
  <si>
    <t>Shazia Jabeen</t>
  </si>
  <si>
    <t>GGCMES KAPAHI</t>
  </si>
  <si>
    <t>Kapahi</t>
  </si>
  <si>
    <t>GGCME School kapahi</t>
  </si>
  <si>
    <t>Gohr Wala</t>
  </si>
  <si>
    <t>Saira Yousaf</t>
  </si>
  <si>
    <t>GGCMES KARI WALA CHAK 49/RB</t>
  </si>
  <si>
    <t>kariwala chak49</t>
  </si>
  <si>
    <t>Samra Nazir</t>
  </si>
  <si>
    <t>GGCMES KASSOKI</t>
  </si>
  <si>
    <t>village and p.o kassoki</t>
  </si>
  <si>
    <t>GGCMES KHAN PUR MARAL MULTAN</t>
  </si>
  <si>
    <t>MAKHDOOM RASHEED - FEMALE</t>
  </si>
  <si>
    <t>Khan Pur Marral</t>
  </si>
  <si>
    <t>GGCMES Khan pur Marral</t>
  </si>
  <si>
    <t>Nafees Akhtar</t>
  </si>
  <si>
    <t>GGCMES KHUMANA WALA</t>
  </si>
  <si>
    <t>KHUMANA WALA - FEMALE</t>
  </si>
  <si>
    <t>Kakki Kohna</t>
  </si>
  <si>
    <t>GGCMES khumanawala shorkot</t>
  </si>
  <si>
    <t>Azadpur Khumanawala</t>
  </si>
  <si>
    <t>Bushra Munawar</t>
  </si>
  <si>
    <t>GGCMES KOTLI KOHALA</t>
  </si>
  <si>
    <t>Kotli Kohala</t>
  </si>
  <si>
    <t>Kotli kohala</t>
  </si>
  <si>
    <t>Bharaj</t>
  </si>
  <si>
    <t>Shazia Naheed</t>
  </si>
  <si>
    <t>GGCMES KURAR</t>
  </si>
  <si>
    <t>kurar khushab</t>
  </si>
  <si>
    <t>Taloker</t>
  </si>
  <si>
    <t>GGCMES LAK</t>
  </si>
  <si>
    <t>PHALIA -II- FEMALE</t>
  </si>
  <si>
    <t>village/lak. teh/Phalia. distt/Mandibahauddin</t>
  </si>
  <si>
    <t>lak</t>
  </si>
  <si>
    <t>Raika</t>
  </si>
  <si>
    <t>Khalida Azhar</t>
  </si>
  <si>
    <t>GGCMES LASHARI</t>
  </si>
  <si>
    <t>Lsshari</t>
  </si>
  <si>
    <t>Village and p\0 lashari</t>
  </si>
  <si>
    <t>Kotmurad</t>
  </si>
  <si>
    <t>Abida Hussain</t>
  </si>
  <si>
    <t>GGCMES LEHRI KAKAN</t>
  </si>
  <si>
    <t>Lehri Kakan</t>
  </si>
  <si>
    <t>GGCMES Lehri Kakan P O Lehri Kakan</t>
  </si>
  <si>
    <t>GGCMES MADROTHA</t>
  </si>
  <si>
    <t>KAMRA - FEMALE</t>
  </si>
  <si>
    <t>Madrota</t>
  </si>
  <si>
    <t>GGCME/S Madrota</t>
  </si>
  <si>
    <t>NASIRA BIBI</t>
  </si>
  <si>
    <t>GGCMES MALLIAN KALAN</t>
  </si>
  <si>
    <t>Mallian Kalan</t>
  </si>
  <si>
    <t>G.G.C.M.E/School Mallian Kalan Dak khana khas Mallian Kalan Trail and District Sheikhupura.</t>
  </si>
  <si>
    <t>GGCMES MANAWAN</t>
  </si>
  <si>
    <t>manawan lahore</t>
  </si>
  <si>
    <t>Shamaimran</t>
  </si>
  <si>
    <t>GGCMES MANZOOR ABAD (BINDOOR)</t>
  </si>
  <si>
    <t>MANTHAR RYK - FEMALE</t>
  </si>
  <si>
    <t>Manzoor Abad Rahim yar khan</t>
  </si>
  <si>
    <t>Manzoor Abad</t>
  </si>
  <si>
    <t>Deh</t>
  </si>
  <si>
    <t>Samina yasmin</t>
  </si>
  <si>
    <t>GGCMES MINHALA</t>
  </si>
  <si>
    <t>minhala</t>
  </si>
  <si>
    <t>Village Minhala tehsil choa saiden shah distt chakwal</t>
  </si>
  <si>
    <t>saloi</t>
  </si>
  <si>
    <t>kausar shaheen</t>
  </si>
  <si>
    <t>GGCMES MIRZA PUR</t>
  </si>
  <si>
    <t>SUKH PUR - FEMALE</t>
  </si>
  <si>
    <t>mirza  pur</t>
  </si>
  <si>
    <t>Tara singh</t>
  </si>
  <si>
    <t>GGCMES MOUSA KANJOO</t>
  </si>
  <si>
    <t>SEHJA - FEMALE</t>
  </si>
  <si>
    <t>Mousa Kanjoo</t>
  </si>
  <si>
    <t>basti shah da khoo moza mousa kanjoo tehsil khanpur district rahim yar khan</t>
  </si>
  <si>
    <t>Sehja</t>
  </si>
  <si>
    <t>TOOBA SHAKIL</t>
  </si>
  <si>
    <t>GGCMES MUDDASIR ABAD</t>
  </si>
  <si>
    <t>Basti Thatal</t>
  </si>
  <si>
    <t>basti mudassir abad</t>
  </si>
  <si>
    <t>Mudassir Abad</t>
  </si>
  <si>
    <t>Naeema Begum</t>
  </si>
  <si>
    <t>GGCMES MURALI HITHAR</t>
  </si>
  <si>
    <t>KHAI HITHAR - FEMALE</t>
  </si>
  <si>
    <t>Marali Hithar</t>
  </si>
  <si>
    <t>Marali Hithar P/O Khudian khas  District Kasur</t>
  </si>
  <si>
    <t>Naheed Tabassum</t>
  </si>
  <si>
    <t>GGCMES MUSA KATHANA</t>
  </si>
  <si>
    <t>KUNJAH II - FEMALE</t>
  </si>
  <si>
    <t>musa khtana</t>
  </si>
  <si>
    <t>Musa Khtana</t>
  </si>
  <si>
    <t>Nagriyanwala</t>
  </si>
  <si>
    <t>GGCMES MUSTAFA ABAD</t>
  </si>
  <si>
    <t>MUSTAFA ABAD - FEMALE</t>
  </si>
  <si>
    <t>GGCMES mustafa abad kasur</t>
  </si>
  <si>
    <t>Kalsoom Bano</t>
  </si>
  <si>
    <t>GGCMES NOSHERA</t>
  </si>
  <si>
    <t>nowshera</t>
  </si>
  <si>
    <t>Naeem  Akhter</t>
  </si>
  <si>
    <t>GGCMES NOTAK NO. 1</t>
  </si>
  <si>
    <t>Notak Dagar</t>
  </si>
  <si>
    <t>Notak</t>
  </si>
  <si>
    <t>Umm e Laila Naqvi</t>
  </si>
  <si>
    <t>GGCMES QILA JAWIND SINGH</t>
  </si>
  <si>
    <t>Qila jawind singh tehseel Depalpur.Distt Okara.</t>
  </si>
  <si>
    <t>Nasreen Riaz</t>
  </si>
  <si>
    <t>GGCMES RAJEKY</t>
  </si>
  <si>
    <t>Rajeky</t>
  </si>
  <si>
    <t>Rajeky P/O Mangowal west teh &amp; distt Gujrat</t>
  </si>
  <si>
    <t>Keeranwala Syedan</t>
  </si>
  <si>
    <t>Humaira Syed</t>
  </si>
  <si>
    <t>GGCMES RAKH DAMA</t>
  </si>
  <si>
    <t>Rakh Daima</t>
  </si>
  <si>
    <t>Head Hamid  RAKH DAMA RAJAN PUR</t>
  </si>
  <si>
    <t>Rakhdama</t>
  </si>
  <si>
    <t>RAKH DAMA</t>
  </si>
  <si>
    <t>Sadia Nazir</t>
  </si>
  <si>
    <t>GGCMES RANGLI</t>
  </si>
  <si>
    <t>SAGHRI - FEMALE</t>
  </si>
  <si>
    <t>VPO RANGLI TEHSIL JAND DISTT ATTOCK</t>
  </si>
  <si>
    <t>Sobia Shahzad</t>
  </si>
  <si>
    <t>GGCMES RASUL PUR CHAK NO. 82/RB</t>
  </si>
  <si>
    <t>Rasool Pur  No 82</t>
  </si>
  <si>
    <t>GGCMES Rasool pur 82</t>
  </si>
  <si>
    <t>Rasoolpur 82</t>
  </si>
  <si>
    <t>Dallah Jermian</t>
  </si>
  <si>
    <t>Azra parveen</t>
  </si>
  <si>
    <t>GGCMES SANDHU KALAN</t>
  </si>
  <si>
    <t>SARAI MUGHAL - FEMALE</t>
  </si>
  <si>
    <t>G G H/S (Second shift) Sindhu Kalan</t>
  </si>
  <si>
    <t>Sindhu</t>
  </si>
  <si>
    <t>Kot Akbar Abad</t>
  </si>
  <si>
    <t>Attiya Ishaq</t>
  </si>
  <si>
    <t>GGCMES SANGIAL</t>
  </si>
  <si>
    <t>JABAL-FEMALE</t>
  </si>
  <si>
    <t>p/o sangial.teh.zafarwal.District Narowal</t>
  </si>
  <si>
    <t>GGCMES SHAH PUR UBBHA SHUJA ABAD</t>
  </si>
  <si>
    <t>TODAR PUR - FEMALE</t>
  </si>
  <si>
    <t>Shahpur Ubha</t>
  </si>
  <si>
    <t>Shahpur ubha</t>
  </si>
  <si>
    <t>Sakina Rafiq</t>
  </si>
  <si>
    <t>GGCMES SHOUKAT ABAD</t>
  </si>
  <si>
    <t>government girls elementary school shokat abad</t>
  </si>
  <si>
    <t>Nusrat Jehan</t>
  </si>
  <si>
    <t>GGCMES SONA GOTH</t>
  </si>
  <si>
    <t>sona goth near ffc machi ghot</t>
  </si>
  <si>
    <t>Sona Goth</t>
  </si>
  <si>
    <t>Bhong Shareef</t>
  </si>
  <si>
    <t>Alveena  Khursheed</t>
  </si>
  <si>
    <t>GGCMES SUKH PUR</t>
  </si>
  <si>
    <t>Sukhpur</t>
  </si>
  <si>
    <t>village sukhpur</t>
  </si>
  <si>
    <t>ume kousar</t>
  </si>
  <si>
    <t>GGCMES SULKI</t>
  </si>
  <si>
    <t>FAROOQA - FEMALE</t>
  </si>
  <si>
    <t>Sulki</t>
  </si>
  <si>
    <t>ggcmes sulki</t>
  </si>
  <si>
    <t>Kot Mosa</t>
  </si>
  <si>
    <t>Sabiha Zulfiqar</t>
  </si>
  <si>
    <t>GGCMES TATAR WALA</t>
  </si>
  <si>
    <t>Tatar wala</t>
  </si>
  <si>
    <t>near new jenral bus stand,tataar wala jampur</t>
  </si>
  <si>
    <t>kot sher mohammd</t>
  </si>
  <si>
    <t>tataar wala</t>
  </si>
  <si>
    <t>Zahida Saleem</t>
  </si>
  <si>
    <t>GGCMES TOBAH</t>
  </si>
  <si>
    <t>VPO Tobha</t>
  </si>
  <si>
    <t>Tobha</t>
  </si>
  <si>
    <t>Yasmin Aslam</t>
  </si>
  <si>
    <t>GGCMES UMEED GARH ABDUL HAKIM</t>
  </si>
  <si>
    <t>GOBIND GARH - FEMALE</t>
  </si>
  <si>
    <t>Umeed Garh</t>
  </si>
  <si>
    <t>gcmm school umeed garh</t>
  </si>
  <si>
    <t>Farkhanda Jabeen</t>
  </si>
  <si>
    <t>GGCMES WARSEEN</t>
  </si>
  <si>
    <t>PAKPATTAN 4 - FEMALE</t>
  </si>
  <si>
    <t>Chak Warseen PO Kalyana, Tehsil &amp; District Pakpattan</t>
  </si>
  <si>
    <t>munawar sadiq</t>
  </si>
  <si>
    <t>GGCMES ZAHEER ABAD SHAHEED</t>
  </si>
  <si>
    <t>TIBBA SOUTH-FEMALE</t>
  </si>
  <si>
    <t>Zaheerabad Shaheed</t>
  </si>
  <si>
    <t>G. G. C. M. M. S Zaheerabad shaheed</t>
  </si>
  <si>
    <t>Mrs Rehana Aqeel</t>
  </si>
  <si>
    <t>GGCMHS 369-A/TDA</t>
  </si>
  <si>
    <t>chack# 369A/tda coubara district layyah</t>
  </si>
  <si>
    <t>Chack# 369 A/tda</t>
  </si>
  <si>
    <t>Rafiq abad</t>
  </si>
  <si>
    <t>Uzma Khadim</t>
  </si>
  <si>
    <t>GGCMHS CHAK 119 JB</t>
  </si>
  <si>
    <t>Samana</t>
  </si>
  <si>
    <t>Govt. Girls high school 119 jb SAMANA fsd</t>
  </si>
  <si>
    <t>119 Jb Samana</t>
  </si>
  <si>
    <t>AZRA KHANAM</t>
  </si>
  <si>
    <t>GGCMHS CHAK 139-A/TDA LAYYAH</t>
  </si>
  <si>
    <t>139A/TDA</t>
  </si>
  <si>
    <t>Chak no 139a/tda layyah</t>
  </si>
  <si>
    <t>Chak No 139A/tda</t>
  </si>
  <si>
    <t>Arshia Kanwal</t>
  </si>
  <si>
    <t>GGCMHS DOREY</t>
  </si>
  <si>
    <t>Doray</t>
  </si>
  <si>
    <t>vpo doray</t>
  </si>
  <si>
    <t>Dorsy</t>
  </si>
  <si>
    <t>Asiya Sultana</t>
  </si>
  <si>
    <t>water motor source</t>
  </si>
  <si>
    <t>GGCMHS HERCHOKI</t>
  </si>
  <si>
    <t>Herchoki</t>
  </si>
  <si>
    <t>GGHS herchoki</t>
  </si>
  <si>
    <t>Zaib Un Nisa</t>
  </si>
  <si>
    <t>GGCMHS MANDIALA CHAK NO. 20 RB</t>
  </si>
  <si>
    <t>Mandiala chak 20 tehsil safdrabad district sheikhupura</t>
  </si>
  <si>
    <t>Mandiala Chak 20</t>
  </si>
  <si>
    <t>Humna Yaqoob</t>
  </si>
  <si>
    <t>GGCMHS MOHIB PUR BALA</t>
  </si>
  <si>
    <t>ggcmh mohibpurbala khushab</t>
  </si>
  <si>
    <t>mohibpur</t>
  </si>
  <si>
    <t>Naheed Tahira</t>
  </si>
  <si>
    <t>GGCMHS MUNDAY</t>
  </si>
  <si>
    <t>Munday</t>
  </si>
  <si>
    <t>vpo Munday Tehsil &amp; District Chakwal</t>
  </si>
  <si>
    <t>Nighat Nisar</t>
  </si>
  <si>
    <t>GGCMHS NOON</t>
  </si>
  <si>
    <t>noon</t>
  </si>
  <si>
    <t>village noon tehsil muridke</t>
  </si>
  <si>
    <t>shabana shahnaz</t>
  </si>
  <si>
    <t>GGCMHS RACHAND</t>
  </si>
  <si>
    <t>Rachand</t>
  </si>
  <si>
    <t>GGCMHS Rachand  Village Rachand</t>
  </si>
  <si>
    <t>Qudsia Bano</t>
  </si>
  <si>
    <t>GGCMMS 116 WB</t>
  </si>
  <si>
    <t>TIBBA EAST - FEMALE</t>
  </si>
  <si>
    <t>116wb</t>
  </si>
  <si>
    <t>124wb</t>
  </si>
  <si>
    <t>Hafiza Shanza Nadeem</t>
  </si>
  <si>
    <t>GGCMMS 205 EB</t>
  </si>
  <si>
    <t>MUHAMMAD NAGAR 1 - FEMALE</t>
  </si>
  <si>
    <t>205eb</t>
  </si>
  <si>
    <t>chack no 205eb arifwala pakpattan</t>
  </si>
  <si>
    <t>Chack No 205eb</t>
  </si>
  <si>
    <t>163eb</t>
  </si>
  <si>
    <t>Khadija Shahzad</t>
  </si>
  <si>
    <t>GGCMP CHAK NO.1/DNB (A)</t>
  </si>
  <si>
    <t>ADDA PULL 13000 - FEMALE</t>
  </si>
  <si>
    <t>GMPS chak  1-A/dnb</t>
  </si>
  <si>
    <t>chak 1-A/DNB</t>
  </si>
  <si>
    <t>6 dnb</t>
  </si>
  <si>
    <t>Zunaira Saif</t>
  </si>
  <si>
    <t>GGCMPS 176/10-R KHANEWAL</t>
  </si>
  <si>
    <t>ggcmps176\10_R</t>
  </si>
  <si>
    <t>176/10-R</t>
  </si>
  <si>
    <t>170/-10-R</t>
  </si>
  <si>
    <t>Bashiran Jabeen</t>
  </si>
  <si>
    <t>GGCMPS 342 GB</t>
  </si>
  <si>
    <t>342gb</t>
  </si>
  <si>
    <t>chak no 342 gb t.t.singh</t>
  </si>
  <si>
    <t>riffat yasmin</t>
  </si>
  <si>
    <t>GGCMPS 477 GB GHARBI MAMUN KANNJAN</t>
  </si>
  <si>
    <t>SAMMUNDRI 1 - FEMALE</t>
  </si>
  <si>
    <t>Kot Umrah</t>
  </si>
  <si>
    <t>chak no 477 g.b west</t>
  </si>
  <si>
    <t>477 Gb West</t>
  </si>
  <si>
    <t>475 Gb</t>
  </si>
  <si>
    <t>Nargis Parveen</t>
  </si>
  <si>
    <t>GGCMPS BAIR BAND</t>
  </si>
  <si>
    <t>Bair Band1</t>
  </si>
  <si>
    <t>Govt.Girls.Community Model school bairband</t>
  </si>
  <si>
    <t>Bair Band II</t>
  </si>
  <si>
    <t>Bair band</t>
  </si>
  <si>
    <t>GGCMPS BHAGOWAL KHURD</t>
  </si>
  <si>
    <t>J.P.JATTAN II - FEMALE</t>
  </si>
  <si>
    <t>Bhagowal Khurd</t>
  </si>
  <si>
    <t>bhagowal khurd</t>
  </si>
  <si>
    <t>Bhagowal khurd</t>
  </si>
  <si>
    <t>Ikhlas Gardh</t>
  </si>
  <si>
    <t>Rukhsana Naheed</t>
  </si>
  <si>
    <t>GGCMPS CHAH MUGHLAN</t>
  </si>
  <si>
    <t>Chah Mughlan</t>
  </si>
  <si>
    <t>chah mughlan tehsil&amp;distt Gujrat</t>
  </si>
  <si>
    <t>Mangowal Gharbi</t>
  </si>
  <si>
    <t>khalida parveen</t>
  </si>
  <si>
    <t>GGCMPS CHAK  182 GB</t>
  </si>
  <si>
    <t>Chhapyanwali</t>
  </si>
  <si>
    <t>chak no.182 G B,T.T.SINGH</t>
  </si>
  <si>
    <t>Miankot 183GB</t>
  </si>
  <si>
    <t>Tayyba Jabeen</t>
  </si>
  <si>
    <t>GGCMPS CHAK 178 GB</t>
  </si>
  <si>
    <t>MONGI BANGLA FEMALE</t>
  </si>
  <si>
    <t>178GB Gogha</t>
  </si>
  <si>
    <t>chak#178G.B</t>
  </si>
  <si>
    <t>Abida Jabeen</t>
  </si>
  <si>
    <t>GGCMPS CHAK 200 RB LATHIANWALA KHURRIANWALA</t>
  </si>
  <si>
    <t>KHURRIANWALA 2 - FEMALE</t>
  </si>
  <si>
    <t>Khurrianwala</t>
  </si>
  <si>
    <t>200 RB Lathianwala</t>
  </si>
  <si>
    <t>200RB</t>
  </si>
  <si>
    <t>200 RB</t>
  </si>
  <si>
    <t>Sayyda rukhsana kousar</t>
  </si>
  <si>
    <t>GGCMPS CHAK 299 GB</t>
  </si>
  <si>
    <t>ZIA COLONY FEMALE</t>
  </si>
  <si>
    <t>Chak No 299 GB</t>
  </si>
  <si>
    <t>Chak 299 GB</t>
  </si>
  <si>
    <t>chak No. 299 GB</t>
  </si>
  <si>
    <t>Chak No. 393 JB</t>
  </si>
  <si>
    <t>ZAHIDA IQBAL</t>
  </si>
  <si>
    <t>GGCMPS CHAK 335 GB BANGLA BAGHAT</t>
  </si>
  <si>
    <t>BHAGAT BANGLA-FEMALE</t>
  </si>
  <si>
    <t>Chak #335GB</t>
  </si>
  <si>
    <t>335gb TTsingh</t>
  </si>
  <si>
    <t>335gb</t>
  </si>
  <si>
    <t>Summar Bano</t>
  </si>
  <si>
    <t>GGCMPS CHAK 357 JB</t>
  </si>
  <si>
    <t>DHAMMA BANGLA FEMALE</t>
  </si>
  <si>
    <t>GGCMS357 jb</t>
  </si>
  <si>
    <t>357jb</t>
  </si>
  <si>
    <t>423jb</t>
  </si>
  <si>
    <t>Tasleem Kauser</t>
  </si>
  <si>
    <t>GGCMPS CHAK 367 JB JALAN WALA</t>
  </si>
  <si>
    <t>Chak No 367 Jb</t>
  </si>
  <si>
    <t>chak no. 367 jb</t>
  </si>
  <si>
    <t>Romana Zia</t>
  </si>
  <si>
    <t>GGCMPS CHAK 385 JB</t>
  </si>
  <si>
    <t>USMAN PUR FEMALE</t>
  </si>
  <si>
    <t>385jb</t>
  </si>
  <si>
    <t>chak no 385 jbTtsingh</t>
  </si>
  <si>
    <t>Chak  No 385jb</t>
  </si>
  <si>
    <t>Chak No 383jb</t>
  </si>
  <si>
    <t>Farukh Ijaz</t>
  </si>
  <si>
    <t>GGCMPS CHAK 392 JB</t>
  </si>
  <si>
    <t>DULAM-FEMALE</t>
  </si>
  <si>
    <t>Chak 392 JB</t>
  </si>
  <si>
    <t>GGCMS 392 Garh</t>
  </si>
  <si>
    <t>Chaka 392 Jb</t>
  </si>
  <si>
    <t>Chak No391JBKainthah</t>
  </si>
  <si>
    <t>Rafia Rehman</t>
  </si>
  <si>
    <t>GGCMPS CHAK 394 JB</t>
  </si>
  <si>
    <t>TOBA CITY FEMALE</t>
  </si>
  <si>
    <t>394jb</t>
  </si>
  <si>
    <t>ggcms394jb</t>
  </si>
  <si>
    <t>Chak No393jb</t>
  </si>
  <si>
    <t>Nasreen Akram</t>
  </si>
  <si>
    <t>GGCMPS CHAK 738 GB EAST</t>
  </si>
  <si>
    <t>QADIR BUKHSH-FEMALE</t>
  </si>
  <si>
    <t>Bhagoo Ana</t>
  </si>
  <si>
    <t>GGCOMMUNITY MODEL SCHOOL 738GBEAST</t>
  </si>
  <si>
    <t>Chak No 738gb East</t>
  </si>
  <si>
    <t>Chak No 739</t>
  </si>
  <si>
    <t>GGCMPS CHAK 95 JB I GILL</t>
  </si>
  <si>
    <t>Chack No95jbgill</t>
  </si>
  <si>
    <t>chack no 95jb gill</t>
  </si>
  <si>
    <t>Chack No95jb Gill</t>
  </si>
  <si>
    <t>Chack No97 Jb</t>
  </si>
  <si>
    <t>GGCMPS CHAK NO 283 HR</t>
  </si>
  <si>
    <t>FTS-XI-FEMALE</t>
  </si>
  <si>
    <t>283hr</t>
  </si>
  <si>
    <t>GGps283HR</t>
  </si>
  <si>
    <t>283HR</t>
  </si>
  <si>
    <t>Abida Tasneem</t>
  </si>
  <si>
    <t>GGCMPS GHATALIAN</t>
  </si>
  <si>
    <t>GHATIALIAN - FEMALE</t>
  </si>
  <si>
    <t>Gatialian</t>
  </si>
  <si>
    <t>Farah Yasmeen</t>
  </si>
  <si>
    <t>GGCMPS LAITI</t>
  </si>
  <si>
    <t>Vpo Leti Tehsil Lawa District CHAKWAL</t>
  </si>
  <si>
    <t>Bushra Hayat</t>
  </si>
  <si>
    <t>GGCMPS MOJOKI</t>
  </si>
  <si>
    <t>village and p.o box mojoki</t>
  </si>
  <si>
    <t>Najma Kousar</t>
  </si>
  <si>
    <t>GGCMS 1/10-L</t>
  </si>
  <si>
    <t>HARAPPA-FEMALE</t>
  </si>
  <si>
    <t>GCMS1/10L</t>
  </si>
  <si>
    <t>sarfraz begum</t>
  </si>
  <si>
    <t>GGCMS 1/4-L</t>
  </si>
  <si>
    <t>14/l</t>
  </si>
  <si>
    <t>GOvt colony XBlock okara</t>
  </si>
  <si>
    <t>G Colony X Bolock Okara</t>
  </si>
  <si>
    <t>Chuck 1/4l</t>
  </si>
  <si>
    <t>Shamim Qayyum</t>
  </si>
  <si>
    <t>GGCMS 10/SP</t>
  </si>
  <si>
    <t>10/sp</t>
  </si>
  <si>
    <t>GGCMS 10/sp pakpattan</t>
  </si>
  <si>
    <t>Kumhariwala</t>
  </si>
  <si>
    <t>Rubina Javed</t>
  </si>
  <si>
    <t>GGCMS 100/TDA ABBAS NAGAR</t>
  </si>
  <si>
    <t>ALI RAJAN - FEMALE</t>
  </si>
  <si>
    <t>khokhar isra</t>
  </si>
  <si>
    <t>Chak no. 100 tda tehsil karor district layyah</t>
  </si>
  <si>
    <t>Ali rajan</t>
  </si>
  <si>
    <t>mumtaz saeed</t>
  </si>
  <si>
    <t>GGCMS 102/6AR</t>
  </si>
  <si>
    <t>102/6AR</t>
  </si>
  <si>
    <t>GGCMS 102/6AR Teh &amp; Distt Sahiwal</t>
  </si>
  <si>
    <t>Nasrin Riaz</t>
  </si>
  <si>
    <t>GGCMS 105/10-R</t>
  </si>
  <si>
    <t>106/10-R - FEMALE</t>
  </si>
  <si>
    <t>105/10R</t>
  </si>
  <si>
    <t>105/10.R</t>
  </si>
  <si>
    <t>106/10R</t>
  </si>
  <si>
    <t>Uzma Waris</t>
  </si>
  <si>
    <t>GGCMS 105/F</t>
  </si>
  <si>
    <t>CTN -XV-FEMALE</t>
  </si>
  <si>
    <t>105 F Basti No 2</t>
  </si>
  <si>
    <t>Chak No 105 F Basti No 2</t>
  </si>
  <si>
    <t>105 F</t>
  </si>
  <si>
    <t>Tanveer Razzaq</t>
  </si>
  <si>
    <t>GGCMS 106/12-L</t>
  </si>
  <si>
    <t>OKAN WALA SHARQI-A-FEMALE</t>
  </si>
  <si>
    <t>chak no 106 12l</t>
  </si>
  <si>
    <t>CHAK NO 106 12l</t>
  </si>
  <si>
    <t>50 12 L</t>
  </si>
  <si>
    <t>Surriya Anwar</t>
  </si>
  <si>
    <t>GGCMS 106/FA</t>
  </si>
  <si>
    <t>106/FA</t>
  </si>
  <si>
    <t>Chak 106/FA</t>
  </si>
  <si>
    <t>40/F</t>
  </si>
  <si>
    <t>Perveen Akhter</t>
  </si>
  <si>
    <t>GGCMS 11 WB</t>
  </si>
  <si>
    <t>PEER MURAD - FEMALE</t>
  </si>
  <si>
    <t>11WB</t>
  </si>
  <si>
    <t>GGCMS11WB</t>
  </si>
  <si>
    <t>Nasreen Sarwar</t>
  </si>
  <si>
    <t>GGCMS 110/9-L</t>
  </si>
  <si>
    <t>YADGAR SAHIWAL-FEMALE</t>
  </si>
  <si>
    <t>110/9l</t>
  </si>
  <si>
    <t>Chak no. 110/9L swl.</t>
  </si>
  <si>
    <t>Saima Ghafoor</t>
  </si>
  <si>
    <t>GGCMS 112/WB</t>
  </si>
  <si>
    <t>TIBBA NORTH - FEMALE</t>
  </si>
  <si>
    <t>112 w b teh mails vr</t>
  </si>
  <si>
    <t>124 W B</t>
  </si>
  <si>
    <t>zaib un nisa</t>
  </si>
  <si>
    <t>GGCMS 114/9-L</t>
  </si>
  <si>
    <t>DERA-RAHIM-B-FEMALE</t>
  </si>
  <si>
    <t>114 9L</t>
  </si>
  <si>
    <t>114 9.L</t>
  </si>
  <si>
    <t>Shamona Arshad</t>
  </si>
  <si>
    <t>GGCMS 117/9-L KANGNI WALA</t>
  </si>
  <si>
    <t>KHAWAJA ARIF-B-FEMALE</t>
  </si>
  <si>
    <t>Kangniwala</t>
  </si>
  <si>
    <t>chak 117/9l kangniwala</t>
  </si>
  <si>
    <t>117/9l Kangniwala</t>
  </si>
  <si>
    <t>112/9l</t>
  </si>
  <si>
    <t>Shazia Anwar</t>
  </si>
  <si>
    <t>GGCMS 119 WB</t>
  </si>
  <si>
    <t>119/WB</t>
  </si>
  <si>
    <t>119/wb</t>
  </si>
  <si>
    <t>119/Wb</t>
  </si>
  <si>
    <t>Sandal</t>
  </si>
  <si>
    <t>Naila Parveen</t>
  </si>
  <si>
    <t>GGCMS 119/1-L</t>
  </si>
  <si>
    <t>CHAK NO 45/P-FEMALE</t>
  </si>
  <si>
    <t>chak 45/p</t>
  </si>
  <si>
    <t>Alia Noreen</t>
  </si>
  <si>
    <t>GGCMS 119/9-L</t>
  </si>
  <si>
    <t>KAMEER -A-FEMALE</t>
  </si>
  <si>
    <t>119/9.L</t>
  </si>
  <si>
    <t>chak no 119/9.L sahiwal</t>
  </si>
  <si>
    <t>Humaira Noor</t>
  </si>
  <si>
    <t>GGCMS 11-A/8-R KACHA KHUH</t>
  </si>
  <si>
    <t>KACHA KHUH - FEMALE</t>
  </si>
  <si>
    <t>Khaliq Abad</t>
  </si>
  <si>
    <t>11A/8R, khaliq abad</t>
  </si>
  <si>
    <t>11A/8R</t>
  </si>
  <si>
    <t>14/8R</t>
  </si>
  <si>
    <t>Uzma Afridi</t>
  </si>
  <si>
    <t>GGCMS 122 WB</t>
  </si>
  <si>
    <t>122/WB</t>
  </si>
  <si>
    <t>122/W.B Tesil mailsi district vehari</t>
  </si>
  <si>
    <t>GGCMS 126/9-L</t>
  </si>
  <si>
    <t>Ggcms 126 9/L</t>
  </si>
  <si>
    <t>Ggcms126 9/L</t>
  </si>
  <si>
    <t>126 9/L</t>
  </si>
  <si>
    <t>129 9/L</t>
  </si>
  <si>
    <t>Zartash Arshad</t>
  </si>
  <si>
    <t>GGCMS 139 WB</t>
  </si>
  <si>
    <t>GHALLOO-FEMALE</t>
  </si>
  <si>
    <t>chack no 139wb</t>
  </si>
  <si>
    <t>139/wb</t>
  </si>
  <si>
    <t>GGCMS 15/WM TUKRA</t>
  </si>
  <si>
    <t>15/Wm</t>
  </si>
  <si>
    <t>chak 15/wm Tukra Sahiwal</t>
  </si>
  <si>
    <t>Chak 15/Wm</t>
  </si>
  <si>
    <t>Samia Aslam Butt</t>
  </si>
  <si>
    <t>GGCMS 16/4.L</t>
  </si>
  <si>
    <t>GASHKORI - FEMALE</t>
  </si>
  <si>
    <t>11/4L</t>
  </si>
  <si>
    <t>chak:11/4L okara</t>
  </si>
  <si>
    <t>Shamaila Akram</t>
  </si>
  <si>
    <t>GGCMS 168/10-R</t>
  </si>
  <si>
    <t>168/10 R</t>
  </si>
  <si>
    <t>Government girls community model primary school 168/10 R kwl</t>
  </si>
  <si>
    <t>88/10 R</t>
  </si>
  <si>
    <t>Ujala Khizer</t>
  </si>
  <si>
    <t>GGCMS 17/1-AL</t>
  </si>
  <si>
    <t>AKHTAR ABAD - FEMALE</t>
  </si>
  <si>
    <t>17/ 1AL</t>
  </si>
  <si>
    <t>Govt. Girls Community Model School 17/1AL</t>
  </si>
  <si>
    <t>17/1AL</t>
  </si>
  <si>
    <t>6/1AL</t>
  </si>
  <si>
    <t>Shahnaz Bano</t>
  </si>
  <si>
    <t>GGCMS 175/P</t>
  </si>
  <si>
    <t>GOREHLLA-FEMALE</t>
  </si>
  <si>
    <t>173/p</t>
  </si>
  <si>
    <t>chak 175/p</t>
  </si>
  <si>
    <t>175/P</t>
  </si>
  <si>
    <t>Machi Goth</t>
  </si>
  <si>
    <t>Naghma Bano</t>
  </si>
  <si>
    <t>GGCMS 176 WB</t>
  </si>
  <si>
    <t>GARHA MORE - FEMALE</t>
  </si>
  <si>
    <t>Ggcm176wb</t>
  </si>
  <si>
    <t>chk no 176wb</t>
  </si>
  <si>
    <t>176wb</t>
  </si>
  <si>
    <t>GGCMS 178/7-R</t>
  </si>
  <si>
    <t>FTS-III-FEMALE</t>
  </si>
  <si>
    <t>178 7r</t>
  </si>
  <si>
    <t>chsk no 178. ,7 r</t>
  </si>
  <si>
    <t>178 7 R</t>
  </si>
  <si>
    <t>176 7 R</t>
  </si>
  <si>
    <t>Shaista Bashir</t>
  </si>
  <si>
    <t>GGCMS 178/9-L</t>
  </si>
  <si>
    <t>SHER WALA-A-FEMALE</t>
  </si>
  <si>
    <t>178/9l</t>
  </si>
  <si>
    <t>chak no 178/9l</t>
  </si>
  <si>
    <t>180/9l</t>
  </si>
  <si>
    <t>GULSHAN GHOAUS</t>
  </si>
  <si>
    <t>GGCMS 18 WB BASTI DAR MUHAMMAD</t>
  </si>
  <si>
    <t>VEHARI - FEMALE</t>
  </si>
  <si>
    <t>18wb</t>
  </si>
  <si>
    <t>govt.girls community model school 18wb basti dur Muhammad vehari</t>
  </si>
  <si>
    <t>basti dur Muhammad</t>
  </si>
  <si>
    <t>16wb</t>
  </si>
  <si>
    <t>Gulnaz Akhter</t>
  </si>
  <si>
    <t>GGCMS 18/1-L</t>
  </si>
  <si>
    <t>RENALA KHURD - FEMALE</t>
  </si>
  <si>
    <t>18/1L</t>
  </si>
  <si>
    <t>Chak no 18/1 L</t>
  </si>
  <si>
    <t>20/2L</t>
  </si>
  <si>
    <t>GGCMS 18/4-L</t>
  </si>
  <si>
    <t>18/4l</t>
  </si>
  <si>
    <t>govt girls community model primrary schol 18/4l</t>
  </si>
  <si>
    <t>Chak No 18/4l</t>
  </si>
  <si>
    <t>Ruquiabegum</t>
  </si>
  <si>
    <t>GGCMS 185 EB</t>
  </si>
  <si>
    <t>GAGGOO EAST - FEMALE</t>
  </si>
  <si>
    <t>185eb</t>
  </si>
  <si>
    <t>chak no 185eb</t>
  </si>
  <si>
    <t>247eb</t>
  </si>
  <si>
    <t>Nahid Akhter</t>
  </si>
  <si>
    <t>GGCMS 19/9-R KACHA KHUH</t>
  </si>
  <si>
    <t>kacha khuh</t>
  </si>
  <si>
    <t>chak 19/9_R west kacha khuh</t>
  </si>
  <si>
    <t>19/9rwest</t>
  </si>
  <si>
    <t>GGCMS 208/P</t>
  </si>
  <si>
    <t>208/P</t>
  </si>
  <si>
    <t>GGCMPS 208/P Sadiqabad</t>
  </si>
  <si>
    <t>208/P Sadiqabad</t>
  </si>
  <si>
    <t>173/P</t>
  </si>
  <si>
    <t>Rubaca Malik</t>
  </si>
  <si>
    <t>students get water from nearby house</t>
  </si>
  <si>
    <t>GGCMS 211/P</t>
  </si>
  <si>
    <t>TILLO GOTH - FEMALE</t>
  </si>
  <si>
    <t>chak 211p tehsil sadiqabad district Rahim yar khan</t>
  </si>
  <si>
    <t>Mamoona ghfoor</t>
  </si>
  <si>
    <t>GGCMS 237 WB DUNYA PUR</t>
  </si>
  <si>
    <t>ZAKHIRA - FEMALE</t>
  </si>
  <si>
    <t>237/wb</t>
  </si>
  <si>
    <t>chack.no 237/wb</t>
  </si>
  <si>
    <t>Imtiaz Ashraf</t>
  </si>
  <si>
    <t>GGCMS 25/3-R</t>
  </si>
  <si>
    <t>HND-6-FEMALE</t>
  </si>
  <si>
    <t>25/3r</t>
  </si>
  <si>
    <t>chak no.25/3.r tehsil haroonabad district bahawalnagar</t>
  </si>
  <si>
    <t>25/3R</t>
  </si>
  <si>
    <t>2324/3R</t>
  </si>
  <si>
    <t>Naseem Sadiq</t>
  </si>
  <si>
    <t>GGCMS 259/EB</t>
  </si>
  <si>
    <t>Lot No 3</t>
  </si>
  <si>
    <t>chak no 259/E.B</t>
  </si>
  <si>
    <t>259/EB</t>
  </si>
  <si>
    <t>Chak No 499/EB</t>
  </si>
  <si>
    <t>Asma Rehman            Ata ur Rehman</t>
  </si>
  <si>
    <t>GGCMS 27/11-L</t>
  </si>
  <si>
    <t>27/11L</t>
  </si>
  <si>
    <t>chak no 27/11L</t>
  </si>
  <si>
    <t>Chak No 27/11L</t>
  </si>
  <si>
    <t>30/11L</t>
  </si>
  <si>
    <t>Tahira Yasmeen</t>
  </si>
  <si>
    <t>GGCMS 293 WB</t>
  </si>
  <si>
    <t>NOOR GARH - FEMALE</t>
  </si>
  <si>
    <t>293wb</t>
  </si>
  <si>
    <t>chak no293wb tehsil dunyapur lodhran</t>
  </si>
  <si>
    <t>Chak 293wb</t>
  </si>
  <si>
    <t>Jhandeerwah</t>
  </si>
  <si>
    <t>Saba Younis</t>
  </si>
  <si>
    <t>GGCMS 302/HR</t>
  </si>
  <si>
    <t>FTS-XIII-FEMALE</t>
  </si>
  <si>
    <t>302 Hr</t>
  </si>
  <si>
    <t>chak no.302 hr</t>
  </si>
  <si>
    <t>302/HR</t>
  </si>
  <si>
    <t>Chak No 304/hr</t>
  </si>
  <si>
    <t>Anum Saeed</t>
  </si>
  <si>
    <t>GGCMS 303 EB</t>
  </si>
  <si>
    <t>303 Eb</t>
  </si>
  <si>
    <t>GGCMPS 303 eb burewala</t>
  </si>
  <si>
    <t>265eb</t>
  </si>
  <si>
    <t>Saleem Kousar</t>
  </si>
  <si>
    <t>GGCMS 31 M NO.1</t>
  </si>
  <si>
    <t>CHAK NO. 37/M - FEMALE</t>
  </si>
  <si>
    <t>31M</t>
  </si>
  <si>
    <t>Rukanpur station 31M</t>
  </si>
  <si>
    <t>Chak 31M</t>
  </si>
  <si>
    <t>35M</t>
  </si>
  <si>
    <t>GGCMS 32 NP SHARQI</t>
  </si>
  <si>
    <t>WAHID BAKHSH LAR-FEMALE</t>
  </si>
  <si>
    <t>Chak 32 N/p East</t>
  </si>
  <si>
    <t>p/o sunjar pur chak32 N/p east</t>
  </si>
  <si>
    <t>Sunjar Pur</t>
  </si>
  <si>
    <t>Shagufta Bibi</t>
  </si>
  <si>
    <t>GGCMS 32/12-L TENDAR</t>
  </si>
  <si>
    <t>CHICHAWATNI SADAR B-FEMALE</t>
  </si>
  <si>
    <t>32/12-Ltender</t>
  </si>
  <si>
    <t>chak no.32/12-L tehsil chichawatni district sahiwal</t>
  </si>
  <si>
    <t>Munawar Maqsood</t>
  </si>
  <si>
    <t>GGCMS 34/1A L</t>
  </si>
  <si>
    <t>34 1AL</t>
  </si>
  <si>
    <t>Nasim Sadiq</t>
  </si>
  <si>
    <t>GGCMS 345/WB</t>
  </si>
  <si>
    <t>CHAK NO. 342/WB - FEMALE</t>
  </si>
  <si>
    <t>345/wb</t>
  </si>
  <si>
    <t>Chak No. 345/WB Tehsil Dunya pur District Lodhran</t>
  </si>
  <si>
    <t>Chak No 357/wb</t>
  </si>
  <si>
    <t>Shabana Mumtaz</t>
  </si>
  <si>
    <t>GGCMS 365/WB</t>
  </si>
  <si>
    <t>MAKHDOOMAALI - FEMALE</t>
  </si>
  <si>
    <t>chak no.365w.b East tehsil Dunyapur distt. Lodhran</t>
  </si>
  <si>
    <t>365wb</t>
  </si>
  <si>
    <t>Naveed Afzal</t>
  </si>
  <si>
    <t>GGCMS 369/WB</t>
  </si>
  <si>
    <t>CHAK NO. 369/WB - FEMALE</t>
  </si>
  <si>
    <t>GGCMS chak no 369 WB</t>
  </si>
  <si>
    <t>353 WB</t>
  </si>
  <si>
    <t>SUMAIRA NASIM</t>
  </si>
  <si>
    <t>GGCMS 38 EB</t>
  </si>
  <si>
    <t>MUHAMMAD NAGAR 2 - FEMALE</t>
  </si>
  <si>
    <t>38eb</t>
  </si>
  <si>
    <t>34eb</t>
  </si>
  <si>
    <t>Rukhshanda Anjum</t>
  </si>
  <si>
    <t>GGCMS 388/WB</t>
  </si>
  <si>
    <t>chak no. 388/wb tehsil dunyapur</t>
  </si>
  <si>
    <t>Chak No388</t>
  </si>
  <si>
    <t>Makhddom Aali</t>
  </si>
  <si>
    <t>SHAHEEN TABASSUM</t>
  </si>
  <si>
    <t>GGCMS 42/3-R</t>
  </si>
  <si>
    <t>HND-9-FEMALE</t>
  </si>
  <si>
    <t>42/3r</t>
  </si>
  <si>
    <t>Sabira Sultan</t>
  </si>
  <si>
    <t>GGCMS 451/EB</t>
  </si>
  <si>
    <t>BUREWALA WEST - FEMALE</t>
  </si>
  <si>
    <t>451/eb</t>
  </si>
  <si>
    <t>chak no 451 /e.b bhag wali lat</t>
  </si>
  <si>
    <t>Chak No 451 /eb</t>
  </si>
  <si>
    <t>Nighat Hussain</t>
  </si>
  <si>
    <t>GGCMS 453/GB</t>
  </si>
  <si>
    <t>KANJWANI - FEMALE</t>
  </si>
  <si>
    <t>Akanwala</t>
  </si>
  <si>
    <t>chak no 453 gb</t>
  </si>
  <si>
    <t>453 Gb</t>
  </si>
  <si>
    <t>454 Gb</t>
  </si>
  <si>
    <t>GGCMS 46/12-L</t>
  </si>
  <si>
    <t>chak no 46/12 L tehsil chichawatni district sahiwal</t>
  </si>
  <si>
    <t>Chak No 45/12L</t>
  </si>
  <si>
    <t>nasreen rehman</t>
  </si>
  <si>
    <t>GGCMS 46/F IQBAL NAGAR</t>
  </si>
  <si>
    <t>CTN -I-FEMALE</t>
  </si>
  <si>
    <t>GGCMS Iqbal nagar 46/f</t>
  </si>
  <si>
    <t>46/f</t>
  </si>
  <si>
    <t>CT NO 1</t>
  </si>
  <si>
    <t>Rifaat Saeed</t>
  </si>
  <si>
    <t>GGCMS 469 EB</t>
  </si>
  <si>
    <t>DEWAN SAHIB - FEMALE</t>
  </si>
  <si>
    <t>469/eb</t>
  </si>
  <si>
    <t>Ggcmpschool469/eb</t>
  </si>
  <si>
    <t>447/eb</t>
  </si>
  <si>
    <t>Tanveer kousar</t>
  </si>
  <si>
    <t>GGCMS 485 EB</t>
  </si>
  <si>
    <t>chak #485/E.B BUREWALA</t>
  </si>
  <si>
    <t>495/EB</t>
  </si>
  <si>
    <t>Sobia Nasrullah</t>
  </si>
  <si>
    <t>GGCMS 507/EB</t>
  </si>
  <si>
    <t>DALLAN BANGLA - FEMALE</t>
  </si>
  <si>
    <t>507 EB</t>
  </si>
  <si>
    <t>Chak No 507/EB Burewala</t>
  </si>
  <si>
    <t>GGCMS 541 EB</t>
  </si>
  <si>
    <t>MACHIWAL SOUTH - FEMALE</t>
  </si>
  <si>
    <t>541/Eb</t>
  </si>
  <si>
    <t>chak no 541/e.b vehari</t>
  </si>
  <si>
    <t>541/E B</t>
  </si>
  <si>
    <t>537/E B</t>
  </si>
  <si>
    <t>Safia Sultana</t>
  </si>
  <si>
    <t>GGCMS 66/5-L</t>
  </si>
  <si>
    <t>Bagri 66/5l</t>
  </si>
  <si>
    <t>ggcms66/5l</t>
  </si>
  <si>
    <t>66/5L</t>
  </si>
  <si>
    <t>Khemkot</t>
  </si>
  <si>
    <t>GGCMS 6-A/4-L</t>
  </si>
  <si>
    <t>village 6a/4L, OKARA.</t>
  </si>
  <si>
    <t>6a/4L</t>
  </si>
  <si>
    <t>Sajida Sharif</t>
  </si>
  <si>
    <t>GGCMS 7/9-R</t>
  </si>
  <si>
    <t>7/9R</t>
  </si>
  <si>
    <t>7/9R kacha khuh khanewak</t>
  </si>
  <si>
    <t>Rahman Ghar</t>
  </si>
  <si>
    <t>RUKHSANA KOUSER</t>
  </si>
  <si>
    <t>GGCMS 71/4-R</t>
  </si>
  <si>
    <t>71/4r</t>
  </si>
  <si>
    <t>Shama Nasreen</t>
  </si>
  <si>
    <t>GGCMS 78/5-L</t>
  </si>
  <si>
    <t>YOUSAF WALA-A-FEMALE</t>
  </si>
  <si>
    <t>78/5L</t>
  </si>
  <si>
    <t>GGCMS.78/5.L</t>
  </si>
  <si>
    <t>78/5 L</t>
  </si>
  <si>
    <t>FARZANA KAUSAR</t>
  </si>
  <si>
    <t>GGCMS 79/15-L, KACHA KHUH</t>
  </si>
  <si>
    <t>CHOWK JAMAL - FEMALE</t>
  </si>
  <si>
    <t>79/15L</t>
  </si>
  <si>
    <t>chak#79/15L</t>
  </si>
  <si>
    <t>Chak#79/15L</t>
  </si>
  <si>
    <t>Misbah Aftab</t>
  </si>
  <si>
    <t>GGCMS 7-FAIZ</t>
  </si>
  <si>
    <t>LAR - FEMALE</t>
  </si>
  <si>
    <t>7f</t>
  </si>
  <si>
    <t>GGCMS,7f</t>
  </si>
  <si>
    <t>sabra khatoon</t>
  </si>
  <si>
    <t>GGCMS 8/9-R KACHA KHUH</t>
  </si>
  <si>
    <t>8/9R</t>
  </si>
  <si>
    <t>8/9-R qasba</t>
  </si>
  <si>
    <t>8/9-R Qasba</t>
  </si>
  <si>
    <t>7/9-R</t>
  </si>
  <si>
    <t>Kishwar Sardar</t>
  </si>
  <si>
    <t>GGCMS 92/10-R KHANEWAL</t>
  </si>
  <si>
    <t>92/10-r</t>
  </si>
  <si>
    <t>chak#92/10r kwl</t>
  </si>
  <si>
    <t>Chak#92/10-r</t>
  </si>
  <si>
    <t>Chak#92/10r</t>
  </si>
  <si>
    <t>GGCMS 92/6-R HAROON ABAD</t>
  </si>
  <si>
    <t>HND-11-FEMALE</t>
  </si>
  <si>
    <t>Chak no 92/6R</t>
  </si>
  <si>
    <t>Rehana Bashir</t>
  </si>
  <si>
    <t>GGCMS 98 EB</t>
  </si>
  <si>
    <t>SHEIKH FAZAL EAST - FEMALE</t>
  </si>
  <si>
    <t>98/EB</t>
  </si>
  <si>
    <t>Chak No 98/EB</t>
  </si>
  <si>
    <t>Sheikh Fazil</t>
  </si>
  <si>
    <t>Huma Talib</t>
  </si>
  <si>
    <t>GGCMS 99/12-L</t>
  </si>
  <si>
    <t>SHAHKOT GHARBI-FEMALE</t>
  </si>
  <si>
    <t>Ggcm primary school 99/12L</t>
  </si>
  <si>
    <t>99/12L</t>
  </si>
  <si>
    <t>Hamida Begum malik</t>
  </si>
  <si>
    <t>GGCMS 99/9-L</t>
  </si>
  <si>
    <t>99/9L</t>
  </si>
  <si>
    <t>bholy di jhok sahiwal</t>
  </si>
  <si>
    <t>Bholy Di Jhok</t>
  </si>
  <si>
    <t>91 / 9L</t>
  </si>
  <si>
    <t>Shafqat Naheed</t>
  </si>
  <si>
    <t>GGCMS 9-FAIZ MULTAN</t>
  </si>
  <si>
    <t>9 Faiz</t>
  </si>
  <si>
    <t>G.G.C.M School 9 Faiz</t>
  </si>
  <si>
    <t>Qasba Chaharm</t>
  </si>
  <si>
    <t>Jamila Bano</t>
  </si>
  <si>
    <t>GGCMS AAKI</t>
  </si>
  <si>
    <t>NEHANG - FEMALE</t>
  </si>
  <si>
    <t>Aaki</t>
  </si>
  <si>
    <t>aaki</t>
  </si>
  <si>
    <t>Jahaniah Shah</t>
  </si>
  <si>
    <t>Shahnaz Perveen</t>
  </si>
  <si>
    <t>GGCMS AALI WALA</t>
  </si>
  <si>
    <t>basti AALI WALA</t>
  </si>
  <si>
    <t>Farhat Fatima</t>
  </si>
  <si>
    <t>GGCMS ABADI RANGLA</t>
  </si>
  <si>
    <t>KOT MOMIN WEST-I - FEMALE</t>
  </si>
  <si>
    <t>Lilliani</t>
  </si>
  <si>
    <t>G G C M S ABADI RANGLA</t>
  </si>
  <si>
    <t>Lilliani Rural</t>
  </si>
  <si>
    <t>Anam Aslam</t>
  </si>
  <si>
    <t>GGCMS ADALAT GARH</t>
  </si>
  <si>
    <t>Adalat Gharh New</t>
  </si>
  <si>
    <t>adalat gharh new</t>
  </si>
  <si>
    <t>Adalat Gharh</t>
  </si>
  <si>
    <t>Amina Khalid</t>
  </si>
  <si>
    <t>GGCMS ADAMKAY CHEEMA</t>
  </si>
  <si>
    <t>Adamke Cheema</t>
  </si>
  <si>
    <t>village&amp;p.o adamke cheema tehsil daska district sialkot</t>
  </si>
  <si>
    <t>Farhat-UN- nisa</t>
  </si>
  <si>
    <t>GGCMS ADHIKOT</t>
  </si>
  <si>
    <t>NOOR PUR (NORTH) (FEMALE)</t>
  </si>
  <si>
    <t>Adhi kot thesil noor pur thal district khushab</t>
  </si>
  <si>
    <t>GGCMS AKERAN WALA NORTH</t>
  </si>
  <si>
    <t>KALLUR KOT HQ - FEMALE</t>
  </si>
  <si>
    <t>Kallurkot</t>
  </si>
  <si>
    <t>Akeranwalla tehsil kallurkot District bhakkar</t>
  </si>
  <si>
    <t>Akeranwalla</t>
  </si>
  <si>
    <t>Non Daggar</t>
  </si>
  <si>
    <t>Afeera Bakhat</t>
  </si>
  <si>
    <t>GGCMS AKHTAR NAGAR</t>
  </si>
  <si>
    <t>AKHTER NAGAR-FEMALE</t>
  </si>
  <si>
    <t>Akhtar Nagar</t>
  </si>
  <si>
    <t>Akhtar Nagar Chak 87/A</t>
  </si>
  <si>
    <t>Chak 87/A</t>
  </si>
  <si>
    <t>Chak 42/A</t>
  </si>
  <si>
    <t>Samina Kouser Cheema</t>
  </si>
  <si>
    <t>GGCMS ALAM GARH</t>
  </si>
  <si>
    <t>J.P.JATTAN-V-FEMALE</t>
  </si>
  <si>
    <t>Alamgarh</t>
  </si>
  <si>
    <t>alamgarh</t>
  </si>
  <si>
    <t>Alam Garh</t>
  </si>
  <si>
    <t>saima butool akram</t>
  </si>
  <si>
    <t>GGCMS ALAM PUR</t>
  </si>
  <si>
    <t>GGCMS Alampur</t>
  </si>
  <si>
    <t>Sajida Naseem</t>
  </si>
  <si>
    <t>GGCMS ALI CHAPPA SHUMALI ABDUL HAKIM</t>
  </si>
  <si>
    <t>GGCommunity Model School Ali Chappa shumali</t>
  </si>
  <si>
    <t>Ali Chappa Shumali</t>
  </si>
  <si>
    <t>Fauzia Fayyaz</t>
  </si>
  <si>
    <t>GGCMS ALI PUR ASSAR</t>
  </si>
  <si>
    <t>AlipurAsser</t>
  </si>
  <si>
    <t>alipurasser p/o Qureshi Wala lodhran</t>
  </si>
  <si>
    <t>Alipurasser</t>
  </si>
  <si>
    <t>Rashida Qamar</t>
  </si>
  <si>
    <t>GGCMS ALI WALA</t>
  </si>
  <si>
    <t>GGCMS Ali Wala</t>
  </si>
  <si>
    <t>Nusrat Perveen</t>
  </si>
  <si>
    <t>GGCMS AMAR SINGH</t>
  </si>
  <si>
    <t>Amer Singh</t>
  </si>
  <si>
    <t>Chak Amer Singh, Pakpattan</t>
  </si>
  <si>
    <t>Feroze Pur Chistian</t>
  </si>
  <si>
    <t>Robina Zaheer</t>
  </si>
  <si>
    <t>GGCMS ARAIAN WALA</t>
  </si>
  <si>
    <t>KANGAN PUR - FEMALE</t>
  </si>
  <si>
    <t>Arraian Wala</t>
  </si>
  <si>
    <t>Arraian Wala,Post Office Landay Wala,Markaz kangan pur,Tehsil Chunian,District Kasur</t>
  </si>
  <si>
    <t>Arraian Wala Post Office Landay Wala Tehsil Chunia</t>
  </si>
  <si>
    <t>Landay Wala</t>
  </si>
  <si>
    <t>GGCMS ASEER WALA</t>
  </si>
  <si>
    <t>SULTAN COLONY-FEMALE</t>
  </si>
  <si>
    <t>Sanwan</t>
  </si>
  <si>
    <t>p\o Sanawan Chah mehry wala</t>
  </si>
  <si>
    <t>Chah Mehery Wala</t>
  </si>
  <si>
    <t>Sanawan</t>
  </si>
  <si>
    <t>Nayyar Sultana</t>
  </si>
  <si>
    <t>GGCMS BABAR KHAI</t>
  </si>
  <si>
    <t>Babbar Khai</t>
  </si>
  <si>
    <t>babbar khai p/o arzani pur teh. chunian distt. kasur</t>
  </si>
  <si>
    <t>Bhagiwal</t>
  </si>
  <si>
    <t>Majida Tabbasum</t>
  </si>
  <si>
    <t>GGCMS BABNIAN</t>
  </si>
  <si>
    <t>LALAMUSA-IV-FEMALE</t>
  </si>
  <si>
    <t>Babanian</t>
  </si>
  <si>
    <t>babanian p.o karnana</t>
  </si>
  <si>
    <t>Karnana</t>
  </si>
  <si>
    <t>surriya Begum</t>
  </si>
  <si>
    <t>GGCMS BAGAY</t>
  </si>
  <si>
    <t>HAMEED NIZAMI - FEMALE</t>
  </si>
  <si>
    <t>Baggay</t>
  </si>
  <si>
    <t>p/o husain khan wala village bagay hithar tehsil &amp;district ksr</t>
  </si>
  <si>
    <t>Baggay Hithar</t>
  </si>
  <si>
    <t>Husain Khan Wala</t>
  </si>
  <si>
    <t>Afifa Mujahid</t>
  </si>
  <si>
    <t>GGCMS BAHAR WALI</t>
  </si>
  <si>
    <t>basti bahar wali</t>
  </si>
  <si>
    <t>Bahar wali</t>
  </si>
  <si>
    <t>kot qaisrani</t>
  </si>
  <si>
    <t>Rabia Kausar</t>
  </si>
  <si>
    <t>OGDC pipeline</t>
  </si>
  <si>
    <t>GGCMS BAHLOL PUR</t>
  </si>
  <si>
    <t>Hujra shah muqeem</t>
  </si>
  <si>
    <t>GGCMS BAIAH</t>
  </si>
  <si>
    <t>BHATTIAN -FEMALE</t>
  </si>
  <si>
    <t>Biah</t>
  </si>
  <si>
    <t>village and p/o biah teh  kotli sattian</t>
  </si>
  <si>
    <t>GGCMS BAKHARI KALAN</t>
  </si>
  <si>
    <t>Bikhati kalan</t>
  </si>
  <si>
    <t>Vpo khas bikhari kalan teh and dist chakwal</t>
  </si>
  <si>
    <t>Bikhari kalan</t>
  </si>
  <si>
    <t>Naghmana bibi</t>
  </si>
  <si>
    <t>GGCMS BANGLAY WALA, P/O KUKKAR HATTA, KABIRWALA</t>
  </si>
  <si>
    <t>MARI SAHU - FEMALE</t>
  </si>
  <si>
    <t>Okanwala Sharqi</t>
  </si>
  <si>
    <t>g.g.c.model school banglay wala 
 .kabirwala</t>
  </si>
  <si>
    <t>Banglaywala Chawam</t>
  </si>
  <si>
    <t>Abida Rubab</t>
  </si>
  <si>
    <t>GGCMS BASRA JALA</t>
  </si>
  <si>
    <t>Basra Jala</t>
  </si>
  <si>
    <t>Shazia Beghum</t>
  </si>
  <si>
    <t>GGCMS BASTI ARAIN DHARA OPLA</t>
  </si>
  <si>
    <t>DRAHMA-FEMALE</t>
  </si>
  <si>
    <t>Darh Opla</t>
  </si>
  <si>
    <t>Basti Arrain Mouza Dharh opla Drahma</t>
  </si>
  <si>
    <t>Darahma</t>
  </si>
  <si>
    <t>FARHAT TAREEN</t>
  </si>
  <si>
    <t>GGCMS BASTI BARAR</t>
  </si>
  <si>
    <t>Motchi Punhon</t>
  </si>
  <si>
    <t>govt girls commuty model primary school basti barar</t>
  </si>
  <si>
    <t>Basti Barar</t>
  </si>
  <si>
    <t>Anayat Pur</t>
  </si>
  <si>
    <t>Rashda Qureshi</t>
  </si>
  <si>
    <t>GGCMS BASTI CHUTANI</t>
  </si>
  <si>
    <t>Ghulam Haider Sohrani</t>
  </si>
  <si>
    <t>p/o karam dad qureshi tehsil &amp; district M.Garh</t>
  </si>
  <si>
    <t>Basti Chuttani</t>
  </si>
  <si>
    <t>Ruqia Begum</t>
  </si>
  <si>
    <t>GGCMS BASTI DAD</t>
  </si>
  <si>
    <t>Dabkalan</t>
  </si>
  <si>
    <t>GGCM School Basti Dad</t>
  </si>
  <si>
    <t>Samia Ali</t>
  </si>
  <si>
    <t>GGCMS BASTI FAIZ WAH</t>
  </si>
  <si>
    <t>Faizwah</t>
  </si>
  <si>
    <t>GGCMES Faizwah vehaari</t>
  </si>
  <si>
    <t>Qadirwah</t>
  </si>
  <si>
    <t>Shamim Bahawal</t>
  </si>
  <si>
    <t>GGCMS BASTI JALEEL</t>
  </si>
  <si>
    <t>Bastijalil</t>
  </si>
  <si>
    <t>Nazad masjid noria makan G, 26 muhala kamboo</t>
  </si>
  <si>
    <t>Budhla</t>
  </si>
  <si>
    <t>GGCMS BASTI JOIYA</t>
  </si>
  <si>
    <t>KOTLA HAJI SHAH FEMALE</t>
  </si>
  <si>
    <t>Sumra Nashaib</t>
  </si>
  <si>
    <t>GGCMS BASTI JOIYA LAYYAH</t>
  </si>
  <si>
    <t>Basti Joiya</t>
  </si>
  <si>
    <t>Amna Ahmad</t>
  </si>
  <si>
    <t>GGCMS BASTI MIAN PUNJA</t>
  </si>
  <si>
    <t>DAGGAR REHTAS - FEMALE</t>
  </si>
  <si>
    <t>Daggar Rahtad</t>
  </si>
  <si>
    <t>basti mian banja</t>
  </si>
  <si>
    <t>Basti Mian Banja</t>
  </si>
  <si>
    <t>Daggar Rahtas</t>
  </si>
  <si>
    <t>GGCMS BASTI MULTANI</t>
  </si>
  <si>
    <t>Basti multani Rajanpur</t>
  </si>
  <si>
    <t>Basti Multani</t>
  </si>
  <si>
    <t>Koala Naseer</t>
  </si>
  <si>
    <t>Abida   Shaheen</t>
  </si>
  <si>
    <t>GGCMS BASTI MUSTAFA ABAD</t>
  </si>
  <si>
    <t>basti mustafaabhad po karim pur vehari</t>
  </si>
  <si>
    <t>GGCMS BASTI NEELOT JAHANIAN</t>
  </si>
  <si>
    <t>JAHANIAN - FEMALE</t>
  </si>
  <si>
    <t>Raheem Shah</t>
  </si>
  <si>
    <t>govt girls community model school basti nelot</t>
  </si>
  <si>
    <t>Basti Nelot</t>
  </si>
  <si>
    <t>Mehreen Fatima</t>
  </si>
  <si>
    <t>GGCMS BASTI SHEIKHAN WALI</t>
  </si>
  <si>
    <t>GADOLA-FEMALE</t>
  </si>
  <si>
    <t>Shaikh  Nashaib</t>
  </si>
  <si>
    <t>Govt Girls Community Model School Basti Shaikhan wali</t>
  </si>
  <si>
    <t>Basti Shaikhan Wali</t>
  </si>
  <si>
    <t>Godola</t>
  </si>
  <si>
    <t>Kossar Perveen</t>
  </si>
  <si>
    <t>GGCMS BASTI SHEROO</t>
  </si>
  <si>
    <t>NOOR WAHI MARREL</t>
  </si>
  <si>
    <t>P/o sheroo Tehsil kot chutta Distt, d.gkhan</t>
  </si>
  <si>
    <t>SHEROO</t>
  </si>
  <si>
    <t>JHAKKAR IMAM SHAH</t>
  </si>
  <si>
    <t>Sumaira Ghafour</t>
  </si>
  <si>
    <t>GGCMS BEDANA GHARBI</t>
  </si>
  <si>
    <t>Bedana</t>
  </si>
  <si>
    <t>GG CMS BEDANA GARBI</t>
  </si>
  <si>
    <t>Hsp Old</t>
  </si>
  <si>
    <t>NASEEM AKHTAR</t>
  </si>
  <si>
    <t>GGCMS BEHKARI</t>
  </si>
  <si>
    <t>MIAN MAIR-FEMALE</t>
  </si>
  <si>
    <t>Behkri</t>
  </si>
  <si>
    <t>VPO Behkri</t>
  </si>
  <si>
    <t>Jabirpur</t>
  </si>
  <si>
    <t>Amina Mahroof</t>
  </si>
  <si>
    <t>GGCMS BERAHIM WALI</t>
  </si>
  <si>
    <t>basti Ibrahim wali, muzaffar garh</t>
  </si>
  <si>
    <t>GGCMS BHAGWAL AWAN</t>
  </si>
  <si>
    <t>MURAD PUR - FEMALE</t>
  </si>
  <si>
    <t>Bhagwal Awan district and Tehsil Sialkot</t>
  </si>
  <si>
    <t>GGCMS BHAGWAN PURA CHAK 4/GB</t>
  </si>
  <si>
    <t>CHAK NO 5 KALAN-FEMALE</t>
  </si>
  <si>
    <t>4 Chak</t>
  </si>
  <si>
    <t>bhagwan. pura chak # 4</t>
  </si>
  <si>
    <t>GGCMS Bhagwan pura Chak 4</t>
  </si>
  <si>
    <t>Bhawan Pura Chak 4</t>
  </si>
  <si>
    <t>Shamim Akthar</t>
  </si>
  <si>
    <t>GGCMS BHALARTOP</t>
  </si>
  <si>
    <t>TAXILA - FEMALE</t>
  </si>
  <si>
    <t>Bhallartop</t>
  </si>
  <si>
    <t>Govt Girls community model school, bhallartop</t>
  </si>
  <si>
    <t>Ghari Sikandar</t>
  </si>
  <si>
    <t>Rizwana Ashraf</t>
  </si>
  <si>
    <t>GGCMS BHAMBHA KALAN</t>
  </si>
  <si>
    <t>ZAFAR KAY - FEMALE</t>
  </si>
  <si>
    <t>Bhamba Kalan</t>
  </si>
  <si>
    <t>Bhamba kalan</t>
  </si>
  <si>
    <t>Farzana Bashir</t>
  </si>
  <si>
    <t>GGCMS BHEEN</t>
  </si>
  <si>
    <t>v.p.o bheen chakwal</t>
  </si>
  <si>
    <t>Shaista Taimoor</t>
  </si>
  <si>
    <t>GGCMS BHENI PAR</t>
  </si>
  <si>
    <t>FEROZWALA-IV - FEMALE</t>
  </si>
  <si>
    <t>Bhenipar</t>
  </si>
  <si>
    <t>bhai ni par</t>
  </si>
  <si>
    <t>Bheni Par</t>
  </si>
  <si>
    <t>Bherth</t>
  </si>
  <si>
    <t>Shabnam Tahira</t>
  </si>
  <si>
    <t>GGCMS BISMILLAH PUR</t>
  </si>
  <si>
    <t>Govt.Girls Community Model School Bismillah Pur</t>
  </si>
  <si>
    <t>Bahisti</t>
  </si>
  <si>
    <t>Robina Kouser</t>
  </si>
  <si>
    <t>GGCMS BOHAR</t>
  </si>
  <si>
    <t>ggcms bohar</t>
  </si>
  <si>
    <t>Zahida Nasreen</t>
  </si>
  <si>
    <t>GGCMS BOLABAJWA</t>
  </si>
  <si>
    <t>village: BolaBajwa markaz Ferozepur Teh Zafarwal. District NWL.</t>
  </si>
  <si>
    <t>BolaBajwa</t>
  </si>
  <si>
    <t>Ferozepur</t>
  </si>
  <si>
    <t>nargis shahzadi ch</t>
  </si>
  <si>
    <t>GGCMS BOONGA MINHAS</t>
  </si>
  <si>
    <t>boonga minhas</t>
  </si>
  <si>
    <t>ggcmsboongaminhas</t>
  </si>
  <si>
    <t>Syeda Maleeha Sharjeel</t>
  </si>
  <si>
    <t>GGCMS BUDDHA</t>
  </si>
  <si>
    <t>Buddha</t>
  </si>
  <si>
    <t>G.G.C.M.S.Buddha</t>
  </si>
  <si>
    <t>Sherejhangar</t>
  </si>
  <si>
    <t>Far hat Mehmood</t>
  </si>
  <si>
    <t>GGCMS BUDHAI</t>
  </si>
  <si>
    <t>ELAH ABAD - FEMALE</t>
  </si>
  <si>
    <t>Budhai Kay</t>
  </si>
  <si>
    <t>village budhai kay</t>
  </si>
  <si>
    <t>Irrum Shehzadi</t>
  </si>
  <si>
    <t>GGCMS BUGHLANI</t>
  </si>
  <si>
    <t>BOHAR-FEMALE</t>
  </si>
  <si>
    <t>Jat Gadi</t>
  </si>
  <si>
    <t>gg cms school bughlani</t>
  </si>
  <si>
    <t>Robina sweet daughter of Ghulam Muhammad</t>
  </si>
  <si>
    <t>GGCMS BUKHARA</t>
  </si>
  <si>
    <t>bukhara</t>
  </si>
  <si>
    <t>bukhara shareef</t>
  </si>
  <si>
    <t>shabana perveen</t>
  </si>
  <si>
    <t>GGCMS BURALLA CHAK NO.182/RB</t>
  </si>
  <si>
    <t>GGCMS Buralla 182/RB</t>
  </si>
  <si>
    <t>bURALLA 182/RB</t>
  </si>
  <si>
    <t>GGCMS CHABRI ZAREEN</t>
  </si>
  <si>
    <t>CHABRI ZAREEN-FEMALE</t>
  </si>
  <si>
    <t>rukh chabri zairin</t>
  </si>
  <si>
    <t>chabri zairin</t>
  </si>
  <si>
    <t>chabri bala</t>
  </si>
  <si>
    <t>Shazia Begum</t>
  </si>
  <si>
    <t>GGCMS CHACHARAN SHARIF</t>
  </si>
  <si>
    <t>Chachran sharif</t>
  </si>
  <si>
    <t>Chachransharifggcms31310863@gmali.com</t>
  </si>
  <si>
    <t>NOSHIN AJMAL</t>
  </si>
  <si>
    <t>GGCMS CHAGDA CHAKRALA MIANWALI</t>
  </si>
  <si>
    <t>NAMAL SHUMALI -FEMALE</t>
  </si>
  <si>
    <t>Dhibba</t>
  </si>
  <si>
    <t>village chagdah</t>
  </si>
  <si>
    <t>Chagdah</t>
  </si>
  <si>
    <t>Uc Namal</t>
  </si>
  <si>
    <t>Iram Nisa</t>
  </si>
  <si>
    <t>GGCMS CHAH MIRAN KHAN</t>
  </si>
  <si>
    <t>SIKANDARABAD - FEMALE</t>
  </si>
  <si>
    <t>Chah Meran</t>
  </si>
  <si>
    <t>basti sarfarz wala esa wali pul</t>
  </si>
  <si>
    <t>Sarfarz Wala</t>
  </si>
  <si>
    <t>Sikandarabad</t>
  </si>
  <si>
    <t>Ayesha Farooq</t>
  </si>
  <si>
    <t>GGCMS CHAHARI BINGIAL</t>
  </si>
  <si>
    <t>GUJAR KHAN CITY-FEMALE</t>
  </si>
  <si>
    <t>Pherwal Dolal</t>
  </si>
  <si>
    <t>Vill  Chehari bangial PO Chehari pherwal dolal teh gujar Khan distt rawalpindi</t>
  </si>
  <si>
    <t>Chehari Bangial</t>
  </si>
  <si>
    <t>Matua</t>
  </si>
  <si>
    <t>Fazila Bibi</t>
  </si>
  <si>
    <t>GGCMS CHAK 10/63</t>
  </si>
  <si>
    <t>SYED WALA (EAST) - FEMALE</t>
  </si>
  <si>
    <t>Chak No 10/63</t>
  </si>
  <si>
    <t>chak no 10/63 P.O.Box same, tehsil &amp; district Nankana sahib</t>
  </si>
  <si>
    <t>Chak No10/63</t>
  </si>
  <si>
    <t>Bara Ghar</t>
  </si>
  <si>
    <t>Raziya Parveen Malik Laldin</t>
  </si>
  <si>
    <t>GGCMS CHAK 109 JB</t>
  </si>
  <si>
    <t>BARNALA - FEMALE</t>
  </si>
  <si>
    <t>Neelianwala</t>
  </si>
  <si>
    <t>G.G.C.M.P.S 109 jb Chak jhumra FSD</t>
  </si>
  <si>
    <t>109 Jb</t>
  </si>
  <si>
    <t>106 Khichian</t>
  </si>
  <si>
    <t>GGCMS CHAK 112 GB JARANWALA</t>
  </si>
  <si>
    <t>MAKUANA - FEMALE</t>
  </si>
  <si>
    <t>112_gb, kalan</t>
  </si>
  <si>
    <t>112-gb</t>
  </si>
  <si>
    <t>Ghazala Naz</t>
  </si>
  <si>
    <t>GGCMS CHAK 122 TDA NOOR FAQIR WALA</t>
  </si>
  <si>
    <t>KOTLA HAJI SHAH</t>
  </si>
  <si>
    <t>chak no.123/tda layyah</t>
  </si>
  <si>
    <t>CHAK NO.123 TDA KOTLAH HAJI SHAH</t>
  </si>
  <si>
    <t>kotla haji shah</t>
  </si>
  <si>
    <t>bilqees akhtar</t>
  </si>
  <si>
    <t>GGCMS CHAK 125 RB</t>
  </si>
  <si>
    <t>SALARWALA - FEMALE</t>
  </si>
  <si>
    <t>125rb</t>
  </si>
  <si>
    <t>Bahlolpur</t>
  </si>
  <si>
    <t>Misbah Rasheed</t>
  </si>
  <si>
    <t>GGCMS CHAK 126 RB</t>
  </si>
  <si>
    <t>SAHIANWALA - FEMALE</t>
  </si>
  <si>
    <t>126 RB</t>
  </si>
  <si>
    <t>126 RB, PAHARANG, CHAK JHUMRA, FAISALABAD</t>
  </si>
  <si>
    <t>Paharang</t>
  </si>
  <si>
    <t>Behlol Pur</t>
  </si>
  <si>
    <t>Safina Yasin</t>
  </si>
  <si>
    <t>GGCMS CHAK 167 GB SAMUNDRI</t>
  </si>
  <si>
    <t>KANIANBANGLAW - FEMALE</t>
  </si>
  <si>
    <t>167gb</t>
  </si>
  <si>
    <t>166gb</t>
  </si>
  <si>
    <t>Tazmin Khusheed</t>
  </si>
  <si>
    <t>GGCMS CHAK 17/70</t>
  </si>
  <si>
    <t>Chak 17/70</t>
  </si>
  <si>
    <t>chak #17/70 markaz sayedwala NNS</t>
  </si>
  <si>
    <t>Malka Haji</t>
  </si>
  <si>
    <t>Misbah Jilani</t>
  </si>
  <si>
    <t>GGCMS CHAK 176 GB SAMUNDRI</t>
  </si>
  <si>
    <t>Peelay</t>
  </si>
  <si>
    <t>176 GB tehsil summandri</t>
  </si>
  <si>
    <t>176GB</t>
  </si>
  <si>
    <t>Mangera</t>
  </si>
  <si>
    <t>Saadia Tahira Munir</t>
  </si>
  <si>
    <t>canal side</t>
  </si>
  <si>
    <t>GGCMS CHAK 189 RB I</t>
  </si>
  <si>
    <t>CHAK JHUMRA - FEMALE</t>
  </si>
  <si>
    <t>189RB</t>
  </si>
  <si>
    <t>GGCMPS Chak 189RB1</t>
  </si>
  <si>
    <t>189RB Rasoolpur</t>
  </si>
  <si>
    <t>Sajeela Bano</t>
  </si>
  <si>
    <t>GGCMS CHAK 194 RB II KHURRANWALA</t>
  </si>
  <si>
    <t>Lathianwala</t>
  </si>
  <si>
    <t>Chaka 194 rb</t>
  </si>
  <si>
    <t>194 RB</t>
  </si>
  <si>
    <t>MC Khurrianwala</t>
  </si>
  <si>
    <t>Ishrat Ali Akbar</t>
  </si>
  <si>
    <t>GGCMS CHAK 196 GB III SANDOORI</t>
  </si>
  <si>
    <t>196gb</t>
  </si>
  <si>
    <t>196 gb new abadi</t>
  </si>
  <si>
    <t>198gb</t>
  </si>
  <si>
    <t>GGCMS CHAK 205 GB MAMUNKANJAN</t>
  </si>
  <si>
    <t>Rathr Chatr</t>
  </si>
  <si>
    <t>chak no 205 gb Teh. samundri distt.faisalabad</t>
  </si>
  <si>
    <t>Umber Yasmin</t>
  </si>
  <si>
    <t>GGCMS CHAK 211 GB MAMUNKANJAN</t>
  </si>
  <si>
    <t>Ali Waal</t>
  </si>
  <si>
    <t>chak#211 GB Tehsil Samundri District Faisalabad</t>
  </si>
  <si>
    <t>109/211</t>
  </si>
  <si>
    <t>Sidra Anwar</t>
  </si>
  <si>
    <t>GGCMS CHAK 218 RB PEROKIANWALA</t>
  </si>
  <si>
    <t>Prokeanwala</t>
  </si>
  <si>
    <t>ggcms 218 rb prokeanwala faisalabad</t>
  </si>
  <si>
    <t>218 Rb Prokeanwala</t>
  </si>
  <si>
    <t>Dharor</t>
  </si>
  <si>
    <t>GGCMS CHAK 219/WB NO.1</t>
  </si>
  <si>
    <t>219wb</t>
  </si>
  <si>
    <t>chak219wb</t>
  </si>
  <si>
    <t>231wb</t>
  </si>
  <si>
    <t>Musserat Kabir</t>
  </si>
  <si>
    <t>GGCMS CHAK 222 GB SAMUNDRI</t>
  </si>
  <si>
    <t>Chak # 222 GB</t>
  </si>
  <si>
    <t>chak # 222 GB</t>
  </si>
  <si>
    <t>222 GB</t>
  </si>
  <si>
    <t>Chak # 225 GB</t>
  </si>
  <si>
    <t>Anum Hayat</t>
  </si>
  <si>
    <t>GGCMS CHAK 238 GB I JARANWALA</t>
  </si>
  <si>
    <t>JARANWALA - FEMALE</t>
  </si>
  <si>
    <t>pathan chak</t>
  </si>
  <si>
    <t>238GB1 pathan chak</t>
  </si>
  <si>
    <t>238GB1</t>
  </si>
  <si>
    <t>239GB</t>
  </si>
  <si>
    <t>Zahida Nasim S S T</t>
  </si>
  <si>
    <t>GGCMS CHAK 243 RB</t>
  </si>
  <si>
    <t>Jhok Kharlan</t>
  </si>
  <si>
    <t>243 rb</t>
  </si>
  <si>
    <t>242 Rb Dasuha</t>
  </si>
  <si>
    <t>Rahat Farzana</t>
  </si>
  <si>
    <t>GGCMS CHAK 27 GB SATIANA</t>
  </si>
  <si>
    <t>SATIANA - FEMALE</t>
  </si>
  <si>
    <t>27GB</t>
  </si>
  <si>
    <t>chak No 27 gb</t>
  </si>
  <si>
    <t>27 Gb</t>
  </si>
  <si>
    <t>Chak No 24 Gb</t>
  </si>
  <si>
    <t>Sabahat Umar</t>
  </si>
  <si>
    <t>GGCMS CHAK 28 JB</t>
  </si>
  <si>
    <t>MIRANWALA - FEMALE</t>
  </si>
  <si>
    <t>Chitral</t>
  </si>
  <si>
    <t>chak no 28 JB fsd</t>
  </si>
  <si>
    <t>Chak No 28 JB</t>
  </si>
  <si>
    <t>FARHANA ANJUM</t>
  </si>
  <si>
    <t>GGCMS CHAK 289 GB</t>
  </si>
  <si>
    <t>Chak no 289 GB Toba Tek Singh</t>
  </si>
  <si>
    <t>289 Gb</t>
  </si>
  <si>
    <t>290 Gb</t>
  </si>
  <si>
    <t>Ghazala Aziz</t>
  </si>
  <si>
    <t>GGCMS CHAK 346 GB</t>
  </si>
  <si>
    <t>346GB</t>
  </si>
  <si>
    <t>350GB</t>
  </si>
  <si>
    <t>GGCMS CHAK 350/WB</t>
  </si>
  <si>
    <t>QUTABPUR-FEMALE</t>
  </si>
  <si>
    <t>Chak No 350/WB</t>
  </si>
  <si>
    <t>Govt community model P/S chak 350/W..B</t>
  </si>
  <si>
    <t>Chak 350/WB</t>
  </si>
  <si>
    <t>Chak 355/WB</t>
  </si>
  <si>
    <t>Nusrat parveen</t>
  </si>
  <si>
    <t>GGCMS CHAK 363 JB I SOBAY DAR WALA</t>
  </si>
  <si>
    <t>ISLAM PURA FEMALE</t>
  </si>
  <si>
    <t>363 Jb 1</t>
  </si>
  <si>
    <t>363 jb 1 soobaydar wala</t>
  </si>
  <si>
    <t>363 Jb 1 Soobaydar Wala</t>
  </si>
  <si>
    <t>363 Jb II Bahmni Wala</t>
  </si>
  <si>
    <t>Hafiza Iqra Ashraf</t>
  </si>
  <si>
    <t>GGCMS CHAK 37 JB</t>
  </si>
  <si>
    <t>Gardana</t>
  </si>
  <si>
    <t>Chak 37 jb</t>
  </si>
  <si>
    <t>37 Jb</t>
  </si>
  <si>
    <t>Dabora</t>
  </si>
  <si>
    <t>Asima Shakoor</t>
  </si>
  <si>
    <t>GGCMS CHAK 371 JB I HUSSANIA COLONY</t>
  </si>
  <si>
    <t>Hussania colony</t>
  </si>
  <si>
    <t>Hussania colony st# 11,12 Gojra city</t>
  </si>
  <si>
    <t>GGCMS CHAK 372 JB BAJI WALI</t>
  </si>
  <si>
    <t>372jb</t>
  </si>
  <si>
    <t>chak no372jb</t>
  </si>
  <si>
    <t>Chak No372jb</t>
  </si>
  <si>
    <t>ASIFA PARVEEN</t>
  </si>
  <si>
    <t>GGCMS CHAK 372 TDA</t>
  </si>
  <si>
    <t>Chak no 372a tda choubara</t>
  </si>
  <si>
    <t>Chak No 372a TDa</t>
  </si>
  <si>
    <t>GGCMS CHAK 387 GB I SAMUNDRI</t>
  </si>
  <si>
    <t>387/1</t>
  </si>
  <si>
    <t>387/1 GB</t>
  </si>
  <si>
    <t>388GB</t>
  </si>
  <si>
    <t>GGCMS CHAK 470 GB SAMUNDRI</t>
  </si>
  <si>
    <t>SAMMUNDRI 2 - FEMALE</t>
  </si>
  <si>
    <t>Kishan Pura</t>
  </si>
  <si>
    <t>GGCMPS 470 GB SAMUNDRI</t>
  </si>
  <si>
    <t>470 Tutiyan Wala</t>
  </si>
  <si>
    <t>Ward No 6</t>
  </si>
  <si>
    <t>GGCMS CHAK 471 GB SAMUNDRI</t>
  </si>
  <si>
    <t>chak no  471 GB</t>
  </si>
  <si>
    <t>471 G B</t>
  </si>
  <si>
    <t>Municipal Commette Samundri</t>
  </si>
  <si>
    <t>Rasool Fatima</t>
  </si>
  <si>
    <t>GGCMS CHAK 474 GB MAMUNKANJAN</t>
  </si>
  <si>
    <t>474GB</t>
  </si>
  <si>
    <t>chak no 474 gb</t>
  </si>
  <si>
    <t>475GB</t>
  </si>
  <si>
    <t>SHAHIDA YASMEEN</t>
  </si>
  <si>
    <t>GGCMS CHAK 48 GB I SAMUNDRI</t>
  </si>
  <si>
    <t>Malowal</t>
  </si>
  <si>
    <t>48gb samundri</t>
  </si>
  <si>
    <t>48gb</t>
  </si>
  <si>
    <t>45gb</t>
  </si>
  <si>
    <t>Khurshid Begum</t>
  </si>
  <si>
    <t>GGCMS CHAK 481 GB MAMUNKANJAN</t>
  </si>
  <si>
    <t>Chak no 481 gb</t>
  </si>
  <si>
    <t>Chak No 481 Gb</t>
  </si>
  <si>
    <t>Chak No 484 Gb</t>
  </si>
  <si>
    <t>Kirn Saba</t>
  </si>
  <si>
    <t>GGCMS CHAK 5 KALAN</t>
  </si>
  <si>
    <t>Chak No 5 Kalan</t>
  </si>
  <si>
    <t>GGCMS CHAK 505 GB MAMUNKANJAN</t>
  </si>
  <si>
    <t>Purbana</t>
  </si>
  <si>
    <t>505GB</t>
  </si>
  <si>
    <t>498 GB</t>
  </si>
  <si>
    <t>Samina Yasmeen</t>
  </si>
  <si>
    <t>GGCMS CHAK 508 GB MAMUNKANJAN</t>
  </si>
  <si>
    <t>Chak 508 Gb</t>
  </si>
  <si>
    <t>chak no.508g.b.</t>
  </si>
  <si>
    <t>Chak No 508gb</t>
  </si>
  <si>
    <t>chak No 514gb</t>
  </si>
  <si>
    <t>Saima Ruhi</t>
  </si>
  <si>
    <t>GGCMS CHAK 528 GB MANOPUR</t>
  </si>
  <si>
    <t>SALOONI JHAAL - FEMALE</t>
  </si>
  <si>
    <t>Manopur</t>
  </si>
  <si>
    <t>GGCMS 528GB II, Manopur</t>
  </si>
  <si>
    <t>CHAK 528GB II</t>
  </si>
  <si>
    <t>Russiana</t>
  </si>
  <si>
    <t>Momna Farooq</t>
  </si>
  <si>
    <t>GGCMS CHAK 55 RB I KHURRIANWALA</t>
  </si>
  <si>
    <t>BADIANWALA - FEMALE</t>
  </si>
  <si>
    <t>55 RB 1</t>
  </si>
  <si>
    <t>55 rb 1</t>
  </si>
  <si>
    <t>55 RB Burj</t>
  </si>
  <si>
    <t>Sariali</t>
  </si>
  <si>
    <t>Sajida Hamid</t>
  </si>
  <si>
    <t>GGCMS CHAK 560 GB I WEST LUNDIANWALA</t>
  </si>
  <si>
    <t>Kalokhail</t>
  </si>
  <si>
    <t>Govt girls community model p school 560gb</t>
  </si>
  <si>
    <t>560gb East</t>
  </si>
  <si>
    <t>562gb</t>
  </si>
  <si>
    <t>Samra Jabeen</t>
  </si>
  <si>
    <t>GGCMS CHAK 561 GB LUNDIANWALA</t>
  </si>
  <si>
    <t>PULL 93 GB - FEMALE</t>
  </si>
  <si>
    <t>Narwan Chak</t>
  </si>
  <si>
    <t>561gb jrw</t>
  </si>
  <si>
    <t>561gb</t>
  </si>
  <si>
    <t>657/8gb</t>
  </si>
  <si>
    <t>Shazia Rashid</t>
  </si>
  <si>
    <t>GGCMS CHAK 59 GB JARANWALA</t>
  </si>
  <si>
    <t>ALI PUR BANGLA - FEMALE</t>
  </si>
  <si>
    <t>Atul Ghardh</t>
  </si>
  <si>
    <t>Govt Girls Community Model Primary School 59 GB JRW</t>
  </si>
  <si>
    <t>59GB JRW</t>
  </si>
  <si>
    <t>61GB</t>
  </si>
  <si>
    <t>noreen ghaffar</t>
  </si>
  <si>
    <t>GGCMS CHAK 59 SP</t>
  </si>
  <si>
    <t>MALKA HANS 2 - FEMALE</t>
  </si>
  <si>
    <t>59/sp</t>
  </si>
  <si>
    <t>59/sp pakpattan</t>
  </si>
  <si>
    <t>Sandhy Khan</t>
  </si>
  <si>
    <t>Sajida Nawaz</t>
  </si>
  <si>
    <t>GGCMS CHAK 6 / M</t>
  </si>
  <si>
    <t>Chak 6/M</t>
  </si>
  <si>
    <t>GGCMS Chak 6/M tehsil dunia pur lodhran</t>
  </si>
  <si>
    <t>11/M</t>
  </si>
  <si>
    <t>Aqsa Inam</t>
  </si>
  <si>
    <t>GGCMS CHAK 60 RB III KHURRIANWALA</t>
  </si>
  <si>
    <t>JOHAL - FEMALE</t>
  </si>
  <si>
    <t>60RB</t>
  </si>
  <si>
    <t>60RB sodagarpura</t>
  </si>
  <si>
    <t>Dhanu Ana</t>
  </si>
  <si>
    <t>Mussarat  Jabeen</t>
  </si>
  <si>
    <t>GGCMS CHAK 68 RB KHURRIANWALA</t>
  </si>
  <si>
    <t>JAMIANA</t>
  </si>
  <si>
    <t>GGCMPS 68 || RB</t>
  </si>
  <si>
    <t>68rb 2nd</t>
  </si>
  <si>
    <t>Chak No 71 RB</t>
  </si>
  <si>
    <t>GGCMS CHAK 713 GB I</t>
  </si>
  <si>
    <t>INAYT SHAH-FEMALE</t>
  </si>
  <si>
    <t>713gb</t>
  </si>
  <si>
    <t>chak 713gb kamalia t t singh</t>
  </si>
  <si>
    <t>713gb New Abadi</t>
  </si>
  <si>
    <t>Chak 712</t>
  </si>
  <si>
    <t>Razia Mumtaz</t>
  </si>
  <si>
    <t>GGCMS CHAK 74 GB I SATIANA</t>
  </si>
  <si>
    <t>chak no 74/1 gb</t>
  </si>
  <si>
    <t>Chak No 74/1 Gb</t>
  </si>
  <si>
    <t>72 Gb</t>
  </si>
  <si>
    <t>Shamim  Akhtar</t>
  </si>
  <si>
    <t>GGCMS CHAK 82 GB</t>
  </si>
  <si>
    <t>Kotgoraya</t>
  </si>
  <si>
    <t>chak  no 82gb</t>
  </si>
  <si>
    <t>82gb Balaki</t>
  </si>
  <si>
    <t>82gb</t>
  </si>
  <si>
    <t>fouzia shabbir</t>
  </si>
  <si>
    <t>GGCMS CHAK ABDULAH</t>
  </si>
  <si>
    <t>CTN -VIII-FEMALE</t>
  </si>
  <si>
    <t>Chak Abdullah</t>
  </si>
  <si>
    <t>Chak Abdullah p/o Mari shokshah elahi</t>
  </si>
  <si>
    <t>Mari Shokshah</t>
  </si>
  <si>
    <t>Rizwana Jabeen</t>
  </si>
  <si>
    <t>GGCMS CHAK BEDI</t>
  </si>
  <si>
    <t>Chakbedi</t>
  </si>
  <si>
    <t>Chak bedi</t>
  </si>
  <si>
    <t>Mumtaz Akhtar</t>
  </si>
  <si>
    <t>GGCMS CHAK BHATTI</t>
  </si>
  <si>
    <t>VPO Chak bhatti tehsil pindi bhattian district hafizabad</t>
  </si>
  <si>
    <t>Nadia Salma</t>
  </si>
  <si>
    <t>GGCMS CHAK BHONE</t>
  </si>
  <si>
    <t>MUREED-FEMALE</t>
  </si>
  <si>
    <t>Chak Bhoun</t>
  </si>
  <si>
    <t>GGCMS CHAK BHOUN CHAKWAL</t>
  </si>
  <si>
    <t>Farzana Rehna</t>
  </si>
  <si>
    <t>GGCMS CHAK DADAN</t>
  </si>
  <si>
    <t>Chak Dadan Ghakhar</t>
  </si>
  <si>
    <t>chak Dadan PO Ghakhar</t>
  </si>
  <si>
    <t>Chak Dadan</t>
  </si>
  <si>
    <t>sahrish Mehmood</t>
  </si>
  <si>
    <t>GGCMS CHAK DINA</t>
  </si>
  <si>
    <t>LALAMUSA II - FEMALE</t>
  </si>
  <si>
    <t>p/o shahsar mast city lalamusa teh kharian distt gujrat</t>
  </si>
  <si>
    <t>Aliya</t>
  </si>
  <si>
    <t>GGCMS CHAK HINDA</t>
  </si>
  <si>
    <t>KAMOKE SADAR - FEMALE</t>
  </si>
  <si>
    <t>Chak Hinda</t>
  </si>
  <si>
    <t>chak hinda</t>
  </si>
  <si>
    <t>Ghanaian</t>
  </si>
  <si>
    <t>Sumaira Tufail</t>
  </si>
  <si>
    <t>GGCMS CHAK KAMAL</t>
  </si>
  <si>
    <t>Chak Kamal</t>
  </si>
  <si>
    <t>Sumaira Sipra</t>
  </si>
  <si>
    <t>GGCMS CHAK MEHMAD</t>
  </si>
  <si>
    <t>Chak Mehmand</t>
  </si>
  <si>
    <t>chak mehmand kharian gujrat</t>
  </si>
  <si>
    <t>Frasat Jabeen</t>
  </si>
  <si>
    <t>GGCMS CHAK NAURAG</t>
  </si>
  <si>
    <t>chak naurang</t>
  </si>
  <si>
    <t>v.po chak naurang chakwal</t>
  </si>
  <si>
    <t>her chardhab</t>
  </si>
  <si>
    <t>Iffat naheed</t>
  </si>
  <si>
    <t>gifted water pump</t>
  </si>
  <si>
    <t>GGCMS CHAK NO 105 TDA</t>
  </si>
  <si>
    <t>PEER SEWAG FEMALE</t>
  </si>
  <si>
    <t>Chak No105TDA</t>
  </si>
  <si>
    <t>Chak No.105TDA.Tehsil Karor.District Layyay</t>
  </si>
  <si>
    <t>SAFIA WASEER</t>
  </si>
  <si>
    <t>GGCMS CHAK NO 168/MR MURAD</t>
  </si>
  <si>
    <t>CTN -IX-FEMALE</t>
  </si>
  <si>
    <t>168M</t>
  </si>
  <si>
    <t>G.G.C.M.S 168M</t>
  </si>
  <si>
    <t>167/m</t>
  </si>
  <si>
    <t>GGCMS CHAK NO 228/9-R</t>
  </si>
  <si>
    <t>FTS-VI-FEMALE</t>
  </si>
  <si>
    <t>228/9r</t>
  </si>
  <si>
    <t>chak no 209/9r</t>
  </si>
  <si>
    <t>Nafeesa Idrees</t>
  </si>
  <si>
    <t>GGCMS CHAK NO 3/4-L</t>
  </si>
  <si>
    <t>33/2R - FEMALE</t>
  </si>
  <si>
    <t>Military Farm 3/4L</t>
  </si>
  <si>
    <t>GGCMP\S chak no3\4L OKARA</t>
  </si>
  <si>
    <t>Military Farm 4/4L</t>
  </si>
  <si>
    <t>Shamim Shabbir</t>
  </si>
  <si>
    <t>GGCMS CHAK NO 36/F</t>
  </si>
  <si>
    <t>Chak 36/f</t>
  </si>
  <si>
    <t>GGCMS 36/F dakkhana chak 38/f tehsil.Chishtian  district.Bahawalnagar</t>
  </si>
  <si>
    <t>36/f</t>
  </si>
  <si>
    <t>35/f</t>
  </si>
  <si>
    <t>Tahira Shafi</t>
  </si>
  <si>
    <t>GGCMS CHAK NO 482 TDA</t>
  </si>
  <si>
    <t>482/t da</t>
  </si>
  <si>
    <t>Chak no.482/t.da</t>
  </si>
  <si>
    <t>Sobia sabahat</t>
  </si>
  <si>
    <t>GGCMS CHAK NO 6 UCC</t>
  </si>
  <si>
    <t>Chak6ucc</t>
  </si>
  <si>
    <t>chak 6ucc</t>
  </si>
  <si>
    <t>Chak No6ucc</t>
  </si>
  <si>
    <t>Kurlkey Androon</t>
  </si>
  <si>
    <t>GGCMS CHAK NO 80 SB</t>
  </si>
  <si>
    <t>80 Sb</t>
  </si>
  <si>
    <t>ggcms 80 sb</t>
  </si>
  <si>
    <t>84 Sb</t>
  </si>
  <si>
    <t>Sayyada Kosar Perveen</t>
  </si>
  <si>
    <t>GGCMS CHAK NO 95/6-R</t>
  </si>
  <si>
    <t>GGCMS CHACK NO.95/6.R</t>
  </si>
  <si>
    <t>GGCMS CHAK NO. 101/F</t>
  </si>
  <si>
    <t>CTN -III-FEMALE</t>
  </si>
  <si>
    <t>-</t>
  </si>
  <si>
    <t>GGCMS 101/f</t>
  </si>
  <si>
    <t>Farzana Firdous</t>
  </si>
  <si>
    <t>GGCMS CHAK NO. 120/6-R</t>
  </si>
  <si>
    <t>HND-12-FEMALE</t>
  </si>
  <si>
    <t>120/6r</t>
  </si>
  <si>
    <t>120/6.R</t>
  </si>
  <si>
    <t>Shehnaz Siddique</t>
  </si>
  <si>
    <t>GGCMS CHAK NO. 130  MARAD 'AB'</t>
  </si>
  <si>
    <t>CTN -IV-FEMALE</t>
  </si>
  <si>
    <t>Azafi Basti 130/M</t>
  </si>
  <si>
    <t>GOVT.GIRLS COMMUNITY MODEL SCHOOL 130/M AB P/O Same TEH.CHISHTIAN DISTT. BAHAWALNAGAR</t>
  </si>
  <si>
    <t>Chak No 130/M</t>
  </si>
  <si>
    <t>134/M</t>
  </si>
  <si>
    <t>RAHAT AFZA</t>
  </si>
  <si>
    <t>GGCMS CHAK NO. 136/10-R</t>
  </si>
  <si>
    <t>138/10-R - FEMALE</t>
  </si>
  <si>
    <t>chak no 136/10.R</t>
  </si>
  <si>
    <t>136/10R</t>
  </si>
  <si>
    <t>Chak No 136/10R</t>
  </si>
  <si>
    <t>Surriya Rashid</t>
  </si>
  <si>
    <t>GGCMS CHAK NO. 15/1-L</t>
  </si>
  <si>
    <t>15/1L</t>
  </si>
  <si>
    <t>chak no. 15/1L Renala khurd (Okara)</t>
  </si>
  <si>
    <t>Chak No 15/1L</t>
  </si>
  <si>
    <t>13/1L</t>
  </si>
  <si>
    <t>syeda nasreen asif</t>
  </si>
  <si>
    <t>GGCMS CHAK NO. 151 JB</t>
  </si>
  <si>
    <t>AEO (W) CHINIOT NO.21</t>
  </si>
  <si>
    <t>Gatti Syeddan</t>
  </si>
  <si>
    <t>GGCMPS 151 jb mahoon</t>
  </si>
  <si>
    <t>Chak No 151 JB Mahoon</t>
  </si>
  <si>
    <t>Tahira Ismail</t>
  </si>
  <si>
    <t>GGCMS CHAK NO. 174</t>
  </si>
  <si>
    <t>MANGANI SHARIF - FEMALE</t>
  </si>
  <si>
    <t>GGCMS chak 174</t>
  </si>
  <si>
    <t>Chak 174</t>
  </si>
  <si>
    <t>chak 175</t>
  </si>
  <si>
    <t>Bushra Kalsoom</t>
  </si>
  <si>
    <t>GGCMS CHAK NO. 179 JB</t>
  </si>
  <si>
    <t>CHAK SIPRA - FEMALE</t>
  </si>
  <si>
    <t>Khisar</t>
  </si>
  <si>
    <t>GGCMS achak 179</t>
  </si>
  <si>
    <t>Chak 179 JB</t>
  </si>
  <si>
    <t>Chak No 169</t>
  </si>
  <si>
    <t>Azra Shafi</t>
  </si>
  <si>
    <t>GGCMS CHAK NO. 18/DB</t>
  </si>
  <si>
    <t>Chak 18db</t>
  </si>
  <si>
    <t>chak no 18DB po box 19db harnoli</t>
  </si>
  <si>
    <t>18db</t>
  </si>
  <si>
    <t>Harnoli Urban</t>
  </si>
  <si>
    <t>Amina Jamshed</t>
  </si>
  <si>
    <t>GGCMS CHAK NO. 18/MR MULTAN SADDAR</t>
  </si>
  <si>
    <t>CHAK 18 MR MULTAN</t>
  </si>
  <si>
    <t>CHAK 18 MR, OLD DUNYA PUR ROAD MULTAN P/O SAME</t>
  </si>
  <si>
    <t>18 MR</t>
  </si>
  <si>
    <t>SADIA SAEED</t>
  </si>
  <si>
    <t>GGCMS CHAK NO. 191 EB</t>
  </si>
  <si>
    <t>191/EB</t>
  </si>
  <si>
    <t>chak no 191/EB</t>
  </si>
  <si>
    <t>173/EB</t>
  </si>
  <si>
    <t>GGCMS CHAK NO. 197 RB</t>
  </si>
  <si>
    <t>Chak No 197RB Fsd</t>
  </si>
  <si>
    <t>chak no 197 rb fsd</t>
  </si>
  <si>
    <t>197 RB FSD</t>
  </si>
  <si>
    <t>197RB FSD</t>
  </si>
  <si>
    <t>GGCMS CHAK NO. 2 ML</t>
  </si>
  <si>
    <t>Chak No 2 ML</t>
  </si>
  <si>
    <t>Po 2ml tehsil piplan district mianwali</t>
  </si>
  <si>
    <t>2 ml</t>
  </si>
  <si>
    <t>GGCMS CHAK NO. 2/D</t>
  </si>
  <si>
    <t>2-D</t>
  </si>
  <si>
    <t>Chak No. 2/D, Rajowal, tahsil Depalpur, district okara</t>
  </si>
  <si>
    <t>Chak No 2 D</t>
  </si>
  <si>
    <t>Ramasa Ahmad</t>
  </si>
  <si>
    <t>GGCMS CHAK NO. 204 ME</t>
  </si>
  <si>
    <t>FEMALE-20</t>
  </si>
  <si>
    <t>Chak 204ME</t>
  </si>
  <si>
    <t>G.G.C/MS204ME.</t>
  </si>
  <si>
    <t>Chak204ME</t>
  </si>
  <si>
    <t>177M</t>
  </si>
  <si>
    <t>Faheem Ashraf</t>
  </si>
  <si>
    <t>GGCMS CHAK NO. 208/9-R AZAFI BASTI</t>
  </si>
  <si>
    <t>FTS-V-FEMALE</t>
  </si>
  <si>
    <t>208 9r</t>
  </si>
  <si>
    <t>208 9 r azafi basti tehsil fortabbas district bahawalnagar</t>
  </si>
  <si>
    <t>208 9 R</t>
  </si>
  <si>
    <t>209 9r</t>
  </si>
  <si>
    <t>SHAHEEN SHOUKAT</t>
  </si>
  <si>
    <t>GGCMS CHAK NO. 21/A</t>
  </si>
  <si>
    <t>Chk 21/A</t>
  </si>
  <si>
    <t>ch 23/A Liaquat pur</t>
  </si>
  <si>
    <t>32/A</t>
  </si>
  <si>
    <t>GGCMS CHAK NO. 236 RB</t>
  </si>
  <si>
    <t>THIKRIWALA 1 - FEMALE</t>
  </si>
  <si>
    <t>Chak #236RB</t>
  </si>
  <si>
    <t>236 RB</t>
  </si>
  <si>
    <t>235RB</t>
  </si>
  <si>
    <t>Bushra Begum</t>
  </si>
  <si>
    <t>GGCMS CHAK NO. 25/2-RA</t>
  </si>
  <si>
    <t>25/2r</t>
  </si>
  <si>
    <t>Samina Sardar</t>
  </si>
  <si>
    <t>GGCMS CHAK NO. 25/G</t>
  </si>
  <si>
    <t>CTN -XIV-FEMALE</t>
  </si>
  <si>
    <t>Chak No 25/G</t>
  </si>
  <si>
    <t>GGCMSCHOOI 25/G</t>
  </si>
  <si>
    <t>25/G</t>
  </si>
  <si>
    <t>23/G</t>
  </si>
  <si>
    <t>Maryam Afzal</t>
  </si>
  <si>
    <t>GGCMS CHAK NO. 264 JB</t>
  </si>
  <si>
    <t>BALLO SHAHABAL-FEMALE</t>
  </si>
  <si>
    <t>Mahni Wala</t>
  </si>
  <si>
    <t>chak no 264</t>
  </si>
  <si>
    <t>Chak 264</t>
  </si>
  <si>
    <t>Chak No 265</t>
  </si>
  <si>
    <t>Syeda Arifa Tarannum</t>
  </si>
  <si>
    <t>GGCMS CHAK NO. 295 HR</t>
  </si>
  <si>
    <t>FTS-XII-FEMALE</t>
  </si>
  <si>
    <t>295/hr</t>
  </si>
  <si>
    <t>GGCM/S295/hr</t>
  </si>
  <si>
    <t>296/hr</t>
  </si>
  <si>
    <t>Mrs. Sajida Akram</t>
  </si>
  <si>
    <t>GGCMS CHAK NO. 297/HR</t>
  </si>
  <si>
    <t>297/hr</t>
  </si>
  <si>
    <t>chak no 297-H.R,teh,fort abbas district bahawalnagar</t>
  </si>
  <si>
    <t>Amtarrakeeb</t>
  </si>
  <si>
    <t>GGCMS CHAK NO. 299/EB</t>
  </si>
  <si>
    <t>299eb</t>
  </si>
  <si>
    <t>chak # 299eb</t>
  </si>
  <si>
    <t>325eb</t>
  </si>
  <si>
    <t>GGCMS CHAK NO. 3/FW</t>
  </si>
  <si>
    <t>CTN -X-FEMALE</t>
  </si>
  <si>
    <t>Chak 3 Fw</t>
  </si>
  <si>
    <t>chak 3Fw BastiAbdulrehman Tensile Chishtian</t>
  </si>
  <si>
    <t>Chak3 F W</t>
  </si>
  <si>
    <t>Chak 3Fw</t>
  </si>
  <si>
    <t>Qatar-un-nida</t>
  </si>
  <si>
    <t>GGCMS CHAK NO. 316 TDA</t>
  </si>
  <si>
    <t>JAMAL CHAPRI - FEMALE</t>
  </si>
  <si>
    <t>316TDA</t>
  </si>
  <si>
    <t>ggcms 316 Tda</t>
  </si>
  <si>
    <t>chak 316</t>
  </si>
  <si>
    <t>jamal chapri</t>
  </si>
  <si>
    <t>GGCMS CHAK NO. 43 WB</t>
  </si>
  <si>
    <t>SEED FORM</t>
  </si>
  <si>
    <t>GGCMS CHAKNO. 43wb</t>
  </si>
  <si>
    <t>43 WB</t>
  </si>
  <si>
    <t>Hanifa Yasmeen</t>
  </si>
  <si>
    <t>GGCMS CHAK NO. 431/EB</t>
  </si>
  <si>
    <t>Chak 431</t>
  </si>
  <si>
    <t>CHAK NO. 431/EB BUREWALA</t>
  </si>
  <si>
    <t>CHAK NO. 431/EBBUREWALA</t>
  </si>
  <si>
    <t>CHAK NO. 425 FARIDAABAD</t>
  </si>
  <si>
    <t>Nabila Ayub Baig</t>
  </si>
  <si>
    <t>GGCMS CHAK NO. 479 JB KASHMIRIAN</t>
  </si>
  <si>
    <t>CHAK NO.487/JB-FEMALE</t>
  </si>
  <si>
    <t>chak 479 kashmirian</t>
  </si>
  <si>
    <t>Chak No 478</t>
  </si>
  <si>
    <t>Sadia Noureen</t>
  </si>
  <si>
    <t>GGCMS CHAK NO. 50/DB</t>
  </si>
  <si>
    <t>RANGPUR BAGHOOR (FEMALE)</t>
  </si>
  <si>
    <t>50DB</t>
  </si>
  <si>
    <t>Sidra Nisar</t>
  </si>
  <si>
    <t>GGCMS CHAK NO. 503 JB</t>
  </si>
  <si>
    <t>ALLAH YAR JUTTA-FEMALE</t>
  </si>
  <si>
    <t>Bhangoo</t>
  </si>
  <si>
    <t>chak no 503 jb sadaywala</t>
  </si>
  <si>
    <t>Sadaywala</t>
  </si>
  <si>
    <t>Bushra Qummer</t>
  </si>
  <si>
    <t>GGCMS CHAK NO. 566/TDA</t>
  </si>
  <si>
    <t>SAIF CHOWK- FEMALE</t>
  </si>
  <si>
    <t>Chak#566</t>
  </si>
  <si>
    <t>chak #566/TDA</t>
  </si>
  <si>
    <t>Chak#566/TDA</t>
  </si>
  <si>
    <t>GGCMS CHAK NO. 633/TDA</t>
  </si>
  <si>
    <t>RIAZ ABAD- FEMALE</t>
  </si>
  <si>
    <t>Govt Girls CMS 633/TDA</t>
  </si>
  <si>
    <t>Chak No 633/TDA</t>
  </si>
  <si>
    <t>Farhat -un-nisa</t>
  </si>
  <si>
    <t>GGCMS CHAK NO. 66 JB</t>
  </si>
  <si>
    <t>Dhandra</t>
  </si>
  <si>
    <t>66jb dhandra</t>
  </si>
  <si>
    <t>66jb Dhandra</t>
  </si>
  <si>
    <t>Bushra Tabassum</t>
  </si>
  <si>
    <t>GGCMS CHAK NO. 67/EB</t>
  </si>
  <si>
    <t>67EB</t>
  </si>
  <si>
    <t>67/EB Arifwala District Pakpattan</t>
  </si>
  <si>
    <t>69EB</t>
  </si>
  <si>
    <t>Azra yasmin</t>
  </si>
  <si>
    <t>GGCMS CHAK NO. 7 GB SAINI BAR</t>
  </si>
  <si>
    <t>Chak No 7 Saini Bar</t>
  </si>
  <si>
    <t>chak no 7 saini bar</t>
  </si>
  <si>
    <t>Chak No7 Saini Bar</t>
  </si>
  <si>
    <t>Chak No 4</t>
  </si>
  <si>
    <t>Hafiza Tahira Yasmin</t>
  </si>
  <si>
    <t>GGCMS CHAK NO. 73/A</t>
  </si>
  <si>
    <t>JETHA BHUTTA - FEMALE</t>
  </si>
  <si>
    <t>Chak 73/A</t>
  </si>
  <si>
    <t>GGCMS chak 73/A</t>
  </si>
  <si>
    <t>Meer Pur</t>
  </si>
  <si>
    <t>Abida perveen</t>
  </si>
  <si>
    <t>GGCMS CHAK NO. 8/1-RA</t>
  </si>
  <si>
    <t>8/1r</t>
  </si>
  <si>
    <t>chk  no 8/1r</t>
  </si>
  <si>
    <t>7/1r</t>
  </si>
  <si>
    <t>Perveen  Akhtar</t>
  </si>
  <si>
    <t>GGCMS CHAK NO. 80 JB</t>
  </si>
  <si>
    <t>80 Jb</t>
  </si>
  <si>
    <t>ggcmps 80 jb</t>
  </si>
  <si>
    <t>Chak No 80 Jb</t>
  </si>
  <si>
    <t>Sarshamir</t>
  </si>
  <si>
    <t>YASMIN BEGUM</t>
  </si>
  <si>
    <t>GGCMS CHAK NO. 84 SHAHKOT</t>
  </si>
  <si>
    <t>Chak 88</t>
  </si>
  <si>
    <t>GGCMS Ck 84 Shahkot</t>
  </si>
  <si>
    <t>Mc Shahkot</t>
  </si>
  <si>
    <t>shamaila younis</t>
  </si>
  <si>
    <t>GGCMS CHAK NO. 9 MB</t>
  </si>
  <si>
    <t>QUAIDABAD WEST (FEMALE)</t>
  </si>
  <si>
    <t>9mb</t>
  </si>
  <si>
    <t>Chak no 9mb</t>
  </si>
  <si>
    <t>Ayisha Bibi</t>
  </si>
  <si>
    <t>GGCMS CHAK NO.10 NB</t>
  </si>
  <si>
    <t>QUDRAT ABAD - FEMALE</t>
  </si>
  <si>
    <t>Chsk 10nb</t>
  </si>
  <si>
    <t>GGcms chsk10nb</t>
  </si>
  <si>
    <t>Chak10nb</t>
  </si>
  <si>
    <t>GGCMS CHAK NO.10/BC BAHAWALPUR</t>
  </si>
  <si>
    <t>HAMAITIAN - FEMALE</t>
  </si>
  <si>
    <t>Chak 10bc</t>
  </si>
  <si>
    <t>government girls community model primary school 10BC,Bahawalpur</t>
  </si>
  <si>
    <t>10BC</t>
  </si>
  <si>
    <t>Bwp City IX</t>
  </si>
  <si>
    <t>Manzoor Fatima</t>
  </si>
  <si>
    <t>GGCMS CHAK NO.100/M</t>
  </si>
  <si>
    <t>Gagan Hatta</t>
  </si>
  <si>
    <t>govt . girls c.m 100/m</t>
  </si>
  <si>
    <t>100/M</t>
  </si>
  <si>
    <t>Sandi Wala</t>
  </si>
  <si>
    <t>Nosheen Asghar</t>
  </si>
  <si>
    <t>GGCMS CHAK NO.110 NB</t>
  </si>
  <si>
    <t>PULL 78-NB - FEMALE</t>
  </si>
  <si>
    <t>110nb</t>
  </si>
  <si>
    <t>GGCMS 110nb Sargodha</t>
  </si>
  <si>
    <t>104nb</t>
  </si>
  <si>
    <t>Shahida Shabir</t>
  </si>
  <si>
    <t>GGCMS CHAK NO.12/BC BAHAWALPUR</t>
  </si>
  <si>
    <t>AIRPORT - FEMALE</t>
  </si>
  <si>
    <t>12bc</t>
  </si>
  <si>
    <t>chak 12 bc</t>
  </si>
  <si>
    <t>Parveen Akther</t>
  </si>
  <si>
    <t>GGCMS CHAK NO.123/P-A</t>
  </si>
  <si>
    <t>WAH KOHNA - FEMALE</t>
  </si>
  <si>
    <t>Wah Fkeera</t>
  </si>
  <si>
    <t>Chak 123pA manthar Road Rahim yar khan</t>
  </si>
  <si>
    <t>Chak 123pA</t>
  </si>
  <si>
    <t>Rabia Sehrish</t>
  </si>
  <si>
    <t>GGCMS CHAK NO.136/TDA P/O HERAINER</t>
  </si>
  <si>
    <t>MANDI TOWN - FEMALE</t>
  </si>
  <si>
    <t>Sumra Thal Jandi</t>
  </si>
  <si>
    <t>chak no. 136 TDA</t>
  </si>
  <si>
    <t>Chak No 136</t>
  </si>
  <si>
    <t>MandiTown</t>
  </si>
  <si>
    <t>Abida Khatoon</t>
  </si>
  <si>
    <t>GGCMS CHAK NO.140/P</t>
  </si>
  <si>
    <t>Chak 140/P</t>
  </si>
  <si>
    <t>GGCMPS 140/p</t>
  </si>
  <si>
    <t>139/P</t>
  </si>
  <si>
    <t>GGCMS CHAK NO.143/M</t>
  </si>
  <si>
    <t>DAHRAN WALA ROAD - FEMALE</t>
  </si>
  <si>
    <t>143/m</t>
  </si>
  <si>
    <t>GGCMS 143/M Hasilpur</t>
  </si>
  <si>
    <t>163/m</t>
  </si>
  <si>
    <t>shazia Ehsan</t>
  </si>
  <si>
    <t>GGCMS CHAK NO.147/6-R</t>
  </si>
  <si>
    <t>147/6r</t>
  </si>
  <si>
    <t>chack no 147/6r</t>
  </si>
  <si>
    <t>98/6r</t>
  </si>
  <si>
    <t>Asifa Shabbir</t>
  </si>
  <si>
    <t>GGCMS CHAK NO.157 NB</t>
  </si>
  <si>
    <t>SHAH NIKDAR-I - FEMALE</t>
  </si>
  <si>
    <t>Chak No 157 NB</t>
  </si>
  <si>
    <t>157NB teh silla wali district sargodha</t>
  </si>
  <si>
    <t>157NB</t>
  </si>
  <si>
    <t>Shah Nikdur</t>
  </si>
  <si>
    <t>TASNEEM KAOUSAR</t>
  </si>
  <si>
    <t>GGCMS CHAK NO.158/M</t>
  </si>
  <si>
    <t>CHHOONA WALA ROAD- FEMALE</t>
  </si>
  <si>
    <t>Chak No 158/M</t>
  </si>
  <si>
    <t>Chak no 158/M</t>
  </si>
  <si>
    <t>79/F</t>
  </si>
  <si>
    <t>Sidra Tahir</t>
  </si>
  <si>
    <t>GGCMS CHAK NO.160 NB</t>
  </si>
  <si>
    <t>160 NB</t>
  </si>
  <si>
    <t>163 NB</t>
  </si>
  <si>
    <t>SADAF FATIMA</t>
  </si>
  <si>
    <t>GGCMS CHAK NO.165/TDA LHADHANA</t>
  </si>
  <si>
    <t>164/TDA FEMALE</t>
  </si>
  <si>
    <t>chak 165/TDA</t>
  </si>
  <si>
    <t>chak#165/ TDA</t>
  </si>
  <si>
    <t>shahida bader</t>
  </si>
  <si>
    <t>GGCMS CHAK NO.17 NB</t>
  </si>
  <si>
    <t>17 NB</t>
  </si>
  <si>
    <t>GCM P/S CHAK NO 17 NB</t>
  </si>
  <si>
    <t>Chak No 17NB</t>
  </si>
  <si>
    <t>Chak No 18 NB</t>
  </si>
  <si>
    <t>Musarat Jabeen</t>
  </si>
  <si>
    <t>GGCMS CHAK NO.17 SB TANGOWALI</t>
  </si>
  <si>
    <t>MITHA LAK - FEMALE</t>
  </si>
  <si>
    <t>17SB</t>
  </si>
  <si>
    <t>Mithalak</t>
  </si>
  <si>
    <t>Ayesha Nasir</t>
  </si>
  <si>
    <t>GGCMS CHAK NO.17/A</t>
  </si>
  <si>
    <t>Chak No17/A</t>
  </si>
  <si>
    <t>chak 17\A</t>
  </si>
  <si>
    <t>17A</t>
  </si>
  <si>
    <t>Chak 10/A</t>
  </si>
  <si>
    <t>Nazish Gul</t>
  </si>
  <si>
    <t>rooter pump</t>
  </si>
  <si>
    <t>GGCMS CHAK NO.189/M</t>
  </si>
  <si>
    <t>TAIL MURAD - FEMALE</t>
  </si>
  <si>
    <t>189/m</t>
  </si>
  <si>
    <t>Chak no 189/m chonnawal Teh hasilpur District bahawlpur</t>
  </si>
  <si>
    <t>192/m</t>
  </si>
  <si>
    <t>nabila kamal</t>
  </si>
  <si>
    <t>GGCMS CHAK NO.19/F W</t>
  </si>
  <si>
    <t>19fw</t>
  </si>
  <si>
    <t>Old  Hsp</t>
  </si>
  <si>
    <t>Mrs Nasreen Firdous</t>
  </si>
  <si>
    <t>GGCMS CHAK NO.21/NP</t>
  </si>
  <si>
    <t>Basti Shadi</t>
  </si>
  <si>
    <t>chak no 21Anp</t>
  </si>
  <si>
    <t>21ANP</t>
  </si>
  <si>
    <t>Humaira Maqbool</t>
  </si>
  <si>
    <t>GGCMS CHAK NO.23 SB SGD</t>
  </si>
  <si>
    <t>BHAGTAN WALA - FEMALE</t>
  </si>
  <si>
    <t>Chak No 23 SB</t>
  </si>
  <si>
    <t>chak No 23SB</t>
  </si>
  <si>
    <t>Chak No 23SB</t>
  </si>
  <si>
    <t>Sahib Khatoon</t>
  </si>
  <si>
    <t>GGCMS CHAK NO.24/DNB</t>
  </si>
  <si>
    <t>ADDA 32 MOOR - FEMALE</t>
  </si>
  <si>
    <t>24DNB</t>
  </si>
  <si>
    <t>24dnb yazman</t>
  </si>
  <si>
    <t>22DNB</t>
  </si>
  <si>
    <t>bakhtawersaleem</t>
  </si>
  <si>
    <t>GGCMS CHAK NO.29 SB SGD</t>
  </si>
  <si>
    <t>Chak 29 SB</t>
  </si>
  <si>
    <t>GGCMS 29. SB</t>
  </si>
  <si>
    <t>Chak 28 SB</t>
  </si>
  <si>
    <t>Tahira Shagufta</t>
  </si>
  <si>
    <t>GGCMS CHAK NO.30/A</t>
  </si>
  <si>
    <t>LQP CITY-FEMALE</t>
  </si>
  <si>
    <t>30 A</t>
  </si>
  <si>
    <t>G.g.c model school 30 /a qadeem.</t>
  </si>
  <si>
    <t>30 A Qadeem</t>
  </si>
  <si>
    <t>46 A</t>
  </si>
  <si>
    <t>Sikandar Shaheen</t>
  </si>
  <si>
    <t>GGCMS CHAK NO.34/DNB</t>
  </si>
  <si>
    <t>HEADRAJKAN - FEMALE</t>
  </si>
  <si>
    <t>34 DNB</t>
  </si>
  <si>
    <t>cHAK NO.34 DNB</t>
  </si>
  <si>
    <t>CHAK 34 DNB</t>
  </si>
  <si>
    <t>35 DNB</t>
  </si>
  <si>
    <t>Fakhira Afzal</t>
  </si>
  <si>
    <t>GGCMS CHAK NO.35 NB</t>
  </si>
  <si>
    <t>35 NB</t>
  </si>
  <si>
    <t>GGCM School 35NB</t>
  </si>
  <si>
    <t>35NB</t>
  </si>
  <si>
    <t>34 NB</t>
  </si>
  <si>
    <t>Yasmin  Neena</t>
  </si>
  <si>
    <t>GGCMS CHAK NO.38 DB</t>
  </si>
  <si>
    <t>38 db</t>
  </si>
  <si>
    <t>GGCM School chak nomber 38 db</t>
  </si>
  <si>
    <t>Mussarat Parveen</t>
  </si>
  <si>
    <t>GGCMS CHAK NO.38/DNB</t>
  </si>
  <si>
    <t>38DNB</t>
  </si>
  <si>
    <t>38/Dnb teh yazman dis BWP</t>
  </si>
  <si>
    <t>36/Dnb</t>
  </si>
  <si>
    <t>Naila Mushtaq</t>
  </si>
  <si>
    <t>GGCMS CHAK NO.4 DB</t>
  </si>
  <si>
    <t>Khola</t>
  </si>
  <si>
    <t>4DB</t>
  </si>
  <si>
    <t>Shadman Bibi</t>
  </si>
  <si>
    <t>GGCMS CHAK NO.46 TDA BHAKKAR</t>
  </si>
  <si>
    <t>CHAK NO.205/TDA-FEMALE</t>
  </si>
  <si>
    <t>Chak No 46TDA</t>
  </si>
  <si>
    <t>chak no 46TDA</t>
  </si>
  <si>
    <t>45tda</t>
  </si>
  <si>
    <t>SHAKEELA  PARVEEN</t>
  </si>
  <si>
    <t>GGCMS CHAK NO.5 SB</t>
  </si>
  <si>
    <t>Chak No#05 Sb</t>
  </si>
  <si>
    <t>chak no#05 sb</t>
  </si>
  <si>
    <t>Chak No#05Sb</t>
  </si>
  <si>
    <t>Chak No#06 Sb</t>
  </si>
  <si>
    <t>Zerish Edwin</t>
  </si>
  <si>
    <t>GGCMS CHAK NO.51/DB (N)</t>
  </si>
  <si>
    <t>ADDA SOKAR MINNAR - FEMALE</t>
  </si>
  <si>
    <t>51/db I</t>
  </si>
  <si>
    <t>chak no 51db n</t>
  </si>
  <si>
    <t>Chak  no 51db  n</t>
  </si>
  <si>
    <t>Chak 117 DB</t>
  </si>
  <si>
    <t>GGCMS CHAK NO.52 SB NANGIAN WALI</t>
  </si>
  <si>
    <t>PULL 111-SB - FEMALE</t>
  </si>
  <si>
    <t>53 Sb</t>
  </si>
  <si>
    <t>ggcms52 s.b nangianwala</t>
  </si>
  <si>
    <t>52 Sb Nangianwala</t>
  </si>
  <si>
    <t>52 Sb</t>
  </si>
  <si>
    <t>Sara Ehsan</t>
  </si>
  <si>
    <t>GGCMS CHAK NO.52/P</t>
  </si>
  <si>
    <t>ABE HAYAT-FEMALE</t>
  </si>
  <si>
    <t>52/p</t>
  </si>
  <si>
    <t>GG CMS CHAK NO 52/P RAHIM YAR KHAN</t>
  </si>
  <si>
    <t>51/p</t>
  </si>
  <si>
    <t>Firdous Naseem</t>
  </si>
  <si>
    <t>GGCMS CHAK NO.54 NB SHUMALI</t>
  </si>
  <si>
    <t>Chak 54 Nb</t>
  </si>
  <si>
    <t>GGCMS chak 54 nb</t>
  </si>
  <si>
    <t>Chak 54 Nb Sgd</t>
  </si>
  <si>
    <t>Ludday Wala</t>
  </si>
  <si>
    <t>Naheed Shabana</t>
  </si>
  <si>
    <t>GGCMS CHAK NO.55/DB</t>
  </si>
  <si>
    <t>Chak # 55 DB</t>
  </si>
  <si>
    <t>Chak # 55 DB tehsil yazman</t>
  </si>
  <si>
    <t>Chak # 50 DB</t>
  </si>
  <si>
    <t>Masooda Zeenat</t>
  </si>
  <si>
    <t>GGCMS CHAK NO.57-58/ML</t>
  </si>
  <si>
    <t>57-58/ml saraye mohajir</t>
  </si>
  <si>
    <t>57-58 ml</t>
  </si>
  <si>
    <t>60-61/ml</t>
  </si>
  <si>
    <t>Samra Noor</t>
  </si>
  <si>
    <t>GGCMS CHAK NO.69/F</t>
  </si>
  <si>
    <t>89/F - FEMALE</t>
  </si>
  <si>
    <t>Chak 69f</t>
  </si>
  <si>
    <t>ggcmschak69f</t>
  </si>
  <si>
    <t>Chak 69</t>
  </si>
  <si>
    <t>71f</t>
  </si>
  <si>
    <t>Shagufta Shamim-Un-Nisa</t>
  </si>
  <si>
    <t>GGCMS CHAK NO.72/DB YAZMAN</t>
  </si>
  <si>
    <t>YAZMAN CITY - FEMALE</t>
  </si>
  <si>
    <t>72/db</t>
  </si>
  <si>
    <t>chak no 72/db</t>
  </si>
  <si>
    <t>Chak No 72/db</t>
  </si>
  <si>
    <t>Chak No 68/db</t>
  </si>
  <si>
    <t>Nadia Akhtar</t>
  </si>
  <si>
    <t>GGCMS CHAK NO.78 SB</t>
  </si>
  <si>
    <t>78sb</t>
  </si>
  <si>
    <t>GGCMS 78SB</t>
  </si>
  <si>
    <t>GGCMS 78 SB</t>
  </si>
  <si>
    <t>Qurat Ul Ain Fatima</t>
  </si>
  <si>
    <t>GGCMS CHAK NO.85 NB</t>
  </si>
  <si>
    <t>CHAK 84-NB - FEMALE</t>
  </si>
  <si>
    <t>85 Nb</t>
  </si>
  <si>
    <t>chak 85 n.b sargodha</t>
  </si>
  <si>
    <t>90 Nb</t>
  </si>
  <si>
    <t>uzma saleemi</t>
  </si>
  <si>
    <t>GGCMS CHAK NO.90 SB ANWAR ABAD</t>
  </si>
  <si>
    <t>Anwarabad</t>
  </si>
  <si>
    <t>Anwarabad. Sargodha</t>
  </si>
  <si>
    <t>Check 36 Sb</t>
  </si>
  <si>
    <t>Shahina Firdous</t>
  </si>
  <si>
    <t>GGCMS CHAK NO.90/DB</t>
  </si>
  <si>
    <t>Chak 90 DB</t>
  </si>
  <si>
    <t>Chak no 89/DB Yazman</t>
  </si>
  <si>
    <t>88/db</t>
  </si>
  <si>
    <t>Sumera Ashraf</t>
  </si>
  <si>
    <t>GGCMS CHAK NO.92/F</t>
  </si>
  <si>
    <t>MUHAMMAD PANAH - FEMALE</t>
  </si>
  <si>
    <t>92 Fateh</t>
  </si>
  <si>
    <t>Govt.Girls Community Modle School, Chack 92/F,Tehsil Hasilpur,Dist.BWP</t>
  </si>
  <si>
    <t>92/F</t>
  </si>
  <si>
    <t>Arrebah Shahid</t>
  </si>
  <si>
    <t>GGCMS CHAK NO.95 NB</t>
  </si>
  <si>
    <t>Chak 95 NB</t>
  </si>
  <si>
    <t>chak no 95 NB Sargodha</t>
  </si>
  <si>
    <t>Chak 90 NB</t>
  </si>
  <si>
    <t>Zainab Zahra</t>
  </si>
  <si>
    <t>GGCMS CHAK NO/ 519 TDA</t>
  </si>
  <si>
    <t>NOOR SHAH- FEMALE</t>
  </si>
  <si>
    <t>Meer Pur Baughal</t>
  </si>
  <si>
    <t>chak 519 Saif Chowk meer pur baughal kot addu</t>
  </si>
  <si>
    <t>Chak 519 Saif Chowk</t>
  </si>
  <si>
    <t>Merr Pur Baughal</t>
  </si>
  <si>
    <t>Abida Kousar</t>
  </si>
  <si>
    <t>GGCMS CHAK SARWANI</t>
  </si>
  <si>
    <t>LALAMUSA I - FEMALE</t>
  </si>
  <si>
    <t>chaksarwani</t>
  </si>
  <si>
    <t>Chaksawani</t>
  </si>
  <si>
    <t>Alichak</t>
  </si>
  <si>
    <t>Noorjahan</t>
  </si>
  <si>
    <t>GGCMS CHANAN WALA</t>
  </si>
  <si>
    <t>Ali  wali</t>
  </si>
  <si>
    <t>Fateh Pur Road Basti Chanan wala Ali Pur</t>
  </si>
  <si>
    <t>Chanan Wala</t>
  </si>
  <si>
    <t>Shagufta Naveed</t>
  </si>
  <si>
    <t>GGCMS CHANDER KAY RAJPUTAN</t>
  </si>
  <si>
    <t>TALWANDI KAHLWAN - FEMALE</t>
  </si>
  <si>
    <t>Chanderkay Rajputan</t>
  </si>
  <si>
    <t>GGCMS Chanderkay Rajputan</t>
  </si>
  <si>
    <t>GGCMS chanderkay rajputan</t>
  </si>
  <si>
    <t>Shahzadi Misbah</t>
  </si>
  <si>
    <t>GGCMS CHANI HANJRAWAN</t>
  </si>
  <si>
    <t>THATHA KALIAN - FEMALE</t>
  </si>
  <si>
    <t>Chani Hanjra</t>
  </si>
  <si>
    <t>hafizabad</t>
  </si>
  <si>
    <t>Chani Hanjrawan</t>
  </si>
  <si>
    <t>Lalky Dhirnky</t>
  </si>
  <si>
    <t>Rushda Perveen</t>
  </si>
  <si>
    <t>GGCMS CHANU BHOJA</t>
  </si>
  <si>
    <t>channu bhoja</t>
  </si>
  <si>
    <t>channu bhoja p/o tehsil kharian district gujrat</t>
  </si>
  <si>
    <t>Sanam Muzaffar</t>
  </si>
  <si>
    <t>GGCMS CHAVEKA ROAD</t>
  </si>
  <si>
    <t>Sohailsingh</t>
  </si>
  <si>
    <t>addah loharka minchanabad</t>
  </si>
  <si>
    <t>Addah Loharka</t>
  </si>
  <si>
    <t>Abotri</t>
  </si>
  <si>
    <t>GGCMS CHEK BELI KHAN</t>
  </si>
  <si>
    <t>CHAK BELI KHAN-FEMALE</t>
  </si>
  <si>
    <t>GGES CHAK BELI KHAN DISTT RAWALPINDI</t>
  </si>
  <si>
    <t>GGCMS CHHAHLA</t>
  </si>
  <si>
    <t>Chhahla</t>
  </si>
  <si>
    <t>village chhahla post office chhahla</t>
  </si>
  <si>
    <t>Robina Siddique</t>
  </si>
  <si>
    <t>GGCMS CHOORA</t>
  </si>
  <si>
    <t>Choora</t>
  </si>
  <si>
    <t>Choora P/O Muradi Tehsil Gujar Khan</t>
  </si>
  <si>
    <t>GGCMS CITY CHOBARA</t>
  </si>
  <si>
    <t>CHOBARA</t>
  </si>
  <si>
    <t>VPO CHOBARA TEHSIL PASRUR DISTRICT SIALKOT</t>
  </si>
  <si>
    <t>Tajnees Fatima</t>
  </si>
  <si>
    <t>GGCMS DAIRA</t>
  </si>
  <si>
    <t>GGCMS darya</t>
  </si>
  <si>
    <t>Due ray David Wara</t>
  </si>
  <si>
    <t>samina azam</t>
  </si>
  <si>
    <t>GGCMS DAMAL</t>
  </si>
  <si>
    <t>Damal</t>
  </si>
  <si>
    <t>village damal pobox dhudial tehsil and district chakwal</t>
  </si>
  <si>
    <t>Nighat Shamim</t>
  </si>
  <si>
    <t>GGCMS DANDAN OAT</t>
  </si>
  <si>
    <t>Dandanoat</t>
  </si>
  <si>
    <t>bsti dandanoat dist ryk thehsil lqp markz tmp</t>
  </si>
  <si>
    <t>Kachi M Khan</t>
  </si>
  <si>
    <t>Abida Rasool</t>
  </si>
  <si>
    <t>GGCMS DARKHAN WALA</t>
  </si>
  <si>
    <t>basti dirkhan  wala mouza halh  kot adu</t>
  </si>
  <si>
    <t>Dirkhan Wala</t>
  </si>
  <si>
    <t>Zarqa Shamim</t>
  </si>
  <si>
    <t>GGCMS DARNOIAN</t>
  </si>
  <si>
    <t>Darnoian</t>
  </si>
  <si>
    <t>village darnoian tehsil kotli sattian rwp</t>
  </si>
  <si>
    <t>Darnoain</t>
  </si>
  <si>
    <t>TmC</t>
  </si>
  <si>
    <t>NEELUM YOUNIS</t>
  </si>
  <si>
    <t>GGCMS DATORAY WALA</t>
  </si>
  <si>
    <t>datori wala</t>
  </si>
  <si>
    <t>Datori Wala</t>
  </si>
  <si>
    <t>Dager Kotli</t>
  </si>
  <si>
    <t>Nosheen Iqbal</t>
  </si>
  <si>
    <t>GGCMS DAULAT NAGAR</t>
  </si>
  <si>
    <t>Daulatnagar</t>
  </si>
  <si>
    <t>Daulat Nagar gujrat</t>
  </si>
  <si>
    <t>Daulat Nagar</t>
  </si>
  <si>
    <t>Uzma Khurshid</t>
  </si>
  <si>
    <t>GGCMS DAYAL</t>
  </si>
  <si>
    <t>village diyal p/o batapur lhr</t>
  </si>
  <si>
    <t>Zaree Hameed</t>
  </si>
  <si>
    <t>GGCMS DERA HAKEEM KHILAN WALA</t>
  </si>
  <si>
    <t>QUAIDABAD CITY (FEMALE)</t>
  </si>
  <si>
    <t>dera hakeem khel</t>
  </si>
  <si>
    <t>Hakeem Khel</t>
  </si>
  <si>
    <t>Gunjyal Janoobi</t>
  </si>
  <si>
    <t>Nafisa Tahira</t>
  </si>
  <si>
    <t>GGCMS DERA LUDHIANIAN</t>
  </si>
  <si>
    <t>Herdave</t>
  </si>
  <si>
    <t>Dera Ludhianian</t>
  </si>
  <si>
    <t>Shamshad Akhter</t>
  </si>
  <si>
    <t>GGCMS DERA RAJ MUHMMAD</t>
  </si>
  <si>
    <t>SHEIKHUPURA-IX - FEMALE</t>
  </si>
  <si>
    <t>Dera Raj Muhammad</t>
  </si>
  <si>
    <t>Dera Raj Muhammad mashmoola Easherky</t>
  </si>
  <si>
    <t>Dera Raj Muhammad Mashmoola Easherky</t>
  </si>
  <si>
    <t>Easherky</t>
  </si>
  <si>
    <t>Shazia Nawaz</t>
  </si>
  <si>
    <t>GGCMS DHAR JAWA</t>
  </si>
  <si>
    <t>MURREE - FEMALE</t>
  </si>
  <si>
    <t>DharJawa</t>
  </si>
  <si>
    <t>post office sunny bank Dharjawa murree</t>
  </si>
  <si>
    <t>Dharjawa</t>
  </si>
  <si>
    <t>Darya Gali</t>
  </si>
  <si>
    <t>Arfa Tariq</t>
  </si>
  <si>
    <t>GGCMS DHEDIAN WALA</t>
  </si>
  <si>
    <t>Dhedian Wala</t>
  </si>
  <si>
    <t>Govt girls community model school dhedian wala</t>
  </si>
  <si>
    <t>Balqees Fatima</t>
  </si>
  <si>
    <t>GGCMS DHEEDWAL</t>
  </si>
  <si>
    <t>Dheedwal</t>
  </si>
  <si>
    <t>village and post office dheedwal tehsil and district chakwal</t>
  </si>
  <si>
    <t>Nusrt  Pasand</t>
  </si>
  <si>
    <t>GGCMS DHERI PIRAN</t>
  </si>
  <si>
    <t>Dheri Peeran</t>
  </si>
  <si>
    <t>GGCMS dheri peern</t>
  </si>
  <si>
    <t>Jalal Pur Shareif</t>
  </si>
  <si>
    <t>Tanveer Fatima</t>
  </si>
  <si>
    <t>GGCMS DHINGRIAN WALI</t>
  </si>
  <si>
    <t>HAFIZABAD SADAR - FEMALE</t>
  </si>
  <si>
    <t>Dheengranwali</t>
  </si>
  <si>
    <t>Qilla Ram Kor</t>
  </si>
  <si>
    <t>Misbah Zulfiqar</t>
  </si>
  <si>
    <t>GGCMS DHOK KASIB</t>
  </si>
  <si>
    <t>Dhok Kasib</t>
  </si>
  <si>
    <t>dhok kasib. teh/distt mandi baha uddin</t>
  </si>
  <si>
    <t>Shazia Noreen</t>
  </si>
  <si>
    <t>GGCMS DHOK MUGHLAN</t>
  </si>
  <si>
    <t>GGCMS DHOKE MUGHLAN</t>
  </si>
  <si>
    <t>Dhoke Mughlan</t>
  </si>
  <si>
    <t>SHAISTA SIDDIQ</t>
  </si>
  <si>
    <t>GGCMS DHOK SYEDAN</t>
  </si>
  <si>
    <t>Dhoke Syedan</t>
  </si>
  <si>
    <t>dhoke syedan</t>
  </si>
  <si>
    <t>Dhoke  Syedan</t>
  </si>
  <si>
    <t>Sheray Sadullah</t>
  </si>
  <si>
    <t>Umi Kulsoom</t>
  </si>
  <si>
    <t>GGCMS DHOKRI</t>
  </si>
  <si>
    <t>QUAIDABAD NORTH (FEMALE)</t>
  </si>
  <si>
    <t>village post office Dhokri</t>
  </si>
  <si>
    <t>Ghazala Shaheen</t>
  </si>
  <si>
    <t>GGCMS DHOOL</t>
  </si>
  <si>
    <t>Dhool</t>
  </si>
  <si>
    <t>Govt. Girls Community Model primary School Dhool Post office jhung more Tehsil and District Sialkot</t>
  </si>
  <si>
    <t>Palora Kalan</t>
  </si>
  <si>
    <t>Nusrat Jamila</t>
  </si>
  <si>
    <t>GGCMS DHUPSARI</t>
  </si>
  <si>
    <t>Chak 1/p</t>
  </si>
  <si>
    <t>GGCMS basti doup sari</t>
  </si>
  <si>
    <t>Basti Coup Sari</t>
  </si>
  <si>
    <t>GGCMS DINGA</t>
  </si>
  <si>
    <t>dinga</t>
  </si>
  <si>
    <t>Guchli</t>
  </si>
  <si>
    <t>sidra Muhammad khan</t>
  </si>
  <si>
    <t>GGCMS DIRAJ</t>
  </si>
  <si>
    <t>MALHUANA - FEMALE</t>
  </si>
  <si>
    <t>Diraj</t>
  </si>
  <si>
    <t>Mouza Diraj Jhang</t>
  </si>
  <si>
    <t>Mansoor Sial</t>
  </si>
  <si>
    <t>GGCMS DUNIYA PUR GANGA BASTI YAR MUHAMMAD</t>
  </si>
  <si>
    <t>Duniya Pur Ganga</t>
  </si>
  <si>
    <t>GGES duniya pur ganga basti yar muhamad</t>
  </si>
  <si>
    <t>Basti Yar Muhamad</t>
  </si>
  <si>
    <t>Muhamad Pur Qurashian</t>
  </si>
  <si>
    <t>Akfa Sardar</t>
  </si>
  <si>
    <t>GGCMS EISAN WALA</t>
  </si>
  <si>
    <t>Easan Wala</t>
  </si>
  <si>
    <t>govt girls community model school easan wala</t>
  </si>
  <si>
    <t>Thatta Gurmani Sharki</t>
  </si>
  <si>
    <t>Abida Khanam</t>
  </si>
  <si>
    <t>GGCMS ELLAH ABAD KOT TOORA ABAD</t>
  </si>
  <si>
    <t>JAMSHER KHURD - FEMALE</t>
  </si>
  <si>
    <t>Elllahabad</t>
  </si>
  <si>
    <t>tibba tooraabad</t>
  </si>
  <si>
    <t>Ellahabad</t>
  </si>
  <si>
    <t>Sidra Sadiq</t>
  </si>
  <si>
    <t>GGCMS ESSAN WALI</t>
  </si>
  <si>
    <t>Essan Wali</t>
  </si>
  <si>
    <t>mouza essan  wali</t>
  </si>
  <si>
    <t>Jai Wali</t>
  </si>
  <si>
    <t>GGCMS F-6/RF PAC KAMRA</t>
  </si>
  <si>
    <t>Kamra  Cantt</t>
  </si>
  <si>
    <t>GGCMS Kamra Attock</t>
  </si>
  <si>
    <t>Kamra Cantt</t>
  </si>
  <si>
    <t>C-1</t>
  </si>
  <si>
    <t>Zuhra Jabeen</t>
  </si>
  <si>
    <t>GGCMS FAREED KOT</t>
  </si>
  <si>
    <t>FAREED KOT -FEMALE</t>
  </si>
  <si>
    <t>Farid Kot, depalpur</t>
  </si>
  <si>
    <t>Muzmala Gilani</t>
  </si>
  <si>
    <t>GGCMS FAROOQ ABAD</t>
  </si>
  <si>
    <t>litra</t>
  </si>
  <si>
    <t>G G C M S Farooq Abad litra</t>
  </si>
  <si>
    <t>farooq Abad litra</t>
  </si>
  <si>
    <t>Aqila Begum</t>
  </si>
  <si>
    <t>GGCMS FATEHIKE</t>
  </si>
  <si>
    <t>fateh ki</t>
  </si>
  <si>
    <t>GGCMS FAZAL NAGAR</t>
  </si>
  <si>
    <t>rum</t>
  </si>
  <si>
    <t>basti diwala jan pur</t>
  </si>
  <si>
    <t>diwala</t>
  </si>
  <si>
    <t>khan bella</t>
  </si>
  <si>
    <t>Tabinda hina</t>
  </si>
  <si>
    <t>GGCMS FEROZ WALA</t>
  </si>
  <si>
    <t>PIR ADIL-FEMALE</t>
  </si>
  <si>
    <t>Rakh Chabri</t>
  </si>
  <si>
    <t>feroz wala.p.o rakh chabri dera ghazi khan</t>
  </si>
  <si>
    <t>Feroz Wala</t>
  </si>
  <si>
    <t>Chabri Bala</t>
  </si>
  <si>
    <t>Hidayat Bibi</t>
  </si>
  <si>
    <t>GGCMS FEROZWALA</t>
  </si>
  <si>
    <t>GUJRANWALA SADAR 2  - FEMALE</t>
  </si>
  <si>
    <t>Ferozewala Teh/District Gujranwala</t>
  </si>
  <si>
    <t>Farhat Hameed</t>
  </si>
  <si>
    <t>GGCMS GAJI WALA</t>
  </si>
  <si>
    <t>Kachala</t>
  </si>
  <si>
    <t>Basti Gaji Wala</t>
  </si>
  <si>
    <t>Gaji Wala</t>
  </si>
  <si>
    <t>Suriya Rahim</t>
  </si>
  <si>
    <t>GGCMS GATTAY WALI</t>
  </si>
  <si>
    <t>gattain wali</t>
  </si>
  <si>
    <t>Gattain wali</t>
  </si>
  <si>
    <t>GGCMS GHARYALA NO. 2</t>
  </si>
  <si>
    <t>GHARYALA - FEMALE</t>
  </si>
  <si>
    <t>Gharyala</t>
  </si>
  <si>
    <t>Chah Chothay Wala P/O Makhdoom Rasheed</t>
  </si>
  <si>
    <t>Amera Afzal Durrani</t>
  </si>
  <si>
    <t>GGCMS GHAT THAL</t>
  </si>
  <si>
    <t>JAMAN SHAH - FEMALE</t>
  </si>
  <si>
    <t>Ghut Thal</t>
  </si>
  <si>
    <t>Chak no 149 c mouza gut thal layyah</t>
  </si>
  <si>
    <t>Basti Gut</t>
  </si>
  <si>
    <t>Robina Saddique</t>
  </si>
  <si>
    <t>GGCMS GHAUS PUR</t>
  </si>
  <si>
    <t>Ghospur</t>
  </si>
  <si>
    <t>basti qazia ghospur</t>
  </si>
  <si>
    <t>Gospur</t>
  </si>
  <si>
    <t>Aisha Jabar Anwar</t>
  </si>
  <si>
    <t>GGCMS GHAZI ABAD ABDULLAH PUR</t>
  </si>
  <si>
    <t>G.M RAJA - FEMALE</t>
  </si>
  <si>
    <t>Garh Maharaja</t>
  </si>
  <si>
    <t>basti Ghaziabad garhmahraja</t>
  </si>
  <si>
    <t>Basti Ghaziabad Aad</t>
  </si>
  <si>
    <t>MC Garh Maharaja</t>
  </si>
  <si>
    <t>Bushara Parveen</t>
  </si>
  <si>
    <t>GGCMS GHAZI MINARA</t>
  </si>
  <si>
    <t>SHEIKHUPURA-III - FEMALE</t>
  </si>
  <si>
    <t>Ghazi Minara</t>
  </si>
  <si>
    <t>GGCM/s Ghazi minara  skp</t>
  </si>
  <si>
    <t>Ghazi Minaa</t>
  </si>
  <si>
    <t>Nasreen Nazir</t>
  </si>
  <si>
    <t>GGCMS GHULAM SARWAR WARAN</t>
  </si>
  <si>
    <t>Wahi Bhawal Shah</t>
  </si>
  <si>
    <t>basti waran mouza wahi bhawal Shah UC kotla mousa Khan</t>
  </si>
  <si>
    <t>Basti Waran</t>
  </si>
  <si>
    <t>Kotla Mousa Khan</t>
  </si>
  <si>
    <t>Sabahat Bano</t>
  </si>
  <si>
    <t>GGCMS GHULE BAJWA</t>
  </si>
  <si>
    <t>BHULAIR 119 RB-FEMALE</t>
  </si>
  <si>
    <t>Ghullsy Bajway</t>
  </si>
  <si>
    <t>GGCMS Ghullay bajway 116</t>
  </si>
  <si>
    <t>Ghullay Bajway</t>
  </si>
  <si>
    <t>Afzal Tahira</t>
  </si>
  <si>
    <t>GGCMS GHULLA PUR, KOTMOMIN</t>
  </si>
  <si>
    <t>Ghullapur</t>
  </si>
  <si>
    <t>ghullapur</t>
  </si>
  <si>
    <t>Hajra Zafar</t>
  </si>
  <si>
    <t>GGCMS GHURCCO</t>
  </si>
  <si>
    <t>Ghurko</t>
  </si>
  <si>
    <t>GOVT GIRLS COMMUNITY MODEL SCHOOL GHURKO</t>
  </si>
  <si>
    <t>Joura</t>
  </si>
  <si>
    <t>Zartash Parvaiz</t>
  </si>
  <si>
    <t>GGCMS GOHAR JAGEER</t>
  </si>
  <si>
    <t>Gohar Jageer</t>
  </si>
  <si>
    <t>Ggcms Goher Jageer</t>
  </si>
  <si>
    <t>Goher Jageer</t>
  </si>
  <si>
    <t>Usman Wala</t>
  </si>
  <si>
    <t>NASIM BARKAT</t>
  </si>
  <si>
    <t>GGCMS GOLAKI</t>
  </si>
  <si>
    <t>Goleki</t>
  </si>
  <si>
    <t>vpo goleki tehsil and district gujrat</t>
  </si>
  <si>
    <t>sumaira munir</t>
  </si>
  <si>
    <t>GGCMS HAJI GHAZI GHARBI</t>
  </si>
  <si>
    <t>sadian shah Haji Ghazi Gharbi</t>
  </si>
  <si>
    <t>Sadian Shah</t>
  </si>
  <si>
    <t>UNEEZA BATOOL</t>
  </si>
  <si>
    <t>GGCMS HAMEED WALA</t>
  </si>
  <si>
    <t>Mulanwala</t>
  </si>
  <si>
    <t>Hameed Wala</t>
  </si>
  <si>
    <t>Nasreen Perveen</t>
  </si>
  <si>
    <t>GGCMS HARDO SAHARAN</t>
  </si>
  <si>
    <t>ALI PUR CHATHA 4 - FEMALE</t>
  </si>
  <si>
    <t>G/G/C/M/S HERDO SAHARAN</t>
  </si>
  <si>
    <t>SAHARAN CHATTHA</t>
  </si>
  <si>
    <t>Her do Saharan</t>
  </si>
  <si>
    <t>RUKHSANA SHARIF</t>
  </si>
  <si>
    <t>GGCMS HARIA VILLAGE</t>
  </si>
  <si>
    <t>post office haria village teh Malakwal distt MBD</t>
  </si>
  <si>
    <t>GGCMS HAVELI DHANEY KA</t>
  </si>
  <si>
    <t>Dera dhany ka</t>
  </si>
  <si>
    <t>GGCMS DERA DHANY KA</t>
  </si>
  <si>
    <t>DERA DHANY KA</t>
  </si>
  <si>
    <t>Kot momin</t>
  </si>
  <si>
    <t>Ismat Bi Bi</t>
  </si>
  <si>
    <t>GGCMS HEAD RAJKAN</t>
  </si>
  <si>
    <t>MadinaColony</t>
  </si>
  <si>
    <t>Madina Colony,Headrajkan,Yazman</t>
  </si>
  <si>
    <t>5DNB</t>
  </si>
  <si>
    <t>6 DNB</t>
  </si>
  <si>
    <t>Uzma Zahoor</t>
  </si>
  <si>
    <t>from nearby waterfilter</t>
  </si>
  <si>
    <t>GGCMS HUSSAIN ABAD</t>
  </si>
  <si>
    <t>thatta jabana</t>
  </si>
  <si>
    <t>hussainabad, JHANG</t>
  </si>
  <si>
    <t>hussainabad</t>
  </si>
  <si>
    <t>Sabra Anwar</t>
  </si>
  <si>
    <t>GGCMS HUSSAIN PUR TIBBA</t>
  </si>
  <si>
    <t>govt  community  model. school  Hussain  pur  tibba  rajoya. the  dist. chiniot</t>
  </si>
  <si>
    <t>Ghazala Naheedv</t>
  </si>
  <si>
    <t>GGCMS IKHLAS</t>
  </si>
  <si>
    <t>Samina Yasmiin</t>
  </si>
  <si>
    <t>GGCMS JABBUANA</t>
  </si>
  <si>
    <t>18-HAZARI - FEMALE</t>
  </si>
  <si>
    <t>moza jaboana</t>
  </si>
  <si>
    <t>Jabboana</t>
  </si>
  <si>
    <t>Humaira Irshad</t>
  </si>
  <si>
    <t>GGCMS JALAL ABAD</t>
  </si>
  <si>
    <t>SHARIF ABAD - FEMALE</t>
  </si>
  <si>
    <t>dolwana</t>
  </si>
  <si>
    <t>Govt.Girls Community Modle School jalal abad</t>
  </si>
  <si>
    <t>jalal abad</t>
  </si>
  <si>
    <t>duri gondal</t>
  </si>
  <si>
    <t>naseem akhtar</t>
  </si>
  <si>
    <t>GGCMS JALAL PUR BHATTIAN</t>
  </si>
  <si>
    <t>JALALPUR BHATTIAN - FEMALE</t>
  </si>
  <si>
    <t>Jalalpur Bhattian</t>
  </si>
  <si>
    <t>mehmoodpur</t>
  </si>
  <si>
    <t>Atia Irshad</t>
  </si>
  <si>
    <t>GGCMS JAMKE CHATHA</t>
  </si>
  <si>
    <t>Jamke Chata</t>
  </si>
  <si>
    <t>jamkey chatha</t>
  </si>
  <si>
    <t>Jamke Chatha</t>
  </si>
  <si>
    <t>mudassar akram</t>
  </si>
  <si>
    <t>GGCMS JANDAN WALA</t>
  </si>
  <si>
    <t>p/o jandanwala  district  bhakkar  tehsil  kauri kot</t>
  </si>
  <si>
    <t>MC JANDANWALA</t>
  </si>
  <si>
    <t>Samina Gul</t>
  </si>
  <si>
    <t>GGCMS JAVAID WALA</t>
  </si>
  <si>
    <t>basti javed wala m.garh</t>
  </si>
  <si>
    <t>Javed Wala</t>
  </si>
  <si>
    <t>Anam Ali Bhatti</t>
  </si>
  <si>
    <t>GGCMS JEETA</t>
  </si>
  <si>
    <t>SHEIKHUPURA-IV - FEMALE</t>
  </si>
  <si>
    <t>govt. girls community model school Jaita</t>
  </si>
  <si>
    <t>Kadlti</t>
  </si>
  <si>
    <t>Zill E Humma</t>
  </si>
  <si>
    <t>GGCMS JHAIDOO CHAK NO. 36</t>
  </si>
  <si>
    <t>Jhedu</t>
  </si>
  <si>
    <t>jhedu ch36</t>
  </si>
  <si>
    <t>Jhedu Ch36</t>
  </si>
  <si>
    <t>Awan Ch39</t>
  </si>
  <si>
    <t>Farihazahra</t>
  </si>
  <si>
    <t>GGCMS JHANGRA</t>
  </si>
  <si>
    <t>Gulab Shah</t>
  </si>
  <si>
    <t>Basti jhangra mauza ghulab shah union council Ali Daha</t>
  </si>
  <si>
    <t>Jhangra</t>
  </si>
  <si>
    <t>Ayesha Ismail</t>
  </si>
  <si>
    <t>GGCMS JHOLAN ARAIAN</t>
  </si>
  <si>
    <t>jhulan arain</t>
  </si>
  <si>
    <t>syeda tatheer zohra</t>
  </si>
  <si>
    <t>GGCMS JINNAH ABADI</t>
  </si>
  <si>
    <t>Jinah Abadi</t>
  </si>
  <si>
    <t>Govt girls community modle jinah abadi wan bhachran</t>
  </si>
  <si>
    <t>Baky Khail</t>
  </si>
  <si>
    <t>Nusrat Fatima</t>
  </si>
  <si>
    <t>GGCMS JOSHAN JATTAN</t>
  </si>
  <si>
    <t>GADGORE - FEMALE</t>
  </si>
  <si>
    <t>Joshan  Jattan</t>
  </si>
  <si>
    <t>Joshan Jattan Tehsil Pasrur District Sialkot</t>
  </si>
  <si>
    <t>Joshan Jattan</t>
  </si>
  <si>
    <t>Naureen Manzoor</t>
  </si>
  <si>
    <t>GGCMS JURIAN</t>
  </si>
  <si>
    <t>Jurian</t>
  </si>
  <si>
    <t>jurian</t>
  </si>
  <si>
    <t>Zahida Aziz</t>
  </si>
  <si>
    <t>GGCMS KACHA</t>
  </si>
  <si>
    <t>Kacha</t>
  </si>
  <si>
    <t>Basti Kacha</t>
  </si>
  <si>
    <t>Sardar Akhter</t>
  </si>
  <si>
    <t>water cans</t>
  </si>
  <si>
    <t>GGCMS KAKA KALAS PADA</t>
  </si>
  <si>
    <t>kakka klaas</t>
  </si>
  <si>
    <t>GGCMS kakka klaas nwl</t>
  </si>
  <si>
    <t>chandowal</t>
  </si>
  <si>
    <t>Tallat Yasmin</t>
  </si>
  <si>
    <t>GGCMS KAKOWAL</t>
  </si>
  <si>
    <t>Kakowal</t>
  </si>
  <si>
    <t>kakowal</t>
  </si>
  <si>
    <t>Sohawa Bolani</t>
  </si>
  <si>
    <t>Abida Saeed</t>
  </si>
  <si>
    <t>GGCMS KALA QADIR</t>
  </si>
  <si>
    <t>MEYODATA-FEMALE</t>
  </si>
  <si>
    <t>Kala Qader</t>
  </si>
  <si>
    <t>G.G.C.M School Kala Qader</t>
  </si>
  <si>
    <t>Maddo Kalwan</t>
  </si>
  <si>
    <t>Musarat Fatima</t>
  </si>
  <si>
    <t>GGCMS KALAH KALAN</t>
  </si>
  <si>
    <t>ggcms kallah kalan</t>
  </si>
  <si>
    <t>Nasreen Mughal</t>
  </si>
  <si>
    <t>GGCMS KALAS</t>
  </si>
  <si>
    <t>p o box karianwala village kalas</t>
  </si>
  <si>
    <t>Kiran Bashir</t>
  </si>
  <si>
    <t>GGCMS KALIA</t>
  </si>
  <si>
    <t>Kalia</t>
  </si>
  <si>
    <t>village kalia p/o T&amp;D Shiekhupura</t>
  </si>
  <si>
    <t>Kurlke Androon</t>
  </si>
  <si>
    <t>Sana Asghar</t>
  </si>
  <si>
    <t>GGCMS KALIAR WALA</t>
  </si>
  <si>
    <t>kalyar wala p/o rodu sultan</t>
  </si>
  <si>
    <t>Bushra Perveen</t>
  </si>
  <si>
    <t>GGCMS KALOOR SHARIF</t>
  </si>
  <si>
    <t>Kallur Sharif</t>
  </si>
  <si>
    <t>p.o kallur sharif</t>
  </si>
  <si>
    <t>GGCMS KALSIAN</t>
  </si>
  <si>
    <t>kalsian p/ochhabba sindhwan the nowshera virkan diss gujranwala</t>
  </si>
  <si>
    <t>Kalsian</t>
  </si>
  <si>
    <t>Naila</t>
  </si>
  <si>
    <t>GGCMS KARRI</t>
  </si>
  <si>
    <t>vpo sanghoi teh&amp; Disst jehlum</t>
  </si>
  <si>
    <t>Janjeel</t>
  </si>
  <si>
    <t>Tehmina Ajaib</t>
  </si>
  <si>
    <t>GGCMS KASSOANA PURANA</t>
  </si>
  <si>
    <t>SULTAN BAHOO-FEMALE</t>
  </si>
  <si>
    <t>Kassoana</t>
  </si>
  <si>
    <t>mouza kassoana post offic peer abdul Rahman</t>
  </si>
  <si>
    <t>Kundal Khokharan</t>
  </si>
  <si>
    <t>Asia Rehman</t>
  </si>
  <si>
    <t>GGCMS KASSOKE</t>
  </si>
  <si>
    <t>KASSOKE - FEMALE</t>
  </si>
  <si>
    <t>kassoki</t>
  </si>
  <si>
    <t>v po kassoki tehsil n distt hafizabad</t>
  </si>
  <si>
    <t>farzana nighat</t>
  </si>
  <si>
    <t>GGCMS KATHA MISRAL</t>
  </si>
  <si>
    <t>KATHA SAGRAL (FEMALE)</t>
  </si>
  <si>
    <t>Katha misral</t>
  </si>
  <si>
    <t>katha misral distic khushab</t>
  </si>
  <si>
    <t>Katha Misral</t>
  </si>
  <si>
    <t>Katha saghral</t>
  </si>
  <si>
    <t>GGCMS KATHAR</t>
  </si>
  <si>
    <t>Kathar</t>
  </si>
  <si>
    <t>GGCMS kathar</t>
  </si>
  <si>
    <t>Angoori</t>
  </si>
  <si>
    <t>Tayyaba Khanam</t>
  </si>
  <si>
    <t>GGCMS KEEMAY WALA BASTI NAU</t>
  </si>
  <si>
    <t>NAWAB PUR - FEMALE</t>
  </si>
  <si>
    <t>Qeemay Wala</t>
  </si>
  <si>
    <t>govt girls community model school keemay Wala Basti nau</t>
  </si>
  <si>
    <t>Keemay Wala</t>
  </si>
  <si>
    <t>Salehay Mehy</t>
  </si>
  <si>
    <t>zatoon anwar</t>
  </si>
  <si>
    <t>GGCMS KHAGAY WALA</t>
  </si>
  <si>
    <t>Basti Khaggay Wala p/o Budhla Sant Multan</t>
  </si>
  <si>
    <t>GGCMS KHAI KHAIR SHAH</t>
  </si>
  <si>
    <t>JHORAN-FEMALE</t>
  </si>
  <si>
    <t>Khai khair Shah</t>
  </si>
  <si>
    <t>GGCM Khai khair shah jajjah abbasian</t>
  </si>
  <si>
    <t>Khai khair shah</t>
  </si>
  <si>
    <t>Jajjah abbasian</t>
  </si>
  <si>
    <t>GGCMS KHAIR PUR SHAMSABAD NEAR PUL BUKTO</t>
  </si>
  <si>
    <t>MARHA - FEMALE</t>
  </si>
  <si>
    <t>Rukan Hati</t>
  </si>
  <si>
    <t>Marha road near Pul Bakhtu</t>
  </si>
  <si>
    <t>Rukan Hatti</t>
  </si>
  <si>
    <t>Nighat Kousar</t>
  </si>
  <si>
    <t>GGCMS KHALIQ DAD</t>
  </si>
  <si>
    <t>Khaliqdad</t>
  </si>
  <si>
    <t>khaliqdad</t>
  </si>
  <si>
    <t>Jallo</t>
  </si>
  <si>
    <t>Shagufta Panzi</t>
  </si>
  <si>
    <t>GGCMS KHARA DIWAN</t>
  </si>
  <si>
    <t>SANKHATRA - FEMALE</t>
  </si>
  <si>
    <t>Kharadewan</t>
  </si>
  <si>
    <t>Rahila zafar</t>
  </si>
  <si>
    <t>GGCMS KHAROLIAN</t>
  </si>
  <si>
    <t>Kharolian</t>
  </si>
  <si>
    <t>Kharolian teh=sambrial   Distt= sialkot</t>
  </si>
  <si>
    <t>Badoke Cheema</t>
  </si>
  <si>
    <t>GGCMS KHEWAL</t>
  </si>
  <si>
    <t>CHAKWAL-III-FEMALE</t>
  </si>
  <si>
    <t>Khewal</t>
  </si>
  <si>
    <t>village &amp; p.o khewal</t>
  </si>
  <si>
    <t>Neelam Dureen</t>
  </si>
  <si>
    <t>GGCMS KHICHIWALA</t>
  </si>
  <si>
    <t>FTS-II-FEMALE</t>
  </si>
  <si>
    <t>Khichwala</t>
  </si>
  <si>
    <t>govt. girls community model p/s khichiwala</t>
  </si>
  <si>
    <t>187/7R</t>
  </si>
  <si>
    <t>watersupply</t>
  </si>
  <si>
    <t>GGCMS KHOUR COMPANY</t>
  </si>
  <si>
    <t>Khour</t>
  </si>
  <si>
    <t>khour  company</t>
  </si>
  <si>
    <t>POL</t>
  </si>
  <si>
    <t>GGCMS KHUNAN</t>
  </si>
  <si>
    <t>Khunan</t>
  </si>
  <si>
    <t>GGCMS Khunan, Kharian (Gujrat)</t>
  </si>
  <si>
    <t>Noonawali</t>
  </si>
  <si>
    <t>Hajra</t>
  </si>
  <si>
    <t>GGCMS KHURSHID ABAD</t>
  </si>
  <si>
    <t>KHURSHID ABAD- FEMALE</t>
  </si>
  <si>
    <t>Govt Girls Community Model School Khursheedabad</t>
  </si>
  <si>
    <t>khursheedabad</t>
  </si>
  <si>
    <t>Mc  M  Garh</t>
  </si>
  <si>
    <t>GGCMS KHUSHHAL GARH</t>
  </si>
  <si>
    <t>KHUSHHAL GHAR-FEMALE</t>
  </si>
  <si>
    <t>Khushal Garh</t>
  </si>
  <si>
    <t>govt girls c m s khushal garh</t>
  </si>
  <si>
    <t>Chak Dhodoo</t>
  </si>
  <si>
    <t>Shumaila Qayyum</t>
  </si>
  <si>
    <t>GGCMS KINGRA</t>
  </si>
  <si>
    <t>P/V Kingra District  Sialkot  Tehsil Pasrur</t>
  </si>
  <si>
    <t>Razia Bano</t>
  </si>
  <si>
    <t>filtet  water</t>
  </si>
  <si>
    <t>GGCMS KOLO TARAR</t>
  </si>
  <si>
    <t>kolo Tarar</t>
  </si>
  <si>
    <t>GGCMS KOT BODLA</t>
  </si>
  <si>
    <t>kot bodla</t>
  </si>
  <si>
    <t>govt.girls community model school kot bodla</t>
  </si>
  <si>
    <t>kotla mughlan</t>
  </si>
  <si>
    <t>fazeela sabeeh</t>
  </si>
  <si>
    <t>GGCMS KOT CHHAJI</t>
  </si>
  <si>
    <t>kot chajji</t>
  </si>
  <si>
    <t>V.P.O Kot chajji</t>
  </si>
  <si>
    <t>GGCMS KOT FATEH KHAN</t>
  </si>
  <si>
    <t>KOT FATEH KHAN - FEMALE</t>
  </si>
  <si>
    <t>Kot fateh Khan</t>
  </si>
  <si>
    <t>ggcmskotfatehkhan</t>
  </si>
  <si>
    <t>Razia Shehnaz</t>
  </si>
  <si>
    <t>GGCMS KOT KHEWAN MAL NO.1</t>
  </si>
  <si>
    <t>Kot Khewan Mal 1</t>
  </si>
  <si>
    <t>new abadi kot khewan mal 1 po mandyala taga kamoki</t>
  </si>
  <si>
    <t>Zaroon Fatima</t>
  </si>
  <si>
    <t>GGCMS KOT LAKHA SINGH</t>
  </si>
  <si>
    <t>Kot Lakha Singh</t>
  </si>
  <si>
    <t>Village Kot Lakha Singh Tehsil &amp; District Narowal</t>
  </si>
  <si>
    <t>GGCMS KOT MALIK DOKOTA</t>
  </si>
  <si>
    <t>Kot Malik</t>
  </si>
  <si>
    <t>kot malik P/o Dokota</t>
  </si>
  <si>
    <t>GGCMS KOT MOHAMMAD YAR</t>
  </si>
  <si>
    <t>GGC/M School  Kot Muhammad Yar moza Allah Yar jutta tehsil Shorkot district jhang</t>
  </si>
  <si>
    <t>Kot Muhammad Yar</t>
  </si>
  <si>
    <t>Khalida Sakhawat</t>
  </si>
  <si>
    <t>GGCMS KOT SARDAR LIAQAT ALI</t>
  </si>
  <si>
    <t>Nano Wala</t>
  </si>
  <si>
    <t>kot sardar liaqat ali</t>
  </si>
  <si>
    <t>Deu Sial</t>
  </si>
  <si>
    <t>GGCMS KOT SARWAR</t>
  </si>
  <si>
    <t>NOUTHIAN - FEMALE</t>
  </si>
  <si>
    <t>kot sarwar</t>
  </si>
  <si>
    <t>GGCMS KOT SUJANA</t>
  </si>
  <si>
    <t>Kot Sujjana</t>
  </si>
  <si>
    <t>village kot Sujjana tehsil hafizabad district hafizabad</t>
  </si>
  <si>
    <t>Mangat Neecha</t>
  </si>
  <si>
    <t>Tehmina Naz</t>
  </si>
  <si>
    <t>GGCMS KOTHA UTERA</t>
  </si>
  <si>
    <t>Kotha Uttera</t>
  </si>
  <si>
    <t>Kotha uttera</t>
  </si>
  <si>
    <t>Noreen Bashir</t>
  </si>
  <si>
    <t>GGCMS KOTLA SARRNG KHAN</t>
  </si>
  <si>
    <t>Kotla Sarrang Khan</t>
  </si>
  <si>
    <t>kotla sarrang Khan  PO paswal Tehsil kharian District Gujrat.</t>
  </si>
  <si>
    <t>Chakorri Sher Ghazi</t>
  </si>
  <si>
    <t>Ambreen Riaz</t>
  </si>
  <si>
    <t>GGCMS KULA CHOUR NO.2</t>
  </si>
  <si>
    <t>Kulla Chour</t>
  </si>
  <si>
    <t>mohallah qamar abad kulla chour</t>
  </si>
  <si>
    <t>Kulla chour</t>
  </si>
  <si>
    <t>Jalalpurjattan</t>
  </si>
  <si>
    <t>GGCMS KUNG SOHARI</t>
  </si>
  <si>
    <t>Kangsohari</t>
  </si>
  <si>
    <t>GGCMS Kangsohar dist/Teh Gujrat.</t>
  </si>
  <si>
    <t>Gakhra Kalan</t>
  </si>
  <si>
    <t>Nadia Akram</t>
  </si>
  <si>
    <t>clear water bore</t>
  </si>
  <si>
    <t>GGCMS KUTHALA CHENAB</t>
  </si>
  <si>
    <t>Kathala</t>
  </si>
  <si>
    <t>GGCMS kathala gujrat</t>
  </si>
  <si>
    <t>Kathala Chensb</t>
  </si>
  <si>
    <t>Kathla Chenab</t>
  </si>
  <si>
    <t>Nighat Nazir</t>
  </si>
  <si>
    <t>filteration plant</t>
  </si>
  <si>
    <t>GGCMS LADHA</t>
  </si>
  <si>
    <t>Ladha</t>
  </si>
  <si>
    <t>village  ladha p/o machiana t/d Gujrat</t>
  </si>
  <si>
    <t>Maryam Shehzadi</t>
  </si>
  <si>
    <t>GGCMS LAKAR WALI</t>
  </si>
  <si>
    <t>ROSHAN BHAIT - FEMALE</t>
  </si>
  <si>
    <t>Umaid Ali Bhait</t>
  </si>
  <si>
    <t>basti lakar wali</t>
  </si>
  <si>
    <t>Basti Lakar Wali</t>
  </si>
  <si>
    <t>Asmat Jameel</t>
  </si>
  <si>
    <t>by water tank</t>
  </si>
  <si>
    <t>GGCMS LAKHU BARYAR</t>
  </si>
  <si>
    <t>Lakhu</t>
  </si>
  <si>
    <t>village Lakhu kalan</t>
  </si>
  <si>
    <t>Lakhu kalan</t>
  </si>
  <si>
    <t>kotli rai abu bakkar</t>
  </si>
  <si>
    <t>Nighat Muddassar Ch</t>
  </si>
  <si>
    <t>GGCMS LAL HUSSAIN</t>
  </si>
  <si>
    <t>lal hussain</t>
  </si>
  <si>
    <t>Anwari Begum</t>
  </si>
  <si>
    <t>GGCMS LAL KAY</t>
  </si>
  <si>
    <t>Lalkay</t>
  </si>
  <si>
    <t>lalkay</t>
  </si>
  <si>
    <t>Muridkay</t>
  </si>
  <si>
    <t>GGCMS LATIF ABAD (GERI WALA)</t>
  </si>
  <si>
    <t>Latif Abad mouza jalalpur kamlana</t>
  </si>
  <si>
    <t>Sherish Khan</t>
  </si>
  <si>
    <t>GGCMS LEHNA SINGH</t>
  </si>
  <si>
    <t>Lehna Singh</t>
  </si>
  <si>
    <t>govt. community model school lehna singh</t>
  </si>
  <si>
    <t>Barki</t>
  </si>
  <si>
    <t>Fozia Shahid</t>
  </si>
  <si>
    <t>GGCMS LILLA HINDWANA</t>
  </si>
  <si>
    <t>Lilla hindwana</t>
  </si>
  <si>
    <t>Lilla Town</t>
  </si>
  <si>
    <t>Nazia Noureen</t>
  </si>
  <si>
    <t>GGCMS LONGO WALA</t>
  </si>
  <si>
    <t>SHEIKHUPURA-VI - FEMALE</t>
  </si>
  <si>
    <t>GGCMS Longowal</t>
  </si>
  <si>
    <t>Kharianwala</t>
  </si>
  <si>
    <t>Nadia Roshan</t>
  </si>
  <si>
    <t>GGCMS MAAN</t>
  </si>
  <si>
    <t>V.P.O Maan District Gujranwala</t>
  </si>
  <si>
    <t>Qila Mian  Singh</t>
  </si>
  <si>
    <t>Uzma Rehmat</t>
  </si>
  <si>
    <t>GGCMS MADDAR CHAK NO 26</t>
  </si>
  <si>
    <t>madar ch26</t>
  </si>
  <si>
    <t>Madar Ch26</t>
  </si>
  <si>
    <t>Dholan Ch27</t>
  </si>
  <si>
    <t>Farzana Saeed Akhtar</t>
  </si>
  <si>
    <t>GGCMS MADHU NAHRAY WALA</t>
  </si>
  <si>
    <t>DHANDLA - FEMALE</t>
  </si>
  <si>
    <t>ggcmes nahry wala bhakkar</t>
  </si>
  <si>
    <t>Nahry Wala</t>
  </si>
  <si>
    <t>AMNA BIBI</t>
  </si>
  <si>
    <t>GGCMS MAIRA KHAMBLI</t>
  </si>
  <si>
    <t>Dhok Piyara</t>
  </si>
  <si>
    <t>village maira khambi Teh s a gir distt Gujrat</t>
  </si>
  <si>
    <t>Maira Khambi</t>
  </si>
  <si>
    <t>Toqir Fatima</t>
  </si>
  <si>
    <t>GGCMS MAJRA SHAREEF</t>
  </si>
  <si>
    <t>Majra sharif</t>
  </si>
  <si>
    <t>Majra Sharif Near Kunjah Gujrat</t>
  </si>
  <si>
    <t>Majra Sharif</t>
  </si>
  <si>
    <t>Noshaba</t>
  </si>
  <si>
    <t>GGCMS MAKHDOOM PUR</t>
  </si>
  <si>
    <t>Makhdoom Pur</t>
  </si>
  <si>
    <t>near darbar sultan ranjan m.pur</t>
  </si>
  <si>
    <t>Fouzia Akhter</t>
  </si>
  <si>
    <t>GGCMS MALKHAN WALA</t>
  </si>
  <si>
    <t>Malkhanwala</t>
  </si>
  <si>
    <t>p/o begowala, tehsil sambrial district Sialkot</t>
  </si>
  <si>
    <t>GGCMS MANDI BHALWAL</t>
  </si>
  <si>
    <t>S.A.GIR-V-FEMALE</t>
  </si>
  <si>
    <t>vpo mandi bhalwal tehsil sarai alamgir distt gujrat</t>
  </si>
  <si>
    <t>Sania Basharat</t>
  </si>
  <si>
    <t>GGCMS MANGAN</t>
  </si>
  <si>
    <t>MAROOLA SHARIF-FEMALE</t>
  </si>
  <si>
    <t>Mangan</t>
  </si>
  <si>
    <t>moza mangan</t>
  </si>
  <si>
    <t>Shamoona Ashraf</t>
  </si>
  <si>
    <t>GGCMS MANGIAL</t>
  </si>
  <si>
    <t>QUTBAL - FEMALE</t>
  </si>
  <si>
    <t>GGCMS mangial school</t>
  </si>
  <si>
    <t>Quitbal</t>
  </si>
  <si>
    <t>Shahzadi Kiran</t>
  </si>
  <si>
    <t>GGCMS MANSOORA</t>
  </si>
  <si>
    <t>Mansoora</t>
  </si>
  <si>
    <t>ggcms mansoora Hasan abdal dist. attock</t>
  </si>
  <si>
    <t>Bhalar Jogi</t>
  </si>
  <si>
    <t>Naila Akhtar</t>
  </si>
  <si>
    <t>GGCMS MANZOOR COLONY</t>
  </si>
  <si>
    <t>SAHIWAL SADAR-B-FEMALE</t>
  </si>
  <si>
    <t>90/9-L</t>
  </si>
  <si>
    <t>GGCMS Manzoor colony sahiwal</t>
  </si>
  <si>
    <t>88/9-L</t>
  </si>
  <si>
    <t>Eshwah Zafar</t>
  </si>
  <si>
    <t>GGCMS MARH BASHI</t>
  </si>
  <si>
    <t>Marh bashi</t>
  </si>
  <si>
    <t>Ramaky Chatta</t>
  </si>
  <si>
    <t>fabiula mariam</t>
  </si>
  <si>
    <t>GGCMS MARI CHEHLAN</t>
  </si>
  <si>
    <t>Mari Chahlan</t>
  </si>
  <si>
    <t>Mari chahlan</t>
  </si>
  <si>
    <t>Kamberay</t>
  </si>
  <si>
    <t>Shamin Ashraf</t>
  </si>
  <si>
    <t>GGCMS MARKHAI</t>
  </si>
  <si>
    <t>BWN.9-FEMALE</t>
  </si>
  <si>
    <t>Orki Abdullah</t>
  </si>
  <si>
    <t>basti markhai tahsil bahawalnagar</t>
  </si>
  <si>
    <t>Markhai</t>
  </si>
  <si>
    <t>Shahida Aziz</t>
  </si>
  <si>
    <t>GGCMS MASOO</t>
  </si>
  <si>
    <t>MANGTAN WALA - FEMALE</t>
  </si>
  <si>
    <t>Masoo</t>
  </si>
  <si>
    <t>village masoo p/o morekhunda tehsil &amp; Distt Nankana sahib</t>
  </si>
  <si>
    <t>Jalal Nou</t>
  </si>
  <si>
    <t>Aisha Hanif</t>
  </si>
  <si>
    <t>GGCMS MEOWAL</t>
  </si>
  <si>
    <t>Meowal</t>
  </si>
  <si>
    <t>Meowal p/o Boken More Gujrat</t>
  </si>
  <si>
    <t>Jora Jalal Pur</t>
  </si>
  <si>
    <t>Kousar Jahan</t>
  </si>
  <si>
    <t>GGCMS MIDH PARGANA</t>
  </si>
  <si>
    <t>Midh Paragna</t>
  </si>
  <si>
    <t>village midh paragna teh.bhera dstt.sgd</t>
  </si>
  <si>
    <t>Midh Pargana</t>
  </si>
  <si>
    <t>Fatima Bibi</t>
  </si>
  <si>
    <t>GGCMS MOCHH</t>
  </si>
  <si>
    <t>mohla blund khel</t>
  </si>
  <si>
    <t>Zahida Niazi</t>
  </si>
  <si>
    <t>GGCMS MODEL 12/8-AR TULAMBA</t>
  </si>
  <si>
    <t>Chuk No 12/8ar</t>
  </si>
  <si>
    <t>gcmp/s12/8ar</t>
  </si>
  <si>
    <t>Chuk No12/8ar</t>
  </si>
  <si>
    <t>Chuk No 14/8ar</t>
  </si>
  <si>
    <t>Parveen Kousar</t>
  </si>
  <si>
    <t>GGCMS MODEL SAJJADA</t>
  </si>
  <si>
    <t>Sajjada</t>
  </si>
  <si>
    <t>sajjada p/o kot hassan khan tehsil n district Hafizabad</t>
  </si>
  <si>
    <t>Ameena Kausar</t>
  </si>
  <si>
    <t>GGCMS MOHRI DULCHIAL</t>
  </si>
  <si>
    <t>KAUNTRILLA-FEMALE</t>
  </si>
  <si>
    <t>MOHRI RAJGAN</t>
  </si>
  <si>
    <t>MOHRI DULCHIAL</t>
  </si>
  <si>
    <t>KAUNTRIA</t>
  </si>
  <si>
    <t>AMNA ZAHID</t>
  </si>
  <si>
    <t>GGCMS MOUZA BASHERA</t>
  </si>
  <si>
    <t>Bashera</t>
  </si>
  <si>
    <t>GGCMSMouza Bashera Sahiwal</t>
  </si>
  <si>
    <t>Mouza Bashera Swl</t>
  </si>
  <si>
    <t>58/GD</t>
  </si>
  <si>
    <t>Nazira Karim</t>
  </si>
  <si>
    <t>GGCMS MUHAMMAD MURAD MACHI</t>
  </si>
  <si>
    <t>GOTH JANGOO - FEMALE</t>
  </si>
  <si>
    <t>Mohammad Murad Machi Murad Machi</t>
  </si>
  <si>
    <t>machi Goth mouza Mohammad Murad machi basti hajji Jan Mohammad teh sdk</t>
  </si>
  <si>
    <t>Basti Hajji Jan Mohammad</t>
  </si>
  <si>
    <t>Goth Jango</t>
  </si>
  <si>
    <t>Shahida Tufail</t>
  </si>
  <si>
    <t>GGCMS MUJTABA COLONY</t>
  </si>
  <si>
    <t>Matoi</t>
  </si>
  <si>
    <t>Basti Qazi wala mouza matoi near Noor hospital</t>
  </si>
  <si>
    <t>Umer Pur Janubi</t>
  </si>
  <si>
    <t>GGCMS MUNDAY KI CHAK NO. 34</t>
  </si>
  <si>
    <t>JAMBER KALAN - FEMALE</t>
  </si>
  <si>
    <t>Mundayki</t>
  </si>
  <si>
    <t>pattoki</t>
  </si>
  <si>
    <t>Mundayki Ki 34</t>
  </si>
  <si>
    <t>Naroki Maja</t>
  </si>
  <si>
    <t>GGCMS NAIKU KHELAN WALA</t>
  </si>
  <si>
    <t>BALLO KHEL-FEMALE</t>
  </si>
  <si>
    <t>MM road Mianwali city</t>
  </si>
  <si>
    <t>Nekukjelanwala</t>
  </si>
  <si>
    <t>Gulmeeri</t>
  </si>
  <si>
    <t>Syedah Farhat</t>
  </si>
  <si>
    <t>GGCMS NAND PUR</t>
  </si>
  <si>
    <t>G.G.C.M.P School Nand pur</t>
  </si>
  <si>
    <t>Nand pur</t>
  </si>
  <si>
    <t>Tanveer yasin</t>
  </si>
  <si>
    <t>GGCMS NATHOO DHAKA</t>
  </si>
  <si>
    <t>BWN.7-FEMALE</t>
  </si>
  <si>
    <t>NATHOODHAKA</t>
  </si>
  <si>
    <t>CHAK NATHOODHAKA DUNGA BUNGA</t>
  </si>
  <si>
    <t>Rifat Anwar</t>
  </si>
  <si>
    <t>GGCMS NATHU WALA</t>
  </si>
  <si>
    <t>Nathuwala Chak#180 tehsil Shahkot Distt Nankana sahib</t>
  </si>
  <si>
    <t>Anisa Riaz</t>
  </si>
  <si>
    <t>GGCMS NAWAN LOKE</t>
  </si>
  <si>
    <t>CHAK SHADI - FEMALE</t>
  </si>
  <si>
    <t>Nawan Loke</t>
  </si>
  <si>
    <t>GGCMS Nawanlok Loke</t>
  </si>
  <si>
    <t>Haranpur</t>
  </si>
  <si>
    <t>GGCMS NAWAN SAGGU</t>
  </si>
  <si>
    <t>Nawan Sagu</t>
  </si>
  <si>
    <t>nawan sagu tehsil noorpur thal distt khushab</t>
  </si>
  <si>
    <t>Naheed Iqbal</t>
  </si>
  <si>
    <t>GGCMS NAWAN SHAHIR</t>
  </si>
  <si>
    <t>Nawan Shehar</t>
  </si>
  <si>
    <t>post office rasoolpur tarar Nawan shehar</t>
  </si>
  <si>
    <t>Ishrat Iqbal</t>
  </si>
  <si>
    <t>GGCMS NEW CHOHAN</t>
  </si>
  <si>
    <t>New Chohan</t>
  </si>
  <si>
    <t>village new chohan.teh ferozwala district sheikhupura.</t>
  </si>
  <si>
    <t>Barth</t>
  </si>
  <si>
    <t>Tazanam Akram</t>
  </si>
  <si>
    <t>GGCMS NIAZ WALA</t>
  </si>
  <si>
    <t>dia choka sharki</t>
  </si>
  <si>
    <t>GGCM school niyaz wala</t>
  </si>
  <si>
    <t>saboo wala</t>
  </si>
  <si>
    <t>Daya Chokha Sharki</t>
  </si>
  <si>
    <t>ZEENAT BIBI</t>
  </si>
  <si>
    <t>GGCMS NISHTER ABAD</t>
  </si>
  <si>
    <t>BHOPALWALA - FEMALE</t>
  </si>
  <si>
    <t>Nishterabad</t>
  </si>
  <si>
    <t>Thsail Sambrial district sailkot</t>
  </si>
  <si>
    <t>Bhopalwala</t>
  </si>
  <si>
    <t>Khalda Parveen</t>
  </si>
  <si>
    <t>GGCMS NITHERKEY</t>
  </si>
  <si>
    <t>AEO (W) BHOWANA NO.30</t>
  </si>
  <si>
    <t>Nitherkay</t>
  </si>
  <si>
    <t>mouza nitherkay tehsil bhowana district chiniot</t>
  </si>
  <si>
    <t>Bahlo 195</t>
  </si>
  <si>
    <t>SAIMA AZEEM</t>
  </si>
  <si>
    <t>GGCMS NOOR PUR, KABIRWALA</t>
  </si>
  <si>
    <t>govt.girls community model school Noor pur</t>
  </si>
  <si>
    <t>GGCMS NOSHEHRA SANSI</t>
  </si>
  <si>
    <t>GUJRANWALA CITY 3 - FEMALE</t>
  </si>
  <si>
    <t>Nowshehra Sansi</t>
  </si>
  <si>
    <t>bhatha abadi nowshera sansi</t>
  </si>
  <si>
    <t>nowshera sansi</t>
  </si>
  <si>
    <t>nowshehra sansi</t>
  </si>
  <si>
    <t>Zahida Mujassam</t>
  </si>
  <si>
    <t>GGCMS OBHAL</t>
  </si>
  <si>
    <t>Obhal</t>
  </si>
  <si>
    <t>obhal</t>
  </si>
  <si>
    <t>Abida Batool</t>
  </si>
  <si>
    <t>GGCMS OLD KHANEWAL</t>
  </si>
  <si>
    <t>KHANEWAL - FEMALE</t>
  </si>
  <si>
    <t>Old Khanewal</t>
  </si>
  <si>
    <t>old khanewal</t>
  </si>
  <si>
    <t>Basticamp</t>
  </si>
  <si>
    <t>Humaira Tabassum</t>
  </si>
  <si>
    <t>GGCMS PADIAN WALA</t>
  </si>
  <si>
    <t>paddianwala</t>
  </si>
  <si>
    <t>isherky</t>
  </si>
  <si>
    <t>Fouzia Arshad</t>
  </si>
  <si>
    <t>GGCMS PAIL</t>
  </si>
  <si>
    <t>pail</t>
  </si>
  <si>
    <t>Musarat Yasmin</t>
  </si>
  <si>
    <t>GGCMS PANDOWAL BALA</t>
  </si>
  <si>
    <t>Pandowal Bala</t>
  </si>
  <si>
    <t>pandowal bala</t>
  </si>
  <si>
    <t>Asia Naeem</t>
  </si>
  <si>
    <t>GGCMS PATHAN KOT</t>
  </si>
  <si>
    <t>SAHIWAL - FEMALE</t>
  </si>
  <si>
    <t>Attiya Noreen</t>
  </si>
  <si>
    <t>GGCMS PATOO KUHNA</t>
  </si>
  <si>
    <t>Patoo Klan</t>
  </si>
  <si>
    <t>ggcms patoo kuhna</t>
  </si>
  <si>
    <t>GgCMS Patoo  Klan</t>
  </si>
  <si>
    <t>Bhedian Klan</t>
  </si>
  <si>
    <t>Asia Bano</t>
  </si>
  <si>
    <t>GGCMS PEHARAH</t>
  </si>
  <si>
    <t>Peehar</t>
  </si>
  <si>
    <t>p/o retra teh taunsa distt d.g.khan</t>
  </si>
  <si>
    <t>Morjhangi</t>
  </si>
  <si>
    <t>Lubna Rehman</t>
  </si>
  <si>
    <t>GGCMS PHARIAN WALI</t>
  </si>
  <si>
    <t>GGCMS Pahrianwali</t>
  </si>
  <si>
    <t>azra parveen</t>
  </si>
  <si>
    <t>GGCMS PIND TRAIR</t>
  </si>
  <si>
    <t>BOLIAN WAL - FEMALE</t>
  </si>
  <si>
    <t>Pind Trair</t>
  </si>
  <si>
    <t>pind Trair</t>
  </si>
  <si>
    <t>Bolianwall</t>
  </si>
  <si>
    <t>Kaniz Khatoon</t>
  </si>
  <si>
    <t>GGCMS PIR GHAIB P/O SHUJABAD</t>
  </si>
  <si>
    <t>GARDEZ PUR - FEMALE</t>
  </si>
  <si>
    <t>Hilal Wajha</t>
  </si>
  <si>
    <t>jalal pur road ada peer gaib</t>
  </si>
  <si>
    <t>Gatton Wala</t>
  </si>
  <si>
    <t>Qasir Pur</t>
  </si>
  <si>
    <t>Sumera Yasmeen</t>
  </si>
  <si>
    <t>GGCMS POUR MIANA</t>
  </si>
  <si>
    <t>HASSANABDAL - FEMALE</t>
  </si>
  <si>
    <t>pourmiana</t>
  </si>
  <si>
    <t>village pourmians</t>
  </si>
  <si>
    <t>pourmians</t>
  </si>
  <si>
    <t>Zahida Shaheen</t>
  </si>
  <si>
    <t>wATER bOR</t>
  </si>
  <si>
    <t>GGCMS PUMP ZULFIQAR</t>
  </si>
  <si>
    <t>Mighiyana</t>
  </si>
  <si>
    <t>chack kacha moza mighiyana</t>
  </si>
  <si>
    <t>Chack Kacha</t>
  </si>
  <si>
    <t>Anjum Ara</t>
  </si>
  <si>
    <t>GGCMS PUNJAN KASANA</t>
  </si>
  <si>
    <t>Panjan Kasana</t>
  </si>
  <si>
    <t>panjan kasana teh. kharian Dist . Gujarat</t>
  </si>
  <si>
    <t>Rubina Sabir</t>
  </si>
  <si>
    <t>GGCMS PURANA BUDHU ANA</t>
  </si>
  <si>
    <t>MEHRAM SIAL-FEMALE</t>
  </si>
  <si>
    <t>Budhuana</t>
  </si>
  <si>
    <t>govt.  girls community  model school purana  budhuana tehsil  shorkot</t>
  </si>
  <si>
    <t>Mehram  Sial</t>
  </si>
  <si>
    <t>Farhat yasmeen</t>
  </si>
  <si>
    <t>GGCMS QADIR ABAD COLONY</t>
  </si>
  <si>
    <t>SOOIAN WALA - FEMALE</t>
  </si>
  <si>
    <t>qadiraad colony distict hafizabad</t>
  </si>
  <si>
    <t>Qadirabad Colony</t>
  </si>
  <si>
    <t>S00ianwala</t>
  </si>
  <si>
    <t>Nazia malik</t>
  </si>
  <si>
    <t>GGCMS QASIM PUR</t>
  </si>
  <si>
    <t>Qasim pur</t>
  </si>
  <si>
    <t>village Qasimpur tehsil Noshehra virkan Distt.gujranwala</t>
  </si>
  <si>
    <t>Herdo ratali</t>
  </si>
  <si>
    <t>Naghmana Aslam</t>
  </si>
  <si>
    <t>GGCMS QILA TARA SINGH</t>
  </si>
  <si>
    <t>DOLOO WAL   -FEMALE</t>
  </si>
  <si>
    <t>Qila Tara Singh</t>
  </si>
  <si>
    <t>Zakia Naheed</t>
  </si>
  <si>
    <t>GGCMS QUMBER SHAH</t>
  </si>
  <si>
    <t>BASTI QAMBER SHAH</t>
  </si>
  <si>
    <t>QAMBER SHAH</t>
  </si>
  <si>
    <t>SHAIZA DURRANI</t>
  </si>
  <si>
    <t>GGCMS RAFIQ ABAD 366 TDA</t>
  </si>
  <si>
    <t>RAFIQABAD - FEMALE</t>
  </si>
  <si>
    <t>chak no 366 TDA choubara layyah</t>
  </si>
  <si>
    <t>Chak No 366 TDA</t>
  </si>
  <si>
    <t>Rafiq Abad</t>
  </si>
  <si>
    <t>Kouser Parveen</t>
  </si>
  <si>
    <t>GGCMS RAILWAY STATION KALA BAGH</t>
  </si>
  <si>
    <t>KALA BAGH-FEMALE</t>
  </si>
  <si>
    <t>Karim Abad Kalabagh</t>
  </si>
  <si>
    <t>Samina Ashraf</t>
  </si>
  <si>
    <t>GGCMS RAJ GARRH</t>
  </si>
  <si>
    <t>SHER GARH - FEMALE</t>
  </si>
  <si>
    <t>Raj Garh</t>
  </si>
  <si>
    <t>Rajgarh teh depalpur dist okara</t>
  </si>
  <si>
    <t>Qila Dewan Sing</t>
  </si>
  <si>
    <t>Kausar Bibi</t>
  </si>
  <si>
    <t>GGCMS RAKH SHAH INAYAT</t>
  </si>
  <si>
    <t>HANDAL - FEMALE</t>
  </si>
  <si>
    <t>Ratti Pindi</t>
  </si>
  <si>
    <t>Ratti pindi</t>
  </si>
  <si>
    <t>Haler Key Peemar</t>
  </si>
  <si>
    <t>Asma Jamil</t>
  </si>
  <si>
    <t>GGCMS RAM PRASHAD</t>
  </si>
  <si>
    <t>JAN PURA   -FEMALE</t>
  </si>
  <si>
    <t>RAM PRASHAD</t>
  </si>
  <si>
    <t>Jhughkalan</t>
  </si>
  <si>
    <t>Zahida Yaqoob</t>
  </si>
  <si>
    <t>GGCMS RANJEET KOT</t>
  </si>
  <si>
    <t>Ranjeet kot</t>
  </si>
  <si>
    <t>Ranjeet kot AP Sial</t>
  </si>
  <si>
    <t>Basti lakha sial</t>
  </si>
  <si>
    <t>Shaheen Irshad</t>
  </si>
  <si>
    <t>GGCMS RASOOL GOWN</t>
  </si>
  <si>
    <t>C. NO.V MBDIN - FEMALE</t>
  </si>
  <si>
    <t>p/ o rasul m b din</t>
  </si>
  <si>
    <t>Rasul Gaon</t>
  </si>
  <si>
    <t>munawar sultana</t>
  </si>
  <si>
    <t>GGCMS RASOOL PUR</t>
  </si>
  <si>
    <t>AMIN GARH - FEMALE</t>
  </si>
  <si>
    <t>G G C M P S  RasoolÄº Pur</t>
  </si>
  <si>
    <t>Raisa Khatoon</t>
  </si>
  <si>
    <t>GGCMS RASOOL PUR TARAR</t>
  </si>
  <si>
    <t>Rasul Pur Tarar</t>
  </si>
  <si>
    <t>Rasul pur tarar</t>
  </si>
  <si>
    <t>Rehana Kausar</t>
  </si>
  <si>
    <t>GGCMS RATA SHARIF CHAKWAL</t>
  </si>
  <si>
    <t>Village Ratta Sharif Post office Kallar Kahar</t>
  </si>
  <si>
    <t>Farhat  Shaheen Jaffari</t>
  </si>
  <si>
    <t>GGCMS RATTIAN ARAIYAN CHAK 5/RB</t>
  </si>
  <si>
    <t>Rattian Arraiyan</t>
  </si>
  <si>
    <t>rattian arraiyan chak#5teh sangla hill dist.nankana sahib</t>
  </si>
  <si>
    <t>Marh Balochan</t>
  </si>
  <si>
    <t>Sajida Nazir</t>
  </si>
  <si>
    <t>GGCMS RAWAL JHANGAR</t>
  </si>
  <si>
    <t>Cheena Arla</t>
  </si>
  <si>
    <t>Ishrat Bano</t>
  </si>
  <si>
    <t>GGCMS RAYAN PURA</t>
  </si>
  <si>
    <t>Rayan Pura</t>
  </si>
  <si>
    <t>Govt community model school rayan pura</t>
  </si>
  <si>
    <t>Robina shaheen</t>
  </si>
  <si>
    <t>GGCMS REHMAT ABAD</t>
  </si>
  <si>
    <t>Kotla Essan</t>
  </si>
  <si>
    <t>basti Rahmatabad</t>
  </si>
  <si>
    <t>Basti Rahmatabad</t>
  </si>
  <si>
    <t>Manzoor Akhter</t>
  </si>
  <si>
    <t>GGCMS RIAZ ABAD</t>
  </si>
  <si>
    <t>Mahaal Kushuk</t>
  </si>
  <si>
    <t>ggcms riazabad</t>
  </si>
  <si>
    <t>MouzaMahaalkushuk</t>
  </si>
  <si>
    <t>Munnaza Rubab</t>
  </si>
  <si>
    <t>GGCMS RINDAN</t>
  </si>
  <si>
    <t>GGCMS Rindan</t>
  </si>
  <si>
    <t>Neelum Summyia</t>
  </si>
  <si>
    <t>GGCMS ROJHAN WALI</t>
  </si>
  <si>
    <t>Rojhanwali</t>
  </si>
  <si>
    <t>rojhanwali</t>
  </si>
  <si>
    <t>Rojhan Wali</t>
  </si>
  <si>
    <t>Samra Gul</t>
  </si>
  <si>
    <t>GGCMS ROSSA TIBBA CHAK NO 1</t>
  </si>
  <si>
    <t>GG cms rossa tibba</t>
  </si>
  <si>
    <t>Saddha</t>
  </si>
  <si>
    <t>Rahila Anjum</t>
  </si>
  <si>
    <t>GGCMS RUSTAM SARGANA NO 1</t>
  </si>
  <si>
    <t>rustam sargana</t>
  </si>
  <si>
    <t>Khursheed Akhter</t>
  </si>
  <si>
    <t>GGCMS SABRA BASTI MALKAN JALALPUR PIRWALA</t>
  </si>
  <si>
    <t>KOTLA CHAKER - FEMALE</t>
  </si>
  <si>
    <t>cmsabra Basti malkan Jalal pur pirwala ,Multan</t>
  </si>
  <si>
    <t>Kanhoon shumali</t>
  </si>
  <si>
    <t>Najma Lal</t>
  </si>
  <si>
    <t>GGCMS SADOO PIPLI</t>
  </si>
  <si>
    <t>Saddu Pipli</t>
  </si>
  <si>
    <t>Chak saddu popli</t>
  </si>
  <si>
    <t>Saddu Plpli</t>
  </si>
  <si>
    <t>Ferzana Hussain</t>
  </si>
  <si>
    <t>GGCMS SAGOWAAN</t>
  </si>
  <si>
    <t>Sagowaan</t>
  </si>
  <si>
    <t>Basti kavni moza sagowaan galaywal tehsil and district lodhran</t>
  </si>
  <si>
    <t>Kavni Wala</t>
  </si>
  <si>
    <t>aisha Ali</t>
  </si>
  <si>
    <t>GGCMS SAHAD</t>
  </si>
  <si>
    <t>Sahd</t>
  </si>
  <si>
    <t>khudian khass</t>
  </si>
  <si>
    <t>Kotli Ray Abu Bakar</t>
  </si>
  <si>
    <t>Mussarat Javied</t>
  </si>
  <si>
    <t>GGCMS SAHI CHAWAN P/O AILAM PUR</t>
  </si>
  <si>
    <t>AILAM PUR - FEMALE</t>
  </si>
  <si>
    <t>Sahi Chawan</t>
  </si>
  <si>
    <t>GGCMS SAHI CHAWAN BOSAN ROAD MULTAN</t>
  </si>
  <si>
    <t>Jhook Wains</t>
  </si>
  <si>
    <t>GGCMS SALEEM PURA</t>
  </si>
  <si>
    <t>JHALAN - FEMALE</t>
  </si>
  <si>
    <t>saleem pura</t>
  </si>
  <si>
    <t>GGCM School Sleem pura.Markaz Jalhan.
Post office Jalhan.Ditrict Gujranwala</t>
  </si>
  <si>
    <t>jallhan</t>
  </si>
  <si>
    <t>Madeeha Munawar</t>
  </si>
  <si>
    <t>GGCMS SANDA CHISHTANA</t>
  </si>
  <si>
    <t>sanda chistana</t>
  </si>
  <si>
    <t>Kalsum Ahkter</t>
  </si>
  <si>
    <t>GGCMS SANDHI WALA</t>
  </si>
  <si>
    <t>THATH GHALWAN - FEMALE</t>
  </si>
  <si>
    <t>Gawain</t>
  </si>
  <si>
    <t>Miss Shameem Fida Hussain</t>
  </si>
  <si>
    <t>GGCMS SANTH ANWALI</t>
  </si>
  <si>
    <t>MALLOT SATTIANS - FEMALE</t>
  </si>
  <si>
    <t>Santh Sarola</t>
  </si>
  <si>
    <t>Ggcms  santh anwali</t>
  </si>
  <si>
    <t>Santh Anwali</t>
  </si>
  <si>
    <t>Zatoon Arif</t>
  </si>
  <si>
    <t>GGCMS SARDAR WALA</t>
  </si>
  <si>
    <t>hUSSAIN ABAD</t>
  </si>
  <si>
    <t>Basti Sardar Wala Mouza Hussain Abad UC Dera Jand</t>
  </si>
  <si>
    <t>SARDAR WALA</t>
  </si>
  <si>
    <t>Dera Jand</t>
  </si>
  <si>
    <t>Nasra Naheed</t>
  </si>
  <si>
    <t>GGCMS SATHIALA</t>
  </si>
  <si>
    <t>Sathiala</t>
  </si>
  <si>
    <t>Teh zafarwal dist narowal p/o sathiala</t>
  </si>
  <si>
    <t>Jabbal</t>
  </si>
  <si>
    <t>GGCMS SHADI KHAN</t>
  </si>
  <si>
    <t>GGCM shadi khan moza radho tehsil kotadu</t>
  </si>
  <si>
    <t>FARHAT NASREEN</t>
  </si>
  <si>
    <t>2 hand pump 1 electric motor and 2 water tank</t>
  </si>
  <si>
    <t>GGCMS SHAH JAHANIAN</t>
  </si>
  <si>
    <t>LALAMUSA-V-FEMALE</t>
  </si>
  <si>
    <t>Shshahjahanian</t>
  </si>
  <si>
    <t>shahjahanian p/O lalsmusa Tehsil Kharian district gujrat</t>
  </si>
  <si>
    <t>Thikrian</t>
  </si>
  <si>
    <t>Atifa Bano</t>
  </si>
  <si>
    <t>GGCMS SHAH SAFIR</t>
  </si>
  <si>
    <t>SHAH SAFEER -FEMALE</t>
  </si>
  <si>
    <t>vpo.shah safeer, tehsil.sohawa, district. jhelum</t>
  </si>
  <si>
    <t>Pind Matay Khan</t>
  </si>
  <si>
    <t>Humaira Yasmin</t>
  </si>
  <si>
    <t>GGCMS SHAKAR DARA</t>
  </si>
  <si>
    <t>SHAKARDARA - FEMALE</t>
  </si>
  <si>
    <t>Shakardra</t>
  </si>
  <si>
    <t>shakardra mohalla Hafiz abad</t>
  </si>
  <si>
    <t>Anjum Naheed</t>
  </si>
  <si>
    <t>GGCMS SHEIKH ABAD</t>
  </si>
  <si>
    <t>Hassu Blail</t>
  </si>
  <si>
    <t>GGCMS SHAIKH ABAD P/o hassu blail teh a.p sial</t>
  </si>
  <si>
    <t>Shaikhabad</t>
  </si>
  <si>
    <t>Ishrat Zahra</t>
  </si>
  <si>
    <t>GGCMS SIKANDAR PURA</t>
  </si>
  <si>
    <t>Sikander pura</t>
  </si>
  <si>
    <t>sikander pura P/O khudian khass</t>
  </si>
  <si>
    <t>Humaira Hameed</t>
  </si>
  <si>
    <t>GGCMS SINDHI WALA</t>
  </si>
  <si>
    <t>MASSAN SHAH - FEMALE</t>
  </si>
  <si>
    <t>MAHAL MAKOWAL</t>
  </si>
  <si>
    <t>CHAH SINDHI WALA</t>
  </si>
  <si>
    <t>HAIRO</t>
  </si>
  <si>
    <t>afsheen zahra</t>
  </si>
  <si>
    <t>GGCMS SOHRI WALA</t>
  </si>
  <si>
    <t>KAMAR MUSHANI NO.4-FEMALE</t>
  </si>
  <si>
    <t>Sohri</t>
  </si>
  <si>
    <t>kammer Mushani near railway station</t>
  </si>
  <si>
    <t>Sohriwala</t>
  </si>
  <si>
    <t>Nimra Amir</t>
  </si>
  <si>
    <t>GGCMS SOUNRA</t>
  </si>
  <si>
    <t>Sounra</t>
  </si>
  <si>
    <t>GCMS Sounra</t>
  </si>
  <si>
    <t>FAHMEEDA BIBI</t>
  </si>
  <si>
    <t>GGCMS SUBHIANA GHARBI</t>
  </si>
  <si>
    <t>MUNDAY SYED-FEMALE</t>
  </si>
  <si>
    <t>Subhiana Gharbi</t>
  </si>
  <si>
    <t>GGCMS Subhiana gharbi</t>
  </si>
  <si>
    <t>Dosaa</t>
  </si>
  <si>
    <t>GGCMS SUNDKI</t>
  </si>
  <si>
    <t>SUNDKI - FEMALE</t>
  </si>
  <si>
    <t>Sundki</t>
  </si>
  <si>
    <t>govt girls community model school sundki</t>
  </si>
  <si>
    <t>sundki</t>
  </si>
  <si>
    <t>kot sundki</t>
  </si>
  <si>
    <t>Gul e Rana</t>
  </si>
  <si>
    <t>GGCMS TAJ PUR SANDILA MULTAN</t>
  </si>
  <si>
    <t>Bathay Wala</t>
  </si>
  <si>
    <t>G C M school taj pur sandila</t>
  </si>
  <si>
    <t>Binda Sandila</t>
  </si>
  <si>
    <t>Nighat zahra</t>
  </si>
  <si>
    <t>GGCMS TAKKOO WALA</t>
  </si>
  <si>
    <t>Bait Shahil Khan</t>
  </si>
  <si>
    <t>Moza Bait Shahil Khan P/O Mir Hazar Khan Tehsil Jatoi District Muzaffar Garh</t>
  </si>
  <si>
    <t>Lundi Pitafi</t>
  </si>
  <si>
    <t>Seema Basheer</t>
  </si>
  <si>
    <t>GGCMS TALWANDI BHINDRAN</t>
  </si>
  <si>
    <t>TALWANDI BHINDRAN - FEMALE</t>
  </si>
  <si>
    <t>Talwandi Bhindran</t>
  </si>
  <si>
    <t>Govt girls community model school talwandi bhindran</t>
  </si>
  <si>
    <t>Mrs Tahira Munir Basra</t>
  </si>
  <si>
    <t>GGCMS TALWARA</t>
  </si>
  <si>
    <t>talwara Post office sohdra</t>
  </si>
  <si>
    <t>Sughra Begum</t>
  </si>
  <si>
    <t>GGCMS TARAGAR NO.2</t>
  </si>
  <si>
    <t>Taragarh</t>
  </si>
  <si>
    <t>Taraggr</t>
  </si>
  <si>
    <t>TaRagar</t>
  </si>
  <si>
    <t>Sajida Ghulam Muhammad</t>
  </si>
  <si>
    <t>GGCMS TATAR KOT</t>
  </si>
  <si>
    <t>Tatar Kot</t>
  </si>
  <si>
    <t>tatar kot post office same tehsil 18 hazari district jhang</t>
  </si>
  <si>
    <t>Mari Shah Sakhira</t>
  </si>
  <si>
    <t>GGCMS THATHA ALIKA</t>
  </si>
  <si>
    <t>MAMUNKANJAN-II - FEMALE</t>
  </si>
  <si>
    <t>Waly Wali</t>
  </si>
  <si>
    <t>thatha alika mamukanjn 2 tandlianwala fiasalabad</t>
  </si>
  <si>
    <t>Thatha Alika</t>
  </si>
  <si>
    <t>557GB</t>
  </si>
  <si>
    <t>tehmina ayub</t>
  </si>
  <si>
    <t>GGCMS THATHA SURTAN</t>
  </si>
  <si>
    <t>thatha soortan markaz barkhurdar tehsil dist nns</t>
  </si>
  <si>
    <t>Thatha Soortan</t>
  </si>
  <si>
    <t>Sadia Talib</t>
  </si>
  <si>
    <t>GGCMS THEH ROSSA</t>
  </si>
  <si>
    <t>Theh Rosa</t>
  </si>
  <si>
    <t>Govt girl cms theh Rosa</t>
  </si>
  <si>
    <t>Ram Thamman</t>
  </si>
  <si>
    <t>Rukhsana Nahid</t>
  </si>
  <si>
    <t>GGCMS THOA BAHADAR</t>
  </si>
  <si>
    <t>Thoha Bahadar</t>
  </si>
  <si>
    <t>Vpo thoha bahadar tehsil and district Chakwal</t>
  </si>
  <si>
    <t>Mureed</t>
  </si>
  <si>
    <t>Ghulam Raffia</t>
  </si>
  <si>
    <t>GGCMS TIBBA TUGHRAIL</t>
  </si>
  <si>
    <t>MANDI AHMAD ABAD - FEMALE</t>
  </si>
  <si>
    <t>ggcmps tibba tughrail Ahmad abad</t>
  </si>
  <si>
    <t>Samina Ali Muhammad</t>
  </si>
  <si>
    <t>GGCMS TONDI</t>
  </si>
  <si>
    <t>SHAHGHARIB NO.2 - FEMALE</t>
  </si>
  <si>
    <t>Tondi</t>
  </si>
  <si>
    <t>GGCMPS Tondi.</t>
  </si>
  <si>
    <t>Asia Sultana</t>
  </si>
  <si>
    <t>GGCMS TOORANWAL</t>
  </si>
  <si>
    <t>Toranwal</t>
  </si>
  <si>
    <t>toranwal</t>
  </si>
  <si>
    <t>Headmarala</t>
  </si>
  <si>
    <t>Uzma Manzoor</t>
  </si>
  <si>
    <t>GGCMS UCHA PIND</t>
  </si>
  <si>
    <t>uncha Pind</t>
  </si>
  <si>
    <t>uncha pind</t>
  </si>
  <si>
    <t>Uncha Pind</t>
  </si>
  <si>
    <t>Nangal Butcher</t>
  </si>
  <si>
    <t>Zakia Akhtar</t>
  </si>
  <si>
    <t>GGCMS UGGOWALA</t>
  </si>
  <si>
    <t>ZAFARWAL-FEMALE</t>
  </si>
  <si>
    <t>Uggowala</t>
  </si>
  <si>
    <t>village uggowala post office dehmthal</t>
  </si>
  <si>
    <t>Dahamthal</t>
  </si>
  <si>
    <t>GGCMS UMAR KHAN WALA</t>
  </si>
  <si>
    <t>Ahmed Khan Wala</t>
  </si>
  <si>
    <t>dakkhana/ moza Ahmed Khan wala</t>
  </si>
  <si>
    <t>Shehbaz Khel</t>
  </si>
  <si>
    <t>Hira Azmat</t>
  </si>
  <si>
    <t>GGCMS UMRAL</t>
  </si>
  <si>
    <t>vpo umral</t>
  </si>
  <si>
    <t>Fozia Yasmin</t>
  </si>
  <si>
    <t>GGCMS USMAN KHATTAR</t>
  </si>
  <si>
    <t>Usman Khattar</t>
  </si>
  <si>
    <t>usman khattar tehsil taxila</t>
  </si>
  <si>
    <t>Nasira Yaqoob</t>
  </si>
  <si>
    <t>GGCMS VEERAM HITHAR</t>
  </si>
  <si>
    <t>Veeram Hithar</t>
  </si>
  <si>
    <t>veeram hithar post office khudian khas tehsil kasur</t>
  </si>
  <si>
    <t>Samra Hussain</t>
  </si>
  <si>
    <t>GGCMS VIJH</t>
  </si>
  <si>
    <t>Vijh</t>
  </si>
  <si>
    <t>muhammdi colony vijh</t>
  </si>
  <si>
    <t>Bushra Batool</t>
  </si>
  <si>
    <t>GGCMS VINOKA</t>
  </si>
  <si>
    <t>vinoka</t>
  </si>
  <si>
    <t>GGCMS VINOKA TEHSIL LALIAN</t>
  </si>
  <si>
    <t>Vinoka</t>
  </si>
  <si>
    <t>ShahnazBegam</t>
  </si>
  <si>
    <t>GGCMS WADDAN</t>
  </si>
  <si>
    <t>waddan</t>
  </si>
  <si>
    <t>waddan, near mandi shah jewna, jhang</t>
  </si>
  <si>
    <t>shah jewna</t>
  </si>
  <si>
    <t>Lubna Iqbal</t>
  </si>
  <si>
    <t>GGCMS WAGHARY</t>
  </si>
  <si>
    <t>govt girls community model school wahgray</t>
  </si>
  <si>
    <t>Fozia Nazeer</t>
  </si>
  <si>
    <t>GGCMS WANDILA JAGIR</t>
  </si>
  <si>
    <t>Wandila Jagir</t>
  </si>
  <si>
    <t>Moza Vandila jagir</t>
  </si>
  <si>
    <t>Wandlia Jagir</t>
  </si>
  <si>
    <t>Saima Zafar</t>
  </si>
  <si>
    <t>GGCMS YASEEN KHAN WALA</t>
  </si>
  <si>
    <t>matoi</t>
  </si>
  <si>
    <t>Basti sunary wala moza matoi khangarh</t>
  </si>
  <si>
    <t>Basti sunary wala moza matoi khangrh</t>
  </si>
  <si>
    <t>Umer pur</t>
  </si>
  <si>
    <t>Afshan Basheer</t>
  </si>
  <si>
    <t>GGCMS ZAKHIRA GASHKORI</t>
  </si>
  <si>
    <t>AKBAR - FEMALE</t>
  </si>
  <si>
    <t>Zakhira Gashkori</t>
  </si>
  <si>
    <t>chak bambi zakhira gashkori</t>
  </si>
  <si>
    <t>Zakhira Gashkori bbabambambbambi</t>
  </si>
  <si>
    <t>GGECM SCHOOL CHAK NO. 127 NB</t>
  </si>
  <si>
    <t>SILLANWALI-II - FEMALE</t>
  </si>
  <si>
    <t>Govt girls community model elementary school 127 nb</t>
  </si>
  <si>
    <t>Chak No127 Nb</t>
  </si>
  <si>
    <t>129 Nb</t>
  </si>
  <si>
    <t>Kousar Bibi</t>
  </si>
  <si>
    <t>GGECMS 231 WB</t>
  </si>
  <si>
    <t>ggcmes231wb</t>
  </si>
  <si>
    <t>Shagufta Iqbal</t>
  </si>
  <si>
    <t>GGECMS BAHAWAL GARH</t>
  </si>
  <si>
    <t>BAHAWALGARH - FEMALE</t>
  </si>
  <si>
    <t>Bahawal garh</t>
  </si>
  <si>
    <t>Hafiza Rizwana Raheem</t>
  </si>
  <si>
    <t>GGECMS GOTH NOOR MUHAMMAD</t>
  </si>
  <si>
    <t>Goth Shah Muh</t>
  </si>
  <si>
    <t>ggcmes  goth. noor  Muhammad  kpt</t>
  </si>
  <si>
    <t>Goth Noor Muhamma</t>
  </si>
  <si>
    <t>Gudden</t>
  </si>
  <si>
    <t>Zahida  Perveen</t>
  </si>
  <si>
    <t>GGEMS 90/10-R FARID KOT, KHANEWAL</t>
  </si>
  <si>
    <t>Fareed Kot</t>
  </si>
  <si>
    <t>90/10R,Fareed Kot.kwl.</t>
  </si>
  <si>
    <t>90/10R</t>
  </si>
  <si>
    <t>88/10R</t>
  </si>
  <si>
    <t>Samreen Abid</t>
  </si>
  <si>
    <t>GGEMS CHAK 229 RB KHURRIANWALA</t>
  </si>
  <si>
    <t>makuana</t>
  </si>
  <si>
    <t>chak # 229 rb makuana</t>
  </si>
  <si>
    <t>yes</t>
  </si>
  <si>
    <t>chak no 229 Rb makuana</t>
  </si>
  <si>
    <t>Zahida Khanam</t>
  </si>
  <si>
    <t>GGEMS CHAK 73 RB II KHURRIANWALA</t>
  </si>
  <si>
    <t>KHURRIANWALA - FEMALE</t>
  </si>
  <si>
    <t>CHAK NO 73 RB</t>
  </si>
  <si>
    <t>Chak no. 73 RB Karianwala Tehsil Jaranwala District Fsd</t>
  </si>
  <si>
    <t>Hundal Pur</t>
  </si>
  <si>
    <t>Chak No 76 RB</t>
  </si>
  <si>
    <t>Munira Yasmin</t>
  </si>
  <si>
    <t>GGEMS CHAK 94 RB KHURRIANWALA</t>
  </si>
  <si>
    <t>94 RB</t>
  </si>
  <si>
    <t>GGCMPS 94 RB Atti Tehsil jaranwala District Faisalabad</t>
  </si>
  <si>
    <t>Chak No 94 RB Atti</t>
  </si>
  <si>
    <t>Johal 97 RB</t>
  </si>
  <si>
    <t>GGEMS HOSSAIL</t>
  </si>
  <si>
    <t>Hoshial</t>
  </si>
  <si>
    <t>vpo Jhaata hathial, tehsil RWP</t>
  </si>
  <si>
    <t>Jhaata Hathial</t>
  </si>
  <si>
    <t>Khair Un Nisa</t>
  </si>
  <si>
    <t>GGEMS SANTHAL</t>
  </si>
  <si>
    <t>Santhel</t>
  </si>
  <si>
    <t>v po santhel</t>
  </si>
  <si>
    <t>Saima Yousaf</t>
  </si>
  <si>
    <t>GGEMS SHEIKH PUR DAKHLI</t>
  </si>
  <si>
    <t>Sheikhpur Dakhli</t>
  </si>
  <si>
    <t>GGCME/S Sheikhpur dakhli tehsil sarai alamgir dist gujrat</t>
  </si>
  <si>
    <t>Noreen Akhter</t>
  </si>
  <si>
    <t>GGES  28/11-L</t>
  </si>
  <si>
    <t>28/11L</t>
  </si>
  <si>
    <t>Anjum Naz</t>
  </si>
  <si>
    <t>GGES  4-D</t>
  </si>
  <si>
    <t>4 D</t>
  </si>
  <si>
    <t>GGES 4 D</t>
  </si>
  <si>
    <t>Qila Diwan Singh</t>
  </si>
  <si>
    <t>Kalsoom Ashraf</t>
  </si>
  <si>
    <t>GGES  BARKHANIA</t>
  </si>
  <si>
    <t>Barkhanian</t>
  </si>
  <si>
    <t>village barkhanian  post office Darman tehsil zafarwal</t>
  </si>
  <si>
    <t>Lohara</t>
  </si>
  <si>
    <t>Samina Aziz</t>
  </si>
  <si>
    <t>GGES  ISLAM PURA (Newly upgraded)</t>
  </si>
  <si>
    <t>Kot Khaira</t>
  </si>
  <si>
    <t>Moza kot khera</t>
  </si>
  <si>
    <t>Malhuana</t>
  </si>
  <si>
    <t>Syeda Bushra Parveenn Hashmi</t>
  </si>
  <si>
    <t>GGES  MANGHAIR SHARIF</t>
  </si>
  <si>
    <t>manghair</t>
  </si>
  <si>
    <t>mouza manghair sharif tehsil chishtian</t>
  </si>
  <si>
    <t>manghair sharif</t>
  </si>
  <si>
    <t>jhedwa</t>
  </si>
  <si>
    <t>Rahat Naseem</t>
  </si>
  <si>
    <t>GGES  MODEL 11-B/8-R, KACHA KHUH</t>
  </si>
  <si>
    <t>11b/8r</t>
  </si>
  <si>
    <t>Shamim Sarwar</t>
  </si>
  <si>
    <t>GGES (MC) ATTOCK CITY</t>
  </si>
  <si>
    <t>ATTOCK SADDAR - FEMALE</t>
  </si>
  <si>
    <t>B Block Attock City</t>
  </si>
  <si>
    <t>B-block Attock City</t>
  </si>
  <si>
    <t>ATTOCK City</t>
  </si>
  <si>
    <t>MC ATTOCK</t>
  </si>
  <si>
    <t>REHANA PARVEEN</t>
  </si>
  <si>
    <t>GGES (MC) MEHAR PURA</t>
  </si>
  <si>
    <t>MEHAR PURA GHARBI</t>
  </si>
  <si>
    <t>GGES MEHAR PURA GHARBI ATTOCK</t>
  </si>
  <si>
    <t>MEHAR PURA</t>
  </si>
  <si>
    <t>abida rehman</t>
  </si>
  <si>
    <t>GGES 1 FAIZ JANOBI P/O LAR</t>
  </si>
  <si>
    <t>Chak 1 faiz janoobi lar</t>
  </si>
  <si>
    <t>1/FAIZ</t>
  </si>
  <si>
    <t>Rimsha Muneer</t>
  </si>
  <si>
    <t>GGES 1/14-L</t>
  </si>
  <si>
    <t>1/14-L</t>
  </si>
  <si>
    <t>chak no 1/14-L.kassowal.tehsil ccw.distt. swl</t>
  </si>
  <si>
    <t>4/14-L</t>
  </si>
  <si>
    <t>Farzana</t>
  </si>
  <si>
    <t>GGES 1/1-RA RENALA KHURD</t>
  </si>
  <si>
    <t>1/1ra</t>
  </si>
  <si>
    <t>GGES1/1ra</t>
  </si>
  <si>
    <t>4/1ra</t>
  </si>
  <si>
    <t>Abida nazir</t>
  </si>
  <si>
    <t>GGES 10/11-L DOGRAN WALA</t>
  </si>
  <si>
    <t>CHICHAWATNI SADAR A-FEMALE</t>
  </si>
  <si>
    <t>10/11-L Dogran Wala</t>
  </si>
  <si>
    <t>10/11-L Dogranwala</t>
  </si>
  <si>
    <t>Uzma Sahar</t>
  </si>
  <si>
    <t>GGES 10/1-AL</t>
  </si>
  <si>
    <t>GGES10/1AL</t>
  </si>
  <si>
    <t>Asma Mushtaq</t>
  </si>
  <si>
    <t>GGES 10/8-R, KACHA KHUH</t>
  </si>
  <si>
    <t>108R</t>
  </si>
  <si>
    <t>GGES10\8R kcha khu khanewal</t>
  </si>
  <si>
    <t>Nighat hanif</t>
  </si>
  <si>
    <t>GGES 10/D, ABDUL HAKIM</t>
  </si>
  <si>
    <t>KOT ISLAM - FEMALE</t>
  </si>
  <si>
    <t>Shiekhupura</t>
  </si>
  <si>
    <t>gge s 10d</t>
  </si>
  <si>
    <t>Daduaana</t>
  </si>
  <si>
    <t>GGES 100/ WB</t>
  </si>
  <si>
    <t>Chak No 100wb</t>
  </si>
  <si>
    <t>chak no 100wb</t>
  </si>
  <si>
    <t>100 Wb Garha Mor</t>
  </si>
  <si>
    <t>Rehana Yasmeen</t>
  </si>
  <si>
    <t>GGES 100/12-L</t>
  </si>
  <si>
    <t>100/12l</t>
  </si>
  <si>
    <t>chak 100/12.l tehsil cci district sahiwal</t>
  </si>
  <si>
    <t>99/12l</t>
  </si>
  <si>
    <t>Abida Faqir</t>
  </si>
  <si>
    <t>GGES 100/15-L, MIAN CHANNU</t>
  </si>
  <si>
    <t>100/15L</t>
  </si>
  <si>
    <t>100/15L Mian Channu (Khanewal )</t>
  </si>
  <si>
    <t>Ammara Iffat</t>
  </si>
  <si>
    <t>GGES 100/6-R</t>
  </si>
  <si>
    <t>100 /6r</t>
  </si>
  <si>
    <t>chak no.100 6/r</t>
  </si>
  <si>
    <t>100/6r</t>
  </si>
  <si>
    <t>101 /6r</t>
  </si>
  <si>
    <t>Sabiha Sultan</t>
  </si>
  <si>
    <t>GGES 101/12-L</t>
  </si>
  <si>
    <t>GGES 101/12L</t>
  </si>
  <si>
    <t>GGES 101/9-L</t>
  </si>
  <si>
    <t>101 9L</t>
  </si>
  <si>
    <t>chak 101.9L swl</t>
  </si>
  <si>
    <t>1019L</t>
  </si>
  <si>
    <t>91/9L</t>
  </si>
  <si>
    <t>Shahida Bibi</t>
  </si>
  <si>
    <t>GGES 102 GB</t>
  </si>
  <si>
    <t>102GB</t>
  </si>
  <si>
    <t>Govt Girls Elementary school 102GB Tehsil Jaranwala Dist Faisalabad</t>
  </si>
  <si>
    <t>58 Gb</t>
  </si>
  <si>
    <t>Rashida Nazir</t>
  </si>
  <si>
    <t>GGES 103/6-R</t>
  </si>
  <si>
    <t>Chak 103/6R</t>
  </si>
  <si>
    <t>chak 103/6R</t>
  </si>
  <si>
    <t>Chak 109/6R</t>
  </si>
  <si>
    <t>KISHWAR NAHID</t>
  </si>
  <si>
    <t>GGES 103-4/7-R</t>
  </si>
  <si>
    <t>chak no103-4/7R</t>
  </si>
  <si>
    <t>chak No 103-4/7R</t>
  </si>
  <si>
    <t>Chak No103-4/7R</t>
  </si>
  <si>
    <t>Sumbal Aziz</t>
  </si>
  <si>
    <t>GGES 104 EB</t>
  </si>
  <si>
    <t>SHEIKH FAZAL WEST - FEMALE</t>
  </si>
  <si>
    <t>GGES104 EB Chak no.104 EB</t>
  </si>
  <si>
    <t>104eb</t>
  </si>
  <si>
    <t>124eb</t>
  </si>
  <si>
    <t>fozia manzoor</t>
  </si>
  <si>
    <t>GGES 104/7-R</t>
  </si>
  <si>
    <t>104/7r</t>
  </si>
  <si>
    <t>chak no 104/7 r</t>
  </si>
  <si>
    <t>102/6ar</t>
  </si>
  <si>
    <t>GGES 105 RB</t>
  </si>
  <si>
    <t>105 RB</t>
  </si>
  <si>
    <t>105 RB gabian wala tehsil jaranwala</t>
  </si>
  <si>
    <t>Gabian Wala</t>
  </si>
  <si>
    <t>63GB</t>
  </si>
  <si>
    <t>ANJUM ABBAS</t>
  </si>
  <si>
    <t>GGES 105 WB</t>
  </si>
  <si>
    <t>105/WB</t>
  </si>
  <si>
    <t>105/WB, VEHARI</t>
  </si>
  <si>
    <t>95/WB</t>
  </si>
  <si>
    <t>Zahida Kausar</t>
  </si>
  <si>
    <t>GGES 105/7-R</t>
  </si>
  <si>
    <t>CHANDNI CHOWK-FEMALE</t>
  </si>
  <si>
    <t>105/7r</t>
  </si>
  <si>
    <t>105/7r tehsil chichawatni district sahiwal</t>
  </si>
  <si>
    <t>6/11-L</t>
  </si>
  <si>
    <t>FAIZA KHAN</t>
  </si>
  <si>
    <t>GGES 105/9-L</t>
  </si>
  <si>
    <t>chak # 105/9l sahiwa</t>
  </si>
  <si>
    <t>105/9l</t>
  </si>
  <si>
    <t>Chak# 105/9l</t>
  </si>
  <si>
    <t>SHABANA JAMIL</t>
  </si>
  <si>
    <t>GGES 105-EB</t>
  </si>
  <si>
    <t>105EB</t>
  </si>
  <si>
    <t>105EB, PO QABOOLA, ARIFWALA, PAKPATTAN</t>
  </si>
  <si>
    <t>Chak No 105EB</t>
  </si>
  <si>
    <t>MEHDI KHAN</t>
  </si>
  <si>
    <t>ROMANA SHAHAB</t>
  </si>
  <si>
    <t>GGES 106/10-R, JAHANIAN</t>
  </si>
  <si>
    <t>GGES 106/10-R JAHANIA</t>
  </si>
  <si>
    <t>Shakila Zubair</t>
  </si>
  <si>
    <t>GGES 106/15-L, MIAN CHANNU</t>
  </si>
  <si>
    <t>106/15L</t>
  </si>
  <si>
    <t>chak no106/ 105L</t>
  </si>
  <si>
    <t>Qudsia Sattar</t>
  </si>
  <si>
    <t>GGES 106/FB</t>
  </si>
  <si>
    <t>Chak#106/F</t>
  </si>
  <si>
    <t>106/F azaafi basti chishtian</t>
  </si>
  <si>
    <t>106/F B</t>
  </si>
  <si>
    <t>Chak 40/F</t>
  </si>
  <si>
    <t>Afshan Noureen</t>
  </si>
  <si>
    <t>GGES 106/GB</t>
  </si>
  <si>
    <t>106gb</t>
  </si>
  <si>
    <t>Kaneez Ferva</t>
  </si>
  <si>
    <t>GGES 106/P R.Y.KHAN</t>
  </si>
  <si>
    <t>WHA ATHATTA-FEMALE</t>
  </si>
  <si>
    <t>106/p</t>
  </si>
  <si>
    <t>106/p RAHIM YAR KHAN MARKEZ WAH ATHATTA</t>
  </si>
  <si>
    <t>105/P</t>
  </si>
  <si>
    <t>GGES 107/12-L</t>
  </si>
  <si>
    <t>107/12L</t>
  </si>
  <si>
    <t>GGES 107/12L</t>
  </si>
  <si>
    <t>110/12L</t>
  </si>
  <si>
    <t>Shafqat Sitara</t>
  </si>
  <si>
    <t>GGES 107/1-L</t>
  </si>
  <si>
    <t>gges107/1L</t>
  </si>
  <si>
    <t>107/1L</t>
  </si>
  <si>
    <t>Arfa Ajmal</t>
  </si>
  <si>
    <t>GGES 107/GB PATHAN KOT</t>
  </si>
  <si>
    <t>chak no 107GB pathankot</t>
  </si>
  <si>
    <t>107GB</t>
  </si>
  <si>
    <t>106GB</t>
  </si>
  <si>
    <t>GGES 107/ML</t>
  </si>
  <si>
    <t>107ml</t>
  </si>
  <si>
    <t>Muncipall Committee Fatehpur</t>
  </si>
  <si>
    <t>mussarat nazir</t>
  </si>
  <si>
    <t>Handpump waterpump</t>
  </si>
  <si>
    <t>GGES 108 WB</t>
  </si>
  <si>
    <t>108WB</t>
  </si>
  <si>
    <t>Government Girls Elementary school 108WB</t>
  </si>
  <si>
    <t>Zaheer Abad Shahid</t>
  </si>
  <si>
    <t>Nasreen Ashraf</t>
  </si>
  <si>
    <t>GGES 108/12-L</t>
  </si>
  <si>
    <t>108/12.L</t>
  </si>
  <si>
    <t>109/12L</t>
  </si>
  <si>
    <t>Ghulam Fizza</t>
  </si>
  <si>
    <t>GGES 108/6-R</t>
  </si>
  <si>
    <t>108/6R</t>
  </si>
  <si>
    <t>GGES 108/6R</t>
  </si>
  <si>
    <t>Naseem Kousar</t>
  </si>
  <si>
    <t>GGES 108/7-R EAST</t>
  </si>
  <si>
    <t>Chak 108/7R East</t>
  </si>
  <si>
    <t>chak number 108/7R</t>
  </si>
  <si>
    <t>108/7R East</t>
  </si>
  <si>
    <t>110 7R</t>
  </si>
  <si>
    <t>GGES 108/9-L</t>
  </si>
  <si>
    <t>108/9l</t>
  </si>
  <si>
    <t>GGES 108/NP</t>
  </si>
  <si>
    <t>Chak 108np</t>
  </si>
  <si>
    <t>gges chak 108np</t>
  </si>
  <si>
    <t>Nawen Arain</t>
  </si>
  <si>
    <t>Tahira Aslam</t>
  </si>
  <si>
    <t>GGES 109/15-L, MIAN CHANNU</t>
  </si>
  <si>
    <t>chak no 109/15.L</t>
  </si>
  <si>
    <t>109/15L</t>
  </si>
  <si>
    <t>Naseem  Saleh</t>
  </si>
  <si>
    <t>GGES 109/7-R</t>
  </si>
  <si>
    <t>109/7-R</t>
  </si>
  <si>
    <t>Chak No. 109/7-R Chichawatni District Sahiwal</t>
  </si>
  <si>
    <t>110/7-R</t>
  </si>
  <si>
    <t>Shamim Amin</t>
  </si>
  <si>
    <t>GGES 11/WB 3 MARLA SCHEME</t>
  </si>
  <si>
    <t>LALA ZAR 3 MARLA SCHEME</t>
  </si>
  <si>
    <t>GGES 11/WB 3 MARLA SCHEME LALA ZAR COLONY VEHARI</t>
  </si>
  <si>
    <t>Lala Zar Colony Vr</t>
  </si>
  <si>
    <t>Danewal</t>
  </si>
  <si>
    <t>nazma sultana</t>
  </si>
  <si>
    <t>GGES 110/6-R</t>
  </si>
  <si>
    <t>HND-16-FEMALE</t>
  </si>
  <si>
    <t>110 6/ r</t>
  </si>
  <si>
    <t>GGES 110 6/r</t>
  </si>
  <si>
    <t>110 6/r</t>
  </si>
  <si>
    <t>109 6/r</t>
  </si>
  <si>
    <t>GGES 111 EB P.O.ARIFWALA</t>
  </si>
  <si>
    <t>Chak No111/Eb Arifwala District Pakpattan</t>
  </si>
  <si>
    <t>gges 111/e.b arifwala</t>
  </si>
  <si>
    <t>111/eb</t>
  </si>
  <si>
    <t>Tahira Nadeem</t>
  </si>
  <si>
    <t>GGES 111 WB</t>
  </si>
  <si>
    <t>111 w. b. Pobox surgana mailsi vehari</t>
  </si>
  <si>
    <t>111w B</t>
  </si>
  <si>
    <t>69wb</t>
  </si>
  <si>
    <t>Alvina Mumtaz</t>
  </si>
  <si>
    <t>GGES 111/15-L, MIAN CHANNU</t>
  </si>
  <si>
    <t>111/15-L</t>
  </si>
  <si>
    <t>gges 111/15-l, mian channu</t>
  </si>
  <si>
    <t>Shagufta Jabeen</t>
  </si>
  <si>
    <t>GGES 11-1/L</t>
  </si>
  <si>
    <t>11/1-L</t>
  </si>
  <si>
    <t>CHAK NO.11/1-L</t>
  </si>
  <si>
    <t>12/1-L</t>
  </si>
  <si>
    <t>IRFANA Abid</t>
  </si>
  <si>
    <t>GGES 111/M</t>
  </si>
  <si>
    <t>FEMALE-21</t>
  </si>
  <si>
    <t>111/M</t>
  </si>
  <si>
    <t>Chak No.111/M P/O 112/N</t>
  </si>
  <si>
    <t>112/M</t>
  </si>
  <si>
    <t>Qamar Ashraf</t>
  </si>
  <si>
    <t>GGES 111/P EAST</t>
  </si>
  <si>
    <t>111/p East</t>
  </si>
  <si>
    <t>GGES 111 p/East Rahim yar Khan</t>
  </si>
  <si>
    <t>Samia Perveen</t>
  </si>
  <si>
    <t>GGES 11-1AL</t>
  </si>
  <si>
    <t>Chak 11/1AL</t>
  </si>
  <si>
    <t>GGES 11/1AL</t>
  </si>
  <si>
    <t>Chak 11/1al</t>
  </si>
  <si>
    <t>Amna Bibi</t>
  </si>
  <si>
    <t>GGES 112 GB KHURD</t>
  </si>
  <si>
    <t>112 Gb Khurd</t>
  </si>
  <si>
    <t>Govt girls elementary school 112 gb khurd.</t>
  </si>
  <si>
    <t>112 Gb</t>
  </si>
  <si>
    <t>NAILA ABDUL SATTAR</t>
  </si>
  <si>
    <t>can water</t>
  </si>
  <si>
    <t>GGES 112/10-R, JAHANIAN</t>
  </si>
  <si>
    <t>112/10R</t>
  </si>
  <si>
    <t>Chak No 112/10 R jahanian</t>
  </si>
  <si>
    <t>115/10R</t>
  </si>
  <si>
    <t>Zubaida Khanum</t>
  </si>
  <si>
    <t>GGES 112/12-L</t>
  </si>
  <si>
    <t>112/12L</t>
  </si>
  <si>
    <t>112/12.L ,Chichawatni ,Distt:Sahiwal</t>
  </si>
  <si>
    <t>GGES 112/6-R</t>
  </si>
  <si>
    <t>112 6-r</t>
  </si>
  <si>
    <t>chak #112 / 6 - r.</t>
  </si>
  <si>
    <t>118 / 6-r</t>
  </si>
  <si>
    <t>Shagufta Ashraf</t>
  </si>
  <si>
    <t>GGES 112/9-L BUOH DHAKOO</t>
  </si>
  <si>
    <t>government girls elementary school 112/9l budh dhakoo sahiwal</t>
  </si>
  <si>
    <t>112/9l Budh Dhakoo Sahiwal</t>
  </si>
  <si>
    <t>112/9l Budh Fhakoo</t>
  </si>
  <si>
    <t>Nadia Bashir</t>
  </si>
  <si>
    <t>GGES 113 GB</t>
  </si>
  <si>
    <t>Guband Pura</t>
  </si>
  <si>
    <t>113 GB Jaranawala Faisalabad</t>
  </si>
  <si>
    <t>113 Gb</t>
  </si>
  <si>
    <t>112Gb</t>
  </si>
  <si>
    <t>Shireen Naheed</t>
  </si>
  <si>
    <t>GGES 113/12-L</t>
  </si>
  <si>
    <t>Chak No 113/12-L</t>
  </si>
  <si>
    <t>Nasira Parveen</t>
  </si>
  <si>
    <t>GGES 114 WB</t>
  </si>
  <si>
    <t>114W/B</t>
  </si>
  <si>
    <t>88W/B</t>
  </si>
  <si>
    <t>114 W/B</t>
  </si>
  <si>
    <t>124W/B</t>
  </si>
  <si>
    <t>GGES 114/12-L</t>
  </si>
  <si>
    <t>DADFATYANA-FEMALE</t>
  </si>
  <si>
    <t>114/12-l</t>
  </si>
  <si>
    <t>chak no 14/12-l</t>
  </si>
  <si>
    <t>chak no 50/12-l</t>
  </si>
  <si>
    <t>Shagufta Ghaffar</t>
  </si>
  <si>
    <t>GGES 116/9-L</t>
  </si>
  <si>
    <t>ada shabeel 116/9L</t>
  </si>
  <si>
    <t>116/9L</t>
  </si>
  <si>
    <t>Buddhakko</t>
  </si>
  <si>
    <t>Rehana Qammer</t>
  </si>
  <si>
    <t>GGES 117/12-L</t>
  </si>
  <si>
    <t>117/12-L</t>
  </si>
  <si>
    <t>CHAK NO. 117/12-L, TEHSIL CHICHAWATNI (SAHIWAL)</t>
  </si>
  <si>
    <t>CHAK 118/12-L</t>
  </si>
  <si>
    <t>Lubna Fardoos</t>
  </si>
  <si>
    <t>GGES 118/12-L</t>
  </si>
  <si>
    <t>chak no.118/12.L</t>
  </si>
  <si>
    <t>Nighat Iqbal</t>
  </si>
  <si>
    <t>GGES 118/9-L KHWAJA ARIF</t>
  </si>
  <si>
    <t>118/9 L</t>
  </si>
  <si>
    <t>chak no 118/9 L p/o 117//9 L</t>
  </si>
  <si>
    <t>119/ 9L</t>
  </si>
  <si>
    <t>Mussarat Jabin</t>
  </si>
  <si>
    <t>GGES 119/P</t>
  </si>
  <si>
    <t>Chak no 119/p</t>
  </si>
  <si>
    <t>Chak No119p</t>
  </si>
  <si>
    <t>Chak No 148p</t>
  </si>
  <si>
    <t>SHAKEELA SHAFI</t>
  </si>
  <si>
    <t>Water cans</t>
  </si>
  <si>
    <t>GGES 12 QITTA, P/O MULA PUR, KABIRWALA</t>
  </si>
  <si>
    <t>KABIRWALA - FEMALE</t>
  </si>
  <si>
    <t>12qitta</t>
  </si>
  <si>
    <t>new 12qitta p/o mula Pur tehsil kabirwala district khanewal</t>
  </si>
  <si>
    <t>mula pur</t>
  </si>
  <si>
    <t>Bushra Sajjad</t>
  </si>
  <si>
    <t>GGES 12/GD</t>
  </si>
  <si>
    <t>JABOOKA - FEMALE</t>
  </si>
  <si>
    <t>Chak No 12/GD</t>
  </si>
  <si>
    <t>12/GD</t>
  </si>
  <si>
    <t>14GD</t>
  </si>
  <si>
    <t>Dr Fazeelat Bano</t>
  </si>
  <si>
    <t>GGES 120/13-AL</t>
  </si>
  <si>
    <t>KASSOWAL-B-FEMALE</t>
  </si>
  <si>
    <t>120/13-AL</t>
  </si>
  <si>
    <t>CHAK NO,. 120/13AL TEHSILE CHICHAWATNI</t>
  </si>
  <si>
    <t>120/13AL</t>
  </si>
  <si>
    <t>114/7R</t>
  </si>
  <si>
    <t>Nazish Noreen</t>
  </si>
  <si>
    <t>GGES 120/7-ER</t>
  </si>
  <si>
    <t>120/7ER</t>
  </si>
  <si>
    <t>120/7er</t>
  </si>
  <si>
    <t>Nadia Naseem</t>
  </si>
  <si>
    <t>GGES 121/10-R, JAHANIAN</t>
  </si>
  <si>
    <t>114/10-R - FEMALE</t>
  </si>
  <si>
    <t>121/10-R  Tehsil jahanian District Khanewal</t>
  </si>
  <si>
    <t>127/10-R</t>
  </si>
  <si>
    <t>Shama Toheed</t>
  </si>
  <si>
    <t>GGES 121/15-L MIAN CHANNU</t>
  </si>
  <si>
    <t>121/15L</t>
  </si>
  <si>
    <t>Chak no 121/15L Mian Channu</t>
  </si>
  <si>
    <t>123/15L</t>
  </si>
  <si>
    <t>Nargis Bano</t>
  </si>
  <si>
    <t>GGES 122 GB</t>
  </si>
  <si>
    <t>122gb</t>
  </si>
  <si>
    <t>Tahira Saleem</t>
  </si>
  <si>
    <t>GGES 123/10-R QADEEM, JAHANIAN</t>
  </si>
  <si>
    <t>Jahnia</t>
  </si>
  <si>
    <t>12310rold</t>
  </si>
  <si>
    <t>12310r</t>
  </si>
  <si>
    <t>13610r</t>
  </si>
  <si>
    <t>UZMA GHAFFAR</t>
  </si>
  <si>
    <t>GGES 123/7-ER TULAMBA</t>
  </si>
  <si>
    <t>Kot Sikandar</t>
  </si>
  <si>
    <t>123 /7ER POSTOFFICE 124/7ER</t>
  </si>
  <si>
    <t>GGES 123/9-L</t>
  </si>
  <si>
    <t>123/9L</t>
  </si>
  <si>
    <t>g.g.e.s 123/9L</t>
  </si>
  <si>
    <t>Azra Nasim</t>
  </si>
  <si>
    <t>GGES 123/EB</t>
  </si>
  <si>
    <t>123/eb</t>
  </si>
  <si>
    <t>123/eb arifwala</t>
  </si>
  <si>
    <t>Uzma Jelany</t>
  </si>
  <si>
    <t>GGES 124 EB</t>
  </si>
  <si>
    <t>Gulnaz Rukhsana</t>
  </si>
  <si>
    <t>GGES 124/15-L, MIAN CHANNU</t>
  </si>
  <si>
    <t>MIAN CHANNU-I - FEMALE</t>
  </si>
  <si>
    <t>GGES 124/15L</t>
  </si>
  <si>
    <t>Nasim Javed</t>
  </si>
  <si>
    <t>GGES 125 WB</t>
  </si>
  <si>
    <t>125/WB</t>
  </si>
  <si>
    <t>GGES125/WB TEHSIL MAILSI DISTRICT VEHARI P/O MITTRO</t>
  </si>
  <si>
    <t>Sandhal</t>
  </si>
  <si>
    <t>GGES 125/7-ER, TULAMBA</t>
  </si>
  <si>
    <t>125/7-er</t>
  </si>
  <si>
    <t>123/7-er</t>
  </si>
  <si>
    <t>Rafia Iram</t>
  </si>
  <si>
    <t>GGES 127 EB</t>
  </si>
  <si>
    <t>Chak no 127/e.b post office 127/e.b tehsil arifwala district pakpattan</t>
  </si>
  <si>
    <t>127/EB</t>
  </si>
  <si>
    <t>Meher Ul Nisa</t>
  </si>
  <si>
    <t>GGES 128 GB JARANWALA</t>
  </si>
  <si>
    <t>Nagal</t>
  </si>
  <si>
    <t>chak.no 128 gb</t>
  </si>
  <si>
    <t>128 gb</t>
  </si>
  <si>
    <t>hussain nagar jrw</t>
  </si>
  <si>
    <t>GGES 128 WB</t>
  </si>
  <si>
    <t>Chakno 128 wb</t>
  </si>
  <si>
    <t>chakno 128 w.b</t>
  </si>
  <si>
    <t>Chakno  128 wb</t>
  </si>
  <si>
    <t>Zaheer Abad Shaheed</t>
  </si>
  <si>
    <t>Sumaira Khalid</t>
  </si>
  <si>
    <t>GGES 128/9-L</t>
  </si>
  <si>
    <t>128/9-L</t>
  </si>
  <si>
    <t>chak number 128/9-Lsahiwal</t>
  </si>
  <si>
    <t>119/9-L</t>
  </si>
  <si>
    <t>Ramaisa Mushtaq</t>
  </si>
  <si>
    <t>GGES 129/1-L</t>
  </si>
  <si>
    <t>BAGH O BAHAR - FEMALE</t>
  </si>
  <si>
    <t>Chak 129/1L</t>
  </si>
  <si>
    <t>chak 129/1L</t>
  </si>
  <si>
    <t>Bhatta Sheikha 88</t>
  </si>
  <si>
    <t>Sadia Iram</t>
  </si>
  <si>
    <t>GGES 13 KB</t>
  </si>
  <si>
    <t>PAKPATTAN 5 - FEMALE</t>
  </si>
  <si>
    <t>13/kb</t>
  </si>
  <si>
    <t>chak  no  13/kb</t>
  </si>
  <si>
    <t>13kb</t>
  </si>
  <si>
    <t>GGES 13/14-L</t>
  </si>
  <si>
    <t>13/14L</t>
  </si>
  <si>
    <t>GGES13/14L kassowal tahsil chichawatni</t>
  </si>
  <si>
    <t>13/14L Kasowal</t>
  </si>
  <si>
    <t>Rehana Kokab</t>
  </si>
  <si>
    <t>GGES 13/1-L</t>
  </si>
  <si>
    <t>Renala Khurd</t>
  </si>
  <si>
    <t>govt.girls elementary school13/1.l</t>
  </si>
  <si>
    <t>13/1l</t>
  </si>
  <si>
    <t>Imtiaz Akhter</t>
  </si>
  <si>
    <t>GGES 13/9-R NO.2, KACHA KHUH</t>
  </si>
  <si>
    <t>Dangrawala</t>
  </si>
  <si>
    <t>dakkhana khas mukhdumpur chak dangrawala</t>
  </si>
  <si>
    <t>Chak No 13/9-r</t>
  </si>
  <si>
    <t>Fakhra Zaman</t>
  </si>
  <si>
    <t>GGES 13/D, ABDUL HAKIM</t>
  </si>
  <si>
    <t>DARKHANA - FEMALE</t>
  </si>
  <si>
    <t>Chak No 13 D</t>
  </si>
  <si>
    <t>chak no.13D</t>
  </si>
  <si>
    <t>Zubaida Bibi</t>
  </si>
  <si>
    <t>water suplly conection</t>
  </si>
  <si>
    <t>GGES 130/9-L</t>
  </si>
  <si>
    <t>130/9 L sahiwal</t>
  </si>
  <si>
    <t>chak#130/9 L sahiwal</t>
  </si>
  <si>
    <t>130/9 L</t>
  </si>
  <si>
    <t>129/9 L sahiwal</t>
  </si>
  <si>
    <t>Shahida Jabeen</t>
  </si>
  <si>
    <t>GGES 132/9-L</t>
  </si>
  <si>
    <t>132/9l</t>
  </si>
  <si>
    <t>chak #132/9l swl</t>
  </si>
  <si>
    <t>133/9l</t>
  </si>
  <si>
    <t>Uzma Amer</t>
  </si>
  <si>
    <t>GGES 133/9-L</t>
  </si>
  <si>
    <t>KAMEER -B-FEMALE</t>
  </si>
  <si>
    <t>133 9/l</t>
  </si>
  <si>
    <t>GGE/S 133/9-L swl</t>
  </si>
  <si>
    <t>133/9-L</t>
  </si>
  <si>
    <t>GGES 133/P</t>
  </si>
  <si>
    <t>CHAMAN-FEMALE</t>
  </si>
  <si>
    <t>WAH KOHNA</t>
  </si>
  <si>
    <t>GGES 133 P CHAK 133 P P /O 114/P RYK</t>
  </si>
  <si>
    <t>CHAK NO 133 P</t>
  </si>
  <si>
    <t>memona quyyum</t>
  </si>
  <si>
    <t>GGES 134/16-L, MIAN CHANNU</t>
  </si>
  <si>
    <t>134/16L</t>
  </si>
  <si>
    <t>Govt.Girls Middle Shool 134/16L Mian Channu</t>
  </si>
  <si>
    <t>GGES 137/10-R, JAHANIAN</t>
  </si>
  <si>
    <t>137/10r</t>
  </si>
  <si>
    <t>chak no 137/10r jahania khanewal</t>
  </si>
  <si>
    <t>137/10R</t>
  </si>
  <si>
    <t>136//10R</t>
  </si>
  <si>
    <t>Sophia Ilyas</t>
  </si>
  <si>
    <t>GGES 138 EB</t>
  </si>
  <si>
    <t>138 Eb</t>
  </si>
  <si>
    <t>chak no 138/eb teh. burewala disst.vehari</t>
  </si>
  <si>
    <t>138/eb</t>
  </si>
  <si>
    <t>148/eb</t>
  </si>
  <si>
    <t>GGES 138/9-L OLD</t>
  </si>
  <si>
    <t>138/9 L old</t>
  </si>
  <si>
    <t>Chak No 138/9L old</t>
  </si>
  <si>
    <t>Chak No 138/9 L old</t>
  </si>
  <si>
    <t>Samina Zaidi</t>
  </si>
  <si>
    <t>GGES 139/9-L</t>
  </si>
  <si>
    <t>139/9l</t>
  </si>
  <si>
    <t>chak#139/9l</t>
  </si>
  <si>
    <t>Chak#139/9l</t>
  </si>
  <si>
    <t>Chak#185/9l</t>
  </si>
  <si>
    <t>Farida Ahmad</t>
  </si>
  <si>
    <t>GGES 14 KB PAKPATTAN</t>
  </si>
  <si>
    <t>14/KB</t>
  </si>
  <si>
    <t>Chak #14/KB</t>
  </si>
  <si>
    <t>15/KB</t>
  </si>
  <si>
    <t>Hina Shaheen</t>
  </si>
  <si>
    <t>GGES 14/11-L</t>
  </si>
  <si>
    <t>Chak 14/11L</t>
  </si>
  <si>
    <t>G.G E.School 14/11L</t>
  </si>
  <si>
    <t>44/12L</t>
  </si>
  <si>
    <t>Naureen Shams</t>
  </si>
  <si>
    <t>GGES 14/14-L</t>
  </si>
  <si>
    <t>14/14L</t>
  </si>
  <si>
    <t>96/12L</t>
  </si>
  <si>
    <t>Tahera Shabnam</t>
  </si>
  <si>
    <t>GGES 14/8-R GUL ABAD, KACH KHUH</t>
  </si>
  <si>
    <t>14/8r Gulabad</t>
  </si>
  <si>
    <t>14/8.r gulabad</t>
  </si>
  <si>
    <t>GGES 14/9-R, KACHA KHUH</t>
  </si>
  <si>
    <t>14/9 R</t>
  </si>
  <si>
    <t>chak no 14/9 R</t>
  </si>
  <si>
    <t>Chak No 14/9R</t>
  </si>
  <si>
    <t>Chak No 14/9 R</t>
  </si>
  <si>
    <t>Sadia Khalid</t>
  </si>
  <si>
    <t>GGES 14/GC CHISHTIAN</t>
  </si>
  <si>
    <t>Mahboob Colony</t>
  </si>
  <si>
    <t>GOVT GIRLS ELEMENTARY SCHOOL 14 gc purana mazbah khana</t>
  </si>
  <si>
    <t>14/G ctn</t>
  </si>
  <si>
    <t>Urban Chishtian VI</t>
  </si>
  <si>
    <t>Iram Tehsin</t>
  </si>
  <si>
    <t>GGES 140 EB</t>
  </si>
  <si>
    <t>Chak 140 EB</t>
  </si>
  <si>
    <t>Chak 140 EB Burewala District Vehari</t>
  </si>
  <si>
    <t>140 EB</t>
  </si>
  <si>
    <t>148 EB</t>
  </si>
  <si>
    <t>ASMA SHAHZADI</t>
  </si>
  <si>
    <t>GGES 140/10-R, JAHANIAN</t>
  </si>
  <si>
    <t>Chak No 140/10R</t>
  </si>
  <si>
    <t>chak no 140/10R jahnian district khanewal</t>
  </si>
  <si>
    <t>Sameen Anjum</t>
  </si>
  <si>
    <t>GGES 140/9-L</t>
  </si>
  <si>
    <t>140/9L</t>
  </si>
  <si>
    <t>140/9l</t>
  </si>
  <si>
    <t>140/9-l</t>
  </si>
  <si>
    <t>141/9-l</t>
  </si>
  <si>
    <t>Zeba Sehar</t>
  </si>
  <si>
    <t>GGES 141/9-L</t>
  </si>
  <si>
    <t>DERA-RAHIM-A-FEMALE</t>
  </si>
  <si>
    <t>Chak No141/9-L</t>
  </si>
  <si>
    <t>chak no.141/9-L</t>
  </si>
  <si>
    <t>141/9L Sahiwal</t>
  </si>
  <si>
    <t>141/9L</t>
  </si>
  <si>
    <t>Farkhanda Aziz</t>
  </si>
  <si>
    <t>GGES 141/A</t>
  </si>
  <si>
    <t>45/A-FEMALE</t>
  </si>
  <si>
    <t>141/a</t>
  </si>
  <si>
    <t>government girls elementary school chak 141/a lqp</t>
  </si>
  <si>
    <t>chak 46/a</t>
  </si>
  <si>
    <t>Anam Gul</t>
  </si>
  <si>
    <t>nearby well( out of school)</t>
  </si>
  <si>
    <t>GGES 143/9-L</t>
  </si>
  <si>
    <t>143/9l</t>
  </si>
  <si>
    <t>chak no 143/9.l</t>
  </si>
  <si>
    <t>141/9l</t>
  </si>
  <si>
    <t>SHAMIM ANWAR</t>
  </si>
  <si>
    <t>GGES 144 EB</t>
  </si>
  <si>
    <t>144 EB</t>
  </si>
  <si>
    <t>148 eb</t>
  </si>
  <si>
    <t>Rubina khawar</t>
  </si>
  <si>
    <t>GGES 144/9-L</t>
  </si>
  <si>
    <t>chak No.144/9.L Swl</t>
  </si>
  <si>
    <t>Chak No144/9L Swl</t>
  </si>
  <si>
    <t>Chak No141/9L Swl</t>
  </si>
  <si>
    <t>NAJMA SALEEM</t>
  </si>
  <si>
    <t>GGES 145 EB</t>
  </si>
  <si>
    <t>ARIFWALA 3 - FEMALE</t>
  </si>
  <si>
    <t>145/Eb</t>
  </si>
  <si>
    <t>chak no 145/eb dak khana 143/eb</t>
  </si>
  <si>
    <t>147/Eb</t>
  </si>
  <si>
    <t>Fozia Raza</t>
  </si>
  <si>
    <t>GGES 148/9-L</t>
  </si>
  <si>
    <t>148 9L</t>
  </si>
  <si>
    <t>GGES 148/9.L SAHIWAL</t>
  </si>
  <si>
    <t>148/9L</t>
  </si>
  <si>
    <t>Rubab Kanwal</t>
  </si>
  <si>
    <t>GGES 149/9-L</t>
  </si>
  <si>
    <t>149/9L</t>
  </si>
  <si>
    <t>chak No. 149/9.L</t>
  </si>
  <si>
    <t>150/9L</t>
  </si>
  <si>
    <t>Quratulain</t>
  </si>
  <si>
    <t>GGES 15/8-BR, TULAMBA</t>
  </si>
  <si>
    <t>TULAMBA-IV - FEMALE</t>
  </si>
  <si>
    <t>15/8-BR</t>
  </si>
  <si>
    <t>GGES Chak No 15/8-BR Tulamba Mian Channu</t>
  </si>
  <si>
    <t>Chak No 15/8-BR</t>
  </si>
  <si>
    <t>Sidra Hussain</t>
  </si>
  <si>
    <t>GGES 15/9-R, KACHA KHUH</t>
  </si>
  <si>
    <t>11/8r</t>
  </si>
  <si>
    <t>govt model middle school 15/9r</t>
  </si>
  <si>
    <t>15/9r SAHUWALA</t>
  </si>
  <si>
    <t>7/9r</t>
  </si>
  <si>
    <t>Nayab Khalid Raja</t>
  </si>
  <si>
    <t>electric cooler with filter</t>
  </si>
  <si>
    <t>GGES 15/SP</t>
  </si>
  <si>
    <t>Shehla Afzal</t>
  </si>
  <si>
    <t>GGES 15-1/AL</t>
  </si>
  <si>
    <t>15/1AL</t>
  </si>
  <si>
    <t>GGE/S 15/1AL</t>
  </si>
  <si>
    <t>Fozia Shaheen</t>
  </si>
  <si>
    <t>GGES 151/P</t>
  </si>
  <si>
    <t>Berthalla</t>
  </si>
  <si>
    <t>chak no 151p sdk</t>
  </si>
  <si>
    <t>151p</t>
  </si>
  <si>
    <t>Asia Majeed</t>
  </si>
  <si>
    <t>GGES 152/9-L</t>
  </si>
  <si>
    <t>152/9L</t>
  </si>
  <si>
    <t>Mahwish Sana</t>
  </si>
  <si>
    <t>GGES 154/9-L</t>
  </si>
  <si>
    <t>Shahmurad</t>
  </si>
  <si>
    <t>154/9l</t>
  </si>
  <si>
    <t>153/9l</t>
  </si>
  <si>
    <t>Fatima Sattar</t>
  </si>
  <si>
    <t>GGES 155/3-L</t>
  </si>
  <si>
    <t>HND-10-FEMALE</t>
  </si>
  <si>
    <t>chak 155</t>
  </si>
  <si>
    <t>155/3L</t>
  </si>
  <si>
    <t>Anila Mehnaz</t>
  </si>
  <si>
    <t>GGES 158/EB</t>
  </si>
  <si>
    <t>chak No. 158 EB</t>
  </si>
  <si>
    <t>Chak No158 EB</t>
  </si>
  <si>
    <t>yasmeen abdul sattar</t>
  </si>
  <si>
    <t>GGES 159 EB M.NAGAR</t>
  </si>
  <si>
    <t>159eb</t>
  </si>
  <si>
    <t>159eb Arifwala Pakpattan</t>
  </si>
  <si>
    <t>147eb</t>
  </si>
  <si>
    <t>GGES 16/11-L</t>
  </si>
  <si>
    <t>16/11-l</t>
  </si>
  <si>
    <t>chak no 16/11-l tehseel chichawatni district sahiwal</t>
  </si>
  <si>
    <t>Chak no 16/11-l</t>
  </si>
  <si>
    <t>23/11-l</t>
  </si>
  <si>
    <t>Nusrat Faheem</t>
  </si>
  <si>
    <t>GGES 16/1-AL</t>
  </si>
  <si>
    <t>Chak No# 14/1AL</t>
  </si>
  <si>
    <t>Nasrin Latif</t>
  </si>
  <si>
    <t>GGES 16/V, KHANEWAL</t>
  </si>
  <si>
    <t>16v</t>
  </si>
  <si>
    <t>Chak No 16v</t>
  </si>
  <si>
    <t>Robina Mahboob</t>
  </si>
  <si>
    <t>GGES 160 EB</t>
  </si>
  <si>
    <t>160/EB</t>
  </si>
  <si>
    <t>chak no 160/E.B Vehari</t>
  </si>
  <si>
    <t>Sayyeda Yasin Fatima</t>
  </si>
  <si>
    <t>GGES 160/10-R, JAHANIAN</t>
  </si>
  <si>
    <t>VEHNI WAL - FEMALE</t>
  </si>
  <si>
    <t>vehniwal  female</t>
  </si>
  <si>
    <t>chak#160/10.r jahanian khanewal</t>
  </si>
  <si>
    <t>160/10.r</t>
  </si>
  <si>
    <t>Rizwana Kalsoom</t>
  </si>
  <si>
    <t>GGES 162/10-R, KHANEWAL</t>
  </si>
  <si>
    <t>Ghulam Sha Wala</t>
  </si>
  <si>
    <t>chak no 162/10r Kwl</t>
  </si>
  <si>
    <t>162/10R</t>
  </si>
  <si>
    <t>ANEELA SAFDAR</t>
  </si>
  <si>
    <t>GGES 163/9-L</t>
  </si>
  <si>
    <t>163/9L</t>
  </si>
  <si>
    <t>chak number 163/9.L G Tehsil Chichawatni District Sahiwal</t>
  </si>
  <si>
    <t>163/9L G</t>
  </si>
  <si>
    <t>Sadia Nasim</t>
  </si>
  <si>
    <t>GGES 164/10-R, KHANEWAL</t>
  </si>
  <si>
    <t>Chak No 164/10r</t>
  </si>
  <si>
    <t>chak no 164/10.r</t>
  </si>
  <si>
    <t>Chak No 170/10r</t>
  </si>
  <si>
    <t>Bushra Nazneen</t>
  </si>
  <si>
    <t>GGES 164/7-R</t>
  </si>
  <si>
    <t>HND-15-FEMALE</t>
  </si>
  <si>
    <t>chak #164/7r p/o faqeerwali teh Haroona bad</t>
  </si>
  <si>
    <t>GGES 164/P</t>
  </si>
  <si>
    <t>kacha shahi road adam sahaba chak no 164p</t>
  </si>
  <si>
    <t>Zunaira Sadiq</t>
  </si>
  <si>
    <t>GGES 165/9-L</t>
  </si>
  <si>
    <t>165/9-L</t>
  </si>
  <si>
    <t>Chak No 165/9-L</t>
  </si>
  <si>
    <t>169/9-L</t>
  </si>
  <si>
    <t>GGES 166 WB COLONY</t>
  </si>
  <si>
    <t>TIBBA WEST - FEMALE</t>
  </si>
  <si>
    <t>166 wb colony</t>
  </si>
  <si>
    <t>Chak 166 wb colony</t>
  </si>
  <si>
    <t>335 wb</t>
  </si>
  <si>
    <t>GGES 166/10-R QADEEM, KHANEWAL</t>
  </si>
  <si>
    <t>Lalera Wala</t>
  </si>
  <si>
    <t>ch ak no 166/10-R qadeem , khanewal</t>
  </si>
  <si>
    <t>166/10-R Qadeem</t>
  </si>
  <si>
    <t>Chak No 166/10-R</t>
  </si>
  <si>
    <t>Rubina Ibrar</t>
  </si>
  <si>
    <t>GGES 166/9-L</t>
  </si>
  <si>
    <t>166/9.L</t>
  </si>
  <si>
    <t>Chak no 166/9.L, Teh Chichawatni, Distt Sahiwal</t>
  </si>
  <si>
    <t>168/9.L</t>
  </si>
  <si>
    <t>GGES 169/9-L</t>
  </si>
  <si>
    <t>OKANWALA SHARQI-B-FEMALE</t>
  </si>
  <si>
    <t>Chak no. 169/9-L</t>
  </si>
  <si>
    <t>Chak No 169/9L</t>
  </si>
  <si>
    <t>Chak No.169/9-L</t>
  </si>
  <si>
    <t>Balqees Akhtar</t>
  </si>
  <si>
    <t>GGES 17/8-BR, TULAMBA</t>
  </si>
  <si>
    <t>17/8-BR</t>
  </si>
  <si>
    <t>GGES, Chack No 17/8-BR, Tehsil Mian Channu Distt. Khanewal</t>
  </si>
  <si>
    <t>Chak No 17/8-BR</t>
  </si>
  <si>
    <t>Khalida Naseem</t>
  </si>
  <si>
    <t>GGES 17/D, ABDUL HAKIM</t>
  </si>
  <si>
    <t>Chak 17-D darkhana</t>
  </si>
  <si>
    <t>CHAK NO. 17 D</t>
  </si>
  <si>
    <t>DARKHANA</t>
  </si>
  <si>
    <t>SIDRAH ASHFAQ</t>
  </si>
  <si>
    <t>2 handpumps and water pump</t>
  </si>
  <si>
    <t>GGES 17/P</t>
  </si>
  <si>
    <t>17/P</t>
  </si>
  <si>
    <t>17/P kpr</t>
  </si>
  <si>
    <t>1/P</t>
  </si>
  <si>
    <t>Hina Nasir</t>
  </si>
  <si>
    <t>GGES 170/EB</t>
  </si>
  <si>
    <t>Rukhsana Naik</t>
  </si>
  <si>
    <t>GGES 171/WB</t>
  </si>
  <si>
    <t>Mitroo</t>
  </si>
  <si>
    <t>171WB Tehsil Mailsi vehari</t>
  </si>
  <si>
    <t>171WB</t>
  </si>
  <si>
    <t>Sobia Bibi</t>
  </si>
  <si>
    <t>GGES 172/9-L</t>
  </si>
  <si>
    <t>172/9L</t>
  </si>
  <si>
    <t>chak no 172/9L chichawatni sahiwal post office 164/9L</t>
  </si>
  <si>
    <t>20/11L</t>
  </si>
  <si>
    <t>Zetoon Bi Bi</t>
  </si>
  <si>
    <t>GGES 173/10-R, JAHANIAN</t>
  </si>
  <si>
    <t>JUNGLE MARYALA - FEMALE</t>
  </si>
  <si>
    <t>17310-R</t>
  </si>
  <si>
    <t>GGMS17310-R bangla shreeh wala</t>
  </si>
  <si>
    <t>173/10R Bangla Shreen Wala</t>
  </si>
  <si>
    <t>15710-R</t>
  </si>
  <si>
    <t>GGES 173/9-L</t>
  </si>
  <si>
    <t>173/9L</t>
  </si>
  <si>
    <t>Chak#173/9-L</t>
  </si>
  <si>
    <t>173/9-L</t>
  </si>
  <si>
    <t>20/11-L</t>
  </si>
  <si>
    <t>Zuhra Bibi</t>
  </si>
  <si>
    <t>GGES 174 WB</t>
  </si>
  <si>
    <t>174 WBvehari</t>
  </si>
  <si>
    <t>Gov't girls middle school vehari</t>
  </si>
  <si>
    <t>Chak No 174wB</t>
  </si>
  <si>
    <t>78wB</t>
  </si>
  <si>
    <t>safia begum</t>
  </si>
  <si>
    <t>GGES 178 WB</t>
  </si>
  <si>
    <t>MITRU - FEMALE</t>
  </si>
  <si>
    <t>178/wb</t>
  </si>
  <si>
    <t>GGES 178/wb</t>
  </si>
  <si>
    <t>Maroof Rani</t>
  </si>
  <si>
    <t>GGES 18 1-AL</t>
  </si>
  <si>
    <t>18/1AL</t>
  </si>
  <si>
    <t>GGES 18 WB</t>
  </si>
  <si>
    <t>Chak No.18wb</t>
  </si>
  <si>
    <t>Abida Sultana</t>
  </si>
  <si>
    <t>GGES 18/8-BR, TULAMBA</t>
  </si>
  <si>
    <t>18/8BR</t>
  </si>
  <si>
    <t>GMES Chak No 18/8-BR, Mian Channu, Distt. Khanewal</t>
  </si>
  <si>
    <t>18/8BR TULAMBA</t>
  </si>
  <si>
    <t>Shazia Kanwal</t>
  </si>
  <si>
    <t>GGES 18/8-R, TULAMBA</t>
  </si>
  <si>
    <t>TULAMBA-V - FEMALE</t>
  </si>
  <si>
    <t>18/8r</t>
  </si>
  <si>
    <t>18/8R</t>
  </si>
  <si>
    <t>3/8Ar</t>
  </si>
  <si>
    <t>GGES 18/D SHER GARH</t>
  </si>
  <si>
    <t>18D</t>
  </si>
  <si>
    <t>GGES18D</t>
  </si>
  <si>
    <t>Dhool Chor</t>
  </si>
  <si>
    <t>Itrat Sultana</t>
  </si>
  <si>
    <t>GGES 18/EB</t>
  </si>
  <si>
    <t>18/EB</t>
  </si>
  <si>
    <t>chak no 18eb</t>
  </si>
  <si>
    <t>Chak No 18/EB</t>
  </si>
  <si>
    <t>50sp</t>
  </si>
  <si>
    <t>Khadija Tul Kubra</t>
  </si>
  <si>
    <t>GGES 182/9-L</t>
  </si>
  <si>
    <t>182/9-L</t>
  </si>
  <si>
    <t>180/9-L</t>
  </si>
  <si>
    <t>Nasira Maqbool</t>
  </si>
  <si>
    <t>GGES 183 EB</t>
  </si>
  <si>
    <t>183/eb</t>
  </si>
  <si>
    <t>Chak#183/e.b</t>
  </si>
  <si>
    <t>173/eb</t>
  </si>
  <si>
    <t>Kousar Aftab</t>
  </si>
  <si>
    <t>GGES 183/9-L</t>
  </si>
  <si>
    <t>183/9L</t>
  </si>
  <si>
    <t>chak no 183/9L tehsil chichawatni Dist sahiwal</t>
  </si>
  <si>
    <t>GGES 186 WB</t>
  </si>
  <si>
    <t>Mitro</t>
  </si>
  <si>
    <t>gges186wb</t>
  </si>
  <si>
    <t>186wb</t>
  </si>
  <si>
    <t>188wb</t>
  </si>
  <si>
    <t>Zarina Aslam</t>
  </si>
  <si>
    <t>GGES 186/9-L</t>
  </si>
  <si>
    <t>186/9-L</t>
  </si>
  <si>
    <t>CHAK NO. 186/9-L</t>
  </si>
  <si>
    <t>138/9-L</t>
  </si>
  <si>
    <t>Aqila Sharif</t>
  </si>
  <si>
    <t>GGES 186/P</t>
  </si>
  <si>
    <t>MANTHAR SDK -FEMALE</t>
  </si>
  <si>
    <t>Chak No 186/P</t>
  </si>
  <si>
    <t>post office bangla manthaar,chak no.186/P Sadiq Abad,district Rahim Yar Khan</t>
  </si>
  <si>
    <t>186/P</t>
  </si>
  <si>
    <t>farida akbar</t>
  </si>
  <si>
    <t>GGES 187 EB</t>
  </si>
  <si>
    <t>187/EB</t>
  </si>
  <si>
    <t>G. G. M. S 187/EB Gaggoo,Tehsil:Burewala,District:Vehari</t>
  </si>
  <si>
    <t>GHULAM ZAHARA</t>
  </si>
  <si>
    <t>GGES 188/P</t>
  </si>
  <si>
    <t>Chak No 188/p</t>
  </si>
  <si>
    <t>chak no 188/p</t>
  </si>
  <si>
    <t>chak no 160/p</t>
  </si>
  <si>
    <t>Naeema Nazir</t>
  </si>
  <si>
    <t>GGES 188-A/9-L</t>
  </si>
  <si>
    <t>188/9AL</t>
  </si>
  <si>
    <t>CHAK No. 188/9AL</t>
  </si>
  <si>
    <t>Arifa Roohi</t>
  </si>
  <si>
    <t>GGES 18-B/7-R</t>
  </si>
  <si>
    <t>Chak No 18b/7r</t>
  </si>
  <si>
    <t>chak 18b/7r</t>
  </si>
  <si>
    <t>Chak No18b / 7r</t>
  </si>
  <si>
    <t>Murad Ke Kathia</t>
  </si>
  <si>
    <t>Ismat Khurshid</t>
  </si>
  <si>
    <t>GGES 18-HAZARI</t>
  </si>
  <si>
    <t>Chokin Janpur</t>
  </si>
  <si>
    <t>chowk 18 hazari chokin janpur</t>
  </si>
  <si>
    <t>Rashda Perveen</t>
  </si>
  <si>
    <t>GGES 19 SP</t>
  </si>
  <si>
    <t>19/sp</t>
  </si>
  <si>
    <t>chak 19/sp</t>
  </si>
  <si>
    <t>37/sp</t>
  </si>
  <si>
    <t>Munazam Bashir</t>
  </si>
  <si>
    <t>GGES 19/8-BR, TULAMBA</t>
  </si>
  <si>
    <t>19/8-BR</t>
  </si>
  <si>
    <t>GGES, Chak No. 19/8-BR, Teh. Mian Channu, Distt. Khanewal</t>
  </si>
  <si>
    <t>Chak No 19/8-BR Talumba</t>
  </si>
  <si>
    <t>GGES 19/9-R SHARQI, KACHA KHUH</t>
  </si>
  <si>
    <t>GGES 19/9r sharqi kacha khuh</t>
  </si>
  <si>
    <t>Sumaira Perveen</t>
  </si>
  <si>
    <t>GGES 19/V, KHANEWAL</t>
  </si>
  <si>
    <t>Chak #19/V</t>
  </si>
  <si>
    <t>Chak#19/v makhdom pur road khanewal</t>
  </si>
  <si>
    <t>Chak#19/V</t>
  </si>
  <si>
    <t>Chak# 16/V</t>
  </si>
  <si>
    <t>Nasira MASOOD</t>
  </si>
  <si>
    <t>GGES 192 EB</t>
  </si>
  <si>
    <t>MIAN PAKHI - FEMALE</t>
  </si>
  <si>
    <t>Chak No. 192/EB</t>
  </si>
  <si>
    <t>Chak No. 192/EB Vehari</t>
  </si>
  <si>
    <t>Chak No. 194 EB</t>
  </si>
  <si>
    <t>Balqees Akhter</t>
  </si>
  <si>
    <t>GGES 193 RB</t>
  </si>
  <si>
    <t>chach no 193 RB shareenwala</t>
  </si>
  <si>
    <t>Shareenwala</t>
  </si>
  <si>
    <t>Lathainwala 200 Rb</t>
  </si>
  <si>
    <t>GGES 193/P</t>
  </si>
  <si>
    <t>193p</t>
  </si>
  <si>
    <t>chak#193p</t>
  </si>
  <si>
    <t>Uruj Riaz</t>
  </si>
  <si>
    <t>GGES 194 EB</t>
  </si>
  <si>
    <t>194/eb</t>
  </si>
  <si>
    <t>g. g. e/s194/eb. vehari</t>
  </si>
  <si>
    <t>Shakeela Manzoor</t>
  </si>
  <si>
    <t>GGES 197 EB</t>
  </si>
  <si>
    <t>197 EB</t>
  </si>
  <si>
    <t>Chak No. 197/EB</t>
  </si>
  <si>
    <t>197/EB</t>
  </si>
  <si>
    <t>Umi Habiba</t>
  </si>
  <si>
    <t>GGES 197/P</t>
  </si>
  <si>
    <t>197/p</t>
  </si>
  <si>
    <t>Bindor Abbasian</t>
  </si>
  <si>
    <t>Saher Fatima</t>
  </si>
  <si>
    <t>GGES 199 EB</t>
  </si>
  <si>
    <t>chak no. 199/EB</t>
  </si>
  <si>
    <t>sobia tanveer</t>
  </si>
  <si>
    <t>GGES 19-D</t>
  </si>
  <si>
    <t>19d</t>
  </si>
  <si>
    <t>Chak No 19d</t>
  </si>
  <si>
    <t>Dhool Choor</t>
  </si>
  <si>
    <t>Farhat Zia Akhtar</t>
  </si>
  <si>
    <t>GGES 1-T SHUMALI MULTAN P/O 7T</t>
  </si>
  <si>
    <t>1T shumali</t>
  </si>
  <si>
    <t>1T Shumali</t>
  </si>
  <si>
    <t>Kousar Saeed</t>
  </si>
  <si>
    <t>GGES 2 EB</t>
  </si>
  <si>
    <t>2eb tehsil Arifwala District pakpattan</t>
  </si>
  <si>
    <t>Saimaan Ishfaq</t>
  </si>
  <si>
    <t>GGES 2 SP CHANBA</t>
  </si>
  <si>
    <t>HAVELI LAKHA - FEMALE</t>
  </si>
  <si>
    <t>2sp Chamba</t>
  </si>
  <si>
    <t>GGES 2 sp chamba.</t>
  </si>
  <si>
    <t>3sp Gyana</t>
  </si>
  <si>
    <t>GGES 2/10- L</t>
  </si>
  <si>
    <t>Syedan Wala</t>
  </si>
  <si>
    <t>chak  no 2/10L near harappa distt sahiwal</t>
  </si>
  <si>
    <t>Chak No 2/10-L</t>
  </si>
  <si>
    <t>Jonah Town Harappa Station</t>
  </si>
  <si>
    <t>Sadia GhulamRasool</t>
  </si>
  <si>
    <t>GGES 2/8-R TULAMBA</t>
  </si>
  <si>
    <t>2/8 R</t>
  </si>
  <si>
    <t>Chack no 2/8r Mirzapur Mianchannu khanewal</t>
  </si>
  <si>
    <t>2/8r Mirazpur</t>
  </si>
  <si>
    <t>GGES 2/9-R, RATH WALA, KACHA KHUH</t>
  </si>
  <si>
    <t>Rath Wala</t>
  </si>
  <si>
    <t>GGES 2/9R Rath wala khanewal</t>
  </si>
  <si>
    <t>2/9R</t>
  </si>
  <si>
    <t>4/8AR</t>
  </si>
  <si>
    <t>Anila Qayyum</t>
  </si>
  <si>
    <t>GGES 2/AH, KHANEWAL</t>
  </si>
  <si>
    <t>Chak #2/ah</t>
  </si>
  <si>
    <t>GGES 2/ah kwl</t>
  </si>
  <si>
    <t>Chak # 2/ah</t>
  </si>
  <si>
    <t>4ah</t>
  </si>
  <si>
    <t>Nayyer Afzal</t>
  </si>
  <si>
    <t>GGES 20 WB</t>
  </si>
  <si>
    <t>20/WB</t>
  </si>
  <si>
    <t>Chak No. 20/WB Tehsil vehari</t>
  </si>
  <si>
    <t>16/WB</t>
  </si>
  <si>
    <t>Khalida Naheed</t>
  </si>
  <si>
    <t>GGES 20/1-AL</t>
  </si>
  <si>
    <t>20/1al</t>
  </si>
  <si>
    <t>20/1..al</t>
  </si>
  <si>
    <t>25/1-al</t>
  </si>
  <si>
    <t>Sana Shahzadi</t>
  </si>
  <si>
    <t>GGES 20/GD</t>
  </si>
  <si>
    <t>20GD</t>
  </si>
  <si>
    <t>GGES 20GD Okara</t>
  </si>
  <si>
    <t>24GD</t>
  </si>
  <si>
    <t>Azhera Israr</t>
  </si>
  <si>
    <t>GGES 203 EB NEW</t>
  </si>
  <si>
    <t>203 Eb</t>
  </si>
  <si>
    <t>chak no 203 EB burewala new</t>
  </si>
  <si>
    <t>203 EB</t>
  </si>
  <si>
    <t>199 EB</t>
  </si>
  <si>
    <t>maria khanum</t>
  </si>
  <si>
    <t>GGES 204/TDA</t>
  </si>
  <si>
    <t>DAGGER SHADA- FEMALE</t>
  </si>
  <si>
    <t>Karrari Kot</t>
  </si>
  <si>
    <t>Dolat Wala, Chak No. 204 TDA</t>
  </si>
  <si>
    <t>Chak No 204 TDA</t>
  </si>
  <si>
    <t>205 TDA</t>
  </si>
  <si>
    <t>Nasreen Bibi</t>
  </si>
  <si>
    <t>GGES 206 EB</t>
  </si>
  <si>
    <t>206/EB</t>
  </si>
  <si>
    <t>Chak No. 206/EB Tehsil Vehari</t>
  </si>
  <si>
    <t>Rabia Ali</t>
  </si>
  <si>
    <t>GGES 207 EB</t>
  </si>
  <si>
    <t>Chak 207eb</t>
  </si>
  <si>
    <t>chak 207eb</t>
  </si>
  <si>
    <t>207eb</t>
  </si>
  <si>
    <t>Nusrat Naheed</t>
  </si>
  <si>
    <t>GGES 21 GHAGH</t>
  </si>
  <si>
    <t>21gh</t>
  </si>
  <si>
    <t>21gh adda 25 pul</t>
  </si>
  <si>
    <t>Ch No 21gh</t>
  </si>
  <si>
    <t>13d Darkhana</t>
  </si>
  <si>
    <t>Rizwana Nazar</t>
  </si>
  <si>
    <t>GGES 21/14-L</t>
  </si>
  <si>
    <t>21/14</t>
  </si>
  <si>
    <t>GGES 21/14 L</t>
  </si>
  <si>
    <t>21/14 L</t>
  </si>
  <si>
    <t>96/12 L</t>
  </si>
  <si>
    <t>Talat Yasmeen</t>
  </si>
  <si>
    <t>GGES 21/G.D</t>
  </si>
  <si>
    <t>Chak # 21/gd</t>
  </si>
  <si>
    <t>Chak #21gd okara</t>
  </si>
  <si>
    <t>21/gd</t>
  </si>
  <si>
    <t>32/2r A</t>
  </si>
  <si>
    <t>Masooda Zafar</t>
  </si>
  <si>
    <t>GGES 211 EB</t>
  </si>
  <si>
    <t>211/EB</t>
  </si>
  <si>
    <t>chak no 211eb tehsil arifwala district pakpattan</t>
  </si>
  <si>
    <t>GGES 212/GB</t>
  </si>
  <si>
    <t>212 Gb</t>
  </si>
  <si>
    <t>chak no 212 gb</t>
  </si>
  <si>
    <t>Chak No 212 Gb</t>
  </si>
  <si>
    <t>211 Gb</t>
  </si>
  <si>
    <t>SHAFQAT ARA</t>
  </si>
  <si>
    <t>GGES 214 EB</t>
  </si>
  <si>
    <t>RAHIM SHAH-FEMALE</t>
  </si>
  <si>
    <t>214 EB</t>
  </si>
  <si>
    <t>chak no.214 E.B vehari</t>
  </si>
  <si>
    <t>Chak No 214 EB Vehari</t>
  </si>
  <si>
    <t>58 WB</t>
  </si>
  <si>
    <t>NUSRAT KALSOOM</t>
  </si>
  <si>
    <t>GGES 216/9-R</t>
  </si>
  <si>
    <t>FTS-IV-FEMALE</t>
  </si>
  <si>
    <t>216 /9 R</t>
  </si>
  <si>
    <t>chak no216 /9. r   FORT ABBS BAHAWAL  NAGAR</t>
  </si>
  <si>
    <t>216 /9r</t>
  </si>
  <si>
    <t>213/ 9r</t>
  </si>
  <si>
    <t>Samera Anwar</t>
  </si>
  <si>
    <t>GGES 218/GB</t>
  </si>
  <si>
    <t>218 Gb</t>
  </si>
  <si>
    <t>chak no 218 gb</t>
  </si>
  <si>
    <t>Chak No 218 Gb</t>
  </si>
  <si>
    <t>Chak 221 Gb</t>
  </si>
  <si>
    <t>GGES 219 RB SHER SINGH WALA</t>
  </si>
  <si>
    <t>CITY 3 - FEMALE</t>
  </si>
  <si>
    <t>SherSingh Wala</t>
  </si>
  <si>
    <t>GGESchool 219 RB SherSingh Wala</t>
  </si>
  <si>
    <t>219RB</t>
  </si>
  <si>
    <t>Shakilla Tabussem</t>
  </si>
  <si>
    <t>GGES 219 RB TALAINA WALA</t>
  </si>
  <si>
    <t>CITY 4 - FEMALE</t>
  </si>
  <si>
    <t>219 Rb Talian Wala</t>
  </si>
  <si>
    <t>Gges 219 rb talian wala</t>
  </si>
  <si>
    <t>Anjum Robina</t>
  </si>
  <si>
    <t>GGES 22 GHAGH, ABDUL HAKIM</t>
  </si>
  <si>
    <t>22ghagh</t>
  </si>
  <si>
    <t>ggms 22 ghagh</t>
  </si>
  <si>
    <t>22 Ghagh</t>
  </si>
  <si>
    <t>9ghagh</t>
  </si>
  <si>
    <t>GUL  NASREEN</t>
  </si>
  <si>
    <t>GGES 22/11-L</t>
  </si>
  <si>
    <t>Chak 22/11-L</t>
  </si>
  <si>
    <t>chak no 22/11-L</t>
  </si>
  <si>
    <t>22/11-L</t>
  </si>
  <si>
    <t>23/11-L</t>
  </si>
  <si>
    <t>Shazia Akram</t>
  </si>
  <si>
    <t>GGES 220 RB BABO WALA</t>
  </si>
  <si>
    <t>street no. 14 gges 220 rb babuwala fsd</t>
  </si>
  <si>
    <t>220 Rb Babuwala</t>
  </si>
  <si>
    <t>Rasheed abad</t>
  </si>
  <si>
    <t>Balqees akhter</t>
  </si>
  <si>
    <t>GGES 225 EB</t>
  </si>
  <si>
    <t>Chak No 225/EB</t>
  </si>
  <si>
    <t>UC 225/EB</t>
  </si>
  <si>
    <t>samina jabeen</t>
  </si>
  <si>
    <t>GGES 228 EB</t>
  </si>
  <si>
    <t>228-EB</t>
  </si>
  <si>
    <t>chak No.228EB Vehari</t>
  </si>
  <si>
    <t>194EB</t>
  </si>
  <si>
    <t>Sumaira Muneeb</t>
  </si>
  <si>
    <t>GGES 229/9-R</t>
  </si>
  <si>
    <t>229/ 9 R</t>
  </si>
  <si>
    <t>Chak No. 229/9-R</t>
  </si>
  <si>
    <t>229/9R</t>
  </si>
  <si>
    <t>209/9R</t>
  </si>
  <si>
    <t>Zarina Azmat</t>
  </si>
  <si>
    <t>GGES 23/11-L</t>
  </si>
  <si>
    <t>Chak No23/11-L</t>
  </si>
  <si>
    <t>chak no 23/11-L</t>
  </si>
  <si>
    <t>Chak no 23 /11-L</t>
  </si>
  <si>
    <t>Chak no 23/11-L</t>
  </si>
  <si>
    <t>Hina Parveen</t>
  </si>
  <si>
    <t>GGES 230/9-R</t>
  </si>
  <si>
    <t>Chak No 230 /9R</t>
  </si>
  <si>
    <t>chak 230 /9.R</t>
  </si>
  <si>
    <t>Chak No 230 9r</t>
  </si>
  <si>
    <t>209 /9R</t>
  </si>
  <si>
    <t>Zahida Parveen</t>
  </si>
  <si>
    <t>GGES 231 EB</t>
  </si>
  <si>
    <t>GAGGOO WEST-FEMALE</t>
  </si>
  <si>
    <t>Chak no 231/EB Burewala</t>
  </si>
  <si>
    <t>231/EB</t>
  </si>
  <si>
    <t>223/EB</t>
  </si>
  <si>
    <t>Parveen Akhtr</t>
  </si>
  <si>
    <t>GGES 233 RB HARI SINGH WALA</t>
  </si>
  <si>
    <t>Harisingh Wala</t>
  </si>
  <si>
    <t>233rbHarisinghwala Fsd</t>
  </si>
  <si>
    <t>233RbHarisinghwala</t>
  </si>
  <si>
    <t>233Rb1</t>
  </si>
  <si>
    <t>Maqsooda</t>
  </si>
  <si>
    <t>GGES 235 GB</t>
  </si>
  <si>
    <t>Chak No 235 GB Jaranwala District Faisal Abad</t>
  </si>
  <si>
    <t>Nasira Lodhi</t>
  </si>
  <si>
    <t>GGES 24 M</t>
  </si>
  <si>
    <t>DUNYAPUR - FEMALE</t>
  </si>
  <si>
    <t>24/M</t>
  </si>
  <si>
    <t>CHAK NO 24/M</t>
  </si>
  <si>
    <t>DUNYA PUR DEHI</t>
  </si>
  <si>
    <t>IQRA ISHFAQ</t>
  </si>
  <si>
    <t>GGES 243/EB</t>
  </si>
  <si>
    <t>243-EB</t>
  </si>
  <si>
    <t>Chak 243-E.B teh burewala dist Vehari</t>
  </si>
  <si>
    <t>283 EB</t>
  </si>
  <si>
    <t>Shazia Sarfraz</t>
  </si>
  <si>
    <t>GGES 245 EB</t>
  </si>
  <si>
    <t>Ch#245/EB</t>
  </si>
  <si>
    <t>ch#245/E.B. Tehsil Burewala. Dist. Vehari.</t>
  </si>
  <si>
    <t>245/EB</t>
  </si>
  <si>
    <t>Ch#247/EB</t>
  </si>
  <si>
    <t>GGES 248/HL</t>
  </si>
  <si>
    <t>FTS-X-FEMALE</t>
  </si>
  <si>
    <t>248/HL</t>
  </si>
  <si>
    <t>Chak no 248HL cholistan</t>
  </si>
  <si>
    <t>Mir garh</t>
  </si>
  <si>
    <t>Razia umer din</t>
  </si>
  <si>
    <t>GGES 249EB</t>
  </si>
  <si>
    <t>249/Eb</t>
  </si>
  <si>
    <t>chak no.249/e.b</t>
  </si>
  <si>
    <t>Chak No 247/Eb</t>
  </si>
  <si>
    <t>Raheela Firdous</t>
  </si>
  <si>
    <t>GGES 24-GD</t>
  </si>
  <si>
    <t>GOGERA-FEMALE</t>
  </si>
  <si>
    <t>24 Gd</t>
  </si>
  <si>
    <t>24 GD okara</t>
  </si>
  <si>
    <t>24 GD</t>
  </si>
  <si>
    <t>kosar perveen</t>
  </si>
  <si>
    <t>GGES 25 KB</t>
  </si>
  <si>
    <t>25kb</t>
  </si>
  <si>
    <t>chak no 25kb tehsil arif wala district pakpatan</t>
  </si>
  <si>
    <t>Nasim</t>
  </si>
  <si>
    <t>GGES 25/14-L</t>
  </si>
  <si>
    <t>MUTANWALA-FEMALE</t>
  </si>
  <si>
    <t>25/14</t>
  </si>
  <si>
    <t>chak no 25/14 teh cci sahiwal</t>
  </si>
  <si>
    <t>Chak 25/14</t>
  </si>
  <si>
    <t>23/14</t>
  </si>
  <si>
    <t>Safoora Hashmi</t>
  </si>
  <si>
    <t>GGES 251 EB NEW</t>
  </si>
  <si>
    <t>251/EB</t>
  </si>
  <si>
    <t>Uzma Mumtaz Wattoo</t>
  </si>
  <si>
    <t>GGES 258/HL</t>
  </si>
  <si>
    <t>FTS-VIII-FEMALE</t>
  </si>
  <si>
    <t>258HL</t>
  </si>
  <si>
    <t>Chak No. 258hl Fortabbas</t>
  </si>
  <si>
    <t>258hl</t>
  </si>
  <si>
    <t>Bushra Farid</t>
  </si>
  <si>
    <t>GGES 26 GHAGH, ABDUL HAKIM</t>
  </si>
  <si>
    <t>HAVELI KORANGA - FEMALE</t>
  </si>
  <si>
    <t>26 Ghagh</t>
  </si>
  <si>
    <t>adda 25 pul,chak#26 ghagh,kabirwala,khanewal</t>
  </si>
  <si>
    <t>Rehana Anjum</t>
  </si>
  <si>
    <t>GGES 26/11-L</t>
  </si>
  <si>
    <t>26/11-l</t>
  </si>
  <si>
    <t>26/11-l ghaziabad cci</t>
  </si>
  <si>
    <t>30/11-l</t>
  </si>
  <si>
    <t>Fariha Tahir</t>
  </si>
  <si>
    <t>GGES 26/M</t>
  </si>
  <si>
    <t>26/m</t>
  </si>
  <si>
    <t>chak no 26/m</t>
  </si>
  <si>
    <t>chak no 35/m</t>
  </si>
  <si>
    <t>Tanzeela Sadaf</t>
  </si>
  <si>
    <t>GGES 260/HR</t>
  </si>
  <si>
    <t>Walhar Sharif</t>
  </si>
  <si>
    <t>GOVT girls elementary school 260/hr</t>
  </si>
  <si>
    <t>260 /hr</t>
  </si>
  <si>
    <t>Chak No260/hr</t>
  </si>
  <si>
    <t>Sara Saleem</t>
  </si>
  <si>
    <t>GGES 261 EB</t>
  </si>
  <si>
    <t>261/E.B Burewala</t>
  </si>
  <si>
    <t>Sidra Tabasum</t>
  </si>
  <si>
    <t>GGES 263/EB</t>
  </si>
  <si>
    <t>327-EB</t>
  </si>
  <si>
    <t>263-EB</t>
  </si>
  <si>
    <t>265-EB</t>
  </si>
  <si>
    <t>sarfaraz</t>
  </si>
  <si>
    <t>GGES 267 EB</t>
  </si>
  <si>
    <t>267/EB</t>
  </si>
  <si>
    <t>GGES 267/EB</t>
  </si>
  <si>
    <t>GGES 269 WB</t>
  </si>
  <si>
    <t>269/wb</t>
  </si>
  <si>
    <t>GGES 269/wb</t>
  </si>
  <si>
    <t>Noorghar</t>
  </si>
  <si>
    <t>Fozia Parveen</t>
  </si>
  <si>
    <t>GGES 27 DB</t>
  </si>
  <si>
    <t>MUZAFFAR PUR SOUTH  NO.1-FEMALE</t>
  </si>
  <si>
    <t>27db</t>
  </si>
  <si>
    <t>gges27db village and post office 27db tehsil and dist. mianwali</t>
  </si>
  <si>
    <t>Shanaz bibi</t>
  </si>
  <si>
    <t>GGES 27 GHAH, ABDUL HAKIM</t>
  </si>
  <si>
    <t>27 Ghagh</t>
  </si>
  <si>
    <t>27 Ghagh, P/O 25 Pul, Tehsil Kabirwala, Dist Khanewal</t>
  </si>
  <si>
    <t>GGES 27 SP</t>
  </si>
  <si>
    <t>27/sp</t>
  </si>
  <si>
    <t>G G E School 27/sp</t>
  </si>
  <si>
    <t>27sp</t>
  </si>
  <si>
    <t>Dhapi</t>
  </si>
  <si>
    <t>Mumtaz Naseem</t>
  </si>
  <si>
    <t>GGES 27/10-R, KACHA KHUH</t>
  </si>
  <si>
    <t>27/10R kacha khuh district khanewal</t>
  </si>
  <si>
    <t>27/10R</t>
  </si>
  <si>
    <t>Farhat Kulsoom</t>
  </si>
  <si>
    <t>GGES 27/P</t>
  </si>
  <si>
    <t>Hasowala</t>
  </si>
  <si>
    <t>chak 27/p dakh kjana bagjo bahar..teh..kpr..distt..ryk</t>
  </si>
  <si>
    <t>27/p</t>
  </si>
  <si>
    <t>Fouzia Maqbool</t>
  </si>
  <si>
    <t>GGES 275 EB</t>
  </si>
  <si>
    <t>275/eb</t>
  </si>
  <si>
    <t>275/e.b</t>
  </si>
  <si>
    <t>283/eb</t>
  </si>
  <si>
    <t>Madeeha Arshad</t>
  </si>
  <si>
    <t>GGES 28 EB</t>
  </si>
  <si>
    <t>28 Eb</t>
  </si>
  <si>
    <t>chak no 28 eb teh arifwala Distt pakpattan</t>
  </si>
  <si>
    <t>34 Eb</t>
  </si>
  <si>
    <t>Sofia Tubassam</t>
  </si>
  <si>
    <t>GGES 28/2L</t>
  </si>
  <si>
    <t>28/2L</t>
  </si>
  <si>
    <t>chak#28/2L</t>
  </si>
  <si>
    <t>24/2L</t>
  </si>
  <si>
    <t>Hina Gilani</t>
  </si>
  <si>
    <t>GGES 281 EB</t>
  </si>
  <si>
    <t>281/eb</t>
  </si>
  <si>
    <t>chak no 281/eb</t>
  </si>
  <si>
    <t>Chak No 281/eb</t>
  </si>
  <si>
    <t>Chak No 291/eb</t>
  </si>
  <si>
    <t>Nusrat Majeed</t>
  </si>
  <si>
    <t>GGES 287 EB</t>
  </si>
  <si>
    <t>287eb</t>
  </si>
  <si>
    <t>Gov girls middle school 287eb</t>
  </si>
  <si>
    <t>287EB</t>
  </si>
  <si>
    <t>PARVEEN SARDAR</t>
  </si>
  <si>
    <t>GGES 289/E.B</t>
  </si>
  <si>
    <t>Govt Girls Elementary school 289/E.B Burewala</t>
  </si>
  <si>
    <t>289/EB</t>
  </si>
  <si>
    <t>NABILA KOUSAR</t>
  </si>
  <si>
    <t>GGES 29 SP</t>
  </si>
  <si>
    <t>MALKA HANS 1 - FEMALE</t>
  </si>
  <si>
    <t>29/Sp</t>
  </si>
  <si>
    <t>29/sp</t>
  </si>
  <si>
    <t>26/Sp</t>
  </si>
  <si>
    <t>Haleema Hamza</t>
  </si>
  <si>
    <t>GGES 293/HR</t>
  </si>
  <si>
    <t>293/HR</t>
  </si>
  <si>
    <t>GGES 293/HR, FORTABBAS</t>
  </si>
  <si>
    <t>MEER GHAR</t>
  </si>
  <si>
    <t>Sadia Tabbssum</t>
  </si>
  <si>
    <t>GGES 29-D</t>
  </si>
  <si>
    <t>29/d</t>
  </si>
  <si>
    <t>29/d dak khana shairgharh depalpr</t>
  </si>
  <si>
    <t>Qila Jwind Sing</t>
  </si>
  <si>
    <t>Perveen Alhtar</t>
  </si>
  <si>
    <t>GGES 2-MR P/O MAKHDOOM RASHEED</t>
  </si>
  <si>
    <t>2mr</t>
  </si>
  <si>
    <t>G g e s 2mr makhdoom rasheed multan</t>
  </si>
  <si>
    <t>Akbari Begum</t>
  </si>
  <si>
    <t>GGES 3 KMR MULTAN</t>
  </si>
  <si>
    <t>3KMR</t>
  </si>
  <si>
    <t>3KMR Multan P.O. Kot Abbas Shaheed</t>
  </si>
  <si>
    <t>Kot Mela Raam</t>
  </si>
  <si>
    <t>Khadija Shaukat</t>
  </si>
  <si>
    <t>GGES 3 M</t>
  </si>
  <si>
    <t>Chak 3M</t>
  </si>
  <si>
    <t>GGES chak 3M teh duyapur dist lodhran</t>
  </si>
  <si>
    <t>3M</t>
  </si>
  <si>
    <t>Sultana Bibi</t>
  </si>
  <si>
    <t>GGES 3 MR NEAR ADDA 9 KASSI</t>
  </si>
  <si>
    <t>chak no 3 m.r near adda 9 kassi p/o makhdoom rashid</t>
  </si>
  <si>
    <t>3MR</t>
  </si>
  <si>
    <t>Makhdoom rasheed</t>
  </si>
  <si>
    <t>Noreen Monawer</t>
  </si>
  <si>
    <t>GGES 3/10-L</t>
  </si>
  <si>
    <t>GGES Chak No 3/10-L Harappa</t>
  </si>
  <si>
    <t>Jinnah Town Harappa Station Harappa Station</t>
  </si>
  <si>
    <t>GGES 3/AH, KHANEWAL</t>
  </si>
  <si>
    <t>3/AH</t>
  </si>
  <si>
    <t>4/AH</t>
  </si>
  <si>
    <t>Aisha Khalid</t>
  </si>
  <si>
    <t>GGES 30 EB KALAN</t>
  </si>
  <si>
    <t>30/eb</t>
  </si>
  <si>
    <t>chak no 30/eb</t>
  </si>
  <si>
    <t>34/eb</t>
  </si>
  <si>
    <t>Samreen Ashraf</t>
  </si>
  <si>
    <t>GGES 30/11-L</t>
  </si>
  <si>
    <t>Chan.No.30/11-L, Tehsil,Chichawatni, Distt.Sahiwal</t>
  </si>
  <si>
    <t>shazia andleeb</t>
  </si>
  <si>
    <t>GGES 301 EB</t>
  </si>
  <si>
    <t>301/eb</t>
  </si>
  <si>
    <t>301/eb, burewala</t>
  </si>
  <si>
    <t>327/eb</t>
  </si>
  <si>
    <t>Asia Rani</t>
  </si>
  <si>
    <t>GGES 301 WB</t>
  </si>
  <si>
    <t>gges301wb tehseel dunyapur</t>
  </si>
  <si>
    <t>Maqbool Wah</t>
  </si>
  <si>
    <t>Samina Shaheen</t>
  </si>
  <si>
    <t>GGES 305 HR</t>
  </si>
  <si>
    <t>305/hr</t>
  </si>
  <si>
    <t>Chak no 305/hr</t>
  </si>
  <si>
    <t>304/hr</t>
  </si>
  <si>
    <t>Raheela Tahir</t>
  </si>
  <si>
    <t>GGES 313/WB</t>
  </si>
  <si>
    <t>313wb</t>
  </si>
  <si>
    <t>chak no 313 wb</t>
  </si>
  <si>
    <t>313 WB</t>
  </si>
  <si>
    <t>Sultan Arub Qatal</t>
  </si>
  <si>
    <t>GGES 317 EB (SHARQI)</t>
  </si>
  <si>
    <t>Deewan Sahib</t>
  </si>
  <si>
    <t>chak no 317</t>
  </si>
  <si>
    <t>317 Eb</t>
  </si>
  <si>
    <t>Aasiya Ahmed</t>
  </si>
  <si>
    <t>GGES 32/12-L</t>
  </si>
  <si>
    <t>32/12L</t>
  </si>
  <si>
    <t>chak no 32/12L tehsil  chichawatni. Distt. Sahiwal</t>
  </si>
  <si>
    <t>Chak  No 32/12L</t>
  </si>
  <si>
    <t>Chak  No  44/12L</t>
  </si>
  <si>
    <t>GGES 32/1-AL</t>
  </si>
  <si>
    <t>32/1-AL</t>
  </si>
  <si>
    <t>33/1-AL</t>
  </si>
  <si>
    <t>GGES 32/M</t>
  </si>
  <si>
    <t>32m</t>
  </si>
  <si>
    <t>32m chack</t>
  </si>
  <si>
    <t>35m</t>
  </si>
  <si>
    <t>Tehmina Begam</t>
  </si>
  <si>
    <t>GGES 321 WB</t>
  </si>
  <si>
    <t>321/wb</t>
  </si>
  <si>
    <t>GGES 321/ WB</t>
  </si>
  <si>
    <t>342/wb</t>
  </si>
  <si>
    <t>Assifa Bashir</t>
  </si>
  <si>
    <t>GGES 323 EB</t>
  </si>
  <si>
    <t>323 EB</t>
  </si>
  <si>
    <t>265 EB</t>
  </si>
  <si>
    <t>Saima Sarwat</t>
  </si>
  <si>
    <t>GGES 32-35/14-L</t>
  </si>
  <si>
    <t>32-35/14-L</t>
  </si>
  <si>
    <t>Chak no 32-35/14-L Tehsil Chichawatni district Sahiwal</t>
  </si>
  <si>
    <t>31/14-L</t>
  </si>
  <si>
    <t>Sumera Gul</t>
  </si>
  <si>
    <t>hand pump+electric pump</t>
  </si>
  <si>
    <t>GGES 325 EB</t>
  </si>
  <si>
    <t>325 EB</t>
  </si>
  <si>
    <t>chak no 325 EB Burewala</t>
  </si>
  <si>
    <t>Ghulam Amna</t>
  </si>
  <si>
    <t>GGeS 33/10-R, KACHA KHUH (high level sne /notification not received yet )</t>
  </si>
  <si>
    <t>33/10-R</t>
  </si>
  <si>
    <t>Chak No.33/10-r Kacha Khuh</t>
  </si>
  <si>
    <t>33/10-r</t>
  </si>
  <si>
    <t>30/10-r</t>
  </si>
  <si>
    <t>Shagufta Rana</t>
  </si>
  <si>
    <t>GGES 33/12-L</t>
  </si>
  <si>
    <t>Chak No 33/12L</t>
  </si>
  <si>
    <t>chak no 33/12 l tehsil chichawatni district sahiwal</t>
  </si>
  <si>
    <t>Chak No 33/12 L</t>
  </si>
  <si>
    <t>LUBNA SHAHZADI</t>
  </si>
  <si>
    <t>GGES 33-1 AL</t>
  </si>
  <si>
    <t>33 1AL</t>
  </si>
  <si>
    <t>GGES 33 1AL</t>
  </si>
  <si>
    <t>331AL</t>
  </si>
  <si>
    <t>33 1-AL</t>
  </si>
  <si>
    <t>Fozia  Shaukat</t>
  </si>
  <si>
    <t>GGES 34 EB P.O 34 EB</t>
  </si>
  <si>
    <t>TARIKHNI - FEMALE</t>
  </si>
  <si>
    <t>34/EB</t>
  </si>
  <si>
    <t>chak/No 34/EB</t>
  </si>
  <si>
    <t>Sadaf rafiq</t>
  </si>
  <si>
    <t>GGES 34 SP</t>
  </si>
  <si>
    <t>34/sp</t>
  </si>
  <si>
    <t>Asia Jan Muhammad</t>
  </si>
  <si>
    <t>GGES 34 WB</t>
  </si>
  <si>
    <t>34/wb</t>
  </si>
  <si>
    <t>govt girls Elementary school 34/wb</t>
  </si>
  <si>
    <t>Qamar Fatima Sadiqee</t>
  </si>
  <si>
    <t>GGES 34/12-L</t>
  </si>
  <si>
    <t>34/12L</t>
  </si>
  <si>
    <t>chak # 34/12-L chichawatni</t>
  </si>
  <si>
    <t>Naheed Afzaal Kiani</t>
  </si>
  <si>
    <t>GGES 34/2.L</t>
  </si>
  <si>
    <t>KARMAN WALA - FEMALE</t>
  </si>
  <si>
    <t>32/2l</t>
  </si>
  <si>
    <t>34/2l</t>
  </si>
  <si>
    <t>Farida Akmal</t>
  </si>
  <si>
    <t>GGES 34/GD</t>
  </si>
  <si>
    <t>RAVI-FEMALE</t>
  </si>
  <si>
    <t>34GD</t>
  </si>
  <si>
    <t>Moza 34GD tehsil&amp;district Okara</t>
  </si>
  <si>
    <t>34 GD</t>
  </si>
  <si>
    <t>Shazia Hafiz</t>
  </si>
  <si>
    <t>GGES 344/WB</t>
  </si>
  <si>
    <t>344/wb</t>
  </si>
  <si>
    <t>chak no 344/wb</t>
  </si>
  <si>
    <t>Chak No 344/wb</t>
  </si>
  <si>
    <t>Sobia Nasir</t>
  </si>
  <si>
    <t>GGES 349 EB POST OFFICE chak 157/EB</t>
  </si>
  <si>
    <t>349/eb</t>
  </si>
  <si>
    <t>Chak no 349/eb,  Arifwala, Distt. Pakpattan.</t>
  </si>
  <si>
    <t>351/eb</t>
  </si>
  <si>
    <t>Aasma Batool</t>
  </si>
  <si>
    <t>GGES 34-D</t>
  </si>
  <si>
    <t>chak no 34-d tehsil depalpur</t>
  </si>
  <si>
    <t>34-d</t>
  </si>
  <si>
    <t>Shagufta Nosheen</t>
  </si>
  <si>
    <t>GGES 35 EB</t>
  </si>
  <si>
    <t>35eb</t>
  </si>
  <si>
    <t>g.g m/s 35 e.b arifwala dist pakpattan</t>
  </si>
  <si>
    <t>35 Eb</t>
  </si>
  <si>
    <t>75 Eb</t>
  </si>
  <si>
    <t>Shagufta Rasheed</t>
  </si>
  <si>
    <t>GGES 35 SP</t>
  </si>
  <si>
    <t>35/Sp</t>
  </si>
  <si>
    <t>35/sp</t>
  </si>
  <si>
    <t>Dhawana</t>
  </si>
  <si>
    <t>khalida jafar</t>
  </si>
  <si>
    <t>GGES 35/12-L</t>
  </si>
  <si>
    <t>35/12L</t>
  </si>
  <si>
    <t>10/11L</t>
  </si>
  <si>
    <t>Tahira Khatoon</t>
  </si>
  <si>
    <t>GGES 351 EB</t>
  </si>
  <si>
    <t>351/EB</t>
  </si>
  <si>
    <t>351/EB ARIFWALA</t>
  </si>
  <si>
    <t>Shahida Tasneem</t>
  </si>
  <si>
    <t>GGES 351/WB</t>
  </si>
  <si>
    <t>SULTAN AYOUB QATAL-FEMALE</t>
  </si>
  <si>
    <t>351/Wb</t>
  </si>
  <si>
    <t>chak no 351/wb</t>
  </si>
  <si>
    <t>355/Wb</t>
  </si>
  <si>
    <t>Hameeda Nasreen</t>
  </si>
  <si>
    <t>GGES 35-36 ML</t>
  </si>
  <si>
    <t>chak no35/36ml jandanwala</t>
  </si>
  <si>
    <t>Chak No35/36ml</t>
  </si>
  <si>
    <t>Fozia yameen</t>
  </si>
  <si>
    <t>GGES 357/GB</t>
  </si>
  <si>
    <t>DANAABAD - FEMALE</t>
  </si>
  <si>
    <t>Nelianwala</t>
  </si>
  <si>
    <t>govt girls elementary school 357Gb Nelianwala</t>
  </si>
  <si>
    <t>357gb Nelianwala</t>
  </si>
  <si>
    <t>GGES 359/WB</t>
  </si>
  <si>
    <t>359/wb</t>
  </si>
  <si>
    <t>tehsil dunipur distrct lodhran chk nmber 359/wb</t>
  </si>
  <si>
    <t>Chk Number360/wb</t>
  </si>
  <si>
    <t>Sadia Banoo</t>
  </si>
  <si>
    <t>GGES 36/12-L</t>
  </si>
  <si>
    <t>36/12-l</t>
  </si>
  <si>
    <t>chak no 36/12.l</t>
  </si>
  <si>
    <t>Zubaida Abida Hussain</t>
  </si>
  <si>
    <t>GGES 364/WB</t>
  </si>
  <si>
    <t>364wb</t>
  </si>
  <si>
    <t>chack no 364wb</t>
  </si>
  <si>
    <t>386wb</t>
  </si>
  <si>
    <t>lrshad begum</t>
  </si>
  <si>
    <t>GGES 365 EB</t>
  </si>
  <si>
    <t>365eb</t>
  </si>
  <si>
    <t>govt middle school 365 eb</t>
  </si>
  <si>
    <t>Chak No 365eb</t>
  </si>
  <si>
    <t>Robina Chaudhary</t>
  </si>
  <si>
    <t>GGES 36-A/4.L</t>
  </si>
  <si>
    <t>SHAHBORE - FEMALE</t>
  </si>
  <si>
    <t>36-A/4L</t>
  </si>
  <si>
    <t>chak no 36-A/4L okara</t>
  </si>
  <si>
    <t>Memoona Saleem</t>
  </si>
  <si>
    <t>GGES 370/WB</t>
  </si>
  <si>
    <t>BANGLABASANT - FEMALE</t>
  </si>
  <si>
    <t>370WB</t>
  </si>
  <si>
    <t>Chak No 370WB</t>
  </si>
  <si>
    <t>353WB</t>
  </si>
  <si>
    <t>Shabana Rasheed</t>
  </si>
  <si>
    <t>GGES 371/WB</t>
  </si>
  <si>
    <t>chak 371/WB</t>
  </si>
  <si>
    <t>371w.b</t>
  </si>
  <si>
    <t>371 WB</t>
  </si>
  <si>
    <t>rukhsana Lodhi</t>
  </si>
  <si>
    <t>GGES 372/WB</t>
  </si>
  <si>
    <t>Govt Girls Elementry School 372 W/B</t>
  </si>
  <si>
    <t>372 W/B</t>
  </si>
  <si>
    <t>386 W/B</t>
  </si>
  <si>
    <t>GGES 376/WB</t>
  </si>
  <si>
    <t>Chak#376/WB</t>
  </si>
  <si>
    <t>Chak#376/WB the dunyapur</t>
  </si>
  <si>
    <t>Chak#376z/WB</t>
  </si>
  <si>
    <t>CHAK#353/WB</t>
  </si>
  <si>
    <t>Rehana Jabeen</t>
  </si>
  <si>
    <t>GGES 378 GB</t>
  </si>
  <si>
    <t>Danaabad</t>
  </si>
  <si>
    <t>378 gb hamad ka chak</t>
  </si>
  <si>
    <t>378 Gb</t>
  </si>
  <si>
    <t>378gb</t>
  </si>
  <si>
    <t>RUKHSANA AKRAM</t>
  </si>
  <si>
    <t>GGES 378/W.B</t>
  </si>
  <si>
    <t>378/wb</t>
  </si>
  <si>
    <t>384/wb</t>
  </si>
  <si>
    <t>Aisha Habib</t>
  </si>
  <si>
    <t>GGES 379 GB</t>
  </si>
  <si>
    <t>chak#379 gb budday ka chak post office 378 tehsil jaranwala district faisalabad</t>
  </si>
  <si>
    <t>Chak #379</t>
  </si>
  <si>
    <t>Chak# 378</t>
  </si>
  <si>
    <t>Nargis Bano Daughter Of Muhammad Ibrahim</t>
  </si>
  <si>
    <t>GGES 379/W.B</t>
  </si>
  <si>
    <t>379wb</t>
  </si>
  <si>
    <t>g g e/s Chuck no 379/wb</t>
  </si>
  <si>
    <t>Chuck No 379/Wb</t>
  </si>
  <si>
    <t>Chuck No 384/Wb</t>
  </si>
  <si>
    <t>Iffat Ashfaq</t>
  </si>
  <si>
    <t>GGES 38/12-L</t>
  </si>
  <si>
    <t>38/12L</t>
  </si>
  <si>
    <t>38/12 L</t>
  </si>
  <si>
    <t>36 /12 L</t>
  </si>
  <si>
    <t>Rahila Fatima</t>
  </si>
  <si>
    <t>GGES 38/4.L</t>
  </si>
  <si>
    <t>38/4L</t>
  </si>
  <si>
    <t>chak no 38/4L</t>
  </si>
  <si>
    <t>Chak#37/4L</t>
  </si>
  <si>
    <t>Mehrunnisa</t>
  </si>
  <si>
    <t>GGES 380/W.B</t>
  </si>
  <si>
    <t>CHAK NO 380/WB</t>
  </si>
  <si>
    <t>GGES CHAK NO 380/WB</t>
  </si>
  <si>
    <t>MUSSARAT AZIZ</t>
  </si>
  <si>
    <t>GGES 381/W.B NO.1</t>
  </si>
  <si>
    <t>381/WB NO 1</t>
  </si>
  <si>
    <t>PO 384WB VILL CHAL 381WB TEHSIL DUNYAPURDIST LODHRAN</t>
  </si>
  <si>
    <t>CHAK NO 381WB</t>
  </si>
  <si>
    <t>CHAK 384/WB</t>
  </si>
  <si>
    <t>Nighat Fatima</t>
  </si>
  <si>
    <t>GGES 383/WB</t>
  </si>
  <si>
    <t>383/wb</t>
  </si>
  <si>
    <t>chak no.383/w.b dunya pur lodhran</t>
  </si>
  <si>
    <t>Bushra Ihsan</t>
  </si>
  <si>
    <t>GGES 384/WB</t>
  </si>
  <si>
    <t>GGES384/wb Tehsil dunyapur District lodhran</t>
  </si>
  <si>
    <t>Emal Arooj</t>
  </si>
  <si>
    <t>GGES 389/WB EAST</t>
  </si>
  <si>
    <t>Chak No 389/WB</t>
  </si>
  <si>
    <t>GGES Chak No. 389/WB East</t>
  </si>
  <si>
    <t>Sumaira Hashmi</t>
  </si>
  <si>
    <t>GGES 39 WB</t>
  </si>
  <si>
    <t>39 W/B</t>
  </si>
  <si>
    <t>chack no. 39 W/B vehari</t>
  </si>
  <si>
    <t>41 W/B Danewal</t>
  </si>
  <si>
    <t>TASNIM GHANI</t>
  </si>
  <si>
    <t>GGES 39/10-R, KACHA KHUH</t>
  </si>
  <si>
    <t>Kach Khuh</t>
  </si>
  <si>
    <t>chak no 39/10r khanewal</t>
  </si>
  <si>
    <t>39/10r</t>
  </si>
  <si>
    <t>Sana Ali</t>
  </si>
  <si>
    <t>GGES 3RD</t>
  </si>
  <si>
    <t>Rakh Dulle Wala</t>
  </si>
  <si>
    <t>chak no 3rdp/o dulle wala</t>
  </si>
  <si>
    <t>Chak No 3rd</t>
  </si>
  <si>
    <t>Rural Dulle Wala</t>
  </si>
  <si>
    <t>MUREED FATIMA</t>
  </si>
  <si>
    <t>GGES 3-T P/O 7-T</t>
  </si>
  <si>
    <t>Gges 3t p. o.  7t Multan</t>
  </si>
  <si>
    <t>3t</t>
  </si>
  <si>
    <t>Moza Chatha</t>
  </si>
  <si>
    <t>Nighat Noreen</t>
  </si>
  <si>
    <t>GGES 4 KMR MULTAN</t>
  </si>
  <si>
    <t>4kmr</t>
  </si>
  <si>
    <t>KotlaMaharan</t>
  </si>
  <si>
    <t>GGES 4 WB</t>
  </si>
  <si>
    <t>4 wb</t>
  </si>
  <si>
    <t>GGES4WB Vehari</t>
  </si>
  <si>
    <t>4WB</t>
  </si>
  <si>
    <t>Robina Yousaf</t>
  </si>
  <si>
    <t>water Filter</t>
  </si>
  <si>
    <t>GGES 4/D, ABDUL HAKIM</t>
  </si>
  <si>
    <t>4D</t>
  </si>
  <si>
    <t>chak#4d</t>
  </si>
  <si>
    <t>Chak#4d</t>
  </si>
  <si>
    <t>Chak#13d</t>
  </si>
  <si>
    <t>Shazia Anjum</t>
  </si>
  <si>
    <t>GGES 4/M</t>
  </si>
  <si>
    <t>4m</t>
  </si>
  <si>
    <t>chack 4m p/o rind jada tehsil dunyapur</t>
  </si>
  <si>
    <t>Maryam Shagufta Khan</t>
  </si>
  <si>
    <t>GGES 40 EB PO 40 EB ARIF WALA</t>
  </si>
  <si>
    <t>Chak 40EB</t>
  </si>
  <si>
    <t>Chak No. 40EB Arifwala</t>
  </si>
  <si>
    <t>Chak No 40EB</t>
  </si>
  <si>
    <t>Chak No 48EB</t>
  </si>
  <si>
    <t>GGES 40/14-L</t>
  </si>
  <si>
    <t>40 14L</t>
  </si>
  <si>
    <t>CHAK NO. 40 14L, TEHSIL CHICHAWATNI, SAHIWAL</t>
  </si>
  <si>
    <t>39 14L</t>
  </si>
  <si>
    <t>Farzana Saleem</t>
  </si>
  <si>
    <t>GGES 403 EB</t>
  </si>
  <si>
    <t>403/EB</t>
  </si>
  <si>
    <t>403/EB Burewala</t>
  </si>
  <si>
    <t>Zahida Ashraf</t>
  </si>
  <si>
    <t>GGES 403 GB I</t>
  </si>
  <si>
    <t>403 GB</t>
  </si>
  <si>
    <t>Chak No 403 GB</t>
  </si>
  <si>
    <t>Masraira Chak</t>
  </si>
  <si>
    <t>GGES 405 GB I</t>
  </si>
  <si>
    <t>Chak No 405 GB</t>
  </si>
  <si>
    <t>chak no 405 GB</t>
  </si>
  <si>
    <t>Chak 405 GB</t>
  </si>
  <si>
    <t>GGES 409 EB</t>
  </si>
  <si>
    <t>409 EB</t>
  </si>
  <si>
    <t>Chak No 409 EB Burewala</t>
  </si>
  <si>
    <t>403 EB</t>
  </si>
  <si>
    <t>GGES 41/ EB</t>
  </si>
  <si>
    <t>41EB</t>
  </si>
  <si>
    <t>chak 41EB Teh Arifwala District Pakpattan</t>
  </si>
  <si>
    <t>18Kb</t>
  </si>
  <si>
    <t>Rehana Shamsheer</t>
  </si>
  <si>
    <t>GGES 41/10-R, KACHA KHUH</t>
  </si>
  <si>
    <t>Govt.Girl middle school 41/10-R kwl</t>
  </si>
  <si>
    <t>41/10-R Kwl</t>
  </si>
  <si>
    <t>Yasmeen Ayub</t>
  </si>
  <si>
    <t>GGES 411 EB NEW</t>
  </si>
  <si>
    <t>411/EB</t>
  </si>
  <si>
    <t>GGES411/EB NEW</t>
  </si>
  <si>
    <t>Nusrat-un-NIsa</t>
  </si>
  <si>
    <t>GGES 411 GB</t>
  </si>
  <si>
    <t>411 GB</t>
  </si>
  <si>
    <t>Gges 411\1 G.B</t>
  </si>
  <si>
    <t>411/1 GB</t>
  </si>
  <si>
    <t>Ammara Saeed</t>
  </si>
  <si>
    <t>GGES 412 GB</t>
  </si>
  <si>
    <t>Kamyania</t>
  </si>
  <si>
    <t>govt. girls elementry school 412/1gb kamyana tandlianwala dictt. fsd</t>
  </si>
  <si>
    <t>412/1gb</t>
  </si>
  <si>
    <t>Noureen Akram</t>
  </si>
  <si>
    <t>motor pump,hand pump</t>
  </si>
  <si>
    <t>GGES 418 GB</t>
  </si>
  <si>
    <t>chak418gb</t>
  </si>
  <si>
    <t>Harrowala</t>
  </si>
  <si>
    <t>Burhan Di Jhok</t>
  </si>
  <si>
    <t>Ujala Akbar</t>
  </si>
  <si>
    <t>GGES 42/12-L</t>
  </si>
  <si>
    <t>42/12L</t>
  </si>
  <si>
    <t>Shagufta tahir</t>
  </si>
  <si>
    <t>GGES 42/G.D</t>
  </si>
  <si>
    <t>42/GD</t>
  </si>
  <si>
    <t>chak 42/GD</t>
  </si>
  <si>
    <t>Burj Jeway Khan</t>
  </si>
  <si>
    <t>Asma Noreen</t>
  </si>
  <si>
    <t>GGES 420 GB</t>
  </si>
  <si>
    <t>Burhan di jhook</t>
  </si>
  <si>
    <t>Chak No 420 GB</t>
  </si>
  <si>
    <t>Burhan ki jhook</t>
  </si>
  <si>
    <t>SAIMA AMEER</t>
  </si>
  <si>
    <t>GGES 421 GB</t>
  </si>
  <si>
    <t>BAHLAK 1 - FEMALE</t>
  </si>
  <si>
    <t>Kirpala</t>
  </si>
  <si>
    <t>Chak no 421gb tandlianwala</t>
  </si>
  <si>
    <t>Katto</t>
  </si>
  <si>
    <t>zainab rasool</t>
  </si>
  <si>
    <t>GGES 423 EB</t>
  </si>
  <si>
    <t>423/Eb</t>
  </si>
  <si>
    <t>g.g.e.school 423eb burewala</t>
  </si>
  <si>
    <t>423 Eb</t>
  </si>
  <si>
    <t>425 Eb</t>
  </si>
  <si>
    <t>GGES 423/GB</t>
  </si>
  <si>
    <t>Innovana</t>
  </si>
  <si>
    <t>GGES423gb</t>
  </si>
  <si>
    <t>GGES 425 TDA</t>
  </si>
  <si>
    <t>MIRHAN FEMALE</t>
  </si>
  <si>
    <t>chak no 425/TDA tehsil and district layyah</t>
  </si>
  <si>
    <t>CHAK NO 425 /TDA</t>
  </si>
  <si>
    <t>Peer Jaggi</t>
  </si>
  <si>
    <t>Shafqat Asia Hameed</t>
  </si>
  <si>
    <t>GGES 426/6-R</t>
  </si>
  <si>
    <t>HND-13-FEMALE</t>
  </si>
  <si>
    <t>426/6r</t>
  </si>
  <si>
    <t>chak no 426/6,r .tehsel haroonabad.district bhawlngr</t>
  </si>
  <si>
    <t>133/6r</t>
  </si>
  <si>
    <t>Fazilat Kouser</t>
  </si>
  <si>
    <t>GGES 427 GB</t>
  </si>
  <si>
    <t>427 GB</t>
  </si>
  <si>
    <t>GGES 427GB Tandlianwala</t>
  </si>
  <si>
    <t>599Ghulam Ki Jhok</t>
  </si>
  <si>
    <t>Rehana manzoor</t>
  </si>
  <si>
    <t>GGES 427/6-R</t>
  </si>
  <si>
    <t>HND-17-FEMALE</t>
  </si>
  <si>
    <t>427/6r</t>
  </si>
  <si>
    <t>chack 427/6.r P/O 108/6.r Teh Haroonabad Distt Bwn</t>
  </si>
  <si>
    <t>427/6/r</t>
  </si>
  <si>
    <t>109/6r</t>
  </si>
  <si>
    <t>Aneela  Javeed</t>
  </si>
  <si>
    <t>GGES 428 GB</t>
  </si>
  <si>
    <t>428gb</t>
  </si>
  <si>
    <t>chak no 428</t>
  </si>
  <si>
    <t>Chak No 428 Gb</t>
  </si>
  <si>
    <t>429gb</t>
  </si>
  <si>
    <t>Nyla Shaista</t>
  </si>
  <si>
    <t>GGES 43/12-L</t>
  </si>
  <si>
    <t>43/12L</t>
  </si>
  <si>
    <t>43/12.L</t>
  </si>
  <si>
    <t>Iffat Razzaq</t>
  </si>
  <si>
    <t>GGES 43/15-L, MIAN CHANNU</t>
  </si>
  <si>
    <t>43/15L</t>
  </si>
  <si>
    <t>chak no 43/15-L</t>
  </si>
  <si>
    <t>Chak No 43/15-L</t>
  </si>
  <si>
    <t>Chak No 44/15-L</t>
  </si>
  <si>
    <t>GGES 43/SP KHURPA</t>
  </si>
  <si>
    <t>43sp Khurpa</t>
  </si>
  <si>
    <t>43/sp khurpa</t>
  </si>
  <si>
    <t>Boonga Saleh</t>
  </si>
  <si>
    <t>GGES 430 GB</t>
  </si>
  <si>
    <t>Chak No 430 GB</t>
  </si>
  <si>
    <t>Chak no 429 GB</t>
  </si>
  <si>
    <t>Farah Batool</t>
  </si>
  <si>
    <t>GGES 432/6-R WEST</t>
  </si>
  <si>
    <t>HDN-18-FEMALE</t>
  </si>
  <si>
    <t>432/6R  West</t>
  </si>
  <si>
    <t>Govt Girls Elementary school 432/6R west. Tehsil haroonabad district bahawalnagar</t>
  </si>
  <si>
    <t>432/6R West</t>
  </si>
  <si>
    <t>Chak No 432/6R W</t>
  </si>
  <si>
    <t>GGES 435 EB</t>
  </si>
  <si>
    <t>Chak 435/EB Burewala</t>
  </si>
  <si>
    <t>Ward No 21</t>
  </si>
  <si>
    <t>Faiza Arshad</t>
  </si>
  <si>
    <t>GGES 44/15-L, MIAN CHANNU</t>
  </si>
  <si>
    <t>44/15-L</t>
  </si>
  <si>
    <t>Chak # 44/15-L Post Office.Mian Channu</t>
  </si>
  <si>
    <t>Chak # 44/15-L</t>
  </si>
  <si>
    <t>Fakhira Jabeen</t>
  </si>
  <si>
    <t>GGES 45/2-L</t>
  </si>
  <si>
    <t>45/2l</t>
  </si>
  <si>
    <t>45/2l Okara</t>
  </si>
  <si>
    <t>44/2l</t>
  </si>
  <si>
    <t>Sumaira Munir</t>
  </si>
  <si>
    <t>GGES 45/5-L</t>
  </si>
  <si>
    <t>YOUSAF WALA-B-FEMALE</t>
  </si>
  <si>
    <t>45/5l</t>
  </si>
  <si>
    <t>GGELMSchool 45/5l</t>
  </si>
  <si>
    <t>44/5l Fujian</t>
  </si>
  <si>
    <t>Sajila Shafique</t>
  </si>
  <si>
    <t>GGES 45/F</t>
  </si>
  <si>
    <t>45/f</t>
  </si>
  <si>
    <t>Chan no 45/f</t>
  </si>
  <si>
    <t>Tabasum Wali</t>
  </si>
  <si>
    <t>GGES 45/G.D OKARA</t>
  </si>
  <si>
    <t>SHEIKHU SHARIF - FEMALE</t>
  </si>
  <si>
    <t>45gd</t>
  </si>
  <si>
    <t>chak no 45gd p/o 49/3r district okara</t>
  </si>
  <si>
    <t>Nabila Zulfiqar</t>
  </si>
  <si>
    <t>GGES 45/S.P</t>
  </si>
  <si>
    <t>45 SP</t>
  </si>
  <si>
    <t>45 sp</t>
  </si>
  <si>
    <t>bhoman shah</t>
  </si>
  <si>
    <t>lubna shafi</t>
  </si>
  <si>
    <t>GGES 453 EB</t>
  </si>
  <si>
    <t>Chak 453/EB</t>
  </si>
  <si>
    <t>chak no 453EB burewala</t>
  </si>
  <si>
    <t>Chak 457/EB</t>
  </si>
  <si>
    <t>Chak 457EB</t>
  </si>
  <si>
    <t>Tahmina Asghar</t>
  </si>
  <si>
    <t>GGES 457/EB</t>
  </si>
  <si>
    <t>457 EB</t>
  </si>
  <si>
    <t>CHAK NO. 457/EB BUREWALA</t>
  </si>
  <si>
    <t>457EB</t>
  </si>
  <si>
    <t>GGES 46 EB PO 46 EB</t>
  </si>
  <si>
    <t>Chak  No 46/eb</t>
  </si>
  <si>
    <t>chak no 46/eb arifwala</t>
  </si>
  <si>
    <t>46 /eb</t>
  </si>
  <si>
    <t>48/eb</t>
  </si>
  <si>
    <t>Sumaira Saeed</t>
  </si>
  <si>
    <t>GGES 46/15-L, MIAN CHANNU</t>
  </si>
  <si>
    <t>chak# 46 15L</t>
  </si>
  <si>
    <t>46 15L</t>
  </si>
  <si>
    <t>124 15L</t>
  </si>
  <si>
    <t>Mrs Shahnaz Jabbar</t>
  </si>
  <si>
    <t>GGES 46/3.R</t>
  </si>
  <si>
    <t>BURAJ JIWE KHAN-FEMALE</t>
  </si>
  <si>
    <t>46/3R</t>
  </si>
  <si>
    <t>village 46/3R okara</t>
  </si>
  <si>
    <t>48/3R</t>
  </si>
  <si>
    <t>Huma Siddique</t>
  </si>
  <si>
    <t>GGES 46/P</t>
  </si>
  <si>
    <t>ShahGarh</t>
  </si>
  <si>
    <t>chak46/pPoBoxNo47/p</t>
  </si>
  <si>
    <t>Chak46/P</t>
  </si>
  <si>
    <t>Bahshti</t>
  </si>
  <si>
    <t>Kousar Tasneem</t>
  </si>
  <si>
    <t>GGES 462 GB</t>
  </si>
  <si>
    <t>Esanagri</t>
  </si>
  <si>
    <t>Govt Girls school 462gb</t>
  </si>
  <si>
    <t>462gb</t>
  </si>
  <si>
    <t>463gb</t>
  </si>
  <si>
    <t>nasreen fatima</t>
  </si>
  <si>
    <t>GGES 463 EB</t>
  </si>
  <si>
    <t>GGES 463 EB Burewala</t>
  </si>
  <si>
    <t>Chak No 447 EB</t>
  </si>
  <si>
    <t>Majeeda Akhtar</t>
  </si>
  <si>
    <t>GGES 47 2L</t>
  </si>
  <si>
    <t>47/2l</t>
  </si>
  <si>
    <t>Nadia Saddique</t>
  </si>
  <si>
    <t>GGES 47 WB</t>
  </si>
  <si>
    <t>DANEWAL-FEMALE</t>
  </si>
  <si>
    <t>47 WB</t>
  </si>
  <si>
    <t>53 WB</t>
  </si>
  <si>
    <t>Taoqeer Un Nisa</t>
  </si>
  <si>
    <t>GGES 47/12-L</t>
  </si>
  <si>
    <t>47/12L</t>
  </si>
  <si>
    <t>chak no 47/12L</t>
  </si>
  <si>
    <t>54/12L</t>
  </si>
  <si>
    <t>Saeeda Iqbal</t>
  </si>
  <si>
    <t>GGES 47/5-L</t>
  </si>
  <si>
    <t>47/5l</t>
  </si>
  <si>
    <t>Government Girls elementary school 47/5.l sahiwal</t>
  </si>
  <si>
    <t>60/5l</t>
  </si>
  <si>
    <t>GGES 47/P</t>
  </si>
  <si>
    <t>post office same teh RYK dist RYK</t>
  </si>
  <si>
    <t>47/p</t>
  </si>
  <si>
    <t>bahishtii</t>
  </si>
  <si>
    <t>GGES 471 EB</t>
  </si>
  <si>
    <t>chak # 471/eb</t>
  </si>
  <si>
    <t>Chak # 471/ Eb</t>
  </si>
  <si>
    <t>Sahrish Kiran</t>
  </si>
  <si>
    <t>GGES 473/GB</t>
  </si>
  <si>
    <t>Bamban</t>
  </si>
  <si>
    <t>chak no 473 gb bamban</t>
  </si>
  <si>
    <t>473gb Bamban</t>
  </si>
  <si>
    <t>479gb</t>
  </si>
  <si>
    <t>Iram Saba</t>
  </si>
  <si>
    <t>GGES 48 EB</t>
  </si>
  <si>
    <t>48 Eb</t>
  </si>
  <si>
    <t>chak no 48 eb arifwala</t>
  </si>
  <si>
    <t>Malka Amber Khatoon</t>
  </si>
  <si>
    <t>GGES 48/3-R</t>
  </si>
  <si>
    <t>Govt Girls E/S 48.3r okara</t>
  </si>
  <si>
    <t>48 /3r</t>
  </si>
  <si>
    <t>Shamim  Amanat</t>
  </si>
  <si>
    <t>GGES 480/GB</t>
  </si>
  <si>
    <t>Chak No 480 Gb</t>
  </si>
  <si>
    <t>Chak no 480 GB samundri</t>
  </si>
  <si>
    <t>Chak No 479</t>
  </si>
  <si>
    <t>Yasmeen Sardar</t>
  </si>
  <si>
    <t>GGES 487 EB</t>
  </si>
  <si>
    <t>487/eb Burewala</t>
  </si>
  <si>
    <t>chak no 487/e.b burewala</t>
  </si>
  <si>
    <t>495/eb</t>
  </si>
  <si>
    <t>GGES 489 EB</t>
  </si>
  <si>
    <t>Chak # 489/EB</t>
  </si>
  <si>
    <t>chak # 489/E.B Burewala</t>
  </si>
  <si>
    <t>Chak # 495/EB</t>
  </si>
  <si>
    <t>Zubaida Nazir</t>
  </si>
  <si>
    <t>GGES 49/12-L</t>
  </si>
  <si>
    <t>49/12-l</t>
  </si>
  <si>
    <t>chak no 49/12-l</t>
  </si>
  <si>
    <t>Chak No 49/12-l</t>
  </si>
  <si>
    <t>Chak No 45/12-l</t>
  </si>
  <si>
    <t>Fahmida Tul Fatima</t>
  </si>
  <si>
    <t>GGES 49/2-L</t>
  </si>
  <si>
    <t>49/2-L</t>
  </si>
  <si>
    <t>GGES 49/2-L okara</t>
  </si>
  <si>
    <t>Chak No 31/2-L</t>
  </si>
  <si>
    <t>Nusrat Parveen</t>
  </si>
  <si>
    <t>GGES 490 GB</t>
  </si>
  <si>
    <t>490 G</t>
  </si>
  <si>
    <t>490 gb</t>
  </si>
  <si>
    <t>490gb</t>
  </si>
  <si>
    <t>490 Gb</t>
  </si>
  <si>
    <t>Memona Sharif</t>
  </si>
  <si>
    <t>GGES 491 EB</t>
  </si>
  <si>
    <t>chak 491/E.B Burewala</t>
  </si>
  <si>
    <t>491/EB</t>
  </si>
  <si>
    <t>Sabira Moqaddas</t>
  </si>
  <si>
    <t>GGES 494 GB</t>
  </si>
  <si>
    <t>Mamukanjan</t>
  </si>
  <si>
    <t>chak no 494 gb</t>
  </si>
  <si>
    <t>Chak No 494 Gb</t>
  </si>
  <si>
    <t>Chak No 507 Gb</t>
  </si>
  <si>
    <t>Rehana Lal</t>
  </si>
  <si>
    <t>GGES 499 EB</t>
  </si>
  <si>
    <t>Chak No 499eb</t>
  </si>
  <si>
    <t>chack no 499/E.B burewala</t>
  </si>
  <si>
    <t>GGES 5/4-L</t>
  </si>
  <si>
    <t>5/4L</t>
  </si>
  <si>
    <t>Chak No  5/4L Okara</t>
  </si>
  <si>
    <t>Okara City</t>
  </si>
  <si>
    <t>GGES 5/8-AR, TULAMBA</t>
  </si>
  <si>
    <t>5/8AR</t>
  </si>
  <si>
    <t>5/8 AR Kot Marth tulamba teh Mian channu khanewal</t>
  </si>
  <si>
    <t>Nasra Qamar</t>
  </si>
  <si>
    <t>electric color</t>
  </si>
  <si>
    <t>GGES 5/9-R, KACHA KHUH</t>
  </si>
  <si>
    <t>chak no.5/9-R p/o box kacha khuh union council 92</t>
  </si>
  <si>
    <t>5/9-R</t>
  </si>
  <si>
    <t>faiza akhtar</t>
  </si>
  <si>
    <t>GGES 5/S.P LADHUKA</t>
  </si>
  <si>
    <t>5sp Ladhuka</t>
  </si>
  <si>
    <t>GGES 5SP Ladhuka</t>
  </si>
  <si>
    <t>3sp</t>
  </si>
  <si>
    <t>Farzana Perveen</t>
  </si>
  <si>
    <t>GGES 50 WB</t>
  </si>
  <si>
    <t>PIPLI - FEMALE</t>
  </si>
  <si>
    <t>50 w/b</t>
  </si>
  <si>
    <t>daak khana khas 50 w/b</t>
  </si>
  <si>
    <t>52 w/b</t>
  </si>
  <si>
    <t>Asia Parveen</t>
  </si>
  <si>
    <t>GGES 50/15-L, MIAN CHANNU</t>
  </si>
  <si>
    <t>50/15-L</t>
  </si>
  <si>
    <t>Chak # 50/15-L mian channu</t>
  </si>
  <si>
    <t>93/15-L</t>
  </si>
  <si>
    <t>Alia Jamil</t>
  </si>
  <si>
    <t>GGES 50/5-L</t>
  </si>
  <si>
    <t>Chak No 50-5L</t>
  </si>
  <si>
    <t>GGES 50-5L</t>
  </si>
  <si>
    <t>60/5L</t>
  </si>
  <si>
    <t>Kauser Parveen</t>
  </si>
  <si>
    <t>GGES 503 EB</t>
  </si>
  <si>
    <t>chak no.503 EB Burewala</t>
  </si>
  <si>
    <t>503eb</t>
  </si>
  <si>
    <t>Chak 499</t>
  </si>
  <si>
    <t>Rizwana Waris</t>
  </si>
  <si>
    <t>GGES 51 WB</t>
  </si>
  <si>
    <t>51/wb</t>
  </si>
  <si>
    <t>house.no.6.street.no.4.faisal. town. vehari</t>
  </si>
  <si>
    <t>63/wb</t>
  </si>
  <si>
    <t>Darakshanda Anjum Siddiqi</t>
  </si>
  <si>
    <t>GGES 51/12-L</t>
  </si>
  <si>
    <t>KAMAND-FEMALE</t>
  </si>
  <si>
    <t>51/12-L</t>
  </si>
  <si>
    <t>51/12-l CHICHAWATNI</t>
  </si>
  <si>
    <t>50/12-L</t>
  </si>
  <si>
    <t>Mrs Sajida Perveen</t>
  </si>
  <si>
    <t>GGES 51/2.L</t>
  </si>
  <si>
    <t>chak no 51_2L</t>
  </si>
  <si>
    <t>51 2L</t>
  </si>
  <si>
    <t>52 2L</t>
  </si>
  <si>
    <t>Aisha Sadaf</t>
  </si>
  <si>
    <t>GGES 51/3.R</t>
  </si>
  <si>
    <t>52 3r</t>
  </si>
  <si>
    <t>gges 51 3r disttokara</t>
  </si>
  <si>
    <t>51 3r</t>
  </si>
  <si>
    <t>Fozia Ghafoor</t>
  </si>
  <si>
    <t>GGES 519 EB</t>
  </si>
  <si>
    <t>Chak No519/EB</t>
  </si>
  <si>
    <t>chak no.519/e.b Burewala</t>
  </si>
  <si>
    <t>Chak 519/EB</t>
  </si>
  <si>
    <t>Chak No515/EB</t>
  </si>
  <si>
    <t>Najma Wakeel</t>
  </si>
  <si>
    <t>GGES 52 EB PO 52 EB</t>
  </si>
  <si>
    <t>52 Eb</t>
  </si>
  <si>
    <t>GGES52 EB</t>
  </si>
  <si>
    <t>52eb</t>
  </si>
  <si>
    <t>48eb</t>
  </si>
  <si>
    <t>Robina Khan</t>
  </si>
  <si>
    <t>GGES 52/12-L</t>
  </si>
  <si>
    <t>Chak no 52/12L</t>
  </si>
  <si>
    <t>ChakNo 52/12L</t>
  </si>
  <si>
    <t>Kousar  Parveen</t>
  </si>
  <si>
    <t>GGES 53 EB</t>
  </si>
  <si>
    <t>53EB</t>
  </si>
  <si>
    <t>Chak no53 EB pakpattan road arifwala</t>
  </si>
  <si>
    <t>53 EB</t>
  </si>
  <si>
    <t>59EB</t>
  </si>
  <si>
    <t>shagufta bashir</t>
  </si>
  <si>
    <t>GGES 53 SP POST OFFICE JEVEN SHAH</t>
  </si>
  <si>
    <t>53 SP</t>
  </si>
  <si>
    <t>53sp arifwala</t>
  </si>
  <si>
    <t>jeewan shah</t>
  </si>
  <si>
    <t>Zoia zia khan</t>
  </si>
  <si>
    <t>GGES 53 WB</t>
  </si>
  <si>
    <t>gges53wb vehari</t>
  </si>
  <si>
    <t>53 Wb</t>
  </si>
  <si>
    <t>Muaffia Perveen</t>
  </si>
  <si>
    <t>GGES 53/1 TUKRA</t>
  </si>
  <si>
    <t>53/1 TUKRHA</t>
  </si>
  <si>
    <t>chak 53 1 TUKRHA</t>
  </si>
  <si>
    <t>Chak 53/1 Tukrha</t>
  </si>
  <si>
    <t>Darbar Salah Din</t>
  </si>
  <si>
    <t>Sidra</t>
  </si>
  <si>
    <t>GGES 53/2.L</t>
  </si>
  <si>
    <t>53/2-L</t>
  </si>
  <si>
    <t>chak No 53/2-L okara</t>
  </si>
  <si>
    <t>Tanzila Manzoor</t>
  </si>
  <si>
    <t>GGES 53/5-L</t>
  </si>
  <si>
    <t>BURJWALA A-FEMALE</t>
  </si>
  <si>
    <t>53/5 L</t>
  </si>
  <si>
    <t>Chak # 53/5 L dist Swl</t>
  </si>
  <si>
    <t>56/5 L</t>
  </si>
  <si>
    <t>Arifa Sadiqa</t>
  </si>
  <si>
    <t>GGES 53/GD</t>
  </si>
  <si>
    <t>NOOR SHAH-A-FEMALE</t>
  </si>
  <si>
    <t>53/GD</t>
  </si>
  <si>
    <t>53/Gd</t>
  </si>
  <si>
    <t>Afzal Bibi</t>
  </si>
  <si>
    <t>GGES 531 GB TEHSIL SAMUNDARI FSD</t>
  </si>
  <si>
    <t>chak no 531GB</t>
  </si>
  <si>
    <t>chak no 531GB,tehsil samundari</t>
  </si>
  <si>
    <t>chak no 41GB</t>
  </si>
  <si>
    <t>Fasiha Qayyum</t>
  </si>
  <si>
    <t>GGES 539 EB</t>
  </si>
  <si>
    <t>539/EB</t>
  </si>
  <si>
    <t>Chak#539/E.B Vehari</t>
  </si>
  <si>
    <t>537/EB</t>
  </si>
  <si>
    <t>Tahira Kalsoom</t>
  </si>
  <si>
    <t>GGES 54/12-L</t>
  </si>
  <si>
    <t>54/12 L</t>
  </si>
  <si>
    <t>AYESHA RAUF</t>
  </si>
  <si>
    <t>GGES 54/15-L, MIAN CHANNU</t>
  </si>
  <si>
    <t>59/15-L - FEMALE</t>
  </si>
  <si>
    <t>chak No. 54/15-L</t>
  </si>
  <si>
    <t>Govt. Girls Elementary School, 54/15-L Mian Channu, Khanewal.</t>
  </si>
  <si>
    <t>Chak No. 54/15-L</t>
  </si>
  <si>
    <t>Chak No. 57/15-L</t>
  </si>
  <si>
    <t>Rabia Shafique</t>
  </si>
  <si>
    <t>GGES 542 GB</t>
  </si>
  <si>
    <t>Baloana 542 GB</t>
  </si>
  <si>
    <t>chak no.542 GB Tehsil Tandlianwala Distt.faisalabad</t>
  </si>
  <si>
    <t>chak no 542 GB    Baloana</t>
  </si>
  <si>
    <t>454 GB Pahrri</t>
  </si>
  <si>
    <t>Mahnaz nasim</t>
  </si>
  <si>
    <t>GGES 544/GB I</t>
  </si>
  <si>
    <t>chak #544gb tehsil tandla distt fsd.</t>
  </si>
  <si>
    <t>544 Gb</t>
  </si>
  <si>
    <t>454gb</t>
  </si>
  <si>
    <t>Hina Naveed</t>
  </si>
  <si>
    <t>GGES 545/GB</t>
  </si>
  <si>
    <t>Kanjwani</t>
  </si>
  <si>
    <t>Mansoor k Malang 545 GB</t>
  </si>
  <si>
    <t>545 GB</t>
  </si>
  <si>
    <t>Ayesha Yaqoob</t>
  </si>
  <si>
    <t>GGES 547 EB</t>
  </si>
  <si>
    <t>547eb</t>
  </si>
  <si>
    <t>chak no 547/eb teh and distt vehari</t>
  </si>
  <si>
    <t>547/eb</t>
  </si>
  <si>
    <t>537/eb</t>
  </si>
  <si>
    <t>Nasira Kousar</t>
  </si>
  <si>
    <t>GGES 548/GB I</t>
  </si>
  <si>
    <t>Watowan</t>
  </si>
  <si>
    <t>548/1GB kalarwala</t>
  </si>
  <si>
    <t>Kalarwala</t>
  </si>
  <si>
    <t>Chak 548/1GB</t>
  </si>
  <si>
    <t>Rahila Kausar</t>
  </si>
  <si>
    <t>GGES 55 WB</t>
  </si>
  <si>
    <t>55wb</t>
  </si>
  <si>
    <t>chak no 55wb</t>
  </si>
  <si>
    <t>Samina Yaseen</t>
  </si>
  <si>
    <t>GGES 55/2.L</t>
  </si>
  <si>
    <t>55 2 L Okara</t>
  </si>
  <si>
    <t>G.G.E.S.55 2 l okara.</t>
  </si>
  <si>
    <t>55 2  L Okara</t>
  </si>
  <si>
    <t>54 2 Lokara</t>
  </si>
  <si>
    <t>Tallat Firdous</t>
  </si>
  <si>
    <t>GGES 56 EB PO DILU WALA BANGLA</t>
  </si>
  <si>
    <t>56/eb</t>
  </si>
  <si>
    <t>p/o 50 eb chak no 56/eb tehsil arifwala</t>
  </si>
  <si>
    <t>Bashiran Bibi</t>
  </si>
  <si>
    <t>GGES 56/12-L (M)</t>
  </si>
  <si>
    <t>OKANWALA GHARBI-FEMALE</t>
  </si>
  <si>
    <t>56/12 L Teh chichawatni district sahiwal</t>
  </si>
  <si>
    <t>56/12 L</t>
  </si>
  <si>
    <t>57/12 L</t>
  </si>
  <si>
    <t>Farzana Nazir</t>
  </si>
  <si>
    <t>GGES 56/5-L</t>
  </si>
  <si>
    <t>QADRA ABAD-B-FEMALE</t>
  </si>
  <si>
    <t>56/5L</t>
  </si>
  <si>
    <t>Chak No 56/5L Sahiwal</t>
  </si>
  <si>
    <t>56/ 5L</t>
  </si>
  <si>
    <t>Saima Mussarat</t>
  </si>
  <si>
    <t>GGES 56/GD</t>
  </si>
  <si>
    <t>56 GD</t>
  </si>
  <si>
    <t>GGES56GD 56G.D</t>
  </si>
  <si>
    <t>56GD</t>
  </si>
  <si>
    <t>59 GD</t>
  </si>
  <si>
    <t>Nighat Ismail</t>
  </si>
  <si>
    <t>GGES 567 GB II</t>
  </si>
  <si>
    <t>567gb2 daduka Jrw fsd</t>
  </si>
  <si>
    <t>567 Gb2 Daduka</t>
  </si>
  <si>
    <t>Aysha Batool</t>
  </si>
  <si>
    <t>GGES 569/EB</t>
  </si>
  <si>
    <t>GGES 569/eb vehari</t>
  </si>
  <si>
    <t>569/eb Vehari</t>
  </si>
  <si>
    <t>Nazia Arshid</t>
  </si>
  <si>
    <t>GGES 569/GB</t>
  </si>
  <si>
    <t>Abdulahkhanwala</t>
  </si>
  <si>
    <t>chak no 569 gb</t>
  </si>
  <si>
    <t>Abdulla Khanwala</t>
  </si>
  <si>
    <t>Chak No 569 gb</t>
  </si>
  <si>
    <t>Anum Saleem</t>
  </si>
  <si>
    <t>GGES 56-A/12-L</t>
  </si>
  <si>
    <t>Chak# 56A/12L Chichawatni</t>
  </si>
  <si>
    <t>chak No. 56A/12. chichawatni dist sahiwal</t>
  </si>
  <si>
    <t>Chak#56A/12L</t>
  </si>
  <si>
    <t>57/12L</t>
  </si>
  <si>
    <t>GGES 57 EB</t>
  </si>
  <si>
    <t>57eb</t>
  </si>
  <si>
    <t>Chak No 59eb</t>
  </si>
  <si>
    <t>Tahira Maqbool</t>
  </si>
  <si>
    <t>GGES 57/12-L</t>
  </si>
  <si>
    <t>5712/L</t>
  </si>
  <si>
    <t>GGES 57/4-R</t>
  </si>
  <si>
    <t>57/4r</t>
  </si>
  <si>
    <t>G.G.M.E/S  57/4r</t>
  </si>
  <si>
    <t>58/4r</t>
  </si>
  <si>
    <t>Anjum Riaz</t>
  </si>
  <si>
    <t>GGES 571 EB</t>
  </si>
  <si>
    <t>571 eb</t>
  </si>
  <si>
    <t>571 eb vehari</t>
  </si>
  <si>
    <t>571 Eb</t>
  </si>
  <si>
    <t>561eb</t>
  </si>
  <si>
    <t>Nasreen Muhammed Deen</t>
  </si>
  <si>
    <t>GGES 573 EB</t>
  </si>
  <si>
    <t>chak no573/eb vehari</t>
  </si>
  <si>
    <t>573/eb</t>
  </si>
  <si>
    <t>RizwanaTallat</t>
  </si>
  <si>
    <t>GGES 58/12-L</t>
  </si>
  <si>
    <t>58/12-L</t>
  </si>
  <si>
    <t>62 /12-L</t>
  </si>
  <si>
    <t>Nida Kanwal</t>
  </si>
  <si>
    <t>GGES 58/3 TUKRA HAJI GHULAM RASOOL BEHNI</t>
  </si>
  <si>
    <t>JAKHAR-FEMALE</t>
  </si>
  <si>
    <t>Chak Num 58/3</t>
  </si>
  <si>
    <t>58/3 ghulam rasool bhani</t>
  </si>
  <si>
    <t>58/3 Tukrra</t>
  </si>
  <si>
    <t>Chak 737gb</t>
  </si>
  <si>
    <t>mussarat perveen</t>
  </si>
  <si>
    <t>GGES 58/4-R</t>
  </si>
  <si>
    <t>58/4-R</t>
  </si>
  <si>
    <t>chak 58/4-R</t>
  </si>
  <si>
    <t>Chak 61/4-R</t>
  </si>
  <si>
    <t>Najma Parveen</t>
  </si>
  <si>
    <t>GGES 58/5-L</t>
  </si>
  <si>
    <t>58/5L Sahiwal</t>
  </si>
  <si>
    <t>chak no. 58/5.l sahiwal</t>
  </si>
  <si>
    <t>58/5l Sahiwal</t>
  </si>
  <si>
    <t>58/5l</t>
  </si>
  <si>
    <t>Amna Anwar</t>
  </si>
  <si>
    <t>GGES 59 EB</t>
  </si>
  <si>
    <t>Chak 59/EB</t>
  </si>
  <si>
    <t>GGES 59/EB Arifwala distt. Pakpattan</t>
  </si>
  <si>
    <t>Muzammil Sitara</t>
  </si>
  <si>
    <t>GGES 59/12-L</t>
  </si>
  <si>
    <t>59/12-l</t>
  </si>
  <si>
    <t>chak#59/12-l Tehsil Chichawatni District Sahiwal</t>
  </si>
  <si>
    <t>57/12-l</t>
  </si>
  <si>
    <t>Asma Kalsoom</t>
  </si>
  <si>
    <t>GGES 59/15-L, MIAN CHANNU</t>
  </si>
  <si>
    <t>59/15L</t>
  </si>
  <si>
    <t>59/15L tehsil mian channu district khanewal</t>
  </si>
  <si>
    <t>Umara Aslam</t>
  </si>
  <si>
    <t>GGES 592 GB</t>
  </si>
  <si>
    <t>Jhok Ahlu</t>
  </si>
  <si>
    <t>599 GB</t>
  </si>
  <si>
    <t>Aqsa Tanveer</t>
  </si>
  <si>
    <t>GGES 597 GB</t>
  </si>
  <si>
    <t>chak no 597 GB</t>
  </si>
  <si>
    <t>597 GB Jhok Bhuttay</t>
  </si>
  <si>
    <t>597 GB</t>
  </si>
  <si>
    <t>Sadia</t>
  </si>
  <si>
    <t>GGES 60/12-L</t>
  </si>
  <si>
    <t>60/12L</t>
  </si>
  <si>
    <t>chak no 60/12.L teh cci dist sahiwal</t>
  </si>
  <si>
    <t>Chak No 60/12L</t>
  </si>
  <si>
    <t>GGES 60/GB</t>
  </si>
  <si>
    <t>60Gb</t>
  </si>
  <si>
    <t>chak#60GB</t>
  </si>
  <si>
    <t>Chak#60GB</t>
  </si>
  <si>
    <t>58Gb</t>
  </si>
  <si>
    <t>GGES 603 GB</t>
  </si>
  <si>
    <t>603 Gb</t>
  </si>
  <si>
    <t>chak no 603 gb</t>
  </si>
  <si>
    <t>Chak No 603 Gb</t>
  </si>
  <si>
    <t>Anila Shahzad</t>
  </si>
  <si>
    <t>GGES 604 GB</t>
  </si>
  <si>
    <t>kalyaran</t>
  </si>
  <si>
    <t>Chak no 604 GB</t>
  </si>
  <si>
    <t>Chak No 603 GB</t>
  </si>
  <si>
    <t>Samina Aslam</t>
  </si>
  <si>
    <t>GGES 60-61/GD</t>
  </si>
  <si>
    <t>60-61GD sahiwal</t>
  </si>
  <si>
    <t>60-61GD</t>
  </si>
  <si>
    <t>59GD</t>
  </si>
  <si>
    <t>Shahnaz zafar</t>
  </si>
  <si>
    <t>GGES 61 EB</t>
  </si>
  <si>
    <t>61EB</t>
  </si>
  <si>
    <t>g g.e.s 61/eb arifwala.</t>
  </si>
  <si>
    <t>Nasira Rana</t>
  </si>
  <si>
    <t>GGES 61/4-R</t>
  </si>
  <si>
    <t>61/4r</t>
  </si>
  <si>
    <t>chak no 61/4r sahiwal</t>
  </si>
  <si>
    <t>Chak No 61/4r</t>
  </si>
  <si>
    <t>Gulnaz Parveen</t>
  </si>
  <si>
    <t>GGES 6-1AL</t>
  </si>
  <si>
    <t>6/1-A-L</t>
  </si>
  <si>
    <t>6/1-A-L Tehsil renala khurd District Okara</t>
  </si>
  <si>
    <t>Syeda Soria Bibi</t>
  </si>
  <si>
    <t>GGES 62 EB P/O 58 EB</t>
  </si>
  <si>
    <t>62EB</t>
  </si>
  <si>
    <t>dak Khana 58/eb chak no 62/eb</t>
  </si>
  <si>
    <t>62/eb</t>
  </si>
  <si>
    <t>66/Eb</t>
  </si>
  <si>
    <t>Afshan Hassan Tarar</t>
  </si>
  <si>
    <t>pump water coler</t>
  </si>
  <si>
    <t>GGES 62/15-L, P/O 67/15-L VIJIHIAN WALA, MIAN CHANNU</t>
  </si>
  <si>
    <t>62/15-l</t>
  </si>
  <si>
    <t>62/15-l vijhian walap</t>
  </si>
  <si>
    <t>59/15-l</t>
  </si>
  <si>
    <t>Asma Ishaq</t>
  </si>
  <si>
    <t>GGES 62/5-L</t>
  </si>
  <si>
    <t>62/5-L</t>
  </si>
  <si>
    <t>GGES chak# 62/5-L</t>
  </si>
  <si>
    <t>62/5L</t>
  </si>
  <si>
    <t>58/5-L Ghunu</t>
  </si>
  <si>
    <t>Shabana Amin</t>
  </si>
  <si>
    <t>GGES 621/GB</t>
  </si>
  <si>
    <t>Chak no 621G.B Teh.Tandlianwala Faisalabad</t>
  </si>
  <si>
    <t>Chak No 621 GB</t>
  </si>
  <si>
    <t>SHERAZA</t>
  </si>
  <si>
    <t>Saba Rani</t>
  </si>
  <si>
    <t>GGES 63/5-L</t>
  </si>
  <si>
    <t>63/5L</t>
  </si>
  <si>
    <t>chak#63/5L</t>
  </si>
  <si>
    <t>65/5L</t>
  </si>
  <si>
    <t>Tanzila Hanif</t>
  </si>
  <si>
    <t>GGES 64/12-L</t>
  </si>
  <si>
    <t>64/12-L</t>
  </si>
  <si>
    <t>chak no. 64/12-L tehsil chichawatni district sahiwal</t>
  </si>
  <si>
    <t>GGES 64/4-R KALAN</t>
  </si>
  <si>
    <t>64/4 r Kalan</t>
  </si>
  <si>
    <t>chak#64/4r kalan</t>
  </si>
  <si>
    <t>66/4 r</t>
  </si>
  <si>
    <t>Khalida Yousaf</t>
  </si>
  <si>
    <t>GGES 64/4-R KHURD</t>
  </si>
  <si>
    <t>64/4R Khurd</t>
  </si>
  <si>
    <t>64/4r khurd</t>
  </si>
  <si>
    <t>64/4r Khurd</t>
  </si>
  <si>
    <t>66/4r</t>
  </si>
  <si>
    <t>Kalsoom Babu Khan</t>
  </si>
  <si>
    <t>GGES 64/KB</t>
  </si>
  <si>
    <t>64/KB</t>
  </si>
  <si>
    <t>Chak No 64/KB</t>
  </si>
  <si>
    <t>GGES 647 GB</t>
  </si>
  <si>
    <t>Kot Balkaram</t>
  </si>
  <si>
    <t>Govt. girls Elementary school 647 gb</t>
  </si>
  <si>
    <t>647 gb</t>
  </si>
  <si>
    <t>647gb</t>
  </si>
  <si>
    <t>Makhdoom Bibi</t>
  </si>
  <si>
    <t>GGES 65/12-L</t>
  </si>
  <si>
    <t>chak no 31/14L.teh chichawtni</t>
  </si>
  <si>
    <t>65/12 L</t>
  </si>
  <si>
    <t>Riffat Yasmin</t>
  </si>
  <si>
    <t>GGES 65/AGD ZAKHRI</t>
  </si>
  <si>
    <t>Zakheri</t>
  </si>
  <si>
    <t>65/A GD zakheri</t>
  </si>
  <si>
    <t>48-GD</t>
  </si>
  <si>
    <t>Saira Yasmeen</t>
  </si>
  <si>
    <t>GGES 65/GD YARE WALA</t>
  </si>
  <si>
    <t>Chak No 65/G D Yare Wala Swl</t>
  </si>
  <si>
    <t>Chak  No 65/G.D Yard Wala sahiwal</t>
  </si>
  <si>
    <t>Chak 65/GD Yare Wala Swl</t>
  </si>
  <si>
    <t>50/G D Swl</t>
  </si>
  <si>
    <t>GGES 653 / 4 GB</t>
  </si>
  <si>
    <t>Chak No 653/4GB</t>
  </si>
  <si>
    <t>Chak No 653/4 GB</t>
  </si>
  <si>
    <t>Chak No 647 GB</t>
  </si>
  <si>
    <t>Nahid Ashraf</t>
  </si>
  <si>
    <t>GGES 65-A/GD SHARQI</t>
  </si>
  <si>
    <t>65A AGD</t>
  </si>
  <si>
    <t>GGES 65AGD east</t>
  </si>
  <si>
    <t>65AGD East</t>
  </si>
  <si>
    <t>48GD</t>
  </si>
  <si>
    <t>Farah Aziz</t>
  </si>
  <si>
    <t>GGES 66/12-L</t>
  </si>
  <si>
    <t>SHAHKOT SHARQI-FEMALE</t>
  </si>
  <si>
    <t>62/12l</t>
  </si>
  <si>
    <t>chak no 66/12-L</t>
  </si>
  <si>
    <t>66/12-L</t>
  </si>
  <si>
    <t>zarina Aslam</t>
  </si>
  <si>
    <t>GGES 66/A</t>
  </si>
  <si>
    <t>68/A - FEMALE</t>
  </si>
  <si>
    <t>66/a</t>
  </si>
  <si>
    <t>chack no#66/q teh.lqp distt.ryk</t>
  </si>
  <si>
    <t>66/A</t>
  </si>
  <si>
    <t>MONIB KOUSAR</t>
  </si>
  <si>
    <t>GGES 67/10-R, KHANEWAL</t>
  </si>
  <si>
    <t>CHAK SHAHANA - FEMALE</t>
  </si>
  <si>
    <t>67/10R P/O 70/10R</t>
  </si>
  <si>
    <t>Nasira Perveen</t>
  </si>
  <si>
    <t>GGES 68 D PO CHWANT</t>
  </si>
  <si>
    <t>68d</t>
  </si>
  <si>
    <t>68d post office chanwant</t>
  </si>
  <si>
    <t>26sp</t>
  </si>
  <si>
    <t>Sadaf Bint -e-Zainab</t>
  </si>
  <si>
    <t>GGES 68/10-R, KHANEWAL</t>
  </si>
  <si>
    <t>68/10R</t>
  </si>
  <si>
    <t>chak no.68/10 R khanewal p.o box 70/10R khanewal</t>
  </si>
  <si>
    <t>Syeda Sehar Fatima</t>
  </si>
  <si>
    <t>GGES 68/4-R</t>
  </si>
  <si>
    <t>BURJWALA-B-FEMALE</t>
  </si>
  <si>
    <t>68/4-r</t>
  </si>
  <si>
    <t>69/4-r</t>
  </si>
  <si>
    <t>Nusrat Siddiq</t>
  </si>
  <si>
    <t>GGES 69/12-L</t>
  </si>
  <si>
    <t>Kamand</t>
  </si>
  <si>
    <t>69/12L</t>
  </si>
  <si>
    <t>Asia Yazdani</t>
  </si>
  <si>
    <t>GGES 69/P</t>
  </si>
  <si>
    <t>GEHMAL PIR-FEMALE</t>
  </si>
  <si>
    <t>Chak 69 P</t>
  </si>
  <si>
    <t>school69 post office kotsmaba khanpur</t>
  </si>
  <si>
    <t>Chak 69p</t>
  </si>
  <si>
    <t>GGES 6-T NO. 2 P/O MAKHDOOM RASHEED</t>
  </si>
  <si>
    <t>6-T</t>
  </si>
  <si>
    <t>Chak 6-T Multan</t>
  </si>
  <si>
    <t>2 MR</t>
  </si>
  <si>
    <t>Farzana Kausar Aslam</t>
  </si>
  <si>
    <t>GGES 7 EB POST OFFICE 7 EB</t>
  </si>
  <si>
    <t>7eb</t>
  </si>
  <si>
    <t>chak no 7eb tehsil arifwala district pakpattan</t>
  </si>
  <si>
    <t>13eb</t>
  </si>
  <si>
    <t>Zunaira Shahzad</t>
  </si>
  <si>
    <t>GGES 7 T MULTAN</t>
  </si>
  <si>
    <t>P/O BUDHLA SANT MULTAN</t>
  </si>
  <si>
    <t>Chak 7T</t>
  </si>
  <si>
    <t>Umara Ansari</t>
  </si>
  <si>
    <t>GGES 7 WB</t>
  </si>
  <si>
    <t>7/wb</t>
  </si>
  <si>
    <t>shek cutton colony vehari</t>
  </si>
  <si>
    <t>1/wb</t>
  </si>
  <si>
    <t>abida Sultana</t>
  </si>
  <si>
    <t>GGES 7/11-L (R)</t>
  </si>
  <si>
    <t>7/11 L Ranwawala</t>
  </si>
  <si>
    <t>gges 7/11 l ranwawala</t>
  </si>
  <si>
    <t>8/11 L</t>
  </si>
  <si>
    <t>Nazia akram</t>
  </si>
  <si>
    <t>GGES 7/8-R, TULAMBA</t>
  </si>
  <si>
    <t>TULAMBA-I - FEMALE</t>
  </si>
  <si>
    <t>7/8R</t>
  </si>
  <si>
    <t>7/8.R talumba</t>
  </si>
  <si>
    <t>7/8 R</t>
  </si>
  <si>
    <t>Iftikhar Bibi</t>
  </si>
  <si>
    <t>GGES 70/4-R BHOJOANA</t>
  </si>
  <si>
    <t>Bhojoana</t>
  </si>
  <si>
    <t>Chak# 70/4-R bhojoana</t>
  </si>
  <si>
    <t>70 /4-R Bhojoana</t>
  </si>
  <si>
    <t>69/4-R</t>
  </si>
  <si>
    <t>Hafiza Anam Tariq</t>
  </si>
  <si>
    <t>GGES 70/EB</t>
  </si>
  <si>
    <t>70/eb</t>
  </si>
  <si>
    <t>70/eb arifwala</t>
  </si>
  <si>
    <t>86/eb</t>
  </si>
  <si>
    <t>Uzma Nosheen</t>
  </si>
  <si>
    <t>GGES 71 EB</t>
  </si>
  <si>
    <t>Chak 71/eb</t>
  </si>
  <si>
    <t>Chak # 71/EB Tehsil Arifwala distt. ppn</t>
  </si>
  <si>
    <t>Chak  71/EB</t>
  </si>
  <si>
    <t>69/EB Ugro</t>
  </si>
  <si>
    <t>Samina Farhat Tasawar</t>
  </si>
  <si>
    <t>GGES 71/4-R</t>
  </si>
  <si>
    <t>Chak No 71/4-R Sahiwal</t>
  </si>
  <si>
    <t>Zaib--un-nisa</t>
  </si>
  <si>
    <t>GGES 71/5-L PACCA KHOO</t>
  </si>
  <si>
    <t>71/5L Pacca Khoo</t>
  </si>
  <si>
    <t>71/5L pacca khoo</t>
  </si>
  <si>
    <t>73/5L</t>
  </si>
  <si>
    <t>Bushra Akhtar</t>
  </si>
  <si>
    <t>GGES 74 WB</t>
  </si>
  <si>
    <t>74 Wb</t>
  </si>
  <si>
    <t>gges 74 wb vehari</t>
  </si>
  <si>
    <t>78 Wb</t>
  </si>
  <si>
    <t>Mahnaz Iram</t>
  </si>
  <si>
    <t>GGES 74/10-R, KHANEWAL</t>
  </si>
  <si>
    <t>74/10-r Khanewal</t>
  </si>
  <si>
    <t>chak74/10-r,khanewal</t>
  </si>
  <si>
    <t>Chak74/10-r</t>
  </si>
  <si>
    <t>Noreen Sadaf</t>
  </si>
  <si>
    <t>GGES 74/12-L</t>
  </si>
  <si>
    <t>74/12L</t>
  </si>
  <si>
    <t>74/12.L</t>
  </si>
  <si>
    <t>Fatima Aslam</t>
  </si>
  <si>
    <t>GGES 74/4-R</t>
  </si>
  <si>
    <t>74/4r</t>
  </si>
  <si>
    <t>GGES 74/4r</t>
  </si>
  <si>
    <t>62/4r</t>
  </si>
  <si>
    <t>Naima Rashid</t>
  </si>
  <si>
    <t>GGES 75/5-R</t>
  </si>
  <si>
    <t>75 5r</t>
  </si>
  <si>
    <t>62 4 R</t>
  </si>
  <si>
    <t>Asia Naz</t>
  </si>
  <si>
    <t>GGES 76/4-R HAROON ABAD</t>
  </si>
  <si>
    <t>76/4R</t>
  </si>
  <si>
    <t>Chak 76 /4-r</t>
  </si>
  <si>
    <t>86/5-r</t>
  </si>
  <si>
    <t>lubna nazir</t>
  </si>
  <si>
    <t>GGES 77 RB</t>
  </si>
  <si>
    <t>Chak 77rb</t>
  </si>
  <si>
    <t>Chak no 77 rb lohky</t>
  </si>
  <si>
    <t>Chak 77 RB Lohky</t>
  </si>
  <si>
    <t>106 Rb</t>
  </si>
  <si>
    <t>Erum Nazir</t>
  </si>
  <si>
    <t>GGES 77/12-L</t>
  </si>
  <si>
    <t>77/12l</t>
  </si>
  <si>
    <t>77 /12l</t>
  </si>
  <si>
    <t>Shafia Tasnim</t>
  </si>
  <si>
    <t>GGES 78/12-L</t>
  </si>
  <si>
    <t>78/12l</t>
  </si>
  <si>
    <t>78/12.,l</t>
  </si>
  <si>
    <t>Asia Bibi</t>
  </si>
  <si>
    <t>GGES 78-B/15-L, KACHA KHUH</t>
  </si>
  <si>
    <t>78b/15L</t>
  </si>
  <si>
    <t>chak 78b 15 L</t>
  </si>
  <si>
    <t>78B/15L</t>
  </si>
  <si>
    <t>74/15L</t>
  </si>
  <si>
    <t>Azka Fayyaz</t>
  </si>
  <si>
    <t>GGES 79/D PAKPATTAN</t>
  </si>
  <si>
    <t>MALKA HANS  3 - FEMALE</t>
  </si>
  <si>
    <t>79/D</t>
  </si>
  <si>
    <t>GGES 79D</t>
  </si>
  <si>
    <t>85/D</t>
  </si>
  <si>
    <t>Rukhshanda Jbeen</t>
  </si>
  <si>
    <t>GGES 8 SP</t>
  </si>
  <si>
    <t>8sp</t>
  </si>
  <si>
    <t>Mussaywal</t>
  </si>
  <si>
    <t>Mahrukh Lebeeque</t>
  </si>
  <si>
    <t>GGES 80/1-L AWAN</t>
  </si>
  <si>
    <t>Awan Wali</t>
  </si>
  <si>
    <t>chak 80/1-L awan wali</t>
  </si>
  <si>
    <t>80/1-L</t>
  </si>
  <si>
    <t>150/2-L</t>
  </si>
  <si>
    <t>FARAH NAAZ</t>
  </si>
  <si>
    <t>GGES 80/5-L</t>
  </si>
  <si>
    <t>80/5-L</t>
  </si>
  <si>
    <t>chak number 80/5-L</t>
  </si>
  <si>
    <t>Syeda Smara Gillani</t>
  </si>
  <si>
    <t>GGES 81 EB</t>
  </si>
  <si>
    <t>81/EB</t>
  </si>
  <si>
    <t>chak#81/ARIFWALA</t>
  </si>
  <si>
    <t>83/EB</t>
  </si>
  <si>
    <t>Humeira Mushtaq</t>
  </si>
  <si>
    <t>GGES 81/12-L</t>
  </si>
  <si>
    <t>81/12L</t>
  </si>
  <si>
    <t>chak no81/12L</t>
  </si>
  <si>
    <t>Ashfa Rashid</t>
  </si>
  <si>
    <t>GGES 8-1/AL</t>
  </si>
  <si>
    <t>8/1 al</t>
  </si>
  <si>
    <t>Chak 8/1al</t>
  </si>
  <si>
    <t>Shamim Afshan</t>
  </si>
  <si>
    <t>GGES 82/5-L</t>
  </si>
  <si>
    <t>82/5l Swl</t>
  </si>
  <si>
    <t>gges 82/5l swl</t>
  </si>
  <si>
    <t>82/5L Swl</t>
  </si>
  <si>
    <t>73/5l</t>
  </si>
  <si>
    <t>GGES 82/P</t>
  </si>
  <si>
    <t>82/p</t>
  </si>
  <si>
    <t>chuck no 82/p post office pull sunny</t>
  </si>
  <si>
    <t>Chalk No 82/p</t>
  </si>
  <si>
    <t>84/p</t>
  </si>
  <si>
    <t>GGES 83 EB</t>
  </si>
  <si>
    <t>83eb</t>
  </si>
  <si>
    <t>chak no 83 EB tehsil Arifwala District pakpattan</t>
  </si>
  <si>
    <t>HQ 83eb</t>
  </si>
  <si>
    <t>Sajda Tasneem</t>
  </si>
  <si>
    <t>GGES 83 WB</t>
  </si>
  <si>
    <t>83wb</t>
  </si>
  <si>
    <t>ch no83 wb</t>
  </si>
  <si>
    <t>Abida Sultana Gen</t>
  </si>
  <si>
    <t>GGES 85/12-L</t>
  </si>
  <si>
    <t>85/12-l</t>
  </si>
  <si>
    <t>92/12-l</t>
  </si>
  <si>
    <t>Navida Ashfaq</t>
  </si>
  <si>
    <t>GGES 85/6-R</t>
  </si>
  <si>
    <t>85/6r</t>
  </si>
  <si>
    <t>chak 85/6r</t>
  </si>
  <si>
    <t>robina yasmin</t>
  </si>
  <si>
    <t>GGES 86/12.L</t>
  </si>
  <si>
    <t>86/12L</t>
  </si>
  <si>
    <t>chak 86/12.L Teh Chichawatni Dist Sahiwal</t>
  </si>
  <si>
    <t>90/12L</t>
  </si>
  <si>
    <t>Rehana Maqsood</t>
  </si>
  <si>
    <t>GGES 86/5 (AB)</t>
  </si>
  <si>
    <t>HND-2-FEMALE</t>
  </si>
  <si>
    <t>86/5R AB</t>
  </si>
  <si>
    <t>GGES 86/5 R AB Haroonabad</t>
  </si>
  <si>
    <t>Razia Beghum</t>
  </si>
  <si>
    <t>GGES 86/9-L</t>
  </si>
  <si>
    <t>Chak No 86/9/L</t>
  </si>
  <si>
    <t>chak no 86/9L swl</t>
  </si>
  <si>
    <t>Chak No86/9L</t>
  </si>
  <si>
    <t>Chak No 80/5L</t>
  </si>
  <si>
    <t>Mrs Kousar Parveen</t>
  </si>
  <si>
    <t>GGES 86-A/12-L</t>
  </si>
  <si>
    <t>86A/12L</t>
  </si>
  <si>
    <t>chak no.86-A/12-L</t>
  </si>
  <si>
    <t>86-A-/12-L</t>
  </si>
  <si>
    <t>Tahira Faiz Ul  Hassan</t>
  </si>
  <si>
    <t>GGES 87 WB</t>
  </si>
  <si>
    <t>87wb vehari</t>
  </si>
  <si>
    <t>GGES 87/12-L GUJRAN WALI</t>
  </si>
  <si>
    <t>87/12LG</t>
  </si>
  <si>
    <t>87/12.L G</t>
  </si>
  <si>
    <t>87/12L G</t>
  </si>
  <si>
    <t>Saima Yaqoob</t>
  </si>
  <si>
    <t>GGES 87/15-L, MIAN CHANNU</t>
  </si>
  <si>
    <t>87/15L</t>
  </si>
  <si>
    <t>chak # 87/15L post office 84/15L mian channu</t>
  </si>
  <si>
    <t>84/15L</t>
  </si>
  <si>
    <t>Mubina Bibi</t>
  </si>
  <si>
    <t>GGES 87/6-R</t>
  </si>
  <si>
    <t>87/6R</t>
  </si>
  <si>
    <t>chak no. 87/6R sahiwal</t>
  </si>
  <si>
    <t>Neelofar Rana</t>
  </si>
  <si>
    <t>GGES 87/9-L</t>
  </si>
  <si>
    <t>87/9l</t>
  </si>
  <si>
    <t>chak no. 87/9L swl</t>
  </si>
  <si>
    <t>88/9l</t>
  </si>
  <si>
    <t>Shagufta Naeem</t>
  </si>
  <si>
    <t>GGES 87-A/12-L</t>
  </si>
  <si>
    <t>87A/12L</t>
  </si>
  <si>
    <t>90/12l</t>
  </si>
  <si>
    <t>Zahida Rashid</t>
  </si>
  <si>
    <t>GGES 87-A/6-R MEHMOOD SHAH WALI</t>
  </si>
  <si>
    <t>87a6r Mahmoud Shah Wali</t>
  </si>
  <si>
    <t>chack number 87.a.6.r mahmood shah wali</t>
  </si>
  <si>
    <t>876r Swl</t>
  </si>
  <si>
    <t>Asma Alam</t>
  </si>
  <si>
    <t>GGES 88/10-R, KHANEWAL</t>
  </si>
  <si>
    <t>chak No 88/10.R Khanewal</t>
  </si>
  <si>
    <t>GGES 88-A/12-L KHURD</t>
  </si>
  <si>
    <t>88-A /12L</t>
  </si>
  <si>
    <t>88-A/12-L</t>
  </si>
  <si>
    <t>88-A/12L</t>
  </si>
  <si>
    <t>Madiha Arif</t>
  </si>
  <si>
    <t>GGES 89/15-L, P/O 87/15-L, MIAN CHANNU</t>
  </si>
  <si>
    <t>89/15L mian channu district khanewal</t>
  </si>
  <si>
    <t>Warda Taj</t>
  </si>
  <si>
    <t>GGES 89/EB</t>
  </si>
  <si>
    <t>89EB</t>
  </si>
  <si>
    <t>89EB, PO QABOOLA, ARIFWALA, PAKPATTAN</t>
  </si>
  <si>
    <t>Tasneem Sheraz</t>
  </si>
  <si>
    <t>GGES 9/FW BAKSHAH KHAN</t>
  </si>
  <si>
    <t>CTN -XIII-FEMALE</t>
  </si>
  <si>
    <t>Bakshan Khan</t>
  </si>
  <si>
    <t>chak 9 fordwah post office Bakshan khan. ctn</t>
  </si>
  <si>
    <t>9 Fordwah</t>
  </si>
  <si>
    <t>ANAM</t>
  </si>
  <si>
    <t>GGES 9/V, KHANEWAL</t>
  </si>
  <si>
    <t>9/vkwl</t>
  </si>
  <si>
    <t>chak no 9/v kwl</t>
  </si>
  <si>
    <t>9/v Kwl</t>
  </si>
  <si>
    <t>10/ah Kwl</t>
  </si>
  <si>
    <t>Syeda Fareeha Sabir</t>
  </si>
  <si>
    <t>GGES 90 EB ARIFWALA</t>
  </si>
  <si>
    <t>90/EB</t>
  </si>
  <si>
    <t>Chak No.90/EB Arifwala</t>
  </si>
  <si>
    <t>Chak No90/EB</t>
  </si>
  <si>
    <t>86/EB</t>
  </si>
  <si>
    <t>Nageen Hanif</t>
  </si>
  <si>
    <t>GGES 90/12-L</t>
  </si>
  <si>
    <t>90/12-l</t>
  </si>
  <si>
    <t>Chack# 90-12-L</t>
  </si>
  <si>
    <t>90-12-L</t>
  </si>
  <si>
    <t>88-12-L</t>
  </si>
  <si>
    <t>Tayyaba Saleem</t>
  </si>
  <si>
    <t>GGES 91 WB</t>
  </si>
  <si>
    <t>91/wb</t>
  </si>
  <si>
    <t>87/wb</t>
  </si>
  <si>
    <t>GGES 91/10-R, KHANEWAL</t>
  </si>
  <si>
    <t>91/10R</t>
  </si>
  <si>
    <t>91 /10.R khanewal</t>
  </si>
  <si>
    <t>91/10-R</t>
  </si>
  <si>
    <t>Shanti Nagar 172/10-R</t>
  </si>
  <si>
    <t>GGES 91/12-L</t>
  </si>
  <si>
    <t>91/12l</t>
  </si>
  <si>
    <t>GGES91/12l</t>
  </si>
  <si>
    <t>Chak No 91/12l</t>
  </si>
  <si>
    <t>Chak No 84/12l</t>
  </si>
  <si>
    <t>Sumaira Shafi</t>
  </si>
  <si>
    <t>GGES 92/15-L, MIAN CHANNU</t>
  </si>
  <si>
    <t>Chak no 92/15-l</t>
  </si>
  <si>
    <t>92/15-l</t>
  </si>
  <si>
    <t>Farah Irem</t>
  </si>
  <si>
    <t>GGES 93 EB</t>
  </si>
  <si>
    <t>93/EB</t>
  </si>
  <si>
    <t>chak no 93/EB teh.Arifwala dist.Pakpattan</t>
  </si>
  <si>
    <t>109EB</t>
  </si>
  <si>
    <t>Shamshad Akhtar</t>
  </si>
  <si>
    <t>GGES 93/10-R, KHANEWAL</t>
  </si>
  <si>
    <t>93/10-R</t>
  </si>
  <si>
    <t>GGMS 93/10-R Chakra No 93/10-R Khanewal</t>
  </si>
  <si>
    <t>92/10-R</t>
  </si>
  <si>
    <t>kokab jalal</t>
  </si>
  <si>
    <t>GGES 93/6-R</t>
  </si>
  <si>
    <t>Chak No 93</t>
  </si>
  <si>
    <t>93 6-R</t>
  </si>
  <si>
    <t>93 6R</t>
  </si>
  <si>
    <t>Nusrat  Tahir</t>
  </si>
  <si>
    <t>GGES 93/9-L</t>
  </si>
  <si>
    <t>GGES 93/9l</t>
  </si>
  <si>
    <t>93/9l</t>
  </si>
  <si>
    <t>80/5l</t>
  </si>
  <si>
    <t>roma irfan</t>
  </si>
  <si>
    <t>GGES 93/M LODRAAN</t>
  </si>
  <si>
    <t>Bhoteji</t>
  </si>
  <si>
    <t>Chak no 93/M moza bhoteji lodhran</t>
  </si>
  <si>
    <t>Chak No 93/M</t>
  </si>
  <si>
    <t>Fakhara Shabbir</t>
  </si>
  <si>
    <t>GGES 93/WB</t>
  </si>
  <si>
    <t>chack no 93/wb vehari</t>
  </si>
  <si>
    <t>Umara Tania</t>
  </si>
  <si>
    <t>GGES 94 WB</t>
  </si>
  <si>
    <t>94wb</t>
  </si>
  <si>
    <t>Chak no 94wb</t>
  </si>
  <si>
    <t>Garha More</t>
  </si>
  <si>
    <t>Sadia Raees</t>
  </si>
  <si>
    <t>GGES 95/15-L, MIAN CHANNU</t>
  </si>
  <si>
    <t>95/15.l mian channu khanewal</t>
  </si>
  <si>
    <t>95/15l</t>
  </si>
  <si>
    <t>Sadia Farooq</t>
  </si>
  <si>
    <t>GGES 96/9-L</t>
  </si>
  <si>
    <t>96/9l</t>
  </si>
  <si>
    <t>chak no 96/9l</t>
  </si>
  <si>
    <t>Rehana Sharif</t>
  </si>
  <si>
    <t>GGES 97/12-L</t>
  </si>
  <si>
    <t>97/12-L</t>
  </si>
  <si>
    <t>97/12-L chichawatni</t>
  </si>
  <si>
    <t>99/12-L</t>
  </si>
  <si>
    <t>GGES 97/6-R</t>
  </si>
  <si>
    <t>97/6-r</t>
  </si>
  <si>
    <t>92/6-r</t>
  </si>
  <si>
    <t>Nighat Naeem</t>
  </si>
  <si>
    <t>GGES 97/9-L</t>
  </si>
  <si>
    <t>97/9-L</t>
  </si>
  <si>
    <t>chak no 110/9-L Distt sahiwal</t>
  </si>
  <si>
    <t>Bara Wakil Wala</t>
  </si>
  <si>
    <t>110/9L</t>
  </si>
  <si>
    <t>Gulnaz Jilani</t>
  </si>
  <si>
    <t>GGES 98/9-L</t>
  </si>
  <si>
    <t>98 /9-L</t>
  </si>
  <si>
    <t>GGES 98 /9-L Sahiwal</t>
  </si>
  <si>
    <t>110 /9-L</t>
  </si>
  <si>
    <t>Sajida Arif</t>
  </si>
  <si>
    <t>GGES 98/M</t>
  </si>
  <si>
    <t>Chak 98m</t>
  </si>
  <si>
    <t>gges 98m doran wala lodhran</t>
  </si>
  <si>
    <t>Doran Wala</t>
  </si>
  <si>
    <t>Rukhsana Shaheen</t>
  </si>
  <si>
    <t>GGES 99/6-R</t>
  </si>
  <si>
    <t>99/6r</t>
  </si>
  <si>
    <t>99/r</t>
  </si>
  <si>
    <t>Mahwish Arooge</t>
  </si>
  <si>
    <t>GGES 9-B/8-R, TULAMBA</t>
  </si>
  <si>
    <t>9b/8r</t>
  </si>
  <si>
    <t>chak 9b/8r p/o khaliqabad markaz tulamba 1 teh m channu</t>
  </si>
  <si>
    <t>Chak 9b/8r</t>
  </si>
  <si>
    <t>GGES A.S.M DARYA KHAN</t>
  </si>
  <si>
    <t>DARYA KHAN - FEMALE</t>
  </si>
  <si>
    <t>asm elementry school darya khan fecto sugar mils colony</t>
  </si>
  <si>
    <t>Darya Khan2</t>
  </si>
  <si>
    <t>GGES AAKI</t>
  </si>
  <si>
    <t>C. NO.IV MBDIN - FEMALE</t>
  </si>
  <si>
    <t>AKI</t>
  </si>
  <si>
    <t>Kaneez Batool</t>
  </si>
  <si>
    <t>GGES AASHIQ PUR LASOORI SHUJABAD</t>
  </si>
  <si>
    <t>MATOTLI - FEMALE</t>
  </si>
  <si>
    <t>lasoori</t>
  </si>
  <si>
    <t>basti ashiqpur lasoori.  jalapur road.shujabad</t>
  </si>
  <si>
    <t>ganwen</t>
  </si>
  <si>
    <t>Haleema Habib</t>
  </si>
  <si>
    <t>GGES ABAD PUR</t>
  </si>
  <si>
    <t>Govt. Girls Elementary School Abad Pur, Markaz Abadpur. p/o Abad Pur</t>
  </si>
  <si>
    <t>Muzamal Ramzan</t>
  </si>
  <si>
    <t>GGES ABADI GURMANI</t>
  </si>
  <si>
    <t>bhatty wala p/o kot sultan layyah</t>
  </si>
  <si>
    <t>Bhatty Wala</t>
  </si>
  <si>
    <t>Kouser Perveen</t>
  </si>
  <si>
    <t>GGES ABADI MEHR WAZIR</t>
  </si>
  <si>
    <t>GUJRANWALA CITY 4 - FEMALE</t>
  </si>
  <si>
    <t>Mohalla Momin ABAD B</t>
  </si>
  <si>
    <t>Mohalla Momin Abad b  Street no 5.Gujranwala</t>
  </si>
  <si>
    <t>Street No 5</t>
  </si>
  <si>
    <t>Charag Nagar</t>
  </si>
  <si>
    <t>Nazish Dhillown</t>
  </si>
  <si>
    <t>GGES ABADI RAB NAWAZ</t>
  </si>
  <si>
    <t>P/o karari kot chah akkan wala tahsil and district bhakkar</t>
  </si>
  <si>
    <t>Chah Akkan Wala</t>
  </si>
  <si>
    <t>farhat yasmin</t>
  </si>
  <si>
    <t>GGES ABBAS NAGAR</t>
  </si>
  <si>
    <t>Allah Jawaiya Laar</t>
  </si>
  <si>
    <t>mohala abbas nagar moza allah jawaiya laar p.o box khan bela liaquat pur district rahim yar khan</t>
  </si>
  <si>
    <t>Nafisa Akhtar</t>
  </si>
  <si>
    <t>GGES ABDAL</t>
  </si>
  <si>
    <t>SALAM - FEMALE</t>
  </si>
  <si>
    <t>Abdal tehsil bhalwal dist. Sargodha</t>
  </si>
  <si>
    <t>Asma Masood</t>
  </si>
  <si>
    <t>GGES ABDUL HAQ SIAL</t>
  </si>
  <si>
    <t>Rum</t>
  </si>
  <si>
    <t>Basti Sial Moza Rum  Nearby sugar Mill junpur</t>
  </si>
  <si>
    <t>Basti Sial</t>
  </si>
  <si>
    <t>Riffat Afzal</t>
  </si>
  <si>
    <t>GGES ABDUL RAHMAN WEEHA</t>
  </si>
  <si>
    <t>Fate Pur Qurashia</t>
  </si>
  <si>
    <t>Near Ada Yousaf Abad</t>
  </si>
  <si>
    <t>Abdul Rehman Veha</t>
  </si>
  <si>
    <t>Muhammad Pur Qureshiyan</t>
  </si>
  <si>
    <t>Surriya Bibi</t>
  </si>
  <si>
    <t>GGES ABID ABAD</t>
  </si>
  <si>
    <t>Abid Abad</t>
  </si>
  <si>
    <t>Abid Abad  Nowshera Virkan</t>
  </si>
  <si>
    <t>Shagufta Noreen</t>
  </si>
  <si>
    <t>GGES ABRAHIM ABAD</t>
  </si>
  <si>
    <t>Ibrahimabad</t>
  </si>
  <si>
    <t>govt girls elementary school ibrahimabad</t>
  </si>
  <si>
    <t>Toqeer Saleem Ullah</t>
  </si>
  <si>
    <t>GGES ABUAL KHAIR GHARI SHAHU</t>
  </si>
  <si>
    <t>FATEH GHARH - FEMALE</t>
  </si>
  <si>
    <t>Garhi Shahu</t>
  </si>
  <si>
    <t>71,allama iqbal road,garhi shahu,lahore</t>
  </si>
  <si>
    <t>Allama Iqbal Road</t>
  </si>
  <si>
    <t>Habibullah Road</t>
  </si>
  <si>
    <t>Syeda Musbat Arooba</t>
  </si>
  <si>
    <t>GGES ABU-UL-FATEH WALI</t>
  </si>
  <si>
    <t>WAZIRABAD CITY 5 - FEMALE</t>
  </si>
  <si>
    <t>Abu Ul Fatehwali</t>
  </si>
  <si>
    <t>Abu ul fatehwali</t>
  </si>
  <si>
    <t>Khakhamitter</t>
  </si>
  <si>
    <t>Samra shereen</t>
  </si>
  <si>
    <t>GGES ADA BEGOWALA</t>
  </si>
  <si>
    <t>Ada Begowala</t>
  </si>
  <si>
    <t>adda begowala</t>
  </si>
  <si>
    <t>Malakhanwala</t>
  </si>
  <si>
    <t>Misbah Khanum</t>
  </si>
  <si>
    <t>GGES ADAMKAY CHEEMA</t>
  </si>
  <si>
    <t>Adamkay Cheema</t>
  </si>
  <si>
    <t>adamkay cheema</t>
  </si>
  <si>
    <t>Afshan Zari</t>
  </si>
  <si>
    <t>GGES ADDA MOCHI WALA</t>
  </si>
  <si>
    <t>jindy thind Wala, maoza nawankot, teh.choubara</t>
  </si>
  <si>
    <t>Jindy Thind Wala</t>
  </si>
  <si>
    <t>Aasia Khan</t>
  </si>
  <si>
    <t>GGES ADDA SAHLOWAL</t>
  </si>
  <si>
    <t>Adda Sahlowal</t>
  </si>
  <si>
    <t>Adda sahlowal</t>
  </si>
  <si>
    <t>sham Deen</t>
  </si>
  <si>
    <t>GGES ADDOWAL</t>
  </si>
  <si>
    <t>Adowal</t>
  </si>
  <si>
    <t>vpo adowal the pd khan jhelum</t>
  </si>
  <si>
    <t>Sabira Batool</t>
  </si>
  <si>
    <t>GGES ADHO RAI</t>
  </si>
  <si>
    <t>Adho Rai</t>
  </si>
  <si>
    <t>village Adho Rai Tehsil GRW  DISTT .GRW</t>
  </si>
  <si>
    <t>Asma Nisar</t>
  </si>
  <si>
    <t>GGES ADIL GARH</t>
  </si>
  <si>
    <t>SAFDARABAD-III - FEMALE</t>
  </si>
  <si>
    <t>AdilGarh</t>
  </si>
  <si>
    <t>GGES ADILGARH CHAK NO 27 RB TEH SAFDARABAD DIST SHEIKHUPURA</t>
  </si>
  <si>
    <t>Sadia Mustafa</t>
  </si>
  <si>
    <t>GGES ADLAKAH</t>
  </si>
  <si>
    <t>JHATLA-FEMALE</t>
  </si>
  <si>
    <t>Adlaka</t>
  </si>
  <si>
    <t>VPO Adlaka</t>
  </si>
  <si>
    <t>Nakka Kahut</t>
  </si>
  <si>
    <t>GGES ADLANA</t>
  </si>
  <si>
    <t>AEO (W) BHOWANA NO.22</t>
  </si>
  <si>
    <t>moza adlana dist chniot</t>
  </si>
  <si>
    <t>AISHA BIBI D/O GHULAM MUSTAFA</t>
  </si>
  <si>
    <t>GGES ADOWAL</t>
  </si>
  <si>
    <t>RAFIA JABEEN</t>
  </si>
  <si>
    <t>GGES ADRANA</t>
  </si>
  <si>
    <t>vpo adrana teh sohawa distt jhelum</t>
  </si>
  <si>
    <t>Rashida Begum</t>
  </si>
  <si>
    <t>GGES AFZAL ABAD</t>
  </si>
  <si>
    <t>Peemar Ottar</t>
  </si>
  <si>
    <t>Samra Younas</t>
  </si>
  <si>
    <t>GGES AFZAL KHAN SHIKRANI NO.2</t>
  </si>
  <si>
    <t>Mahi Tibba</t>
  </si>
  <si>
    <t>basti haji ghulam akber  mouza mahi tibba post office Mubarak pur tehsil Ahmed pur east dist bahawalpur</t>
  </si>
  <si>
    <t>Haji Ghulam Akber</t>
  </si>
  <si>
    <t>Jannuwala</t>
  </si>
  <si>
    <t>GGES AGAR KHANI BASTI MAHRAM SHUJABAD</t>
  </si>
  <si>
    <t>Agar Khani</t>
  </si>
  <si>
    <t>GGES Agar khani Basti Mehram Shujabad</t>
  </si>
  <si>
    <t>Basti Mehram</t>
  </si>
  <si>
    <t>Naveeda Kuosar</t>
  </si>
  <si>
    <t>GGES AGROYA</t>
  </si>
  <si>
    <t>Agroya</t>
  </si>
  <si>
    <t>agroya</t>
  </si>
  <si>
    <t>Dharakan</t>
  </si>
  <si>
    <t>Afrasayab Tarar</t>
  </si>
  <si>
    <t>GGES AHAL GHUMNA</t>
  </si>
  <si>
    <t>DHAMTHAL - FEMALE</t>
  </si>
  <si>
    <t>AhalGhumna</t>
  </si>
  <si>
    <t>govt girls elementary school AhalGhumna</t>
  </si>
  <si>
    <t>Feroz Pur</t>
  </si>
  <si>
    <t>Tayyabah Yaqoob</t>
  </si>
  <si>
    <t>GGES AHATA ABDUL GHANI</t>
  </si>
  <si>
    <t>ahata abdul ghani moza chak chopa CTN BWN</t>
  </si>
  <si>
    <t>Ahata Abdul Ghani</t>
  </si>
  <si>
    <t>mari shok shah</t>
  </si>
  <si>
    <t>Tayyaba Khalid</t>
  </si>
  <si>
    <t>GGES AHLI KAMBOH</t>
  </si>
  <si>
    <t>Ahli Kamboh</t>
  </si>
  <si>
    <t>GGE/S Ahli Kamboh Teh: Sahiwal District Sargodha</t>
  </si>
  <si>
    <t>Havaile Majoka</t>
  </si>
  <si>
    <t>GGES AHLI RAWANA</t>
  </si>
  <si>
    <t>KOT MOMIN EAST-I - FEMALE</t>
  </si>
  <si>
    <t>Ahli Rawana</t>
  </si>
  <si>
    <t>Ã hli rawana</t>
  </si>
  <si>
    <t>Ahli rawana</t>
  </si>
  <si>
    <t>Chak 19 Sb</t>
  </si>
  <si>
    <t>Obaida Amin</t>
  </si>
  <si>
    <t>GGES AHLOWAL</t>
  </si>
  <si>
    <t>Ahloowal</t>
  </si>
  <si>
    <t>ahloowal</t>
  </si>
  <si>
    <t>Shahida Rahina</t>
  </si>
  <si>
    <t>GGES AHMAD ALI LAAR</t>
  </si>
  <si>
    <t>Ahmad Ali Laar</t>
  </si>
  <si>
    <t>Govt girls elementary school Ahmed Ali laar</t>
  </si>
  <si>
    <t>GGES AHMAD MOHANA NO.2</t>
  </si>
  <si>
    <t>govt girls elementary school Ahmad mohana</t>
  </si>
  <si>
    <t>Shehla Shaheen</t>
  </si>
  <si>
    <t>GGES AHMAD PURA</t>
  </si>
  <si>
    <t>near THQ SANGLA HILL</t>
  </si>
  <si>
    <t>Sanglahill</t>
  </si>
  <si>
    <t>Zaibunnisa</t>
  </si>
  <si>
    <t>GGES AHMED ABAD</t>
  </si>
  <si>
    <t>TOBHA-FEMALE</t>
  </si>
  <si>
    <t>Tabassam Mirza</t>
  </si>
  <si>
    <t>GGES AHMED KHAN WALA</t>
  </si>
  <si>
    <t>Gges Ahmad khan wala</t>
  </si>
  <si>
    <t>Fouzia Nasreen</t>
  </si>
  <si>
    <t>GGES AHSAL SULEMAN</t>
  </si>
  <si>
    <t>KAHANA - FEMALE</t>
  </si>
  <si>
    <t>Asal Suleman</t>
  </si>
  <si>
    <t>Asal suleman</t>
  </si>
  <si>
    <t>Qaisera Tasneem</t>
  </si>
  <si>
    <t>GGES AILAM PUR P/O AILAM PUR</t>
  </si>
  <si>
    <t>Ailam Pur</t>
  </si>
  <si>
    <t>gges ailampur multan</t>
  </si>
  <si>
    <t>Ailampur</t>
  </si>
  <si>
    <t>Shagufta Iram</t>
  </si>
  <si>
    <t>GGES AINOWALI</t>
  </si>
  <si>
    <t>Ainowali</t>
  </si>
  <si>
    <t>village Ainowali p/o Sankhatra tehsil Zafarwal district Narowal</t>
  </si>
  <si>
    <t>Raheela Karamat</t>
  </si>
  <si>
    <t>GGES AJITKAY CHATHA</t>
  </si>
  <si>
    <t>Ajitkay Chattha</t>
  </si>
  <si>
    <t>ajikay chattah tahsil wazirabad district gujranwala post office ali pur chattah</t>
  </si>
  <si>
    <t>Ajitkay Chattah</t>
  </si>
  <si>
    <t>Verpal</t>
  </si>
  <si>
    <t>Lubna Shahzadi</t>
  </si>
  <si>
    <t>GGES AJNALA SGD</t>
  </si>
  <si>
    <t>Ajnala Sargodha</t>
  </si>
  <si>
    <t>Zarina Gilani</t>
  </si>
  <si>
    <t>GGES AKBAR ABAD FSD</t>
  </si>
  <si>
    <t>CITY 5 - FEMALE</t>
  </si>
  <si>
    <t>Sidhupura</t>
  </si>
  <si>
    <t>GGES AKBAR ABAD , KATCHI ABADI, FAISALABAD</t>
  </si>
  <si>
    <t>Akbar abad</t>
  </si>
  <si>
    <t>Tahira Tasneem</t>
  </si>
  <si>
    <t>GGES AKBAR GHUNOKE</t>
  </si>
  <si>
    <t>akbar Ghanoke</t>
  </si>
  <si>
    <t>Qamar Dar</t>
  </si>
  <si>
    <t>GGES AKBAR MARI NEHAL</t>
  </si>
  <si>
    <t>bonga akbar mari nehal p/o khalis khurd Teh.Minchinabad,District Bahawalnagar</t>
  </si>
  <si>
    <t>Akbar Mari Nehal</t>
  </si>
  <si>
    <t>Bonga Akbar</t>
  </si>
  <si>
    <t>Anwar Nosheen</t>
  </si>
  <si>
    <t>GGES AKBAR PURA</t>
  </si>
  <si>
    <t>Akbar Pura</t>
  </si>
  <si>
    <t>Akbar Pura Narang Mandi</t>
  </si>
  <si>
    <t>Rabia Sehar</t>
  </si>
  <si>
    <t>GGES AKBAR SAHOO</t>
  </si>
  <si>
    <t>MAI SAFORAN-FEMALE</t>
  </si>
  <si>
    <t>AKBAR SAHOO</t>
  </si>
  <si>
    <t>MOUZA AKBAR SAHOO</t>
  </si>
  <si>
    <t>JUSSA</t>
  </si>
  <si>
    <t>sidra amber</t>
  </si>
  <si>
    <t>GGES AKRA MOHRA</t>
  </si>
  <si>
    <t>Akra Mohra</t>
  </si>
  <si>
    <t>village akra mohra tehsil sohawa district Jhelum</t>
  </si>
  <si>
    <t>Pind Matty Khan</t>
  </si>
  <si>
    <t>Fozia Khanum</t>
  </si>
  <si>
    <t>GGES AKRRA KANJAN</t>
  </si>
  <si>
    <t>Kanjan Nasaib Pkka</t>
  </si>
  <si>
    <t>akra kanjan Teh kallur kot dist bhakkar</t>
  </si>
  <si>
    <t>Akra Kanjan</t>
  </si>
  <si>
    <t>Kanjan</t>
  </si>
  <si>
    <t>Samina muzafar</t>
  </si>
  <si>
    <t>GGES ALAM SHAH SARIAN</t>
  </si>
  <si>
    <t>deghadi alam shah</t>
  </si>
  <si>
    <t>GGES alam shah sarian</t>
  </si>
  <si>
    <t>alam shah sarian</t>
  </si>
  <si>
    <t>chak no 615 GB</t>
  </si>
  <si>
    <t>nazish ghaffar</t>
  </si>
  <si>
    <t>GGES ALHAR</t>
  </si>
  <si>
    <t>village Alhar PO Alhar Tehsil Pasrur Sialkot</t>
  </si>
  <si>
    <t>Waseema Riaz</t>
  </si>
  <si>
    <t>GGES ALI ABAD</t>
  </si>
  <si>
    <t>Govt,Girls/E .School Ali abad</t>
  </si>
  <si>
    <t>Sandwan Tarar</t>
  </si>
  <si>
    <t>Ansa Noreen</t>
  </si>
  <si>
    <t>GGES ALI DAHA</t>
  </si>
  <si>
    <t>aalidaha</t>
  </si>
  <si>
    <t>Samara Batool</t>
  </si>
  <si>
    <t>GGES ALI PUR</t>
  </si>
  <si>
    <t>mouza alipur tehsil kbirwala district khanewal</t>
  </si>
  <si>
    <t>Zeenat Zahoor</t>
  </si>
  <si>
    <t>GGES ALI PUR CHATHA</t>
  </si>
  <si>
    <t>ALIPUR CHATHA</t>
  </si>
  <si>
    <t>ALIPURCHATHA TEHSIL WZIRABAD DISTT GUJRANWALA</t>
  </si>
  <si>
    <t>TOWN COMMITTEE ALIPUR CHATHA</t>
  </si>
  <si>
    <t>Iffat Tahira</t>
  </si>
  <si>
    <t>GGES ALI PUR SADAT</t>
  </si>
  <si>
    <t>basti ali pur sadat</t>
  </si>
  <si>
    <t>GGES ALI PUR SHUMALI</t>
  </si>
  <si>
    <t>Ali Pur Janubi</t>
  </si>
  <si>
    <t>Govt  Girls E/S AliPurShumali.</t>
  </si>
  <si>
    <t>Basti Ali Pur Shumali</t>
  </si>
  <si>
    <t>GGES ALI PUR SYEDAN</t>
  </si>
  <si>
    <t>KHAN MUHAMMAD WALA - FEMALE</t>
  </si>
  <si>
    <t>GGES Ali Pur Syedan</t>
  </si>
  <si>
    <t>Farhela Wahid</t>
  </si>
  <si>
    <t>GGES ALI SHAH</t>
  </si>
  <si>
    <t>KOTLA LALSHAH</t>
  </si>
  <si>
    <t>GGES ALI SHAH KOTLA LAL SHAH BASTI ALI SHAH</t>
  </si>
  <si>
    <t>BASTI ALISHAH</t>
  </si>
  <si>
    <t>Mah Jabeen</t>
  </si>
  <si>
    <t>GGES ALI SHER WAHIN, JAHANIAN</t>
  </si>
  <si>
    <t>Ali Sher Wahin</t>
  </si>
  <si>
    <t>alisherwahin jahanian khanewal</t>
  </si>
  <si>
    <t>Moza Ali Sher Wahin</t>
  </si>
  <si>
    <t>Naim Kauser</t>
  </si>
  <si>
    <t>GGES ALI WALA MULTAN</t>
  </si>
  <si>
    <t>SHER SHAH - FEMALE</t>
  </si>
  <si>
    <t>Ambala</t>
  </si>
  <si>
    <t>Basti Ali Wala Sher Shah Town Multan Sadder</t>
  </si>
  <si>
    <t>Bushra Bano</t>
  </si>
  <si>
    <t>GGES ALIOT</t>
  </si>
  <si>
    <t>Hothala</t>
  </si>
  <si>
    <t>Nargis Yasmin</t>
  </si>
  <si>
    <t>GGES ALIPUR</t>
  </si>
  <si>
    <t>ALI PUR-I- FEMALE</t>
  </si>
  <si>
    <t>tehsil alipur</t>
  </si>
  <si>
    <t>old tehsil road tehsil alipur district muzaffargarh</t>
  </si>
  <si>
    <t>town commettiee alipur</t>
  </si>
  <si>
    <t>farah malik</t>
  </si>
  <si>
    <t>GGES ALLAH ABAD</t>
  </si>
  <si>
    <t>ZAREEF SHAHEED - FEMALE</t>
  </si>
  <si>
    <t>wahi bhakar</t>
  </si>
  <si>
    <t>allah abad bagh wala</t>
  </si>
  <si>
    <t>raja ram</t>
  </si>
  <si>
    <t>ariba fayyaz</t>
  </si>
  <si>
    <t>GGES ALLAH BACHAYA KHAN</t>
  </si>
  <si>
    <t>Dharey Oat</t>
  </si>
  <si>
    <t>govt.girls E/S allah bachaya khan new mouza dharey oat teh.LQP</t>
  </si>
  <si>
    <t>Taranda Muhammad Pannah</t>
  </si>
  <si>
    <t>Aneela Awais</t>
  </si>
  <si>
    <t>GGES ALLAH BUX BALI</t>
  </si>
  <si>
    <t>Mujawran</t>
  </si>
  <si>
    <t>basti allah bux bali</t>
  </si>
  <si>
    <t>Allah Bux Bali</t>
  </si>
  <si>
    <t>Mah Rukh</t>
  </si>
  <si>
    <t>GGES ALLAH DITTA KHAN</t>
  </si>
  <si>
    <t>Mohammad Pur Qureshain</t>
  </si>
  <si>
    <t>Basti Allah Ditta Khan</t>
  </si>
  <si>
    <t>Mianwali Qureshain</t>
  </si>
  <si>
    <t>Ayesha Murad</t>
  </si>
  <si>
    <t>GGES ALLAH YAR JUTA</t>
  </si>
  <si>
    <t>Allah yar Jutta</t>
  </si>
  <si>
    <t>Basti Allah yar Jutta, Tehsil Shorkot, District jhang</t>
  </si>
  <si>
    <t>GGES ALLAHABAD</t>
  </si>
  <si>
    <t>Street no. 2 opposite rescue 1122</t>
  </si>
  <si>
    <t>GGES ALMANI WALA</t>
  </si>
  <si>
    <t>basti almani chan wala p/o qasba gujrat</t>
  </si>
  <si>
    <t>Almani Wala</t>
  </si>
  <si>
    <t>Nusrat Pervaiz Akhtar</t>
  </si>
  <si>
    <t>GGES ALPA KALAN</t>
  </si>
  <si>
    <t>alpa kalan markz hallah</t>
  </si>
  <si>
    <t>Uzma Yousaf</t>
  </si>
  <si>
    <t>GGES ALPA SADHARI</t>
  </si>
  <si>
    <t>Alpa Sadhari</t>
  </si>
  <si>
    <t>alpa sadhari</t>
  </si>
  <si>
    <t>Sofia Rani</t>
  </si>
  <si>
    <t>GGES AMBALTAS</t>
  </si>
  <si>
    <t>Ameltas</t>
  </si>
  <si>
    <t>Ameltas Teh.Pindi Bhattian Distr.Hafizabad</t>
  </si>
  <si>
    <t>GGES AMEER GARH</t>
  </si>
  <si>
    <t>Ameergarh</t>
  </si>
  <si>
    <t>Ameergarh dakkhana chak haiderabad kabirwala</t>
  </si>
  <si>
    <t>Ameergaeh</t>
  </si>
  <si>
    <t>Salarwahn Kohna</t>
  </si>
  <si>
    <t>Samreen Zafar</t>
  </si>
  <si>
    <t>GGES AMEER PUR, P/O NARHAL, KABIRWALA</t>
  </si>
  <si>
    <t>BUTTA KOT - FEMALE</t>
  </si>
  <si>
    <t>qitta punian wala moza ameer pur</t>
  </si>
  <si>
    <t>Qitta Punian Wala</t>
  </si>
  <si>
    <t>Anila Rafique</t>
  </si>
  <si>
    <t>GGES AMIN GARH</t>
  </si>
  <si>
    <t>Amingarh</t>
  </si>
  <si>
    <t>amin garh rahim yar khan</t>
  </si>
  <si>
    <t>Rubina Farooq</t>
  </si>
  <si>
    <t>GGES AMIN NAGAR</t>
  </si>
  <si>
    <t>Khair Pur Dah</t>
  </si>
  <si>
    <t>Govt Girls High School Ameen Nagar</t>
  </si>
  <si>
    <t>Ameen Nagar</t>
  </si>
  <si>
    <t>Sadia Mudasir</t>
  </si>
  <si>
    <t>GGES AMIR MUHAMMAD MOLWANA</t>
  </si>
  <si>
    <t>basti Nawan</t>
  </si>
  <si>
    <t>Basti Nawan</t>
  </si>
  <si>
    <t>Tahira Perveen</t>
  </si>
  <si>
    <t>GGES AMIR PUR MANGAN</t>
  </si>
  <si>
    <t>gges amir pur mangan p/o bheen teh and dist chakwal</t>
  </si>
  <si>
    <t>Saira Parveen</t>
  </si>
  <si>
    <t>GGES AMIRA TAJAKA</t>
  </si>
  <si>
    <t>Amira Tejeka</t>
  </si>
  <si>
    <t>GGES AMIRA TEJEKA</t>
  </si>
  <si>
    <t>Nehal Mohar</t>
  </si>
  <si>
    <t>FARIDA TAHIR</t>
  </si>
  <si>
    <t>GGES AMLI KAY ATHER SHAH(Under NGO)</t>
  </si>
  <si>
    <t>Amli Ky</t>
  </si>
  <si>
    <t>amli ky athr shah</t>
  </si>
  <si>
    <t>Amli Ky Athr Shah</t>
  </si>
  <si>
    <t>Maimona Taimoor</t>
  </si>
  <si>
    <t>GGES AMLI MOTI</t>
  </si>
  <si>
    <t>AMLI MOTI - FEMALE</t>
  </si>
  <si>
    <t>Amli Moti</t>
  </si>
  <si>
    <t>Amli moti</t>
  </si>
  <si>
    <t>Saima Tabasam</t>
  </si>
  <si>
    <t>GGES AMONKY</t>
  </si>
  <si>
    <t>Ammonky</t>
  </si>
  <si>
    <t>Herdev</t>
  </si>
  <si>
    <t>Sobia Noreen</t>
  </si>
  <si>
    <t>GGES AMRAO KALAN</t>
  </si>
  <si>
    <t>Amrao Kalan</t>
  </si>
  <si>
    <t>amrao kalan</t>
  </si>
  <si>
    <t>Ramka Chatha</t>
  </si>
  <si>
    <t>Rabia Yasmeen</t>
  </si>
  <si>
    <t>GGES AMRAT PURA</t>
  </si>
  <si>
    <t>GUJRANWALA CITY 5 - FEMALE</t>
  </si>
  <si>
    <t>Govt girls elementry school amrat pura</t>
  </si>
  <si>
    <t>Amrat Pura</t>
  </si>
  <si>
    <t>Kausar Parveen</t>
  </si>
  <si>
    <t>GGES ANAIT PUR</t>
  </si>
  <si>
    <t>MEHRAB WALA - FEMALE</t>
  </si>
  <si>
    <t>govt girls E/S Annayat pur</t>
  </si>
  <si>
    <t>Dhilwan</t>
  </si>
  <si>
    <t>Ruqia Bukhari</t>
  </si>
  <si>
    <t>GGES ANAR WALA</t>
  </si>
  <si>
    <t>PAHAR PUR FEMALE</t>
  </si>
  <si>
    <t>Vehniwal Thal</t>
  </si>
  <si>
    <t>moza vehniwal thal..basti anarwala.khokharabad.teh distt layyah</t>
  </si>
  <si>
    <t>Khokharabad</t>
  </si>
  <si>
    <t>Paharpur</t>
  </si>
  <si>
    <t>Rabia Karim</t>
  </si>
  <si>
    <t>GGES ANGRA</t>
  </si>
  <si>
    <t>ANGRA - FEMALE</t>
  </si>
  <si>
    <t>Angra Daggar</t>
  </si>
  <si>
    <t>gges angra</t>
  </si>
  <si>
    <t>Mussarat Nasir Peracha</t>
  </si>
  <si>
    <t>GGES ANOKI</t>
  </si>
  <si>
    <t>Billoka</t>
  </si>
  <si>
    <t>GGES   Annoki</t>
  </si>
  <si>
    <t>Annoki</t>
  </si>
  <si>
    <t>GGES ANSAR COLONY NO. 2 MULTAN CITY</t>
  </si>
  <si>
    <t>Shah Rukne Alam</t>
  </si>
  <si>
    <t>GGES Ansar Colony No2 Multan</t>
  </si>
  <si>
    <t>GGES ANWAR UL ISLAM KAMALABAD</t>
  </si>
  <si>
    <t>RWP CANTT-FEMALE</t>
  </si>
  <si>
    <t>tench bhatta</t>
  </si>
  <si>
    <t>st#5 bakra mandi kamalabad rwp</t>
  </si>
  <si>
    <t>bakra mandi kamalabad</t>
  </si>
  <si>
    <t>cantt</t>
  </si>
  <si>
    <t>Sumera azam</t>
  </si>
  <si>
    <t>GGES ANWAR UL TALEEM ICHARA</t>
  </si>
  <si>
    <t>ahatamolchand</t>
  </si>
  <si>
    <t>government Anwar ul taleem girls middle School ichara Lahore cantt</t>
  </si>
  <si>
    <t>Shadman</t>
  </si>
  <si>
    <t>GGES APWA D BLOCK I.D.2 MODEL TOWN</t>
  </si>
  <si>
    <t>Govt. Apwa Girls Elementary School D block Model Town</t>
  </si>
  <si>
    <t>Main Ferozpur Road</t>
  </si>
  <si>
    <t>robina shaheen</t>
  </si>
  <si>
    <t>GGES APWA JHELUM</t>
  </si>
  <si>
    <t>CHAK KHASA-FEMALE</t>
  </si>
  <si>
    <t>Jhelum</t>
  </si>
  <si>
    <t>gges apwa jhelum</t>
  </si>
  <si>
    <t>Alia Kamran</t>
  </si>
  <si>
    <t>GGES APWA SIALKOT</t>
  </si>
  <si>
    <t>sialkot</t>
  </si>
  <si>
    <t>Alam chowk shahab pura sialkot</t>
  </si>
  <si>
    <t>shahab pura</t>
  </si>
  <si>
    <t>Suhaila Tabassam</t>
  </si>
  <si>
    <t>GGES AQIL SHAH KALAN</t>
  </si>
  <si>
    <t>Aqil shah</t>
  </si>
  <si>
    <t>Aqil shqh</t>
  </si>
  <si>
    <t>Ghazala Latif</t>
  </si>
  <si>
    <t>GGES ARA JASROTA</t>
  </si>
  <si>
    <t>Ara Jasrota</t>
  </si>
  <si>
    <t>village ara jasrota po box ara teh dina distt jhelum</t>
  </si>
  <si>
    <t>Mughalabad</t>
  </si>
  <si>
    <t>Iram Masood</t>
  </si>
  <si>
    <t>GGES ARABIA ISLAMIA</t>
  </si>
  <si>
    <t>Chungi No 5</t>
  </si>
  <si>
    <t>Chungi no 5 Burewala.</t>
  </si>
  <si>
    <t>AZRA PARVEEN</t>
  </si>
  <si>
    <t>GGES ARAIAN WALA</t>
  </si>
  <si>
    <t>MANKERA - FEMALE</t>
  </si>
  <si>
    <t>Arayanwala</t>
  </si>
  <si>
    <t>ggesarayanwala rakh mankera</t>
  </si>
  <si>
    <t>Mankera Rural</t>
  </si>
  <si>
    <t>Fozia Nadeem</t>
  </si>
  <si>
    <t>GGES ARAZI SOHAL</t>
  </si>
  <si>
    <t>LODHRAN-FEMALE</t>
  </si>
  <si>
    <t>Arazi Sohal</t>
  </si>
  <si>
    <t>village Arazi Sohal, Post Office Manghot, Tehsil and District Rawalpindi</t>
  </si>
  <si>
    <t>Haleema Saadia</t>
  </si>
  <si>
    <t>neighbours through pipeline</t>
  </si>
  <si>
    <t>GGES ARAZI WADHAVA</t>
  </si>
  <si>
    <t>Arazi Wadhava</t>
  </si>
  <si>
    <t>Arazi Wadhava, sadar gogera okara</t>
  </si>
  <si>
    <t>40GD</t>
  </si>
  <si>
    <t>Samina Arif</t>
  </si>
  <si>
    <t>GGES ARFAAT COLONY (KACHI PUMP WALI)</t>
  </si>
  <si>
    <t>Arfat Colony</t>
  </si>
  <si>
    <t>arfat colony ( kachi pump wali) near haideri underpass grw</t>
  </si>
  <si>
    <t>Chaman Shah Road</t>
  </si>
  <si>
    <t>Tanzila Akhter</t>
  </si>
  <si>
    <t>GGES ARGUN</t>
  </si>
  <si>
    <t>argun p/o aulakh bhaik</t>
  </si>
  <si>
    <t>Nusrat Tahira</t>
  </si>
  <si>
    <t>GGES ARIF PURA MULTAN</t>
  </si>
  <si>
    <t>TARAF DAIRAH - FEMALE</t>
  </si>
  <si>
    <t>govt girls elementary school arifpura multan</t>
  </si>
  <si>
    <t>Chah Khoo Wala</t>
  </si>
  <si>
    <t>Iqbal Nager</t>
  </si>
  <si>
    <t>Salma Rana</t>
  </si>
  <si>
    <t>GGES ARJANI WALA NO. 2</t>
  </si>
  <si>
    <t>Arjani Wala</t>
  </si>
  <si>
    <t>Govt Girls Elementary School Arjani Wala No. 2, P/O Sarai Sidhu, Tehsil Kabirwala, Khanewal</t>
  </si>
  <si>
    <t>Kot Gohar Muhammad Muhammad</t>
  </si>
  <si>
    <t>Huma Naz</t>
  </si>
  <si>
    <t>GGES AROOP MORE</t>
  </si>
  <si>
    <t>GUJRANWALA CITY 6 - FEMALE</t>
  </si>
  <si>
    <t>Govt Girls Elementary school Aroop More Gujranwala</t>
  </si>
  <si>
    <t>Aroop More</t>
  </si>
  <si>
    <t>Zahida Nawab</t>
  </si>
  <si>
    <t>GGES ARSHAD POPULAR GUJRANWALA</t>
  </si>
  <si>
    <t>GUJRANWALA CITY 2 - FEMALE</t>
  </si>
  <si>
    <t>gges arshad popular</t>
  </si>
  <si>
    <t>Bakhte Wala Muhalla</t>
  </si>
  <si>
    <t>Rukhsana Parveen</t>
  </si>
  <si>
    <t>GGES ARZANI PUR</t>
  </si>
  <si>
    <t>Arzani Pur</t>
  </si>
  <si>
    <t>same as post office arzani pur</t>
  </si>
  <si>
    <t>IQRA ZAHID</t>
  </si>
  <si>
    <t>GGES ASHABA</t>
  </si>
  <si>
    <t>GGES Ashaba</t>
  </si>
  <si>
    <t>Chanda Mehtab</t>
  </si>
  <si>
    <t>GGES ASHRAF ABAD</t>
  </si>
  <si>
    <t>ASHRAFABAD</t>
  </si>
  <si>
    <t>Ashraf abad Kamoke Gujranwala</t>
  </si>
  <si>
    <t>Ashraf abad</t>
  </si>
  <si>
    <t>Mrs Alia Norin</t>
  </si>
  <si>
    <t>GGES ASHRAF DAROGAWALA</t>
  </si>
  <si>
    <t>Darogawala</t>
  </si>
  <si>
    <t>street no 14.house no 12 muhala Usman Nagar Ghaziabad mughalpura lahore</t>
  </si>
  <si>
    <t>Haji Park</t>
  </si>
  <si>
    <t>Fateh Ghar</t>
  </si>
  <si>
    <t>Hafiza sadaf mustafa</t>
  </si>
  <si>
    <t>GGES ASIAN</t>
  </si>
  <si>
    <t>GGP/S .Asian</t>
  </si>
  <si>
    <t>Hersa Shake</t>
  </si>
  <si>
    <t>Touseef zaidi</t>
  </si>
  <si>
    <t>GGES ASNI</t>
  </si>
  <si>
    <t>GGES Asni</t>
  </si>
  <si>
    <t>GGES ASRAN WALA</t>
  </si>
  <si>
    <t>assranwsla harnoli teh.piplan distt.Mianwali</t>
  </si>
  <si>
    <t>Assranwala</t>
  </si>
  <si>
    <t>Shaista Munir Ahmad</t>
  </si>
  <si>
    <t>GGES ASRRAN WALA</t>
  </si>
  <si>
    <t>asranwala</t>
  </si>
  <si>
    <t>Asranwala</t>
  </si>
  <si>
    <t>Dagarnoon</t>
  </si>
  <si>
    <t>Amat Ur Raheem</t>
  </si>
  <si>
    <t>GGES ASSAR WALA</t>
  </si>
  <si>
    <t>WADAY WALI</t>
  </si>
  <si>
    <t>GGES ELEMENTARY SCHOOL ASSAR WALA</t>
  </si>
  <si>
    <t>ASSAR WALA</t>
  </si>
  <si>
    <t>WARAH SEHRAN</t>
  </si>
  <si>
    <t>saira parveen</t>
  </si>
  <si>
    <t>GGES ASSIAN WALA</t>
  </si>
  <si>
    <t>ASIAN WALA - FEMALE</t>
  </si>
  <si>
    <t>Assian wala</t>
  </si>
  <si>
    <t>assian wala sargodha</t>
  </si>
  <si>
    <t>Assian wala Sargodha</t>
  </si>
  <si>
    <t>50 NB</t>
  </si>
  <si>
    <t>GGES ASWAN BHATTIAN</t>
  </si>
  <si>
    <t>Aswan Bhattian</t>
  </si>
  <si>
    <t>Govt Girls Elementry School Aswan Bhattian</t>
  </si>
  <si>
    <t>Salar Bhattian</t>
  </si>
  <si>
    <t>Razia Tabassum</t>
  </si>
  <si>
    <t>GGES ATA MUHAMMAD</t>
  </si>
  <si>
    <t>GARHI IKTHIAR KHAN - FEMALE</t>
  </si>
  <si>
    <t>Dhand ghagri</t>
  </si>
  <si>
    <t>basti atta Mohammed p o ghari ikhtiar khan Teh khan pur ryk</t>
  </si>
  <si>
    <t>Basti atta Mohammed</t>
  </si>
  <si>
    <t>Aroosi Bano</t>
  </si>
  <si>
    <t>GGES ATTARI</t>
  </si>
  <si>
    <t>Attari</t>
  </si>
  <si>
    <t>gges Attari</t>
  </si>
  <si>
    <t>GGES ATTARI AJEET SINGH</t>
  </si>
  <si>
    <t>Attari Ajeet Singh</t>
  </si>
  <si>
    <t>attari ajeet singh,kot radha kishan,kasur</t>
  </si>
  <si>
    <t>Attati Ajeet Singh</t>
  </si>
  <si>
    <t>pemar Ottar</t>
  </si>
  <si>
    <t>UmeKalsoom</t>
  </si>
  <si>
    <t>GGES ATTIA MAMYAN</t>
  </si>
  <si>
    <t>Mamyan</t>
  </si>
  <si>
    <t>VPO Mamyan Teh. and District Jhelum</t>
  </si>
  <si>
    <t>Afshan Arshad</t>
  </si>
  <si>
    <t>GGES AULAAK SIDHU NO.2 SARAI SIDHU (UPGRADED SED L#S.O(B-1)KHANEWAL/2017 DATED 03-11-2017)</t>
  </si>
  <si>
    <t>Olak Sindhu</t>
  </si>
  <si>
    <t>khoh nawab wala olak sindhu</t>
  </si>
  <si>
    <t>Choperhata</t>
  </si>
  <si>
    <t>Shazia Rafiq</t>
  </si>
  <si>
    <t>GGES AWAN KALAN</t>
  </si>
  <si>
    <t>awan kalan</t>
  </si>
  <si>
    <t>AMTUL MATEEN</t>
  </si>
  <si>
    <t>GGES AWAN OUTAR</t>
  </si>
  <si>
    <t>Awan Outar</t>
  </si>
  <si>
    <t>moza awan outar mustafabad 128 dak khana shergarh tehsil depalpur district okara</t>
  </si>
  <si>
    <t>Nayab Tahir</t>
  </si>
  <si>
    <t>GGES AZEEM BUKHSH DHAREEJA</t>
  </si>
  <si>
    <t>Paolo Shah</t>
  </si>
  <si>
    <t>GGES azeem bukhsh dhraija, markaz abad pur</t>
  </si>
  <si>
    <t>Basti Dhraija</t>
  </si>
  <si>
    <t>Bahodi Pur Quraishian</t>
  </si>
  <si>
    <t>Mehnaz Hameed</t>
  </si>
  <si>
    <t>GGES AZIZ-I-MILLAT SANDA</t>
  </si>
  <si>
    <t>SANDA - FEMALE</t>
  </si>
  <si>
    <t>govt aziz e millat girls middle school sanda kalan lahore</t>
  </si>
  <si>
    <t>Urnban</t>
  </si>
  <si>
    <t>Nigar Sultana Bajwa</t>
  </si>
  <si>
    <t>GGES BAAQIR KAY</t>
  </si>
  <si>
    <t>Baqar Kay</t>
  </si>
  <si>
    <t>GGES Baqar Kay p/O Dholan hithar</t>
  </si>
  <si>
    <t>Veram Hithar</t>
  </si>
  <si>
    <t>Shama Gulshan</t>
  </si>
  <si>
    <t>GGES BABAKWAL</t>
  </si>
  <si>
    <t>Babakwal</t>
  </si>
  <si>
    <t>babakwal the ferozewala dist skp</t>
  </si>
  <si>
    <t>Nahid Latif</t>
  </si>
  <si>
    <t>GGES BACHIAN WALI</t>
  </si>
  <si>
    <t>GGES BADAR PUR</t>
  </si>
  <si>
    <t>Badar Pur</t>
  </si>
  <si>
    <t>Badar pur village p/o Mustafa abad</t>
  </si>
  <si>
    <t>Sarhali Kalan</t>
  </si>
  <si>
    <t>RUKHSANA BANO</t>
  </si>
  <si>
    <t>GGES BADDHAY</t>
  </si>
  <si>
    <t>Baddhay</t>
  </si>
  <si>
    <t>Village Baddhay Bucheki</t>
  </si>
  <si>
    <t>Hafiza Um me Rubab</t>
  </si>
  <si>
    <t>GGES BADDO RATTA</t>
  </si>
  <si>
    <t>MARI KHURD - FEMALE</t>
  </si>
  <si>
    <t>Baddo Ratta</t>
  </si>
  <si>
    <t>MARIA ASHIQ</t>
  </si>
  <si>
    <t>water  dispenser and handpump</t>
  </si>
  <si>
    <t>GGES BADLAY WALA</t>
  </si>
  <si>
    <t>SULTAN KHARR</t>
  </si>
  <si>
    <t>Government Girls Elementary School BADLAY WALA</t>
  </si>
  <si>
    <t>BADLAY WALA</t>
  </si>
  <si>
    <t>Fazal Kalru</t>
  </si>
  <si>
    <t>SHAHEEN AKHTER</t>
  </si>
  <si>
    <t>GGES BADLI SHARIF</t>
  </si>
  <si>
    <t>Badli Shareef</t>
  </si>
  <si>
    <t>GGES BAGAN WALI KARYAL</t>
  </si>
  <si>
    <t>Bagan Wali Karyal</t>
  </si>
  <si>
    <t>Gges Began wali karyal</t>
  </si>
  <si>
    <t>Sehrish Ramzan</t>
  </si>
  <si>
    <t>water pump,hand pump,water cooler</t>
  </si>
  <si>
    <t>GGES BAGGA</t>
  </si>
  <si>
    <t>village bagga p.o lehtrar teh. kotli sattian distt.rwp</t>
  </si>
  <si>
    <t>Shamsa Kiran</t>
  </si>
  <si>
    <t>GGES BAGHI WALA</t>
  </si>
  <si>
    <t>ISLAMPURA KAMALIA-FEMALE</t>
  </si>
  <si>
    <t>bagai wala</t>
  </si>
  <si>
    <t>mohallah bagaiwala near PST College checha watni road kamalia</t>
  </si>
  <si>
    <t>bagaiwala</t>
  </si>
  <si>
    <t>MC kamalia</t>
  </si>
  <si>
    <t>Musarrat-Un-Nisa</t>
  </si>
  <si>
    <t>GGES BAGHWALA</t>
  </si>
  <si>
    <t>vill baghwala po domeli teh sohawa distt jhelum</t>
  </si>
  <si>
    <t>Farzana Iffat</t>
  </si>
  <si>
    <t>GGES BAGRAIN SHUJABAD</t>
  </si>
  <si>
    <t>Bagrain</t>
  </si>
  <si>
    <t>daak khana khas bagrain shujabad</t>
  </si>
  <si>
    <t>shehla islam</t>
  </si>
  <si>
    <t>GGES BAGRIAN GREEN TOWN</t>
  </si>
  <si>
    <t>Bagrian Lahore</t>
  </si>
  <si>
    <t>bagrian dharam chand</t>
  </si>
  <si>
    <t>Bagrian Dharam Chand</t>
  </si>
  <si>
    <t>GGES BAHADUR GARH</t>
  </si>
  <si>
    <t>bahadurgarh</t>
  </si>
  <si>
    <t>GGES bahadurgarh, D.g khan</t>
  </si>
  <si>
    <t>GGES BAHADUR KHAN</t>
  </si>
  <si>
    <t>HAZRO 1 - FEMALE</t>
  </si>
  <si>
    <t>Bahadurkhan</t>
  </si>
  <si>
    <t>khudija bibi</t>
  </si>
  <si>
    <t>GGES BAHAK AHAMD YAR</t>
  </si>
  <si>
    <t>Behak Ahmad Yar</t>
  </si>
  <si>
    <t>GGES  Behak Ahmad Yar</t>
  </si>
  <si>
    <t>Farhat Zahra</t>
  </si>
  <si>
    <t>GGES BAHAR BORANA</t>
  </si>
  <si>
    <t>Baharborana</t>
  </si>
  <si>
    <t>gge/s bahar borana khanqa sharef</t>
  </si>
  <si>
    <t>Bahar Borana</t>
  </si>
  <si>
    <t>Khanqa Sharif</t>
  </si>
  <si>
    <t>Salma Jabeen</t>
  </si>
  <si>
    <t>GGES BAHARI PUR</t>
  </si>
  <si>
    <t>Biharipur</t>
  </si>
  <si>
    <t>gges biharipur disst nakana sahib</t>
  </si>
  <si>
    <t>Bhuchoky Par</t>
  </si>
  <si>
    <t>Syeda Jamila Sabir</t>
  </si>
  <si>
    <t>GGES BAHATIAN CHIBBIAN</t>
  </si>
  <si>
    <t>Bhattian Chibban</t>
  </si>
  <si>
    <t>village and p.o bhattian chibbian teh kharian, district gujrat</t>
  </si>
  <si>
    <t>GGES BAHBAL WALI</t>
  </si>
  <si>
    <t>Behbalwali</t>
  </si>
  <si>
    <t>village Behbalwali p/0 knjror teh.shakrgarh dist.narowal</t>
  </si>
  <si>
    <t>Behbal Wali</t>
  </si>
  <si>
    <t>Hafiza  Sidra Akram</t>
  </si>
  <si>
    <t>GGES BAHBRA GUJRAN</t>
  </si>
  <si>
    <t>Bhabra Gujran</t>
  </si>
  <si>
    <t>Govt Girls Elementary School Bhabra Gujran</t>
  </si>
  <si>
    <t>Baramanga</t>
  </si>
  <si>
    <t>Jamila Akhter</t>
  </si>
  <si>
    <t>GGES BAHMAN WALA</t>
  </si>
  <si>
    <t>LAYYAH-I - FEMALE</t>
  </si>
  <si>
    <t>GGES BAHMEN WALA HOUSING COLONY LAYYAH</t>
  </si>
  <si>
    <t>HOUSING COLONY</t>
  </si>
  <si>
    <t>Touqeer Zahra</t>
  </si>
  <si>
    <t>GGES BAHMANI WALA</t>
  </si>
  <si>
    <t>PERMAT-FEMALE</t>
  </si>
  <si>
    <t>Saal Sadar</t>
  </si>
  <si>
    <t>govt girls elementary school bahimni wala</t>
  </si>
  <si>
    <t>Bahimni Wala</t>
  </si>
  <si>
    <t>Shabana Naz</t>
  </si>
  <si>
    <t>GGES BAHRI</t>
  </si>
  <si>
    <t>BAHRI</t>
  </si>
  <si>
    <t>GGES BAHRI P/O BAHRI TEHSIL PHALIA  DISTRICTM.B.DIN</t>
  </si>
  <si>
    <t>KALA SHADIAN</t>
  </si>
  <si>
    <t>Mubeen Abbas</t>
  </si>
  <si>
    <t>GGES BAIG PUR</t>
  </si>
  <si>
    <t>JHELUM-FEMALE</t>
  </si>
  <si>
    <t>village baig pur</t>
  </si>
  <si>
    <t>Rizwana Bibi</t>
  </si>
  <si>
    <t>GGES BAIRA VIRKAN</t>
  </si>
  <si>
    <t>Beravirkan</t>
  </si>
  <si>
    <t>vill bera virkan p/o servis industri teh/dist sheikhupura</t>
  </si>
  <si>
    <t>Bera Virkan</t>
  </si>
  <si>
    <t>Maliyan Kalan</t>
  </si>
  <si>
    <t>Sumaira Iftikhar</t>
  </si>
  <si>
    <t>GGES BAISA KALAN</t>
  </si>
  <si>
    <t>GGES Baisa Kalan</t>
  </si>
  <si>
    <t>Basis Kalan</t>
  </si>
  <si>
    <t>Humaira Zahid</t>
  </si>
  <si>
    <t>GGES BAISA MAIRA</t>
  </si>
  <si>
    <t>Baisa Maira</t>
  </si>
  <si>
    <t>VILLAGE   BAISA  MAIRA P/O   BAISA KALAN TEHSIL SARAI  ALAMGIR DISTRICT GUJRAT</t>
  </si>
  <si>
    <t>GGES BAIT ANGRA</t>
  </si>
  <si>
    <t>Bait Angra</t>
  </si>
  <si>
    <t>Mohallah eid gah layyah</t>
  </si>
  <si>
    <t>Musarat Saleem</t>
  </si>
  <si>
    <t>GGES BAIT LADHA</t>
  </si>
  <si>
    <t>Chak Jindu Shah</t>
  </si>
  <si>
    <t>taunsa sharif</t>
  </si>
  <si>
    <t>Panch Garain</t>
  </si>
  <si>
    <t>Mueeza Mujtaba</t>
  </si>
  <si>
    <t>GGES BAIT QAIM SHAH</t>
  </si>
  <si>
    <t>Darien</t>
  </si>
  <si>
    <t>muza bait Qaim Shah</t>
  </si>
  <si>
    <t>Rabia Tarab</t>
  </si>
  <si>
    <t>GGES BAIT WASAWA SHUMALI</t>
  </si>
  <si>
    <t>GGE/S baitwasava shumali</t>
  </si>
  <si>
    <t>Baitwasava Shumali</t>
  </si>
  <si>
    <t>Najma Noreen</t>
  </si>
  <si>
    <t>GGES BAKAINI</t>
  </si>
  <si>
    <t>basti Bakaini p/o khas , tehsil jatoi, district muzaffar garh</t>
  </si>
  <si>
    <t>Irum Yasmeen</t>
  </si>
  <si>
    <t>GGES BAKHOO SHAH</t>
  </si>
  <si>
    <t>SAHBAY WALA - FEMALE</t>
  </si>
  <si>
    <t>BAKHU SHAH</t>
  </si>
  <si>
    <t>ABIDA PARBEEN</t>
  </si>
  <si>
    <t>GGES BAKHRAY WALI KALAN</t>
  </si>
  <si>
    <t>BHAKHREWALI KALA</t>
  </si>
  <si>
    <t>Bhakhraywali Kalan Daak khana khas</t>
  </si>
  <si>
    <t>Bhakhraywali Kalan</t>
  </si>
  <si>
    <t>Madiha</t>
  </si>
  <si>
    <t>GGES BAKHRI WALI</t>
  </si>
  <si>
    <t>Bhakrewali</t>
  </si>
  <si>
    <t>bhakrewali</t>
  </si>
  <si>
    <t>Noor Un Nahar</t>
  </si>
  <si>
    <t>GGES BAKHSHISH GARH QADIRPUR</t>
  </si>
  <si>
    <t>Baksheesh Garh</t>
  </si>
  <si>
    <t>GGMS Baksheesh garh multan sader</t>
  </si>
  <si>
    <t>Nabila Kouser</t>
  </si>
  <si>
    <t>GGES BAKHT ALI WALA</t>
  </si>
  <si>
    <t>5-FAIZ - FEMALE</t>
  </si>
  <si>
    <t>Bakhat Ali Wala</t>
  </si>
  <si>
    <t>Ada Bakhat Ali wala</t>
  </si>
  <si>
    <t>BAKHAT Ali Wala</t>
  </si>
  <si>
    <t>Nargis Zaffar</t>
  </si>
  <si>
    <t>GGES BALAY WALA</t>
  </si>
  <si>
    <t>Ballay Wala</t>
  </si>
  <si>
    <t>VPO BALLEY WALA TEHSIL DISTRICT GUJRANWALA</t>
  </si>
  <si>
    <t>BALLEY WALA</t>
  </si>
  <si>
    <t>JALAL BLAGAN</t>
  </si>
  <si>
    <t>RIZWANA SHAHEEN</t>
  </si>
  <si>
    <t>GGES BALLO KASSAR</t>
  </si>
  <si>
    <t>ballokassar</t>
  </si>
  <si>
    <t>ballo kassar</t>
  </si>
  <si>
    <t>GGES BALLO KHEL</t>
  </si>
  <si>
    <t>MIANWALI RURAL NO.1-FEMALE</t>
  </si>
  <si>
    <t>Ballokhel</t>
  </si>
  <si>
    <t>GGES Ballokhel Mianwali</t>
  </si>
  <si>
    <t>Mc Mianwali</t>
  </si>
  <si>
    <t>Jamila Yasmin</t>
  </si>
  <si>
    <t>GGES BALLOKI CHAK NO 30</t>
  </si>
  <si>
    <t>Balloki Chak  30</t>
  </si>
  <si>
    <t>balloki chak  30</t>
  </si>
  <si>
    <t>Wan Radha Ram</t>
  </si>
  <si>
    <t>Mussarat Naseem</t>
  </si>
  <si>
    <t>GGES BALOCHAN, NAWAN SHEHR</t>
  </si>
  <si>
    <t>MONGA WALA - FEMALE</t>
  </si>
  <si>
    <t>balouchan</t>
  </si>
  <si>
    <t>GGES BALOCHAN</t>
  </si>
  <si>
    <t>maan kot</t>
  </si>
  <si>
    <t>Bilqees Akhtar</t>
  </si>
  <si>
    <t>GGES BALSHAHAN</t>
  </si>
  <si>
    <t>Bal Shahah</t>
  </si>
  <si>
    <t>Govt. Girls High School P/O Bal Shahan dhamthal</t>
  </si>
  <si>
    <t>Bal Shahan</t>
  </si>
  <si>
    <t>Deepokay</t>
  </si>
  <si>
    <t>Mamoona Anwar</t>
  </si>
  <si>
    <t>GGES BALWAL</t>
  </si>
  <si>
    <t>vpo balwal TEH lawa,distt.chakwal</t>
  </si>
  <si>
    <t>Nuzhat Naz</t>
  </si>
  <si>
    <t>GGES BAMBHAN NO 1</t>
  </si>
  <si>
    <t>Bambhan</t>
  </si>
  <si>
    <t>basti bambhan p /o retra</t>
  </si>
  <si>
    <t>Nair Shumali</t>
  </si>
  <si>
    <t>Saffia Begum</t>
  </si>
  <si>
    <t>Hand+ electric water</t>
  </si>
  <si>
    <t>GGES BAMBOOL</t>
  </si>
  <si>
    <t>Rakh Bambool</t>
  </si>
  <si>
    <t>GGES BAMBOOL TEHSIL NOOR PUR THAL</t>
  </si>
  <si>
    <t>Bambool</t>
  </si>
  <si>
    <t>Sumera Irem</t>
  </si>
  <si>
    <t>GGES BAN</t>
  </si>
  <si>
    <t>Ban</t>
  </si>
  <si>
    <t>GGES Ban</t>
  </si>
  <si>
    <t>Mushraf Kousar</t>
  </si>
  <si>
    <t>GGES BANA MIAN WALA</t>
  </si>
  <si>
    <t>Banna Mianwala</t>
  </si>
  <si>
    <t>Banna Mianwala station</t>
  </si>
  <si>
    <t>Chksaida</t>
  </si>
  <si>
    <t>Hafiza Zainab Tariq</t>
  </si>
  <si>
    <t>GGES BANAHIL</t>
  </si>
  <si>
    <t>MANYANDA - FEMALE</t>
  </si>
  <si>
    <t>Banahil</t>
  </si>
  <si>
    <t>p/o banahil pattan</t>
  </si>
  <si>
    <t>Fozia Noreen</t>
  </si>
  <si>
    <t>GGES BANDA</t>
  </si>
  <si>
    <t>Village Banda Chakbeli khan road Rawakpindi</t>
  </si>
  <si>
    <t>Mubeen Ul Haq</t>
  </si>
  <si>
    <t>GGES BANDAY SHAH</t>
  </si>
  <si>
    <t>Bunday Shah</t>
  </si>
  <si>
    <t>Busti Bunday shah tehsil Ali pur pakistan</t>
  </si>
  <si>
    <t>Busti Bunday shah</t>
  </si>
  <si>
    <t>Shaheena Saeed</t>
  </si>
  <si>
    <t>GGES BANGALA MORE BASTI BANGALA MORE</t>
  </si>
  <si>
    <t>gardaiz Pour</t>
  </si>
  <si>
    <t>GGES Bangala more</t>
  </si>
  <si>
    <t>bangala more</t>
  </si>
  <si>
    <t>Amna Hazoor</t>
  </si>
  <si>
    <t>GGES BANGIAL</t>
  </si>
  <si>
    <t>p.o Bangial  tehsil kharian distt gujrat</t>
  </si>
  <si>
    <t>langrail</t>
  </si>
  <si>
    <t>humaira falk</t>
  </si>
  <si>
    <t>GGES BANIAN</t>
  </si>
  <si>
    <t>KAKRALI I - FEMALE</t>
  </si>
  <si>
    <t>kakrali</t>
  </si>
  <si>
    <t>village post office banian</t>
  </si>
  <si>
    <t>banian</t>
  </si>
  <si>
    <t>bazurgawal</t>
  </si>
  <si>
    <t>Aimen Fatima</t>
  </si>
  <si>
    <t>GGES BANTH</t>
  </si>
  <si>
    <t>GUJRAT-IV-FEMALE</t>
  </si>
  <si>
    <t>govt. girls elementry school banth</t>
  </si>
  <si>
    <t>Kalrah Kalan</t>
  </si>
  <si>
    <t>Zeenat Rani</t>
  </si>
  <si>
    <t>GGES BAQIR PUR NO.1, SARAI SIDHU</t>
  </si>
  <si>
    <t>bhattiyan wala baqirpur</t>
  </si>
  <si>
    <t>Faiza Javed</t>
  </si>
  <si>
    <t>GGES BARAL</t>
  </si>
  <si>
    <t>village baral</t>
  </si>
  <si>
    <t>Naima Munawar</t>
  </si>
  <si>
    <t>GGES BARANGA</t>
  </si>
  <si>
    <t>Barranga dullewala Darya Khan Bhakkar</t>
  </si>
  <si>
    <t>SADIA ASLAM</t>
  </si>
  <si>
    <t>GGES BARHID</t>
  </si>
  <si>
    <t>Barhad</t>
  </si>
  <si>
    <t>vill barhad po and tehsil kotli satti n</t>
  </si>
  <si>
    <t>water  supply</t>
  </si>
  <si>
    <t>GGES BARI MINHASAN</t>
  </si>
  <si>
    <t>DARMAN - FEMALE</t>
  </si>
  <si>
    <t>Bari minhasan</t>
  </si>
  <si>
    <t>Bari</t>
  </si>
  <si>
    <t>Shahida Hassan</t>
  </si>
  <si>
    <t>GGES BARIAN PETHORA</t>
  </si>
  <si>
    <t>WAGHAL - FEMALE</t>
  </si>
  <si>
    <t>Barian</t>
  </si>
  <si>
    <t>GGES Barian Pethora</t>
  </si>
  <si>
    <t>Waghal</t>
  </si>
  <si>
    <t>Yasreen Akhtar</t>
  </si>
  <si>
    <t>pipeline</t>
  </si>
  <si>
    <t>GGES BARILA SHARIF</t>
  </si>
  <si>
    <t>TANDA I - FEMALE</t>
  </si>
  <si>
    <t>barila sharif</t>
  </si>
  <si>
    <t>Iffat Sultana</t>
  </si>
  <si>
    <t>GGES BARKI BADHAL</t>
  </si>
  <si>
    <t>Barki Badhal</t>
  </si>
  <si>
    <t>Barki Badhal w.no 12</t>
  </si>
  <si>
    <t>ASIA TASLEEM KAUSAR</t>
  </si>
  <si>
    <t>GGES BARKI CHAK NO 16</t>
  </si>
  <si>
    <t>Barki Chak 16</t>
  </si>
  <si>
    <t>barki chak 16</t>
  </si>
  <si>
    <t>Mundy Ki</t>
  </si>
  <si>
    <t>Nisbat Bashir</t>
  </si>
  <si>
    <t>GGES BARNALA CHAK 23 RB</t>
  </si>
  <si>
    <t>BARNALA</t>
  </si>
  <si>
    <t>Barnala chak 23rb teh safdarabad distt sheikhupura</t>
  </si>
  <si>
    <t>BARNALA CHAK 23RB</t>
  </si>
  <si>
    <t>Abdullah pur kollar</t>
  </si>
  <si>
    <t>Mehmoodah Arif</t>
  </si>
  <si>
    <t>GGES BAROHI BALA</t>
  </si>
  <si>
    <t>PUNJAR - FEMALE</t>
  </si>
  <si>
    <t>BAROHI</t>
  </si>
  <si>
    <t>Post Office and village barohi TEHSIL KAHUTA DISTRICT RAWALPINDI</t>
  </si>
  <si>
    <t>NARAR</t>
  </si>
  <si>
    <t>SHAMMA Naz</t>
  </si>
  <si>
    <t>GGES BARWAL</t>
  </si>
  <si>
    <t>GGES barwal p/o rambri</t>
  </si>
  <si>
    <t>GGES BARWALA</t>
  </si>
  <si>
    <t>Barwala</t>
  </si>
  <si>
    <t>Barwala tehsil jand district attock</t>
  </si>
  <si>
    <t>Tarap</t>
  </si>
  <si>
    <t>Nayab Khan</t>
  </si>
  <si>
    <t>GGES BASHEER AHMED SANGHI</t>
  </si>
  <si>
    <t>RUKAN PUR - FEMALE</t>
  </si>
  <si>
    <t>p/o head haji pur heeran mouza Murad pur Sanghi GGES BASHIR Ahmad Sanghi</t>
  </si>
  <si>
    <t>Murad pur Sanghi</t>
  </si>
  <si>
    <t>Zahra Ishfaq</t>
  </si>
  <si>
    <t>GGES BASHIR TALPUR</t>
  </si>
  <si>
    <t>basti talpur post office same tehsil kot chutta distt DG Khan</t>
  </si>
  <si>
    <t>basti Talpur</t>
  </si>
  <si>
    <t>GGES BASI KALAN</t>
  </si>
  <si>
    <t>Basi kalan</t>
  </si>
  <si>
    <t>basi kalan Teh Phalia District M.B.Din</t>
  </si>
  <si>
    <t>Tassduf Tariq</t>
  </si>
  <si>
    <t>GGES BASI WALA</t>
  </si>
  <si>
    <t>basiwala</t>
  </si>
  <si>
    <t>chicher wali</t>
  </si>
  <si>
    <t>Farah Amjad</t>
  </si>
  <si>
    <t>GGES BASRA COLONY</t>
  </si>
  <si>
    <t>Basra Colony</t>
  </si>
  <si>
    <t>GGES BASRA COLONY Muridke</t>
  </si>
  <si>
    <t>Muridke</t>
  </si>
  <si>
    <t>Muridke 3</t>
  </si>
  <si>
    <t>Iffat Bano</t>
  </si>
  <si>
    <t>GGES BASRA SHAMAY WALA</t>
  </si>
  <si>
    <t>Chicharwali</t>
  </si>
  <si>
    <t>village Basra p/o kalaswala The Pasrur Distt Sialkot</t>
  </si>
  <si>
    <t>Basra Shamywala</t>
  </si>
  <si>
    <t>Uzma Tabussum</t>
  </si>
  <si>
    <t>GGES BASSI</t>
  </si>
  <si>
    <t>Mallot</t>
  </si>
  <si>
    <t>Dhoke bassi p /o mallot sattian teh kotli sattian dist Rawalpindi</t>
  </si>
  <si>
    <t>Bassi</t>
  </si>
  <si>
    <t>Qamar Un Nisa</t>
  </si>
  <si>
    <t>chashma</t>
  </si>
  <si>
    <t>GGES BASTI ABDUL SALAM</t>
  </si>
  <si>
    <t>Jheta Bhuta</t>
  </si>
  <si>
    <t>Basti Abdul Salam, KPR</t>
  </si>
  <si>
    <t>Chak 4p</t>
  </si>
  <si>
    <t>Rukhsana sarwar</t>
  </si>
  <si>
    <t>GGES BASTI ALLAH BAKHSH</t>
  </si>
  <si>
    <t>Billu Sandila</t>
  </si>
  <si>
    <t>bassti allah bkhsh sandila near masu shah p o box shehr sultan</t>
  </si>
  <si>
    <t>Basti Allah Bukhsh Sandila</t>
  </si>
  <si>
    <t>Nadia Parveen</t>
  </si>
  <si>
    <t>GGES BASTI ALLAH DAD</t>
  </si>
  <si>
    <t>Kalo Wala</t>
  </si>
  <si>
    <t>basti Allah dad mouza kalo wala adda permat lodhran</t>
  </si>
  <si>
    <t>Basti Allah Dad</t>
  </si>
  <si>
    <t>Aisha Fatima</t>
  </si>
  <si>
    <t>GGES BASTI AMANAT ALI</t>
  </si>
  <si>
    <t>MC GGES Basti Amanat Ali Rizwan Park Rahim Yar Khan</t>
  </si>
  <si>
    <t>Rizwan park</t>
  </si>
  <si>
    <t>HAFIZA LUBNA SABAHAT</t>
  </si>
  <si>
    <t>GGES BASTI ARIAN</t>
  </si>
  <si>
    <t>govt girls E/S basti arain</t>
  </si>
  <si>
    <t>Basti Qazi Wala</t>
  </si>
  <si>
    <t>Ghulam Rabia</t>
  </si>
  <si>
    <t>GGES BASTI ARIF</t>
  </si>
  <si>
    <t>khan wala</t>
  </si>
  <si>
    <t>govt girls elementary school basti arif mouza khan wala</t>
  </si>
  <si>
    <t>kotla gamun</t>
  </si>
  <si>
    <t>Zubaida Begam</t>
  </si>
  <si>
    <t>GGES BASTI ARSALAN</t>
  </si>
  <si>
    <t>Fathe Sohrani</t>
  </si>
  <si>
    <t>basti arsalan near kd qureshi</t>
  </si>
  <si>
    <t>Sadia Bibi</t>
  </si>
  <si>
    <t>GGES BASTI AWAN</t>
  </si>
  <si>
    <t>MOHIB SHAH - FEMALE</t>
  </si>
  <si>
    <t>TATAR WALA</t>
  </si>
  <si>
    <t>MOZA TATAR WALA NEAR MIRZA UBAID RESIDENCY</t>
  </si>
  <si>
    <t>BASTI NOOR SHAH</t>
  </si>
  <si>
    <t>Tahira Tahseen</t>
  </si>
  <si>
    <t>GGES BASTI AZEEM SHAH</t>
  </si>
  <si>
    <t>BAZ WALA- FEMALE</t>
  </si>
  <si>
    <t>Kotla Agar</t>
  </si>
  <si>
    <t>E/S Azeem Shah Basti Mahmood</t>
  </si>
  <si>
    <t>Basti Mahmood</t>
  </si>
  <si>
    <t>Seet Pur Khanani</t>
  </si>
  <si>
    <t>Tahira Nasreen</t>
  </si>
  <si>
    <t>GGES BASTI BALOCHAN MOSAFIR KHANA</t>
  </si>
  <si>
    <t>JAMAL CHANNAR - FEMALE</t>
  </si>
  <si>
    <t>Mari Meer Mohammad</t>
  </si>
  <si>
    <t>G.G.E/S basti balouchan</t>
  </si>
  <si>
    <t>Mahroosa Naz</t>
  </si>
  <si>
    <t>GGES BASTI BINDRA</t>
  </si>
  <si>
    <t>Bindra</t>
  </si>
  <si>
    <t>Govt Girls E/S bindra basti Bahawalpur</t>
  </si>
  <si>
    <t>GGES BASTI BIRMANI</t>
  </si>
  <si>
    <t>Mutafariq Chahan</t>
  </si>
  <si>
    <t>Kashifa Jabeen</t>
  </si>
  <si>
    <t>GGES BASTI CHACHRAN</t>
  </si>
  <si>
    <t>Pacca</t>
  </si>
  <si>
    <t>Mari Sheikh Shajjra</t>
  </si>
  <si>
    <t>kausar parveen</t>
  </si>
  <si>
    <t>GGES BASTI CHADHAR</t>
  </si>
  <si>
    <t>SAMANDUANA - FEMALE</t>
  </si>
  <si>
    <t>Chadhar</t>
  </si>
  <si>
    <t>Government Girls elementary school Basti Chadhar</t>
  </si>
  <si>
    <t>Samanduana</t>
  </si>
  <si>
    <t>Alia Narjis</t>
  </si>
  <si>
    <t>GGES BASTI CHALEY WAHIN</t>
  </si>
  <si>
    <t>Cheleywahin</t>
  </si>
  <si>
    <t>cheley wahin</t>
  </si>
  <si>
    <t>Cheley Wahin</t>
  </si>
  <si>
    <t>Raheela Zahid</t>
  </si>
  <si>
    <t>GGES BASTI CHANAR</t>
  </si>
  <si>
    <t>khaki</t>
  </si>
  <si>
    <t>gull wala moza khaki sharki</t>
  </si>
  <si>
    <t>gull wala</t>
  </si>
  <si>
    <t>Halima bibi</t>
  </si>
  <si>
    <t>GGES BASTI CHANDIA</t>
  </si>
  <si>
    <t>Dulat Pur</t>
  </si>
  <si>
    <t>basti Chandia</t>
  </si>
  <si>
    <t>Saima Malik</t>
  </si>
  <si>
    <t>GGES BASTI CHEEHNA</t>
  </si>
  <si>
    <t>Basti Naseer</t>
  </si>
  <si>
    <t>basti cheehna</t>
  </si>
  <si>
    <t>Basti Cheehna</t>
  </si>
  <si>
    <t>Kotla Ahmed Khan</t>
  </si>
  <si>
    <t>Madeeha Yaseen</t>
  </si>
  <si>
    <t>GGES BASTI CHIRAGH SHAH</t>
  </si>
  <si>
    <t>KASUR SADAR - FEMALE</t>
  </si>
  <si>
    <t>basti chiragh shah bhatta sohn din kasur</t>
  </si>
  <si>
    <t>Basti Chiragh Shah</t>
  </si>
  <si>
    <t>Gul E Rana</t>
  </si>
  <si>
    <t>GGES BASTI CHOOP SHAH KASUR</t>
  </si>
  <si>
    <t>Chup Shah</t>
  </si>
  <si>
    <t>basti chup shah kasur</t>
  </si>
  <si>
    <t>Surayya Sharazi</t>
  </si>
  <si>
    <t>GGES BASTI CLAIRY</t>
  </si>
  <si>
    <t>Churhatta Pajadh</t>
  </si>
  <si>
    <t>Basti Clairy kot haibat Dera Ghazi Khan</t>
  </si>
  <si>
    <t>Basti Clairy</t>
  </si>
  <si>
    <t>Vador</t>
  </si>
  <si>
    <t>MUSSARAT ZULFIQAR</t>
  </si>
  <si>
    <t>GGES BASTI DARIGH</t>
  </si>
  <si>
    <t>Sadewaen</t>
  </si>
  <si>
    <t>govt girls elementary school basti drigjh</t>
  </si>
  <si>
    <t>Basti Drigh</t>
  </si>
  <si>
    <t>Shabana Naureen</t>
  </si>
  <si>
    <t>GGES BASTI DEWALA MUZA BAIT MUGHAL</t>
  </si>
  <si>
    <t>Bait mughal</t>
  </si>
  <si>
    <t>GGE/S basti dewala</t>
  </si>
  <si>
    <t>Basti Dewala</t>
  </si>
  <si>
    <t>SUMAIRA MAJEED</t>
  </si>
  <si>
    <t>GGES BASTI DEWAN WALI</t>
  </si>
  <si>
    <t>govt girls elementry school basti dewn wali jhang</t>
  </si>
  <si>
    <t>Hafiza Uzma Riaz</t>
  </si>
  <si>
    <t>GGES BASTI FAROOQ ABAD</t>
  </si>
  <si>
    <t>Rakhshah Anayat</t>
  </si>
  <si>
    <t>GGES basti farooq abad</t>
  </si>
  <si>
    <t>Basti Farooq Abad</t>
  </si>
  <si>
    <t>Hallar Key</t>
  </si>
  <si>
    <t>Naima Saeed</t>
  </si>
  <si>
    <t>GGES BASTI GAZRAN</t>
  </si>
  <si>
    <t>Jasal Wine</t>
  </si>
  <si>
    <t>g.g e/s basti  gazran   d&amp;t m. garh</t>
  </si>
  <si>
    <t>Basti Gazran</t>
  </si>
  <si>
    <t>Farrah Deeba</t>
  </si>
  <si>
    <t>GGES BASTI GHALWAN</t>
  </si>
  <si>
    <t>bhutaji</t>
  </si>
  <si>
    <t>Gov't Girl's Elementry school Basti Ghalwan</t>
  </si>
  <si>
    <t>Basti Ghalwan</t>
  </si>
  <si>
    <t>jamila  Mariam</t>
  </si>
  <si>
    <t>GGES BASTI GHULAM HAIDER</t>
  </si>
  <si>
    <t>Fattu Wali</t>
  </si>
  <si>
    <t>Government girls E/S basti ghulam haider  moza fattu wali bahawalpur</t>
  </si>
  <si>
    <t>Khanoo Wali</t>
  </si>
  <si>
    <t>Rani Fayyaz</t>
  </si>
  <si>
    <t>GGES BASTI GHULAM MUHMAMAD ABAD</t>
  </si>
  <si>
    <t>TIBBI SYEDAN-FEMALE</t>
  </si>
  <si>
    <t>bhojia Wala</t>
  </si>
  <si>
    <t>GGES  GULAM MUHAMMAD ABAD TEHSIL KAMALIA</t>
  </si>
  <si>
    <t>bhojia wala</t>
  </si>
  <si>
    <t>chak 739 gb jakhar</t>
  </si>
  <si>
    <t>Attia Aslam</t>
  </si>
  <si>
    <t>GGES BASTI HAJI</t>
  </si>
  <si>
    <t>Jhurh Rathyb</t>
  </si>
  <si>
    <t>jarh ratheb basti haji tehsil jatoi  districts m Garh</t>
  </si>
  <si>
    <t>Busti Dhum Wala</t>
  </si>
  <si>
    <t>Manikpur</t>
  </si>
  <si>
    <t>Rumana Tahir</t>
  </si>
  <si>
    <t>GGES BASTI HAJI ABDULLAH</t>
  </si>
  <si>
    <t>Gges haji Abdullah Khan</t>
  </si>
  <si>
    <t>Basti Mureed Khan</t>
  </si>
  <si>
    <t>Tayaiba Akram</t>
  </si>
  <si>
    <t>GGES BASTI HAJI HAZOORI</t>
  </si>
  <si>
    <t>Chandrani W</t>
  </si>
  <si>
    <t>gges haji hazori</t>
  </si>
  <si>
    <t>Haji Hazoori</t>
  </si>
  <si>
    <t>Jamal Channer</t>
  </si>
  <si>
    <t>mumtaz nusrat</t>
  </si>
  <si>
    <t>GGES BASTI HAKIM ALI</t>
  </si>
  <si>
    <t>4A</t>
  </si>
  <si>
    <t>basti hakim ali</t>
  </si>
  <si>
    <t>Bsti Chak 4 A</t>
  </si>
  <si>
    <t>25A</t>
  </si>
  <si>
    <t>Zarina Bibi</t>
  </si>
  <si>
    <t>GGES BASTI HOOT</t>
  </si>
  <si>
    <t>Basti hoot</t>
  </si>
  <si>
    <t>block #18,house #89 bodla  colony  d g Khan</t>
  </si>
  <si>
    <t>Azra Khosa</t>
  </si>
  <si>
    <t>GGES BASTI IMAM DIN</t>
  </si>
  <si>
    <t>BULAQI WALI</t>
  </si>
  <si>
    <t>Chak No. 78/NP, Basti Imam Deen, RYK</t>
  </si>
  <si>
    <t>Basti Imam Deen</t>
  </si>
  <si>
    <t>MAO MUBARAK</t>
  </si>
  <si>
    <t>Amina Javed</t>
  </si>
  <si>
    <t>GGES BASTI JALIL MULTAN P/O BASTI JALIL</t>
  </si>
  <si>
    <t>Basti Jaleel</t>
  </si>
  <si>
    <t>Gges basti jaleel budhla sant multan</t>
  </si>
  <si>
    <t>Zarina Jabeen</t>
  </si>
  <si>
    <t>GGES BASTI JANGLA</t>
  </si>
  <si>
    <t>basti jangla</t>
  </si>
  <si>
    <t>GGES BASTI JATKI</t>
  </si>
  <si>
    <t>CITY KPR-FEMALE</t>
  </si>
  <si>
    <t>basti jatki khanpur</t>
  </si>
  <si>
    <t>Basti Jatki</t>
  </si>
  <si>
    <t>72 C</t>
  </si>
  <si>
    <t>Shagufta Manzoor</t>
  </si>
  <si>
    <t>GGES BASTI JHEDWAN (15/G)</t>
  </si>
  <si>
    <t>Jhedwan</t>
  </si>
  <si>
    <t>Basti Jhedwan 15G Chistian Bahawalnagar</t>
  </si>
  <si>
    <t>Basti Jhedwan 15/ G</t>
  </si>
  <si>
    <t>15/G</t>
  </si>
  <si>
    <t>Aqsa Jamil</t>
  </si>
  <si>
    <t>GGES BASTI JHOKE WAINS MULTAN</t>
  </si>
  <si>
    <t>Jhokewains Warli</t>
  </si>
  <si>
    <t>Basti Jhokewains kalan Multan</t>
  </si>
  <si>
    <t>Basti Jhokewains</t>
  </si>
  <si>
    <t>Jhokewains</t>
  </si>
  <si>
    <t>GGES BASTI KAHORE KHAN</t>
  </si>
  <si>
    <t>PALACE-FEMALE</t>
  </si>
  <si>
    <t>Ali Akbar Sangi</t>
  </si>
  <si>
    <t>gges basti kahoor khan ryk</t>
  </si>
  <si>
    <t>Basti Kahoor Khan</t>
  </si>
  <si>
    <t>Aman Ghar</t>
  </si>
  <si>
    <t>Samina Kausar</t>
  </si>
  <si>
    <t>GGES BASTI KHAIROO NEAR MUZAFFARABAD CANAL MULTAN</t>
  </si>
  <si>
    <t>INDUSTRIAL ESTATE - FEMALE</t>
  </si>
  <si>
    <t>Tibba Masudpur</t>
  </si>
  <si>
    <t>GGES Basti Khairo Near Muzafarabad Canal Multan</t>
  </si>
  <si>
    <t>Basti Khairoo</t>
  </si>
  <si>
    <t>GGES BASTI KHAKHI GHARBI</t>
  </si>
  <si>
    <t>Khakhi Garbi</t>
  </si>
  <si>
    <t>Basti khakhi garbi</t>
  </si>
  <si>
    <t>Mrs Shaheena Parveen</t>
  </si>
  <si>
    <t>GGES BASTI KHAN MUHAMMAD</t>
  </si>
  <si>
    <t>Basti khan muhammad</t>
  </si>
  <si>
    <t>Basti Khan Muhammad</t>
  </si>
  <si>
    <t>Mari Allah Bazhay</t>
  </si>
  <si>
    <t>Ayesha Irum</t>
  </si>
  <si>
    <t>GGES BASTI KHOJAN WALI PO BHAKKAR</t>
  </si>
  <si>
    <t>Fate Khan</t>
  </si>
  <si>
    <t>G.G.E/S Khawaja Abad Bhakkar</t>
  </si>
  <si>
    <t>GGES BASTI KHOSA</t>
  </si>
  <si>
    <t>GGES BASTI LAIL PUR</t>
  </si>
  <si>
    <t>Jimrani Wah</t>
  </si>
  <si>
    <t>basti lailpur</t>
  </si>
  <si>
    <t>Lailpur</t>
  </si>
  <si>
    <t>Salma Khatoon</t>
  </si>
  <si>
    <t>GGES BASTI LAL</t>
  </si>
  <si>
    <t>Pacca Laran</t>
  </si>
  <si>
    <t>headmistress rabia bibi GGES Basti lal teh. LQP p/o pacca laran</t>
  </si>
  <si>
    <t>Rabia bibi</t>
  </si>
  <si>
    <t>GGES BASTI LAL SHAH KASUR</t>
  </si>
  <si>
    <t>KASUR CITY - FEMALE</t>
  </si>
  <si>
    <t>Basti Lal Shah</t>
  </si>
  <si>
    <t>basti lal shah kasur</t>
  </si>
  <si>
    <t>Kasur City</t>
  </si>
  <si>
    <t>Rashida Riazat</t>
  </si>
  <si>
    <t>GGES BASTI MAHARAN</t>
  </si>
  <si>
    <t>LUTKARAN</t>
  </si>
  <si>
    <t>Near General Bus Stand</t>
  </si>
  <si>
    <t>BASTI MAHARAN</t>
  </si>
  <si>
    <t>MC MGARH</t>
  </si>
  <si>
    <t>Muniyah Muneer</t>
  </si>
  <si>
    <t>GGES BASTI MALANA</t>
  </si>
  <si>
    <t>tehsil kot chutta basti malana</t>
  </si>
  <si>
    <t>Asifa Jahangir</t>
  </si>
  <si>
    <t>GGES BASTI MALIK FAROOQ</t>
  </si>
  <si>
    <t>Jamal Channar</t>
  </si>
  <si>
    <t>basti malik farooq</t>
  </si>
  <si>
    <t>Basti Malik Farooq</t>
  </si>
  <si>
    <t>Samina Tahir</t>
  </si>
  <si>
    <t>GGES BASTI MALIK KHALID</t>
  </si>
  <si>
    <t>Basti malik khalid</t>
  </si>
  <si>
    <t>basti malik khalid</t>
  </si>
  <si>
    <t>goth mehrab</t>
  </si>
  <si>
    <t>eRUM RAZZAQ</t>
  </si>
  <si>
    <t>GGES BASTI MALIK MUNEER</t>
  </si>
  <si>
    <t>Wahi Shah Muhammad</t>
  </si>
  <si>
    <t>GGES MALIK MUNIR</t>
  </si>
  <si>
    <t>Basti Malik Munir Noorpur</t>
  </si>
  <si>
    <t>Rozina Amir</t>
  </si>
  <si>
    <t>GGES BASTI MALKANI</t>
  </si>
  <si>
    <t>TIBBI IZZAT - FEMALE</t>
  </si>
  <si>
    <t>Gous Pur</t>
  </si>
  <si>
    <t>Basti Malkani</t>
  </si>
  <si>
    <t>Tooba Sheikh</t>
  </si>
  <si>
    <t>GGES BASTI MALOOK</t>
  </si>
  <si>
    <t>GGESBasti Malook</t>
  </si>
  <si>
    <t>GGES BASTI MEHRAN SYEDAN</t>
  </si>
  <si>
    <t>SAMA SATTA- FEMALE</t>
  </si>
  <si>
    <t>Ditta Baloch</t>
  </si>
  <si>
    <t>basti mahran saydan</t>
  </si>
  <si>
    <t>Mahran Saydan</t>
  </si>
  <si>
    <t>Faiza Gull</t>
  </si>
  <si>
    <t>GGES BASTI MIAN</t>
  </si>
  <si>
    <t>Sohiya Thall</t>
  </si>
  <si>
    <t>Govt girls elementry school Basti Mian</t>
  </si>
  <si>
    <t>Sohanra Wasawa</t>
  </si>
  <si>
    <t>GGES BASTI MIAN SAHIB</t>
  </si>
  <si>
    <t>SADAR SADIQ ABAD-FEMALE</t>
  </si>
  <si>
    <t>CHANDRAMI</t>
  </si>
  <si>
    <t>BASTI MIAN SAHIB MANTHAR ROAD SADIQ ABAD</t>
  </si>
  <si>
    <t>BASTI MIAN SAHIB</t>
  </si>
  <si>
    <t>MUNCIPLE COMMITTEE COMMETI</t>
  </si>
  <si>
    <t>Khalida Nasreen</t>
  </si>
  <si>
    <t>GGES BASTI MIRANI LOHANCH NASHAIB</t>
  </si>
  <si>
    <t>Lohanch nashaib</t>
  </si>
  <si>
    <t>GGES Basti Mirani Lohanch Nashaib Layyah</t>
  </si>
  <si>
    <t>Aqueela sharif</t>
  </si>
  <si>
    <t>GGES BASTI MITHU SHUJA ABAD</t>
  </si>
  <si>
    <t>BASTI MITHO - FEMALE</t>
  </si>
  <si>
    <t>Basti Mithu</t>
  </si>
  <si>
    <t>Govt girls elementry school basti mithu jalalpurroad shujabad</t>
  </si>
  <si>
    <t>Shabana Perveen</t>
  </si>
  <si>
    <t>GGES BASTI MOND</t>
  </si>
  <si>
    <t>Mond</t>
  </si>
  <si>
    <t>GGES BASTI MOND P/O KHAN GARH DISTT, MUZAFFAR GARH</t>
  </si>
  <si>
    <t>Basti Mond</t>
  </si>
  <si>
    <t>Gairay Wahin</t>
  </si>
  <si>
    <t>Fouzia Noor</t>
  </si>
  <si>
    <t>GGES BASTI MUHAJREEN P/O KANWARA SHUJABAD</t>
  </si>
  <si>
    <t>Mera mallah</t>
  </si>
  <si>
    <t>gges basti muhajren, p/o kanwara shujabad</t>
  </si>
  <si>
    <t>Mera Mallah</t>
  </si>
  <si>
    <t>Tehmeena Jameel</t>
  </si>
  <si>
    <t>GGES BASTI PANWARAN</t>
  </si>
  <si>
    <t>Nawaraen</t>
  </si>
  <si>
    <t>gges panwaran</t>
  </si>
  <si>
    <t>Adil Khan</t>
  </si>
  <si>
    <t>Mueenabad</t>
  </si>
  <si>
    <t>Maria Qubtia</t>
  </si>
  <si>
    <t>GGES BASTI PEERAN WALI</t>
  </si>
  <si>
    <t>Sultan Ahmad Shah</t>
  </si>
  <si>
    <t>Bastii peeran wali post office notak bhakkar.</t>
  </si>
  <si>
    <t>Basti Peeran Wali</t>
  </si>
  <si>
    <t>GGES BASTI PHALLI</t>
  </si>
  <si>
    <t>Basti Phali</t>
  </si>
  <si>
    <t>basti phali</t>
  </si>
  <si>
    <t>GGES BASTI PIR</t>
  </si>
  <si>
    <t>CHULANI-FEMALE</t>
  </si>
  <si>
    <t>Chulani</t>
  </si>
  <si>
    <t>GGES Basti pir deh</t>
  </si>
  <si>
    <t>Basti Pir Deh</t>
  </si>
  <si>
    <t>Nighat Perveen</t>
  </si>
  <si>
    <t>GGES BASTI PITAFI</t>
  </si>
  <si>
    <t>SHAH PUR - FEMALE</t>
  </si>
  <si>
    <t>Khokhar Isra Nasheb</t>
  </si>
  <si>
    <t>GGES Basti Pitafi</t>
  </si>
  <si>
    <t>najma parveen</t>
  </si>
  <si>
    <t>GGES BASTI PUNA WALI</t>
  </si>
  <si>
    <t>MCD 07-FEMALE</t>
  </si>
  <si>
    <t>Mousam Wala</t>
  </si>
  <si>
    <t>Basti Punna wali p/ o khas mousam wala tehsil MCD</t>
  </si>
  <si>
    <t>Punnawali</t>
  </si>
  <si>
    <t>Qurrat-ul-Ain</t>
  </si>
  <si>
    <t>GGES BASTI QADIR BAKHSH BHAGWALA</t>
  </si>
  <si>
    <t>Bhagwela</t>
  </si>
  <si>
    <t>GGES Basti Qadir Bux Bhagwela</t>
  </si>
  <si>
    <t>Shafqat Bashir</t>
  </si>
  <si>
    <t>GGES BASTI RAHIM BAKHSH</t>
  </si>
  <si>
    <t>Basti Raheem bakhsh, Renala khurd</t>
  </si>
  <si>
    <t>Munciple Commety Renala Khurd</t>
  </si>
  <si>
    <t>Iffat Fahmida</t>
  </si>
  <si>
    <t>GGES BASTI RAMAN</t>
  </si>
  <si>
    <t>Naushera</t>
  </si>
  <si>
    <t>gges Basti Raman</t>
  </si>
  <si>
    <t>Adiba Jabin</t>
  </si>
  <si>
    <t>GGES BASTI RANG PUR LARAN</t>
  </si>
  <si>
    <t>GGES Rangpur basti laran</t>
  </si>
  <si>
    <t>Bushra Siddique</t>
  </si>
  <si>
    <t>GGES BASTI RIDDAN</t>
  </si>
  <si>
    <t>GOTH GHANI CITY- FEMALE</t>
  </si>
  <si>
    <t>Dera Izzat</t>
  </si>
  <si>
    <t>G G High School Riddan Bahawalpur</t>
  </si>
  <si>
    <t>Basti Riddan</t>
  </si>
  <si>
    <t>Cant Erea</t>
  </si>
  <si>
    <t>Shafia Hafeez</t>
  </si>
  <si>
    <t>GGES BASTI SADAR DIN SHAH</t>
  </si>
  <si>
    <t>Wahi Sha Muhammad</t>
  </si>
  <si>
    <t>basti sadar din sha nurpur nuranga</t>
  </si>
  <si>
    <t>Sadar Din Sha</t>
  </si>
  <si>
    <t>Fazeelat Saleem</t>
  </si>
  <si>
    <t>GGES BASTI SERAI</t>
  </si>
  <si>
    <t>Kotla Kazi Nasheb</t>
  </si>
  <si>
    <t>GGES basti sarai moza kotla kazi nasheb</t>
  </si>
  <si>
    <t>Basti Serai</t>
  </si>
  <si>
    <t>Lohanch Nsheb</t>
  </si>
  <si>
    <t>Sumaira Bashir</t>
  </si>
  <si>
    <t>GGES BASTI SHAIR KHAN</t>
  </si>
  <si>
    <t>basti sher khan p/o noor pur teh bwp</t>
  </si>
  <si>
    <t>BastiSher Khan</t>
  </si>
  <si>
    <t>Wahihussain</t>
  </si>
  <si>
    <t>Zahra Perveen</t>
  </si>
  <si>
    <t>GGES BASTI SHARIF</t>
  </si>
  <si>
    <t>Amman Garrh</t>
  </si>
  <si>
    <t>GGES BASTI SHARIF Mouza Amman garrh</t>
  </si>
  <si>
    <t>Rasool Abad</t>
  </si>
  <si>
    <t>GGES BASTI SHEIKHANI</t>
  </si>
  <si>
    <t>SHAH SADAR DIN-FEMALE</t>
  </si>
  <si>
    <t>Sheikhani</t>
  </si>
  <si>
    <t>GGES Sheikhani</t>
  </si>
  <si>
    <t>Dhaoo</t>
  </si>
  <si>
    <t>Tauqeer Fatima</t>
  </si>
  <si>
    <t>GGES BASTI SITHARI</t>
  </si>
  <si>
    <t>basti sithari po box jatoi shumali tehsil jatoi</t>
  </si>
  <si>
    <t>Basti sithari</t>
  </si>
  <si>
    <t>GGES BASTI SODAH</t>
  </si>
  <si>
    <t>Sodha Basti Chishtian</t>
  </si>
  <si>
    <t>GGES BASTI SULEMAN ABAD</t>
  </si>
  <si>
    <t>WADANA - FEMALE</t>
  </si>
  <si>
    <t>Basti Suleman</t>
  </si>
  <si>
    <t>basti suleman abad</t>
  </si>
  <si>
    <t>Basti suleman Abad</t>
  </si>
  <si>
    <t>GGES BASTI SULTAN WALI</t>
  </si>
  <si>
    <t>Patti Naich Sinawia</t>
  </si>
  <si>
    <t>Basti Sultan wali moza patti naich post office sinawia</t>
  </si>
  <si>
    <t>Basti Sultan wali</t>
  </si>
  <si>
    <t>HAMEEDA BALOUCH</t>
  </si>
  <si>
    <t>GGES BASTI TUFQI</t>
  </si>
  <si>
    <t>DAJAL - FEMALE</t>
  </si>
  <si>
    <t>Tufki</t>
  </si>
  <si>
    <t>GGES BASTI TUFKI</t>
  </si>
  <si>
    <t>Basti Tufki</t>
  </si>
  <si>
    <t>Gulnaz Naseem</t>
  </si>
  <si>
    <t>GGES BASTI YASEEN</t>
  </si>
  <si>
    <t>NUTKANI-FEMALE</t>
  </si>
  <si>
    <t>Gadi Shumali</t>
  </si>
  <si>
    <t>gadi shumali post office nutkani</t>
  </si>
  <si>
    <t>SALMA BATOOL</t>
  </si>
  <si>
    <t>GGES BASTI YOUSAF WALI</t>
  </si>
  <si>
    <t>Basti Yousaf Wali</t>
  </si>
  <si>
    <t>Basti yousaf 5 w.b</t>
  </si>
  <si>
    <t>Pakhi Moor</t>
  </si>
  <si>
    <t>Humaira Sajid</t>
  </si>
  <si>
    <t>GGES BATALA</t>
  </si>
  <si>
    <t>Batala</t>
  </si>
  <si>
    <t>Vill batala teh kahuta distt rwp</t>
  </si>
  <si>
    <t>Dubaran khurd</t>
  </si>
  <si>
    <t>Naila fardus</t>
  </si>
  <si>
    <t>GGES BATHI</t>
  </si>
  <si>
    <t>BATHI</t>
  </si>
  <si>
    <t>Samia Bano</t>
  </si>
  <si>
    <t>PIPE LINE</t>
  </si>
  <si>
    <t>GGES BAWRAY</t>
  </si>
  <si>
    <t>GUJRANWALA SADAR 3  - FEMALE</t>
  </si>
  <si>
    <t>Bawary</t>
  </si>
  <si>
    <t>p.o. talwandi musa Khan village bawary gujranwala</t>
  </si>
  <si>
    <t>Bhatti Bhango</t>
  </si>
  <si>
    <t>Saiqa</t>
  </si>
  <si>
    <t>GGES BAZ WALA</t>
  </si>
  <si>
    <t>Basti matho U/C Baz Wala Tehsil Ali Pur District Muzaffargarh</t>
  </si>
  <si>
    <t>Basti Matho</t>
  </si>
  <si>
    <t>Khalida Farhat</t>
  </si>
  <si>
    <t>GGES BEDEENA SHARQI</t>
  </si>
  <si>
    <t>Badana Sharki</t>
  </si>
  <si>
    <t>badana sharki thsil ctn dist BWN</t>
  </si>
  <si>
    <t>Sodhabasti</t>
  </si>
  <si>
    <t>Rozina Abdul Haq</t>
  </si>
  <si>
    <t>GGES BEGA MEHRAJ PUR</t>
  </si>
  <si>
    <t>Bega Mehrojpur</t>
  </si>
  <si>
    <t>Village &amp; Post office Bega mehrojpur</t>
  </si>
  <si>
    <t>RIFFAT NAHEED</t>
  </si>
  <si>
    <t>GGES BEHRAM KA HIHER</t>
  </si>
  <si>
    <t>Behramka</t>
  </si>
  <si>
    <t>behramka hittar</t>
  </si>
  <si>
    <t>Behramka Hittar</t>
  </si>
  <si>
    <t>Rizwana Saeed</t>
  </si>
  <si>
    <t>GGES BERI WALA</t>
  </si>
  <si>
    <t>Beriwala hafizabad</t>
  </si>
  <si>
    <t>Dheranke Lalke</t>
  </si>
  <si>
    <t>Shazia Mushtaq</t>
  </si>
  <si>
    <t>GGES BHADANA</t>
  </si>
  <si>
    <t>BHADANA -FEMALE</t>
  </si>
  <si>
    <t>Bhadana</t>
  </si>
  <si>
    <t>village and P.O Bhadana tehsil Gujar Khan Distt Rawalpindi</t>
  </si>
  <si>
    <t>TalatAsma</t>
  </si>
  <si>
    <t>GGES BHADAY WALA</t>
  </si>
  <si>
    <t>Bhadewala</t>
  </si>
  <si>
    <t>GGES BHADEWALA</t>
  </si>
  <si>
    <t>Om-e-Farwah</t>
  </si>
  <si>
    <t>GGES BHAGAR SHARIF</t>
  </si>
  <si>
    <t>Bhagharsharif</t>
  </si>
  <si>
    <t>Village and P.O Baghar Sharif Tehsil Kahuta District Rawalpindi</t>
  </si>
  <si>
    <t>Tuqdees Zahra</t>
  </si>
  <si>
    <t>GGES BHAGHO WALI PO HUSSAIN ABAD</t>
  </si>
  <si>
    <t>Bhagowali</t>
  </si>
  <si>
    <t>bhagowali po Hussain abad</t>
  </si>
  <si>
    <t>Ilyas Nagar</t>
  </si>
  <si>
    <t>Anam Hafeez</t>
  </si>
  <si>
    <t>GGES BHAGIARI</t>
  </si>
  <si>
    <t>Govt girls elementary school bhagiari</t>
  </si>
  <si>
    <t>Bhagiari</t>
  </si>
  <si>
    <t>Prail</t>
  </si>
  <si>
    <t>Hafsa Jabeen</t>
  </si>
  <si>
    <t>GGES BHAGO BUDHO KI</t>
  </si>
  <si>
    <t>Bhago Buduki</t>
  </si>
  <si>
    <t>Bhago buduki teh chunian distt kasur</t>
  </si>
  <si>
    <t>Sofia Kousar</t>
  </si>
  <si>
    <t>GGES BHAGOOR</t>
  </si>
  <si>
    <t>bhagoor</t>
  </si>
  <si>
    <t>chak 572 bhagoor</t>
  </si>
  <si>
    <t>ilyas nagar</t>
  </si>
  <si>
    <t>Mehak Gull</t>
  </si>
  <si>
    <t>GGES BHAI KHAN</t>
  </si>
  <si>
    <t>Bhai khan</t>
  </si>
  <si>
    <t>Gges Bhai khan</t>
  </si>
  <si>
    <t>jairo Ratial</t>
  </si>
  <si>
    <t>Uzma shaheen</t>
  </si>
  <si>
    <t>GGES BHAI RAO KAY</t>
  </si>
  <si>
    <t>Bhai Rao Kay</t>
  </si>
  <si>
    <t>Village bhai rao kay, tehsil depalpur district okara</t>
  </si>
  <si>
    <t>Mancharyan</t>
  </si>
  <si>
    <t>Sana Sumaira</t>
  </si>
  <si>
    <t>GGES BHAIAN KAPOOR</t>
  </si>
  <si>
    <t>Bhiankapoor</t>
  </si>
  <si>
    <t>Govt girls Elementary School Bhiankapoor</t>
  </si>
  <si>
    <t>Ghorala</t>
  </si>
  <si>
    <t>Sarwat Yasmeen</t>
  </si>
  <si>
    <t>GGES BHAIDAN WALI</t>
  </si>
  <si>
    <t>Bhaidan Wali</t>
  </si>
  <si>
    <t>hanjrai ghair mustakil durmiani baet  bhaidan wali</t>
  </si>
  <si>
    <t>Ahsan Pur</t>
  </si>
  <si>
    <t>GGES BHAINI BHUDLA ROAD MULTAN</t>
  </si>
  <si>
    <t>17 kassi budhla road</t>
  </si>
  <si>
    <t>BHAINI</t>
  </si>
  <si>
    <t>TAHIRA Murtaza</t>
  </si>
  <si>
    <t>GGES BHAIR KALAN</t>
  </si>
  <si>
    <t>Bhair Kalan</t>
  </si>
  <si>
    <t>gges  bhair Kalan</t>
  </si>
  <si>
    <t>Delhra</t>
  </si>
  <si>
    <t>GGES BHAIR KALYAL</t>
  </si>
  <si>
    <t>DAULTALA-FEMALE</t>
  </si>
  <si>
    <t>Bhairkalyal</t>
  </si>
  <si>
    <t>bhairkalyal</t>
  </si>
  <si>
    <t>Jatli</t>
  </si>
  <si>
    <t>Asma Iram</t>
  </si>
  <si>
    <t>GGES BHAIRY</t>
  </si>
  <si>
    <t>Bheri</t>
  </si>
  <si>
    <t>vill Bheri P/o Marakiwal teh &amp;Dist Sialkot</t>
  </si>
  <si>
    <t>Mrakiwal</t>
  </si>
  <si>
    <t>Pakeeza Batool</t>
  </si>
  <si>
    <t>GGES BHAKHIAN WALA</t>
  </si>
  <si>
    <t>post office and village bhakhianwala tehsil daska district sialkot</t>
  </si>
  <si>
    <t>Bhakhianwala</t>
  </si>
  <si>
    <t>Sehjokala</t>
  </si>
  <si>
    <t>GGES BHAKHU BHATTI</t>
  </si>
  <si>
    <t>GGES BAKHOBHATTI</t>
  </si>
  <si>
    <t>Bakhobhatti</t>
  </si>
  <si>
    <t>Nadia Zafar</t>
  </si>
  <si>
    <t>GGES BHAL SYEDAN</t>
  </si>
  <si>
    <t>GULYAL - FEMALE</t>
  </si>
  <si>
    <t>vill&amp;p/o bhall syedan teh fateh jang attock</t>
  </si>
  <si>
    <t>Fareeda Khatoon</t>
  </si>
  <si>
    <t>GGES BHALESAR</t>
  </si>
  <si>
    <t>Bhalasar</t>
  </si>
  <si>
    <t>GGES Bhalasar teh Hasanabdal Dist Attock</t>
  </si>
  <si>
    <t>Khurshid Akhtar</t>
  </si>
  <si>
    <t>GGES BHALIKE GAON</t>
  </si>
  <si>
    <t>SAFDARABAD-V - FEMALE</t>
  </si>
  <si>
    <t>Bahalike Gaon</t>
  </si>
  <si>
    <t>Bahalike gaon</t>
  </si>
  <si>
    <t>Bahalike Station</t>
  </si>
  <si>
    <t>Nabila Rehman</t>
  </si>
  <si>
    <t>GGES BHALOOR BRAHMNA</t>
  </si>
  <si>
    <t>bhaloor</t>
  </si>
  <si>
    <t>charwa</t>
  </si>
  <si>
    <t>Farhat Khaliq</t>
  </si>
  <si>
    <t>electric motor and hand pump</t>
  </si>
  <si>
    <t>GGES BHALWAL CITY</t>
  </si>
  <si>
    <t>Block no 3 street no 1 main bazar bhalwal</t>
  </si>
  <si>
    <t>Mc Bhalwal</t>
  </si>
  <si>
    <t>Naghmana Akram</t>
  </si>
  <si>
    <t>GGES BHAMBER</t>
  </si>
  <si>
    <t>Bhamber</t>
  </si>
  <si>
    <t>village bhamber tehsil and distt jhelum</t>
  </si>
  <si>
    <t>GGES BHAN BAGIAN WALA</t>
  </si>
  <si>
    <t>Noor Pur Thal</t>
  </si>
  <si>
    <t>ggesbhanbagianwala@gmail.com Bhan baggianwala</t>
  </si>
  <si>
    <t>Bhan Baggianwala</t>
  </si>
  <si>
    <t>Samina Iqbal</t>
  </si>
  <si>
    <t>GGES BHANGALI</t>
  </si>
  <si>
    <t>GGMS Bhangali Barki road</t>
  </si>
  <si>
    <t>Rubina Anjum</t>
  </si>
  <si>
    <t>GGES BHANGALI GUJAR</t>
  </si>
  <si>
    <t>Nighat jabeen</t>
  </si>
  <si>
    <t>GGES BHANGWAN</t>
  </si>
  <si>
    <t>Bhungwan</t>
  </si>
  <si>
    <t>shamsa dhadha</t>
  </si>
  <si>
    <t>Raquia perveen</t>
  </si>
  <si>
    <t>GGES BHANIAN</t>
  </si>
  <si>
    <t>bhanian</t>
  </si>
  <si>
    <t>Memoona Butt</t>
  </si>
  <si>
    <t>GGES BHAROKAY</t>
  </si>
  <si>
    <t>Bharokay</t>
  </si>
  <si>
    <t>GMES bharokay po klaswala tehsil pasrur distt.sialkot</t>
  </si>
  <si>
    <t>Dhodha</t>
  </si>
  <si>
    <t>Faiza Ashfaq</t>
  </si>
  <si>
    <t>GGES BHARTH</t>
  </si>
  <si>
    <t>Bharth</t>
  </si>
  <si>
    <t>GOVT. Girls Elementary School Bharth</t>
  </si>
  <si>
    <t>Bushra Azam</t>
  </si>
  <si>
    <t>GGES BHARWAL</t>
  </si>
  <si>
    <t>Bharwal</t>
  </si>
  <si>
    <t>GGES Bharwal</t>
  </si>
  <si>
    <t>Asma Sarwar</t>
  </si>
  <si>
    <t>GGES BHASEEN</t>
  </si>
  <si>
    <t>Bhseen</t>
  </si>
  <si>
    <t>village Bhaseen</t>
  </si>
  <si>
    <t>Komal Jabeen</t>
  </si>
  <si>
    <t>GGES BHATAY KALAN</t>
  </si>
  <si>
    <t>Bhattay Kalan</t>
  </si>
  <si>
    <t>village and post office bhattay kalan tehsil and district sialkot</t>
  </si>
  <si>
    <t>Langeriali</t>
  </si>
  <si>
    <t>Huma Sarwar</t>
  </si>
  <si>
    <t>GGES BHATIAL</t>
  </si>
  <si>
    <t>Bhtyal</t>
  </si>
  <si>
    <t>vil bhtyal po kashmir colony</t>
  </si>
  <si>
    <t>Chak Jamal</t>
  </si>
  <si>
    <t>Munaza Hameed</t>
  </si>
  <si>
    <t>GGES BHATIOT</t>
  </si>
  <si>
    <t>Bhatiot</t>
  </si>
  <si>
    <t>gges bhatiot</t>
  </si>
  <si>
    <t>Safeena Iram</t>
  </si>
  <si>
    <t>mezile motor</t>
  </si>
  <si>
    <t>GGES BHATTA NO.1</t>
  </si>
  <si>
    <t>Dera Izat</t>
  </si>
  <si>
    <t>GGES bhatta no. 1 bahawalpur</t>
  </si>
  <si>
    <t>GGES BHAWAN PUR SHUMALI</t>
  </si>
  <si>
    <t>GGES bhawanpur shumali</t>
  </si>
  <si>
    <t>Izza Bilal Karori</t>
  </si>
  <si>
    <t>GGES BHEELA GULAB SINGH</t>
  </si>
  <si>
    <t>Bheela Gulab Singh</t>
  </si>
  <si>
    <t>gges bheela gulab singh,depal pur,okara.</t>
  </si>
  <si>
    <t>Baqiyya Inam</t>
  </si>
  <si>
    <t>GGES BHEEM KAY JUND</t>
  </si>
  <si>
    <t>gges bheem kay</t>
  </si>
  <si>
    <t>Bheem Kay</t>
  </si>
  <si>
    <t>Zahida Niaz</t>
  </si>
  <si>
    <t>GGES BHERO</t>
  </si>
  <si>
    <t>Bherro</t>
  </si>
  <si>
    <t>bhero</t>
  </si>
  <si>
    <t>Marium Liaquat</t>
  </si>
  <si>
    <t>GGES BHIDAL OTTAR</t>
  </si>
  <si>
    <t>gges bhidal ottar dakhli killi piran wali</t>
  </si>
  <si>
    <t>Bhidal Ottar</t>
  </si>
  <si>
    <t>Hakoomat  Garh</t>
  </si>
  <si>
    <t>Hafiza Muzammal Shafiq</t>
  </si>
  <si>
    <t>GGES BHIKHI SANDHWAN</t>
  </si>
  <si>
    <t>v.p.o bhikhi sandhwan</t>
  </si>
  <si>
    <t>GGES BHILOWAL</t>
  </si>
  <si>
    <t>Bhelowal</t>
  </si>
  <si>
    <t>VPO Bhelowal Tehsil P.D Khan Distt. Jhelum</t>
  </si>
  <si>
    <t>Tobah</t>
  </si>
  <si>
    <t>Ghulam Zahra</t>
  </si>
  <si>
    <t>GGES BHINDI KORAI</t>
  </si>
  <si>
    <t>Bhindi korai p/o meer hazar khan</t>
  </si>
  <si>
    <t>Shehbaz Chuok</t>
  </si>
  <si>
    <t>GGES BHOCHERA</t>
  </si>
  <si>
    <t>Mouza bhochra</t>
  </si>
  <si>
    <t>Satiana</t>
  </si>
  <si>
    <t>shahnaz ahmed</t>
  </si>
  <si>
    <t>GGES BHODY MALHI</t>
  </si>
  <si>
    <t>Bhody Malian</t>
  </si>
  <si>
    <t>GGES Bhody Malian tehsil narowal district narowl</t>
  </si>
  <si>
    <t>Bhodi Malian</t>
  </si>
  <si>
    <t>Chundrky Mungoly</t>
  </si>
  <si>
    <t>Tahira Bano</t>
  </si>
  <si>
    <t>GGES BHOGI SHAHEED P/O KOTLA CHAKAR JPP.</t>
  </si>
  <si>
    <t>Motha</t>
  </si>
  <si>
    <t>basti bhogi shaheed moza motha</t>
  </si>
  <si>
    <t>Bhogi Shaheed</t>
  </si>
  <si>
    <t>Kotla Chakr</t>
  </si>
  <si>
    <t>Rubab Moukhtiar</t>
  </si>
  <si>
    <t>GGES BHOI GAR</t>
  </si>
  <si>
    <t>Bhoi Gar</t>
  </si>
  <si>
    <t>PindMehri</t>
  </si>
  <si>
    <t>Jamila Hashmi</t>
  </si>
  <si>
    <t>GGES BHOIWAL</t>
  </si>
  <si>
    <t>BHOYWAL</t>
  </si>
  <si>
    <t>VILLAGE BHOYWAL</t>
  </si>
  <si>
    <t>MANDIAWALA</t>
  </si>
  <si>
    <t>Salma Rani</t>
  </si>
  <si>
    <t>GGES BHOJIAN</t>
  </si>
  <si>
    <t>bhojian</t>
  </si>
  <si>
    <t>Bhojian</t>
  </si>
  <si>
    <t>Shareen</t>
  </si>
  <si>
    <t>Magdaleene</t>
  </si>
  <si>
    <t>GGES BHOLA CHAK 178/RB</t>
  </si>
  <si>
    <t>Bhola Chak</t>
  </si>
  <si>
    <t>govt girls elementary school bhola Chak no 178</t>
  </si>
  <si>
    <t>Bhola Chak No 178</t>
  </si>
  <si>
    <t>Nodha</t>
  </si>
  <si>
    <t>Samiya Amjad</t>
  </si>
  <si>
    <t>GGES BHOMAN BATH</t>
  </si>
  <si>
    <t>bhoman batth</t>
  </si>
  <si>
    <t>Saman Yaqoob</t>
  </si>
  <si>
    <t>GGES BHOMAN SHAH</t>
  </si>
  <si>
    <t>bhuman Shah departure okara</t>
  </si>
  <si>
    <t>Naheed Naeem</t>
  </si>
  <si>
    <t>GGES BHOOCH</t>
  </si>
  <si>
    <t>KARIANWALA I - FEMALE</t>
  </si>
  <si>
    <t>Bhooch</t>
  </si>
  <si>
    <t>villagebhooch p/o parsowal teh &amp; dist gujrat</t>
  </si>
  <si>
    <t>Jalalpur Sobtian</t>
  </si>
  <si>
    <t>amina inayat</t>
  </si>
  <si>
    <t>GGES BHOOCHKAY</t>
  </si>
  <si>
    <t>KELOO KALAN - FEMALE</t>
  </si>
  <si>
    <t>Jora Hithar</t>
  </si>
  <si>
    <t>Bhouchkey</t>
  </si>
  <si>
    <t>Bahdar Pura</t>
  </si>
  <si>
    <t>GGES BHOON</t>
  </si>
  <si>
    <t>bhoon</t>
  </si>
  <si>
    <t>bhoon dist rawalpindi</t>
  </si>
  <si>
    <t>hothla</t>
  </si>
  <si>
    <t>tayyaba Akhtar</t>
  </si>
  <si>
    <t>GGES BHOPAL WALA NO.2</t>
  </si>
  <si>
    <t>Govt. Girls Elementry School no.2 Bhopalwala</t>
  </si>
  <si>
    <t>Tahira Shahbaz</t>
  </si>
  <si>
    <t>GGES BHUDIAL</t>
  </si>
  <si>
    <t>ggesbudhial</t>
  </si>
  <si>
    <t>Saigolabad</t>
  </si>
  <si>
    <t>Tehmina Iffat</t>
  </si>
  <si>
    <t>GGES BHULAIR BAJWA</t>
  </si>
  <si>
    <t>Bhulair Bajwa</t>
  </si>
  <si>
    <t>vpo bhulair Bajwa tehsil pasrur district sialkot</t>
  </si>
  <si>
    <t>Shazia Shoukat</t>
  </si>
  <si>
    <t>handpump and motor</t>
  </si>
  <si>
    <t>GGES BHUMB WALA 114/T</t>
  </si>
  <si>
    <t>114TDA BHUMB WALA PO BASTI SIBBANI TEHSIL KAROR DIST.LAYYAH</t>
  </si>
  <si>
    <t>Bhumb Wala</t>
  </si>
  <si>
    <t>BENAZEER KHALID</t>
  </si>
  <si>
    <t>GGES BHUMBLA</t>
  </si>
  <si>
    <t>GHARMALA-FEMALE</t>
  </si>
  <si>
    <t>Bhumbla</t>
  </si>
  <si>
    <t>village bhumla post office kala gujran jhelum</t>
  </si>
  <si>
    <t>Shamaila perveen</t>
  </si>
  <si>
    <t>GGES BHUNGRAN WALA</t>
  </si>
  <si>
    <t>BHUNGRANWALA</t>
  </si>
  <si>
    <t>BARU</t>
  </si>
  <si>
    <t>Javaria Ansar</t>
  </si>
  <si>
    <t>GGES BHURU CHAK 18/RB</t>
  </si>
  <si>
    <t>Bhoru Chak 18</t>
  </si>
  <si>
    <t>got girls elementary school bhoru chak 18rb</t>
  </si>
  <si>
    <t>Bhoru</t>
  </si>
  <si>
    <t>Sathyali</t>
  </si>
  <si>
    <t>GGES BHUTO NAGAR BILAL COLONY SAHIWAL</t>
  </si>
  <si>
    <t>Bilal Colony</t>
  </si>
  <si>
    <t>g g es bhutto nagar bilalcolony sahiwal</t>
  </si>
  <si>
    <t>Bhutto Nagar Swl</t>
  </si>
  <si>
    <t>Tbz bilal Colony Swl</t>
  </si>
  <si>
    <t>Shahida Anwar</t>
  </si>
  <si>
    <t>GGES BHUTTA  ABAD</t>
  </si>
  <si>
    <t>G G E Schools  Bhutta Abad</t>
  </si>
  <si>
    <t>Bhuttyan  Wala</t>
  </si>
  <si>
    <t>Balqis Bano</t>
  </si>
  <si>
    <t>GGES BHUTTA MUHABBAT</t>
  </si>
  <si>
    <t>Bhutta Muhabbat</t>
  </si>
  <si>
    <t>Bhutta Muhabbat, Teh Depalpur District Okara</t>
  </si>
  <si>
    <t>Muzammal Fatema</t>
  </si>
  <si>
    <t>GGES BHUTTA PUR</t>
  </si>
  <si>
    <t>bhutta pur</t>
  </si>
  <si>
    <t>Nasreen Begum</t>
  </si>
  <si>
    <t>GGES BHUTTA SADAAT</t>
  </si>
  <si>
    <t>Basti Bhutta sadat moza Khanwan Ghalwan Dak Khana Quraishi Wala, Lodhran</t>
  </si>
  <si>
    <t>Bhutta Sadat</t>
  </si>
  <si>
    <t>Najma Hamid</t>
  </si>
  <si>
    <t>GGES BHUTTA WAHAN</t>
  </si>
  <si>
    <t>dak khana khas bhutta wahan</t>
  </si>
  <si>
    <t>Saadia Sattar</t>
  </si>
  <si>
    <t>GGES BHUTTO COLONY</t>
  </si>
  <si>
    <t>SHAHDARA - FEMALE</t>
  </si>
  <si>
    <t>match factory no2 near railway line bhutto colony shahdara</t>
  </si>
  <si>
    <t>Qaisar Town</t>
  </si>
  <si>
    <t>sitara zafar CH.</t>
  </si>
  <si>
    <t>GGES BHUTTY WALI</t>
  </si>
  <si>
    <t>TAUNSA NORTH-FEMALE</t>
  </si>
  <si>
    <t>Bhuttay Wali</t>
  </si>
  <si>
    <t>G.G.M/S Bhuttay wali Tahsil Taunsa</t>
  </si>
  <si>
    <t>Mangrotha</t>
  </si>
  <si>
    <t>Anwar Bibi</t>
  </si>
  <si>
    <t>GGES BIBI JEE WALA</t>
  </si>
  <si>
    <t>Moh shiekhan wala</t>
  </si>
  <si>
    <t>Ward no 13 moh sheikhan layyah</t>
  </si>
  <si>
    <t>Moh sheikhan walan</t>
  </si>
  <si>
    <t>Nayyar Sahar</t>
  </si>
  <si>
    <t>GGES BIDDRMURJAN</t>
  </si>
  <si>
    <t>Bidder Marjan</t>
  </si>
  <si>
    <t>G.G.E.S Bidder Marjan post office Kharian tehsil Kharian district Gujrat</t>
  </si>
  <si>
    <t>Syedah Riffat Saara</t>
  </si>
  <si>
    <t>GGES BIEHRAI COLONY BILAL TOWN</t>
  </si>
  <si>
    <t>Bilal Town</t>
  </si>
  <si>
    <t>GGES behari colony bilal town jhelum</t>
  </si>
  <si>
    <t>AMINA SHAHEEN</t>
  </si>
  <si>
    <t>GGES BIKHARI KALAN V &amp; P.O BEKHARI KALAN</t>
  </si>
  <si>
    <t>AMEENA BATOOL FATIMA</t>
  </si>
  <si>
    <t>GGES BIMMA GANGAL</t>
  </si>
  <si>
    <t>GUFF (W-EE) - FEMALE</t>
  </si>
  <si>
    <t>Bimma Gangal</t>
  </si>
  <si>
    <t>GGES Bimma Gangal vill  Bimma Gangal P.O, and Tehsil Kallar Syedan District Rawalpindi</t>
  </si>
  <si>
    <t>Guff</t>
  </si>
  <si>
    <t>SALMA NADEEM</t>
  </si>
  <si>
    <t>GGES BINDA GUL HAIDER SHAH PO SHAHANI</t>
  </si>
  <si>
    <t>BHAKKAR HQ - FEMALE</t>
  </si>
  <si>
    <t>Budiani</t>
  </si>
  <si>
    <t>Moza Budani, Basti Jhunjh, Binda Gul Haider Shah, P/o Shahni, Bhakkar</t>
  </si>
  <si>
    <t>Binda Gul haider Shah</t>
  </si>
  <si>
    <t>Kalsoom Begum</t>
  </si>
  <si>
    <t>GGES BINDA ISHAQ</t>
  </si>
  <si>
    <t>GGES BINDI</t>
  </si>
  <si>
    <t>MAKWAL-FEMALE</t>
  </si>
  <si>
    <t>Bindi 12</t>
  </si>
  <si>
    <t>BINDI</t>
  </si>
  <si>
    <t>Humaira Andleeb</t>
  </si>
  <si>
    <t>GGES BITTI</t>
  </si>
  <si>
    <t>p/o Chak no 55 db village bitti</t>
  </si>
  <si>
    <t>GGES BLAIR CHAK NO. 46 TEH. PATTOKI</t>
  </si>
  <si>
    <t>Blair</t>
  </si>
  <si>
    <t>Blair chak no 46</t>
  </si>
  <si>
    <t>Ghulam Sakina</t>
  </si>
  <si>
    <t>GGES BLOCK NO.29 URBAN AREA</t>
  </si>
  <si>
    <t>Block no. 29/30, Urban Area , Sargodha</t>
  </si>
  <si>
    <t>Urban Area</t>
  </si>
  <si>
    <t>Ayesha Fiaz Janjua</t>
  </si>
  <si>
    <t>GGES BLOCKI WALA, NAWAN SHEHR</t>
  </si>
  <si>
    <t>chah sikandary wala</t>
  </si>
  <si>
    <t>Sikandery Wala</t>
  </si>
  <si>
    <t>Salarwahen Kohna</t>
  </si>
  <si>
    <t>Shama Noureen</t>
  </si>
  <si>
    <t>GGES BLOCK-X NEW SATTELITE TOWN</t>
  </si>
  <si>
    <t>X Block</t>
  </si>
  <si>
    <t>block X new site town</t>
  </si>
  <si>
    <t>New S Town</t>
  </si>
  <si>
    <t>Y Block</t>
  </si>
  <si>
    <t>Aasma Khalid</t>
  </si>
  <si>
    <t>GGES BOBKAN WALA</t>
  </si>
  <si>
    <t>Boobkanwala</t>
  </si>
  <si>
    <t>Village and post office Boobkanwala, tehsil Daska</t>
  </si>
  <si>
    <t>Glotian Kalan</t>
  </si>
  <si>
    <t>Sumera Asghar</t>
  </si>
  <si>
    <t>GGES BODIAL</t>
  </si>
  <si>
    <t>Chawriaan</t>
  </si>
  <si>
    <t>village chawriaan barasta Adyala road post office dhalla tehsil and district rawalpindi</t>
  </si>
  <si>
    <t>Rehana Munir</t>
  </si>
  <si>
    <t>GGES BODLA FARM</t>
  </si>
  <si>
    <t>MANA AHMEDANI-FEMALE</t>
  </si>
  <si>
    <t>Basti Fouja</t>
  </si>
  <si>
    <t>Bodla Farm  basti fouja</t>
  </si>
  <si>
    <t>Bhabey wala</t>
  </si>
  <si>
    <t>Shabana Fareed</t>
  </si>
  <si>
    <t>GGES BODLA TOWN MULTAN</t>
  </si>
  <si>
    <t>Bua Pur</t>
  </si>
  <si>
    <t>ggeschool bodla town Multan</t>
  </si>
  <si>
    <t>Bodla Town</t>
  </si>
  <si>
    <t>Khushhal Colony</t>
  </si>
  <si>
    <t>Nasim Nasir</t>
  </si>
  <si>
    <t>GGES BODO</t>
  </si>
  <si>
    <t>GGES JHOKE BODO</t>
  </si>
  <si>
    <t>Humaira Kauser</t>
  </si>
  <si>
    <t>mashki</t>
  </si>
  <si>
    <t>GGES BOGRAY</t>
  </si>
  <si>
    <t>BOGRAY - FEMALE</t>
  </si>
  <si>
    <t>Bogary</t>
  </si>
  <si>
    <t>p/o bogary tehsil daska district sialkot</t>
  </si>
  <si>
    <t>GGES BOHAR NO. 2</t>
  </si>
  <si>
    <t>BINDI-FEMALE</t>
  </si>
  <si>
    <t>GGES Bohar No 2</t>
  </si>
  <si>
    <t>Rehana Parveen</t>
  </si>
  <si>
    <t>GGES BOHAT KALIA KAMALIA</t>
  </si>
  <si>
    <t>Bohat Kalia</t>
  </si>
  <si>
    <t>MOZA BOHAT KALIA</t>
  </si>
  <si>
    <t>AZMAT SHAH QADIR BUX</t>
  </si>
  <si>
    <t>Yusra Tabeer</t>
  </si>
  <si>
    <t>GGES BOKAN</t>
  </si>
  <si>
    <t>Joura Jalalpur</t>
  </si>
  <si>
    <t>GGES BOLA</t>
  </si>
  <si>
    <t>BOLA (FEMALE)</t>
  </si>
  <si>
    <t>Bola Shareef</t>
  </si>
  <si>
    <t>MC Hadali No 2</t>
  </si>
  <si>
    <t>Hafiza Iqra Jabeen</t>
  </si>
  <si>
    <t>GGES BONGA KHAN SINGH</t>
  </si>
  <si>
    <t>Bonga Khan Singh</t>
  </si>
  <si>
    <t>Village Bonga Khan Singh</t>
  </si>
  <si>
    <t>Bonga Ameer Singh</t>
  </si>
  <si>
    <t>Muqeeba Jaffar</t>
  </si>
  <si>
    <t>GGES BONGI KILLAN</t>
  </si>
  <si>
    <t>boungi kalian</t>
  </si>
  <si>
    <t>boungi kalian post office arzani pur teh chunian distt kasur</t>
  </si>
  <si>
    <t>bhagiwal</t>
  </si>
  <si>
    <t>Aqsa Abbas</t>
  </si>
  <si>
    <t>GGES BOOLA ZAREEN</t>
  </si>
  <si>
    <t>Boola Zareen</t>
  </si>
  <si>
    <t>boola zareen</t>
  </si>
  <si>
    <t>Midgh Prgna</t>
  </si>
  <si>
    <t>Robina  Anwer</t>
  </si>
  <si>
    <t>GGES BOOPRA KALAN</t>
  </si>
  <si>
    <t>TATLY AALI 2 - FEMALE</t>
  </si>
  <si>
    <t>Bupra Kalan, bhudda goraya</t>
  </si>
  <si>
    <t>Zahira Mansha</t>
  </si>
  <si>
    <t>GGES BOORI</t>
  </si>
  <si>
    <t>Boori</t>
  </si>
  <si>
    <t>moza boori tehsil and district jhang</t>
  </si>
  <si>
    <t>Kot Essa Shah</t>
  </si>
  <si>
    <t>Sobia Akhtar</t>
  </si>
  <si>
    <t>GGES BORA</t>
  </si>
  <si>
    <t>Bora</t>
  </si>
  <si>
    <t>bora teh and distt.gujrat</t>
  </si>
  <si>
    <t>Sadia Khaliq Butt</t>
  </si>
  <si>
    <t>GGES BORANA KHAS</t>
  </si>
  <si>
    <t>Moza Borana khas, p/o karampur, tehsile Mailsi, district Vehari</t>
  </si>
  <si>
    <t>Borana</t>
  </si>
  <si>
    <t>Anam Arshad</t>
  </si>
  <si>
    <t>GGES BORGI KARAM CHAND</t>
  </si>
  <si>
    <t>CHANGA BANGIAL -FEMALE</t>
  </si>
  <si>
    <t>Borgi Karam Chand</t>
  </si>
  <si>
    <t>borgi bhains p o qazian tehsil gujar khan distt rawalpindi</t>
  </si>
  <si>
    <t>Borgi  Bhains</t>
  </si>
  <si>
    <t>HAJRA BIBI</t>
  </si>
  <si>
    <t>GGES BOROKE VIRKAN</t>
  </si>
  <si>
    <t>bharoke virkan</t>
  </si>
  <si>
    <t>gges bhroke virkan</t>
  </si>
  <si>
    <t>sadhoke</t>
  </si>
  <si>
    <t>GGES BOSAL MASOOR</t>
  </si>
  <si>
    <t>GOJRA -I- FEMALE</t>
  </si>
  <si>
    <t>Busal Masoor</t>
  </si>
  <si>
    <t>v &amp;p.o busal masoor, teh malikwal distt m.b.din</t>
  </si>
  <si>
    <t>Sadia Khan</t>
  </si>
  <si>
    <t>GGES BOSAN HITHAR MULTAN</t>
  </si>
  <si>
    <t>BOSAN - FEMALE</t>
  </si>
  <si>
    <t>Bosan</t>
  </si>
  <si>
    <t>GGES bosan hithar multan</t>
  </si>
  <si>
    <t>GGES BOTALA</t>
  </si>
  <si>
    <t>Govt Girls E/S Botala</t>
  </si>
  <si>
    <t>Ismat Bibi</t>
  </si>
  <si>
    <t>GGES BRAHMA</t>
  </si>
  <si>
    <t>BRAHMA</t>
  </si>
  <si>
    <t>G.G.E.S BRAHMA</t>
  </si>
  <si>
    <t>WAH VILLAGE</t>
  </si>
  <si>
    <t>Izzat Anjum</t>
  </si>
  <si>
    <t>GGES BROTHA</t>
  </si>
  <si>
    <t>gg e\s brotha</t>
  </si>
  <si>
    <t>Shaheen Bashir</t>
  </si>
  <si>
    <t>GGES BUA</t>
  </si>
  <si>
    <t>bua</t>
  </si>
  <si>
    <t>Rashida Yousuf</t>
  </si>
  <si>
    <t>GGES BUCHA</t>
  </si>
  <si>
    <t>Bucha</t>
  </si>
  <si>
    <t>Village Bucha post office mandra Tehsil Gujar Khan District Rawalpindi</t>
  </si>
  <si>
    <t>Mandra</t>
  </si>
  <si>
    <t>Attia Naheed</t>
  </si>
  <si>
    <t>GGES BUCHI WALA</t>
  </si>
  <si>
    <t>GGES buchiwala middle school</t>
  </si>
  <si>
    <t>sadaf iqbal</t>
  </si>
  <si>
    <t>GGES BUCHIAL</t>
  </si>
  <si>
    <t>post office Buchial tehsil gujarkhan district rawalpindi</t>
  </si>
  <si>
    <t>Shama Farman</t>
  </si>
  <si>
    <t>GGES BUDDHO</t>
  </si>
  <si>
    <t>moza budho</t>
  </si>
  <si>
    <t>Farzana Hafeez</t>
  </si>
  <si>
    <t>GGES BUDH GHULAM</t>
  </si>
  <si>
    <t>LUDDEN - FEMALE</t>
  </si>
  <si>
    <t>budh ghulam</t>
  </si>
  <si>
    <t>GGES Budh Ghulam, Luddan</t>
  </si>
  <si>
    <t>samina bashir</t>
  </si>
  <si>
    <t>GGES BUDH PUR NEAR BIG CANAL BAHAWALPUR ROAD</t>
  </si>
  <si>
    <t>RANGEEL PUR - FEMALE</t>
  </si>
  <si>
    <t>Chah Kot Wala</t>
  </si>
  <si>
    <t>GGES Budhpur chah kot wala near peery wala pul new bahawalpur road Multan</t>
  </si>
  <si>
    <t>chah kot wala</t>
  </si>
  <si>
    <t>dera Muhammadi</t>
  </si>
  <si>
    <t>Ayesha Anum</t>
  </si>
  <si>
    <t>GGES BUDHO</t>
  </si>
  <si>
    <t>gges budho</t>
  </si>
  <si>
    <t>GGES BUGHLANI DEH</t>
  </si>
  <si>
    <t>basti bughlani tehsil tunsa sharif</t>
  </si>
  <si>
    <t>Najma Naheed</t>
  </si>
  <si>
    <t>GGES BUKHARA</t>
  </si>
  <si>
    <t>JALU WALI-FEMALE</t>
  </si>
  <si>
    <t>Trimn</t>
  </si>
  <si>
    <t>Bukhara union council jallu wali dak Khana Nutkani</t>
  </si>
  <si>
    <t>Bukhara</t>
  </si>
  <si>
    <t>Rizwana Rasul</t>
  </si>
  <si>
    <t>GGES BUKHARI SHARIF</t>
  </si>
  <si>
    <t>GGES  bukhari shareef
Basti qaim khan wang kotmithan mithan</t>
  </si>
  <si>
    <t>Basti Qaim Khan</t>
  </si>
  <si>
    <t>Saima Mushtaq</t>
  </si>
  <si>
    <t>GGES BUKHARIAN</t>
  </si>
  <si>
    <t>AEO (W) CHINIOT NO.19</t>
  </si>
  <si>
    <t>Bukharian</t>
  </si>
  <si>
    <t>Moza Bukharian</t>
  </si>
  <si>
    <t>Mathroma</t>
  </si>
  <si>
    <t>Munira Begum</t>
  </si>
  <si>
    <t>GGES BULAND PUR</t>
  </si>
  <si>
    <t>BULAND PUR</t>
  </si>
  <si>
    <t>GOVT.GIRLS ELEMENTARY SCHOOL BULAND PUR</t>
  </si>
  <si>
    <t>Farhat Majeed</t>
  </si>
  <si>
    <t>GGES BULEHWAL</t>
  </si>
  <si>
    <t>BULHAY WAL</t>
  </si>
  <si>
    <t>GGES BULHAY WAL</t>
  </si>
  <si>
    <t>SHAHMAD</t>
  </si>
  <si>
    <t>Fareeha Akram Ch</t>
  </si>
  <si>
    <t>GGES BULLO</t>
  </si>
  <si>
    <t>Bullo</t>
  </si>
  <si>
    <t>P/O Box Bullo Tehsil 18 hazari district jhang.</t>
  </si>
  <si>
    <t>Mari Shah Sagihra</t>
  </si>
  <si>
    <t>HIFSA SADIA</t>
  </si>
  <si>
    <t>GGES BUNGA HAYAT</t>
  </si>
  <si>
    <t>Bunga hayat</t>
  </si>
  <si>
    <t>fatima akbar</t>
  </si>
  <si>
    <t>GGES BURAJ</t>
  </si>
  <si>
    <t>Buraj</t>
  </si>
  <si>
    <t>village Buraj</t>
  </si>
  <si>
    <t>Shah Rae Assad Up Allah</t>
  </si>
  <si>
    <t>Sadia Naheed</t>
  </si>
  <si>
    <t>GGES BURHAN</t>
  </si>
  <si>
    <t>gges Burhan</t>
  </si>
  <si>
    <t>isfahana Begum</t>
  </si>
  <si>
    <t>GGES BURJ BABHAL</t>
  </si>
  <si>
    <t>LALIAN MARKAZ NO.02 - FEMALE</t>
  </si>
  <si>
    <t>BURJ BAHBAL</t>
  </si>
  <si>
    <t>burj bahbal near chenab nagar Teh Lalian District Chiniot</t>
  </si>
  <si>
    <t>burj bahbal</t>
  </si>
  <si>
    <t>Ghazala Bhatti</t>
  </si>
  <si>
    <t>GGES BURJ KALAN</t>
  </si>
  <si>
    <t>Sanda Chishtana</t>
  </si>
  <si>
    <t>Nadra Perveen</t>
  </si>
  <si>
    <t>GGES BURKHURDAR</t>
  </si>
  <si>
    <t>Barkhurdar Teh. &amp; Disst. Nankana Sahib</t>
  </si>
  <si>
    <t>Qamar-Un-Nisa</t>
  </si>
  <si>
    <t>GGES BUTTA SINGH WALA, KABIRWALA</t>
  </si>
  <si>
    <t>3 kassi syedan wali mouza boota singh wala</t>
  </si>
  <si>
    <t>3 Kassi Syedan Wali</t>
  </si>
  <si>
    <t>Badar Un Nisa</t>
  </si>
  <si>
    <t>GGES BUTTER</t>
  </si>
  <si>
    <t>SHEIKHUPURA-VII - FEMALE</t>
  </si>
  <si>
    <t>butter</t>
  </si>
  <si>
    <t>gaon butter</t>
  </si>
  <si>
    <t>Sumaira Anjum</t>
  </si>
  <si>
    <t>GGES CARE COLONY</t>
  </si>
  <si>
    <t>care colony kasur</t>
  </si>
  <si>
    <t>Samina Anjum</t>
  </si>
  <si>
    <t>GGES CDG BEGUM KOT SHAHDARA</t>
  </si>
  <si>
    <t>Shahadara</t>
  </si>
  <si>
    <t>CDG girls middle school begum kot</t>
  </si>
  <si>
    <t>BUGUM KOT</t>
  </si>
  <si>
    <t>Begumkot</t>
  </si>
  <si>
    <t>Electric water Cooler</t>
  </si>
  <si>
    <t>GGES CDG BEGUM PURA</t>
  </si>
  <si>
    <t>BAGHBANPURA - FEMALE</t>
  </si>
  <si>
    <t>Government Girls Middle School Begumpura behind UET</t>
  </si>
  <si>
    <t>Lahore Begumpura</t>
  </si>
  <si>
    <t>Makhdoom Bahaodin</t>
  </si>
  <si>
    <t>NABILA GUL</t>
  </si>
  <si>
    <t>GGES CDG BHAGBAN PURA BHOGIWAL</t>
  </si>
  <si>
    <t>Baghbanpura</t>
  </si>
  <si>
    <t>CDGGES BHOGIWAL BAGHBANPURA LHR</t>
  </si>
  <si>
    <t>Madhulal Hussain</t>
  </si>
  <si>
    <t>Sadia Iqbal</t>
  </si>
  <si>
    <t>GGES CDG ISLAMIA PARK</t>
  </si>
  <si>
    <t>Cdg girls middle school Islamia park poonch road lahore</t>
  </si>
  <si>
    <t>GGES CDG JUNIOR MODEL CENTRAL ROAD CHAH MIRAN</t>
  </si>
  <si>
    <t>NULAKHA-FEMALE</t>
  </si>
  <si>
    <t>Central Road Chah Miran Takiya Bhamy Shah</t>
  </si>
  <si>
    <t>central road chah miran</t>
  </si>
  <si>
    <t>Dhobi Ghat Chah Miran</t>
  </si>
  <si>
    <t>Shamim Shabeer</t>
  </si>
  <si>
    <t>GGES CDG JUNIOR MODEL CHAH MIRAN SULTAN PURA</t>
  </si>
  <si>
    <t>Chahmiran</t>
  </si>
  <si>
    <t>cdgl girls middle school chah Miran sultanpura</t>
  </si>
  <si>
    <t>Nayyer sultana</t>
  </si>
  <si>
    <t>GGES CDG JUNIOR MODEL CHOHAN ROAD</t>
  </si>
  <si>
    <t>Chohan Road</t>
  </si>
  <si>
    <t>CDG JUNIOR MODEL MIDDLE GIRLS SCHOOL, CHOHAN ROAD, LHR.</t>
  </si>
  <si>
    <t>Chohan Park</t>
  </si>
  <si>
    <t>Rubina Kausar</t>
  </si>
  <si>
    <t>GGES CDG JUNIOR MODEL CHOWK DALGIRAN</t>
  </si>
  <si>
    <t>Brandreth Road</t>
  </si>
  <si>
    <t>govt junior model middle schoo chowk dalgiran seconf shift brandreth road lahore</t>
  </si>
  <si>
    <t>Sara-e-sultan</t>
  </si>
  <si>
    <t>Shaheena Masood</t>
  </si>
  <si>
    <t>GGES CDG JUNIOR MODEL IBRAHIM ROAD</t>
  </si>
  <si>
    <t>Gunj Kalan</t>
  </si>
  <si>
    <t>Ibrahim road Lahore</t>
  </si>
  <si>
    <t>GGES CDG JUNIOR MODEL ISLAM NAGAR SHAHDARA</t>
  </si>
  <si>
    <t>st no 1 nasar colony shahdara</t>
  </si>
  <si>
    <t>Naser  Colony</t>
  </si>
  <si>
    <t>Naser Colony</t>
  </si>
  <si>
    <t>Sajida Mehboob</t>
  </si>
  <si>
    <t>GGES CDG JUNIOR MODEL KHOKHAR PIND BADAMI BAGH</t>
  </si>
  <si>
    <t>LAHORE KHAS - FEMALE</t>
  </si>
  <si>
    <t>Khokhar Pind</t>
  </si>
  <si>
    <t>CDG middle school Khokhar pind lahore</t>
  </si>
  <si>
    <t>Siddiqia Colony</t>
  </si>
  <si>
    <t>Shakeela Siddique</t>
  </si>
  <si>
    <t>GGES CDG JUNIOR MODEL KUCHA MUHAMMADI</t>
  </si>
  <si>
    <t>LAHORE Khas</t>
  </si>
  <si>
    <t>CDG GMS KOOCHA MUHAMMADI SULTANPURA LAHORE.</t>
  </si>
  <si>
    <t>Rehana Riaz</t>
  </si>
  <si>
    <t>GGES CDG JUNIOR MODEL MASTI GATE</t>
  </si>
  <si>
    <t>Lahore Khas</t>
  </si>
  <si>
    <t>masti gate lahore</t>
  </si>
  <si>
    <t>Shahi Qilla</t>
  </si>
  <si>
    <t>aliya zaheen</t>
  </si>
  <si>
    <t>GGES CDG JUNIOR MODEL MISRI SHAH</t>
  </si>
  <si>
    <t>Wassan</t>
  </si>
  <si>
    <t>wassan purs</t>
  </si>
  <si>
    <t>Wassannpura</t>
  </si>
  <si>
    <t>Wassan Pura</t>
  </si>
  <si>
    <t>Sameera Yasmeen</t>
  </si>
  <si>
    <t>GGES CDG JUNIOR MODEL MOCHI GATE</t>
  </si>
  <si>
    <t>CDG GIRLS MIDDLE SCHOOL MOCHI GATE LAHORE</t>
  </si>
  <si>
    <t>Mochigate</t>
  </si>
  <si>
    <t>Arifa Malik</t>
  </si>
  <si>
    <t>GGES CDG JUNIOR MODEL PEOPLES PARK</t>
  </si>
  <si>
    <t>Lahore City</t>
  </si>
  <si>
    <t>cdgl girls middle school peoples park uslampura lahire.</t>
  </si>
  <si>
    <t>GGES CDG JUNIOR MODEL RASOOL PARK</t>
  </si>
  <si>
    <t>cdg middle school rasool park</t>
  </si>
  <si>
    <t>Rasool Park</t>
  </si>
  <si>
    <t>Bahawal Pur House</t>
  </si>
  <si>
    <t>Rukhsana Naz</t>
  </si>
  <si>
    <t>GGES CDG JUNIOR MODEL SADDIQUE PURA WAPDA COLONY</t>
  </si>
  <si>
    <t>Wapda Colony</t>
  </si>
  <si>
    <t>siddique pura</t>
  </si>
  <si>
    <t>Badami Bagh</t>
  </si>
  <si>
    <t>Siddique Pura</t>
  </si>
  <si>
    <t>Nusrat Tara</t>
  </si>
  <si>
    <t>GGES CDG JUNIOR MODEL SAMANABAD GHAZALI ROAD</t>
  </si>
  <si>
    <t>samanabad</t>
  </si>
  <si>
    <t>ghazali road samnabad lahore</t>
  </si>
  <si>
    <t>samnabad lahore</t>
  </si>
  <si>
    <t>GGES CDG JUNIOR MODEL SANT NAGAR</t>
  </si>
  <si>
    <t>Sanat Nagar</t>
  </si>
  <si>
    <t>CDG Girls Middle School Lahore.</t>
  </si>
  <si>
    <t>Toheed Park</t>
  </si>
  <si>
    <t>Ghazala Naseem</t>
  </si>
  <si>
    <t>GGES CDG JUNIOR MODEL SHAH KAMAL PARK</t>
  </si>
  <si>
    <t>Shaha Kamal</t>
  </si>
  <si>
    <t>Shah kamal Darbar Rehman pura  Icchra  Lahore</t>
  </si>
  <si>
    <t>Shah Kamal</t>
  </si>
  <si>
    <t>Rose Mary</t>
  </si>
  <si>
    <t>GGES CDG JUNIOR MODEL SHAHDARA TOWN LAHORE</t>
  </si>
  <si>
    <t>GGES CDG junior Model shahdara town lahore</t>
  </si>
  <si>
    <t>Najam Un Nisa</t>
  </si>
  <si>
    <t>GGES CDG JUNIOR MODEL TAJPURA</t>
  </si>
  <si>
    <t>Tajpura</t>
  </si>
  <si>
    <t>Ammara Azam</t>
  </si>
  <si>
    <t>GGES CDG JUNIOR MODEL WEAVING FACTORY SHAHDARA</t>
  </si>
  <si>
    <t>cdggjmmschool weaving factory shahdara lhr</t>
  </si>
  <si>
    <t>Faisal Park</t>
  </si>
  <si>
    <t>Nazda Firdous</t>
  </si>
  <si>
    <t>GGES CDG MODEL HUMA BLOCK IQBAL TOWN</t>
  </si>
  <si>
    <t>Iqbal Town</t>
  </si>
  <si>
    <t>CDG girls middle school human block</t>
  </si>
  <si>
    <t>Huma Block</t>
  </si>
  <si>
    <t>Sumbal Nazia</t>
  </si>
  <si>
    <t>GGES CDG MODEL NARGIS BLOCK IQBAL TOWN</t>
  </si>
  <si>
    <t>GGES.CDGNargis block Iqbal town lahore</t>
  </si>
  <si>
    <t>GGES CDG NEELAM BLOCK IQBAL TOWN</t>
  </si>
  <si>
    <t>302 Neelam block</t>
  </si>
  <si>
    <t>Neelam Block</t>
  </si>
  <si>
    <t>Gulshan E Iqbal</t>
  </si>
  <si>
    <t>Sadia Naz</t>
  </si>
  <si>
    <t>GGES CDG NEW BASTI SCHEME NO.1 MUSTAFA ABAD</t>
  </si>
  <si>
    <t>Dharampura</t>
  </si>
  <si>
    <t>Nai Basti Scheme no 1 Mustafaabad.Lahore</t>
  </si>
  <si>
    <t>Madni Mohallah</t>
  </si>
  <si>
    <t>GGES CDG PUBLIC CANAL PARK</t>
  </si>
  <si>
    <t>main bazar canal park lahore</t>
  </si>
  <si>
    <t>Canal park</t>
  </si>
  <si>
    <t>Rahila Kousar</t>
  </si>
  <si>
    <t>GGES CDG WAFAQI COLONY</t>
  </si>
  <si>
    <t>Shah di Khui</t>
  </si>
  <si>
    <t>Govt Girls Elementry School CDG, Wafaqi Colony, Lhr</t>
  </si>
  <si>
    <t>Wafaqi Colony</t>
  </si>
  <si>
    <t>Johar Town</t>
  </si>
  <si>
    <t>Aisha Aqeel</t>
  </si>
  <si>
    <t>GGES CENRALMODEL CGE COLONY WAHDATROAD LAHORE</t>
  </si>
  <si>
    <t>CGE COLONY WAHDAT ROAD</t>
  </si>
  <si>
    <t>CGE COLONY</t>
  </si>
  <si>
    <t>Gulnaz Dogar</t>
  </si>
  <si>
    <t>water coolar</t>
  </si>
  <si>
    <t>GGES CENTRAL JAIL</t>
  </si>
  <si>
    <t>kalyal</t>
  </si>
  <si>
    <t>jail colony adyala road</t>
  </si>
  <si>
    <t>dahgel</t>
  </si>
  <si>
    <t>Azra Gul</t>
  </si>
  <si>
    <t>GGES CHABBA PURANA</t>
  </si>
  <si>
    <t>gges chabba purana</t>
  </si>
  <si>
    <t>GGES CHABBAR</t>
  </si>
  <si>
    <t>Chabbar</t>
  </si>
  <si>
    <t>chabbar hithar p/o Khudian khas Kasur</t>
  </si>
  <si>
    <t>Chabbar Hithar</t>
  </si>
  <si>
    <t>Gohar Hithar</t>
  </si>
  <si>
    <t>Ayesha Siddiqa</t>
  </si>
  <si>
    <t>GGES CHABRI BALA</t>
  </si>
  <si>
    <t>post office chabri Bala</t>
  </si>
  <si>
    <t>Naheed saeed</t>
  </si>
  <si>
    <t>GGES CHACHAR SHARIF</t>
  </si>
  <si>
    <t>Chachar sharif</t>
  </si>
  <si>
    <t>Kot pehlwan</t>
  </si>
  <si>
    <t>khadija sadia</t>
  </si>
  <si>
    <t>GGES CHACHOKI VIRKAN</t>
  </si>
  <si>
    <t>Chachoki Virkan</t>
  </si>
  <si>
    <t>chachoki virkan post office amonki</t>
  </si>
  <si>
    <t>Chachki Virkan</t>
  </si>
  <si>
    <t>Sidra Tanveer</t>
  </si>
  <si>
    <t>GGES CHADAR CHAK</t>
  </si>
  <si>
    <t>SAFDARABAD-IV - FEMALE</t>
  </si>
  <si>
    <t>Chadar Chak 3RB</t>
  </si>
  <si>
    <t>Chadar chak no.3</t>
  </si>
  <si>
    <t>Chadar Chak</t>
  </si>
  <si>
    <t>Sobia Anwar</t>
  </si>
  <si>
    <t>GGES CHADIALA KALAN</t>
  </si>
  <si>
    <t>Chadiala Kalan</t>
  </si>
  <si>
    <t>chadiala kalan</t>
  </si>
  <si>
    <t>Chiwnwali</t>
  </si>
  <si>
    <t>GGES CHAH ALLAH BAKHSH KHAN WALA</t>
  </si>
  <si>
    <t>khanpur janubi</t>
  </si>
  <si>
    <t>p/o73 tda chah allah bakhsh khan wala bhakkar</t>
  </si>
  <si>
    <t>chah allah bakhsh khan wala</t>
  </si>
  <si>
    <t>78ml</t>
  </si>
  <si>
    <t>Bushra Noreen</t>
  </si>
  <si>
    <t>GGES CHAH ANNA</t>
  </si>
  <si>
    <t>SUKHEKE GAWON - FEMALE</t>
  </si>
  <si>
    <t>pindi bhattian</t>
  </si>
  <si>
    <t>Asifa Ashraf</t>
  </si>
  <si>
    <t>GGES CHAH BAKHSHANI</t>
  </si>
  <si>
    <t>makwal kalan</t>
  </si>
  <si>
    <t>p/o makwal kalan tehsil taunsa dist dg khan</t>
  </si>
  <si>
    <t>chah bakhshani</t>
  </si>
  <si>
    <t>GGES CHAH BAKHSHOO WALA</t>
  </si>
  <si>
    <t>KOHAWAR KALAN - FEMALE</t>
  </si>
  <si>
    <t>Kohawer</t>
  </si>
  <si>
    <t>cha Bakxsu wala kohawer klan Nashaib</t>
  </si>
  <si>
    <t>Cha Baxsu Wala</t>
  </si>
  <si>
    <t>Majoka</t>
  </si>
  <si>
    <t>GGES CHAH CHAROYAN WALA KEHROR PACCA</t>
  </si>
  <si>
    <t>Faiza Ahmad</t>
  </si>
  <si>
    <t>GGES CHAH DHABHAN WALA</t>
  </si>
  <si>
    <t>Chah Dhaban Wala</t>
  </si>
  <si>
    <t>chah dhaban wala phoolnagar</t>
  </si>
  <si>
    <t>Phoolnagar</t>
  </si>
  <si>
    <t>Sarwarbegum</t>
  </si>
  <si>
    <t>GGES CHAH FATEH WALA</t>
  </si>
  <si>
    <t>Chah Fath E Wala</t>
  </si>
  <si>
    <t>chah fath e wala phool nagr by pass tehsil Pattoki district kasur</t>
  </si>
  <si>
    <t>Phool nagr</t>
  </si>
  <si>
    <t>Azmat Batool</t>
  </si>
  <si>
    <t>GGES CHAH GHORCHA</t>
  </si>
  <si>
    <t>CHAK NO.184/TDA JANUBI-FEMALE</t>
  </si>
  <si>
    <t>Kmalthem</t>
  </si>
  <si>
    <t>gges Chahgorchha</t>
  </si>
  <si>
    <t>GGES CHAH JANDU</t>
  </si>
  <si>
    <t>Chah Chandu</t>
  </si>
  <si>
    <t>Chah Chandu Skp</t>
  </si>
  <si>
    <t>Naveela Faiz</t>
  </si>
  <si>
    <t>GGES CHAH KAMAY WALA</t>
  </si>
  <si>
    <t>KAMALIA CITY FEMALE</t>
  </si>
  <si>
    <t>govt girls elementary school chah kamay wala</t>
  </si>
  <si>
    <t>Chah Kamay Wala</t>
  </si>
  <si>
    <t>Baroon Kamalia</t>
  </si>
  <si>
    <t>Farah Asad</t>
  </si>
  <si>
    <t>GGES CHAH LAL KHAN</t>
  </si>
  <si>
    <t>Noshahra Sharki</t>
  </si>
  <si>
    <t>GGES Chah lal khan</t>
  </si>
  <si>
    <t>Balqis Akhbar</t>
  </si>
  <si>
    <t>GGES CHAH MASOO KHAN</t>
  </si>
  <si>
    <t>Kothabbit</t>
  </si>
  <si>
    <t>kot Habbit road near Ismail petrol pump</t>
  </si>
  <si>
    <t>Chack Sind Shumali</t>
  </si>
  <si>
    <t>Churrata</t>
  </si>
  <si>
    <t>Arifa Baloch</t>
  </si>
  <si>
    <t>GGES CHAH MASOORI WALA</t>
  </si>
  <si>
    <t>chah Masoori Wala chabri bala</t>
  </si>
  <si>
    <t>Chah Masoori Wala</t>
  </si>
  <si>
    <t>Shagufta Ambreen</t>
  </si>
  <si>
    <t>GGES CHAH UMER DIN WALA</t>
  </si>
  <si>
    <t>Bheni</t>
  </si>
  <si>
    <t>17 kassi vehari road Multan</t>
  </si>
  <si>
    <t>17 Kassi</t>
  </si>
  <si>
    <t>Ajmair Town</t>
  </si>
  <si>
    <t>GGES CHAHAR BHATTI</t>
  </si>
  <si>
    <t>NAROWAL(NORTH)-FEMALE</t>
  </si>
  <si>
    <t>Chahar Bhatti</t>
  </si>
  <si>
    <t>village chahar bhatti p/o dongain teh/distt/ narowal</t>
  </si>
  <si>
    <t>Dongian</t>
  </si>
  <si>
    <t>Naeema Mir</t>
  </si>
  <si>
    <t>GGES CHAINT</t>
  </si>
  <si>
    <t>village chaint p/o lehtrar Bala teh kotlisattian</t>
  </si>
  <si>
    <t>Chaint</t>
  </si>
  <si>
    <t>Shamila Mushtaq</t>
  </si>
  <si>
    <t>GGES CHAIYAN WALA</t>
  </si>
  <si>
    <t>Saadat-un-Nisa</t>
  </si>
  <si>
    <t>GGES CHAJOKE</t>
  </si>
  <si>
    <t>Chajjoke</t>
  </si>
  <si>
    <t>gges chajjoke</t>
  </si>
  <si>
    <t>GGES CHAK 10 GB</t>
  </si>
  <si>
    <t>NANKANA CITY 2-FEMALE</t>
  </si>
  <si>
    <t>Chak No 10</t>
  </si>
  <si>
    <t>Chalk No 10</t>
  </si>
  <si>
    <t>13Chak Randheer</t>
  </si>
  <si>
    <t>Shazia Bano</t>
  </si>
  <si>
    <t>GGES CHAK 100 JB</t>
  </si>
  <si>
    <t>gges 100 jb qasimpur faisalabad</t>
  </si>
  <si>
    <t>100 JB</t>
  </si>
  <si>
    <t>Sana Yaqub</t>
  </si>
  <si>
    <t>GGES CHAK 102 JB</t>
  </si>
  <si>
    <t>Burj</t>
  </si>
  <si>
    <t>chak no 102 burj</t>
  </si>
  <si>
    <t>Burjj</t>
  </si>
  <si>
    <t>SHAHNAZ AKHTAR</t>
  </si>
  <si>
    <t>GGES CHAK 104 JB HER MOAY</t>
  </si>
  <si>
    <t>Hurmoyan</t>
  </si>
  <si>
    <t>chak no 104 jb</t>
  </si>
  <si>
    <t>113jb</t>
  </si>
  <si>
    <t>Shamshad Begum</t>
  </si>
  <si>
    <t>GGES CHAK 106 JB</t>
  </si>
  <si>
    <t>GGES 106j.b</t>
  </si>
  <si>
    <t>106jb</t>
  </si>
  <si>
    <t>Rabia Mahmood</t>
  </si>
  <si>
    <t>GGES CHAK 107 JB</t>
  </si>
  <si>
    <t>paharang</t>
  </si>
  <si>
    <t>chak no 107jb</t>
  </si>
  <si>
    <t>107jb</t>
  </si>
  <si>
    <t>Rabia Nosheen</t>
  </si>
  <si>
    <t>GGES CHAK 108 JB</t>
  </si>
  <si>
    <t>108 Jb</t>
  </si>
  <si>
    <t>gges 108 jb</t>
  </si>
  <si>
    <t>Ismat Naz</t>
  </si>
  <si>
    <t>GGES CHAK 109 RB KHURRIANWALA</t>
  </si>
  <si>
    <t>109 Rb 1</t>
  </si>
  <si>
    <t>109 Rb Roda 1</t>
  </si>
  <si>
    <t>205 Rb</t>
  </si>
  <si>
    <t>Iram Hanif</t>
  </si>
  <si>
    <t>GGES CHAK 11 GB</t>
  </si>
  <si>
    <t>Chak No 11 Gb</t>
  </si>
  <si>
    <t>GGES Chak No 11 gb</t>
  </si>
  <si>
    <t>13chak Randhir</t>
  </si>
  <si>
    <t>Bushra Rehman</t>
  </si>
  <si>
    <t>GGES CHAK 112 JB</t>
  </si>
  <si>
    <t>chak no.112 j.b</t>
  </si>
  <si>
    <t>chak no 112 j.b Faisalabad</t>
  </si>
  <si>
    <t>chak no.112 j.b FSD</t>
  </si>
  <si>
    <t>chak no.113 j.b</t>
  </si>
  <si>
    <t>nazia parveen</t>
  </si>
  <si>
    <t>GGES CHAK 114 JB</t>
  </si>
  <si>
    <t>114jb</t>
  </si>
  <si>
    <t>114jb Fsd</t>
  </si>
  <si>
    <t>115jb Dialgarh</t>
  </si>
  <si>
    <t>GGES CHAK 115 GB SATIANA</t>
  </si>
  <si>
    <t>Sayal</t>
  </si>
  <si>
    <t>GGES 115 GB TEHSIL JARANAWALA DISTRICT FAISALABAD</t>
  </si>
  <si>
    <t>Chak No 115 GB</t>
  </si>
  <si>
    <t>Madeeha Iqbal</t>
  </si>
  <si>
    <t>GGES CHAK 116 GB SATIANA</t>
  </si>
  <si>
    <t>Chak no 116GB</t>
  </si>
  <si>
    <t>Chak No 116 GB</t>
  </si>
  <si>
    <t>Kaniz Fatima Khatoon</t>
  </si>
  <si>
    <t>GGES CHAK 116 JB</t>
  </si>
  <si>
    <t>Rara Tali</t>
  </si>
  <si>
    <t>chak no 116jb fsd</t>
  </si>
  <si>
    <t>115 Jb Dial Garh</t>
  </si>
  <si>
    <t>Tasnim Kousar</t>
  </si>
  <si>
    <t>GGES CHAK 118 JB</t>
  </si>
  <si>
    <t>chak no 118 j.b bhathan fsd</t>
  </si>
  <si>
    <t>118jb Bhathan</t>
  </si>
  <si>
    <t>115jb Dyalgarr</t>
  </si>
  <si>
    <t>Sajidah Perveen</t>
  </si>
  <si>
    <t>GGES CHAK 119/6-R</t>
  </si>
  <si>
    <t>119/6R</t>
  </si>
  <si>
    <t>Chak no. 119/6R faqirwali tehsil haroonabad district bahawalnagar</t>
  </si>
  <si>
    <t>GGES CHAK 120/P</t>
  </si>
  <si>
    <t>Chak 120p</t>
  </si>
  <si>
    <t>chak 120p</t>
  </si>
  <si>
    <t>Chak148p</t>
  </si>
  <si>
    <t>Samreen Aslam</t>
  </si>
  <si>
    <t>GGES CHAK 122 JB NOOR PUR</t>
  </si>
  <si>
    <t>GGES 122 JB Noor Pur fsd</t>
  </si>
  <si>
    <t>122 JB</t>
  </si>
  <si>
    <t>Usman Town</t>
  </si>
  <si>
    <t>Samia Rasheed</t>
  </si>
  <si>
    <t>GGES CHAK 122/6-R</t>
  </si>
  <si>
    <t>HND-14-FEMALE</t>
  </si>
  <si>
    <t>chak#122/6R.the, haroonabad,dist BWN</t>
  </si>
  <si>
    <t>Chak#101/6R</t>
  </si>
  <si>
    <t>Musarrat Nazir</t>
  </si>
  <si>
    <t>GGES CHAK 125/NP QADEEM</t>
  </si>
  <si>
    <t>chak 125/NP</t>
  </si>
  <si>
    <t>chak no. 125/NP qadeem</t>
  </si>
  <si>
    <t>Sayyeda Huda Arshad</t>
  </si>
  <si>
    <t>GGES CHAK 126/6-R</t>
  </si>
  <si>
    <t>Chak No 126/6R</t>
  </si>
  <si>
    <t>CHAK NO 126 6/R  POST OFFICE 135 6/R  TEHSEEL HND DISTRICT BWN</t>
  </si>
  <si>
    <t>126/6R</t>
  </si>
  <si>
    <t>133 6/R</t>
  </si>
  <si>
    <t>GGES CHAK 128/P</t>
  </si>
  <si>
    <t>gov girls es post office 148p chk 128p sadiqabad</t>
  </si>
  <si>
    <t>Chak128p</t>
  </si>
  <si>
    <t>GGES CHAK 129 RB II</t>
  </si>
  <si>
    <t>KANANSIAN - FEMALE</t>
  </si>
  <si>
    <t>ch no 129 rb 11 tibbi</t>
  </si>
  <si>
    <t>Ch No 129 Rb Tibbi</t>
  </si>
  <si>
    <t>Paka Dala</t>
  </si>
  <si>
    <t>Razia Akhter</t>
  </si>
  <si>
    <t>GGES CHAK 129/M</t>
  </si>
  <si>
    <t>chak no 129/M distric bahawalngar tehsil chishtian</t>
  </si>
  <si>
    <t>Chak No 129/M</t>
  </si>
  <si>
    <t>Chak No 128/M</t>
  </si>
  <si>
    <t>Shakila Yousaf</t>
  </si>
  <si>
    <t>GGES CHAK 132 GB</t>
  </si>
  <si>
    <t>DIJKOT 1 - FEMALE</t>
  </si>
  <si>
    <t>Khan garden colony dijkot</t>
  </si>
  <si>
    <t>132gb</t>
  </si>
  <si>
    <t>659chugalpura</t>
  </si>
  <si>
    <t>GGES CHAK 132/NP</t>
  </si>
  <si>
    <t>ALLAH ABAD - FEMALE</t>
  </si>
  <si>
    <t>132/   NP</t>
  </si>
  <si>
    <t>GGES CHAK#132/NP</t>
  </si>
  <si>
    <t>132/ NP</t>
  </si>
  <si>
    <t>GGES CHAK 133 GB PUNWANA</t>
  </si>
  <si>
    <t>GGES 133 GB</t>
  </si>
  <si>
    <t>133 GB</t>
  </si>
  <si>
    <t>Chugle Pura</t>
  </si>
  <si>
    <t>Nergis Azra</t>
  </si>
  <si>
    <t>GGES CHAK 135 GB SAMUNDRI</t>
  </si>
  <si>
    <t>135gb</t>
  </si>
  <si>
    <t>chak no.135gb</t>
  </si>
  <si>
    <t>Chak No135gb</t>
  </si>
  <si>
    <t>Chak No138gb</t>
  </si>
  <si>
    <t>Shazia Bashir</t>
  </si>
  <si>
    <t>GGES CHAK 138 GB II SAMUNDRI</t>
  </si>
  <si>
    <t>Chak#138gb Rsian Khurd</t>
  </si>
  <si>
    <t>chak no 138 gb ii</t>
  </si>
  <si>
    <t>Chak#138 gb ii</t>
  </si>
  <si>
    <t>138gbi</t>
  </si>
  <si>
    <t>Nuzhat Bano</t>
  </si>
  <si>
    <t>GGES CHAK 139 GB I</t>
  </si>
  <si>
    <t>chak no 139</t>
  </si>
  <si>
    <t>MC samundri</t>
  </si>
  <si>
    <t>Bismillah Chaudhary</t>
  </si>
  <si>
    <t>GGES CHAK 140 GB SAMUNDRI</t>
  </si>
  <si>
    <t>Sardar Kot</t>
  </si>
  <si>
    <t>GGES 140 GB samundri</t>
  </si>
  <si>
    <t>140 Gb</t>
  </si>
  <si>
    <t>Ward No 14</t>
  </si>
  <si>
    <t>GGES CHAK 147 GB LUNDIANWALA</t>
  </si>
  <si>
    <t>Joke Dalmir</t>
  </si>
  <si>
    <t>Chak#147GB</t>
  </si>
  <si>
    <t>Chak#147 GB</t>
  </si>
  <si>
    <t>Balqees  Akhtar</t>
  </si>
  <si>
    <t>GGES CHAK 149 GB</t>
  </si>
  <si>
    <t>Chak No 149 G B</t>
  </si>
  <si>
    <t>Govt girls elementary school 149 G B teh/ diist Toba Tek Singh</t>
  </si>
  <si>
    <t>Chak No 151 G B</t>
  </si>
  <si>
    <t>Zubaida Bano</t>
  </si>
  <si>
    <t>GGES CHAK 150 GB</t>
  </si>
  <si>
    <t>Chak No 150 GB</t>
  </si>
  <si>
    <t>GGES150GB</t>
  </si>
  <si>
    <t>Chak No150gb</t>
  </si>
  <si>
    <t>GGES CHAK 153 GB</t>
  </si>
  <si>
    <t>REHMAT ABAD FEMALE</t>
  </si>
  <si>
    <t>Chak No 153 Gb</t>
  </si>
  <si>
    <t>Chak no 153 gb</t>
  </si>
  <si>
    <t>Chak No 153 GB</t>
  </si>
  <si>
    <t>Chak No 151 Gb</t>
  </si>
  <si>
    <t>Robina Kahanam</t>
  </si>
  <si>
    <t>GGES CHAK 155 GB</t>
  </si>
  <si>
    <t>gges 155gb</t>
  </si>
  <si>
    <t>154gb</t>
  </si>
  <si>
    <t>Amina Aziz</t>
  </si>
  <si>
    <t>GGES CHAK 156 RB</t>
  </si>
  <si>
    <t>156 Rb</t>
  </si>
  <si>
    <t>gges156rbdairh tehsil jhumra</t>
  </si>
  <si>
    <t>Dairh</t>
  </si>
  <si>
    <t>156rb Dairh</t>
  </si>
  <si>
    <t>Azra Naheed</t>
  </si>
  <si>
    <t>GGES CHAK 159 RB</t>
  </si>
  <si>
    <t>159rb</t>
  </si>
  <si>
    <t>GGES159rb</t>
  </si>
  <si>
    <t>Sobay Chak</t>
  </si>
  <si>
    <t>GGES CHAK 160 GB KALAY KI</t>
  </si>
  <si>
    <t>Kalayki</t>
  </si>
  <si>
    <t>chak #160 gb</t>
  </si>
  <si>
    <t>160gb</t>
  </si>
  <si>
    <t>Chak154 Gb</t>
  </si>
  <si>
    <t>Samina  Gill</t>
  </si>
  <si>
    <t>GGES CHAK 161 RB-I</t>
  </si>
  <si>
    <t>161 RB NIPALKA</t>
  </si>
  <si>
    <t>161 RB -I Nipalka Tehsil Chak Jhumra Faisalabad</t>
  </si>
  <si>
    <t>Chak No 159 RB Sobay Chak</t>
  </si>
  <si>
    <t>Imtiaz Kausar</t>
  </si>
  <si>
    <t>GGES CHAK 164 GB SHEIKHAN</t>
  </si>
  <si>
    <t>Sheikhan</t>
  </si>
  <si>
    <t>chak 164gb</t>
  </si>
  <si>
    <t>164gb</t>
  </si>
  <si>
    <t>Chak 161gb</t>
  </si>
  <si>
    <t>Shakila Nadeem</t>
  </si>
  <si>
    <t>GGES CHAK 165 GB EAST SAMUNDARI</t>
  </si>
  <si>
    <t>165 GB East</t>
  </si>
  <si>
    <t>chak  No 165 GB</t>
  </si>
  <si>
    <t>Chak No 166</t>
  </si>
  <si>
    <t>Sidra Afzal</t>
  </si>
  <si>
    <t>GGES CHAK 169 EB</t>
  </si>
  <si>
    <t>169 Eb</t>
  </si>
  <si>
    <t>Chak  169 eb</t>
  </si>
  <si>
    <t>169eb</t>
  </si>
  <si>
    <t>Bismellah Yameen</t>
  </si>
  <si>
    <t>GGES CHAK 171 GB SAMUNDRI</t>
  </si>
  <si>
    <t>Bambo</t>
  </si>
  <si>
    <t>171gb</t>
  </si>
  <si>
    <t>Qutrowal</t>
  </si>
  <si>
    <t>170gb</t>
  </si>
  <si>
    <t>Shazia Akhter</t>
  </si>
  <si>
    <t>GGES CHAK 180 GB</t>
  </si>
  <si>
    <t>chak no 180GB</t>
  </si>
  <si>
    <t>Chak No 180GB</t>
  </si>
  <si>
    <t>chak 245gb</t>
  </si>
  <si>
    <t>nasim akhtar</t>
  </si>
  <si>
    <t>GGES CHAK 181 GB ARIAN WALI</t>
  </si>
  <si>
    <t>Arian Wali</t>
  </si>
  <si>
    <t>chak no 181 gb</t>
  </si>
  <si>
    <t>181 Gb</t>
  </si>
  <si>
    <t>245 Gb</t>
  </si>
  <si>
    <t>GGES CHAK 191 GB</t>
  </si>
  <si>
    <t>SONAHRI BANGLA FEMALE</t>
  </si>
  <si>
    <t>Rajana</t>
  </si>
  <si>
    <t>chak  No 191 GB Tehsil and  District  To a Tek singh</t>
  </si>
  <si>
    <t>Chak No 191 G B</t>
  </si>
  <si>
    <t>Chak No 184 G B</t>
  </si>
  <si>
    <t>Sarwat Zafar</t>
  </si>
  <si>
    <t>GGES CHAK 192/1 GB SAMUNDRI</t>
  </si>
  <si>
    <t>192gb Kotla</t>
  </si>
  <si>
    <t>192 GB  Tehsil Samundari district Faisalabad</t>
  </si>
  <si>
    <t>192 GB Kotla</t>
  </si>
  <si>
    <t>193 GB South</t>
  </si>
  <si>
    <t>Rehana Kousar</t>
  </si>
  <si>
    <t>GGES CHAK 196 RB EAST FAISALABAD</t>
  </si>
  <si>
    <t>Ghona Sharqi</t>
  </si>
  <si>
    <t>govt.girls elementary school 196RB east</t>
  </si>
  <si>
    <t>196RB East Ghona</t>
  </si>
  <si>
    <t>Union Council Ghona</t>
  </si>
  <si>
    <t>Umber Saoud</t>
  </si>
  <si>
    <t>GGES CHAK 199/TDA</t>
  </si>
  <si>
    <t>GGES199 TDA</t>
  </si>
  <si>
    <t>199 TDA</t>
  </si>
  <si>
    <t>Humaira Yasmeen</t>
  </si>
  <si>
    <t>GGES CHAK 205/9-R</t>
  </si>
  <si>
    <t>205/9R</t>
  </si>
  <si>
    <t>G.G.E.S 205/9R P/O 204/9R</t>
  </si>
  <si>
    <t>199/8R</t>
  </si>
  <si>
    <t>GGES CHAK 211/9-R</t>
  </si>
  <si>
    <t>211/9r</t>
  </si>
  <si>
    <t>chak 211/9.r</t>
  </si>
  <si>
    <t>226/9r</t>
  </si>
  <si>
    <t>Hina Maqsood</t>
  </si>
  <si>
    <t>GGES CHAK 217 RB SULTAN TOWN</t>
  </si>
  <si>
    <t>Sultan town</t>
  </si>
  <si>
    <t>217 RB sultan town fsd</t>
  </si>
  <si>
    <t>217 RB</t>
  </si>
  <si>
    <t>217 RB UCHKERA</t>
  </si>
  <si>
    <t>ammarah iqbal</t>
  </si>
  <si>
    <t>GGES CHAK 219/WB NO.2</t>
  </si>
  <si>
    <t>Tasleem Kausar</t>
  </si>
  <si>
    <t>GGES CHAK 230 RB CHOHLA</t>
  </si>
  <si>
    <t>230RB</t>
  </si>
  <si>
    <t>GGE/S 230RB fsd</t>
  </si>
  <si>
    <t>232Rasala</t>
  </si>
  <si>
    <t>GGES CHAK 232 GB SATIANA</t>
  </si>
  <si>
    <t>232gb</t>
  </si>
  <si>
    <t>39gb</t>
  </si>
  <si>
    <t>Mamoona Mubarak</t>
  </si>
  <si>
    <t>GGES CHAK 238 RB FSD</t>
  </si>
  <si>
    <t>238 RB Awan Wala</t>
  </si>
  <si>
    <t>chak no 238 RB awan wala faisalabad</t>
  </si>
  <si>
    <t>239 RB</t>
  </si>
  <si>
    <t>Nasreen Afzal</t>
  </si>
  <si>
    <t>GGES CHAK 238/P</t>
  </si>
  <si>
    <t>KANDAIR-FEMALE</t>
  </si>
  <si>
    <t>Chak 238/p</t>
  </si>
  <si>
    <t>bangla manthar chak no.238/p SDK</t>
  </si>
  <si>
    <t>Chak No 238/p Rany</t>
  </si>
  <si>
    <t>186/p</t>
  </si>
  <si>
    <t>Aisha Ikram</t>
  </si>
  <si>
    <t>GGES CHAK 243 GB KALYAN PUR</t>
  </si>
  <si>
    <t>Chak No243/gb</t>
  </si>
  <si>
    <t>chak no.243/gb</t>
  </si>
  <si>
    <t>Chak No 243/gb</t>
  </si>
  <si>
    <t>Chak No178/gb</t>
  </si>
  <si>
    <t>Hira Fatima</t>
  </si>
  <si>
    <t>GGES CHAK 244 GB II</t>
  </si>
  <si>
    <t>244 GB</t>
  </si>
  <si>
    <t>CHAK NO 244 GB II</t>
  </si>
  <si>
    <t>244  GB II</t>
  </si>
  <si>
    <t>Chak No 154 GB</t>
  </si>
  <si>
    <t>GGES CHAK 245 GB TALWANDI</t>
  </si>
  <si>
    <t>Chak No 245 G B</t>
  </si>
  <si>
    <t>chak no 245G.B.Talwandi</t>
  </si>
  <si>
    <t>Chak no 245GBTalwandino 245GBTalwandi  245GBTalwan</t>
  </si>
  <si>
    <t>Chak no 245GBTalwandino 245GBTalwandino 245GBTalwandi  245GBTalwandi245GBTalwandi</t>
  </si>
  <si>
    <t>Sabila Afzal</t>
  </si>
  <si>
    <t>GGES CHAK 246 GB NORTH</t>
  </si>
  <si>
    <t>Mongi Bangla</t>
  </si>
  <si>
    <t>chak#246gb north</t>
  </si>
  <si>
    <t>Pertab Pura</t>
  </si>
  <si>
    <t>Niziran Bibi</t>
  </si>
  <si>
    <t>GGES CHAK 246 RB I</t>
  </si>
  <si>
    <t>246 rb</t>
  </si>
  <si>
    <t>chak number 246 r.b fsd</t>
  </si>
  <si>
    <t>kukarwala</t>
  </si>
  <si>
    <t>nighat sultana</t>
  </si>
  <si>
    <t>GGES CHAK 249 GB</t>
  </si>
  <si>
    <t>ch ak no 249g.b t t singh</t>
  </si>
  <si>
    <t>Chak No 249 GB</t>
  </si>
  <si>
    <t>Chak No 251GB mourispur</t>
  </si>
  <si>
    <t>shahnaz Amjad</t>
  </si>
  <si>
    <t>GGES CHAK 25 JB</t>
  </si>
  <si>
    <t>Sahthoiwala</t>
  </si>
  <si>
    <t>25jb sahthoiwala</t>
  </si>
  <si>
    <t>25jb</t>
  </si>
  <si>
    <t>Khechian</t>
  </si>
  <si>
    <t>AQEELA RIAZ</t>
  </si>
  <si>
    <t>GGES CHAK 251 KING KORD</t>
  </si>
  <si>
    <t>Bandala</t>
  </si>
  <si>
    <t>kanga 251rb</t>
  </si>
  <si>
    <t>King kord</t>
  </si>
  <si>
    <t>Dhenga</t>
  </si>
  <si>
    <t>Naila Rasool</t>
  </si>
  <si>
    <t>GGES CHAK 252 RB KING KALAN</t>
  </si>
  <si>
    <t>Chan No 252 Rb Fsd</t>
  </si>
  <si>
    <t>Chao no252 rb</t>
  </si>
  <si>
    <t>252 Rb</t>
  </si>
  <si>
    <t>Jahangir Kalan</t>
  </si>
  <si>
    <t>GGES CHAK 253 GB</t>
  </si>
  <si>
    <t>253 GB</t>
  </si>
  <si>
    <t>chak no 253 gb</t>
  </si>
  <si>
    <t>251 Gb</t>
  </si>
  <si>
    <t>Freeha Afzal</t>
  </si>
  <si>
    <t>GGES CHAK 254 RB A S</t>
  </si>
  <si>
    <t>DIJKOT 2 - FEMALE</t>
  </si>
  <si>
    <t>254rb Alasing</t>
  </si>
  <si>
    <t>GGES 254 Rb Alasing</t>
  </si>
  <si>
    <t>Chak No 254 Rb Alasing</t>
  </si>
  <si>
    <t>257 Rb Jahngir</t>
  </si>
  <si>
    <t>Sunbal Iqbal</t>
  </si>
  <si>
    <t>GGES CHAK 256 RB KHBAN</t>
  </si>
  <si>
    <t>Khban</t>
  </si>
  <si>
    <t>Chak no 256 RB II khban</t>
  </si>
  <si>
    <t>Chak 256 RB II</t>
  </si>
  <si>
    <t>Dhenganwala</t>
  </si>
  <si>
    <t>Ayesha Saleem</t>
  </si>
  <si>
    <t>GGES CHAK 258 RB PAHRALA</t>
  </si>
  <si>
    <t>258r.b pharala</t>
  </si>
  <si>
    <t>Pharala</t>
  </si>
  <si>
    <t>258 Pharala</t>
  </si>
  <si>
    <t>Nighat Un Nisa</t>
  </si>
  <si>
    <t>GGES CHAK 26 GB SATIANA</t>
  </si>
  <si>
    <t>JASUANA - FEMALE</t>
  </si>
  <si>
    <t>26GB</t>
  </si>
  <si>
    <t>chak#26 Gb jaranwala district faisalabad</t>
  </si>
  <si>
    <t>Chak 24gb</t>
  </si>
  <si>
    <t>Adeela Kanwal</t>
  </si>
  <si>
    <t>GGES CHAK 26 JB NORTH</t>
  </si>
  <si>
    <t>26jb North</t>
  </si>
  <si>
    <t>26 jb north sadar faisalabad</t>
  </si>
  <si>
    <t>26 Jb North</t>
  </si>
  <si>
    <t>27 Jb N</t>
  </si>
  <si>
    <t>Shaheen Bano</t>
  </si>
  <si>
    <t>GGES CHAK 262 GB</t>
  </si>
  <si>
    <t>LONDO ADDA-FEMALE</t>
  </si>
  <si>
    <t>Chak no 262 Gb</t>
  </si>
  <si>
    <t>chak no 262 gb</t>
  </si>
  <si>
    <t>Chak No 262 Gb</t>
  </si>
  <si>
    <t>zubaida Akhtar</t>
  </si>
  <si>
    <t>GGES CHAK 264 GB</t>
  </si>
  <si>
    <t>264 Gb</t>
  </si>
  <si>
    <t>chak # 264 g.b</t>
  </si>
  <si>
    <t>Chak #264 GB</t>
  </si>
  <si>
    <t>Chak#264 GB TTS</t>
  </si>
  <si>
    <t>Farzana Yaseen</t>
  </si>
  <si>
    <t>GGES CHAK 264 RB I</t>
  </si>
  <si>
    <t>264 Rb 1</t>
  </si>
  <si>
    <t>chak#264rb barkat wali nag tehsil sadar district Faisalabad</t>
  </si>
  <si>
    <t>264 RB NAG</t>
  </si>
  <si>
    <t>267 Rb Jalndhar</t>
  </si>
  <si>
    <t>Sidra Batool</t>
  </si>
  <si>
    <t>GGES CHAK 268 GB</t>
  </si>
  <si>
    <t>KOT KHITRAN FEMALE</t>
  </si>
  <si>
    <t>Govt Girls E/S 268 gb TTS</t>
  </si>
  <si>
    <t>268 GB</t>
  </si>
  <si>
    <t>44/269 GB</t>
  </si>
  <si>
    <t>Shaista Bibi</t>
  </si>
  <si>
    <t>GGES CHAK 269 RB I BARAN</t>
  </si>
  <si>
    <t>G.G.E/School 269rb barn</t>
  </si>
  <si>
    <t>269rb Baran</t>
  </si>
  <si>
    <t>Cheema Chack</t>
  </si>
  <si>
    <t>Manwar Sultana</t>
  </si>
  <si>
    <t>GGES CHAK 269/HR</t>
  </si>
  <si>
    <t>FTS-IX-FEMALE</t>
  </si>
  <si>
    <t>269/HR</t>
  </si>
  <si>
    <t>GGES269 /HR</t>
  </si>
  <si>
    <t>264/HR</t>
  </si>
  <si>
    <t>UZMA SARFRAZ</t>
  </si>
  <si>
    <t>GGES CHAK 27 JB NORTH</t>
  </si>
  <si>
    <t>27 j.b n</t>
  </si>
  <si>
    <t>Rubeena Kousar</t>
  </si>
  <si>
    <t>GGES CHAK 27 JB SOUTH</t>
  </si>
  <si>
    <t>27jb South</t>
  </si>
  <si>
    <t>Govt Girls Elementary School 27 jb south</t>
  </si>
  <si>
    <t>27jb North</t>
  </si>
  <si>
    <t>Anum Ashraf</t>
  </si>
  <si>
    <t>GGES CHAK 271 GB</t>
  </si>
  <si>
    <t>271GB</t>
  </si>
  <si>
    <t>chak #271 g.b t .t. singh</t>
  </si>
  <si>
    <t>271 G b</t>
  </si>
  <si>
    <t>269 G b</t>
  </si>
  <si>
    <t>Hina Iqbal</t>
  </si>
  <si>
    <t>GGES CHAK 271 RB MUGAR SINGH</t>
  </si>
  <si>
    <t>271 RB</t>
  </si>
  <si>
    <t>271 RB maghar singh</t>
  </si>
  <si>
    <t>Quraiahianwala</t>
  </si>
  <si>
    <t>Ifrah Zulfiqar</t>
  </si>
  <si>
    <t>GGES CHAK 273 GB SATIANA</t>
  </si>
  <si>
    <t>chak no 273gb</t>
  </si>
  <si>
    <t>Ainoana</t>
  </si>
  <si>
    <t>Jhok Samide</t>
  </si>
  <si>
    <t>Riffat Sardar</t>
  </si>
  <si>
    <t>GGES CHAK 273 RB RAY CHAK</t>
  </si>
  <si>
    <t>Dijkot</t>
  </si>
  <si>
    <t>273 RB Ray chak</t>
  </si>
  <si>
    <t>273 RB</t>
  </si>
  <si>
    <t>Jhalender</t>
  </si>
  <si>
    <t>Amrana Nasreen</t>
  </si>
  <si>
    <t>GGES CHAK 274 RB II</t>
  </si>
  <si>
    <t>274 RB</t>
  </si>
  <si>
    <t>GGES 274 RB 11 cheema, Faisalabad</t>
  </si>
  <si>
    <t>Cheema</t>
  </si>
  <si>
    <t>275 RB Kartarpur</t>
  </si>
  <si>
    <t>Ayesha</t>
  </si>
  <si>
    <t>GGES CHAK 277 JB II</t>
  </si>
  <si>
    <t>CHAK NO. 277 JB II</t>
  </si>
  <si>
    <t>G.G.E.S CHAK NO. 277 JB II , TEHSIL GOJRA. DISTT. T.T.SINGH.</t>
  </si>
  <si>
    <t>CHAK NO. 278 JB USMAN KOT</t>
  </si>
  <si>
    <t>GGES CHAK 277 RB SATIALIAN</t>
  </si>
  <si>
    <t>Satilain277rb</t>
  </si>
  <si>
    <t>277rb satilan fsd</t>
  </si>
  <si>
    <t>Satilana277rb</t>
  </si>
  <si>
    <t>275rb Kartarpur</t>
  </si>
  <si>
    <t>GGES CHAK 279 JB DARA PUR</t>
  </si>
  <si>
    <t>279 Jb Darapur</t>
  </si>
  <si>
    <t>279jb darapur</t>
  </si>
  <si>
    <t>Dsrapur</t>
  </si>
  <si>
    <t>Usmankot</t>
  </si>
  <si>
    <t>GGES CHAK 281 RB</t>
  </si>
  <si>
    <t>Khalilpur</t>
  </si>
  <si>
    <t>281 rb</t>
  </si>
  <si>
    <t>281 RB</t>
  </si>
  <si>
    <t>Majiwal</t>
  </si>
  <si>
    <t>shamila liaqat</t>
  </si>
  <si>
    <t>GGES CHAK 282 GB SATIANA</t>
  </si>
  <si>
    <t>RUDALA MANDI - FEMALE</t>
  </si>
  <si>
    <t>282GB</t>
  </si>
  <si>
    <t>Chak Number 282 GB Jaranwala Faisalabad</t>
  </si>
  <si>
    <t>Salma Fardous</t>
  </si>
  <si>
    <t>GGES CHAK 285/HR</t>
  </si>
  <si>
    <t>285/ HR</t>
  </si>
  <si>
    <t>chak no 285/hr  Tahsil  Fortabbas District  Bahawalnagar</t>
  </si>
  <si>
    <t>285/HR</t>
  </si>
  <si>
    <t>Razia Shaheen</t>
  </si>
  <si>
    <t>GGES CHAK 286 GB I</t>
  </si>
  <si>
    <t>Chak No286 GB 1</t>
  </si>
  <si>
    <t>chak no.286 GB 1</t>
  </si>
  <si>
    <t>Chak No285 GB</t>
  </si>
  <si>
    <t>Zanib Nazar</t>
  </si>
  <si>
    <t>GGES CHAK 286 GB II</t>
  </si>
  <si>
    <t>286 Gb</t>
  </si>
  <si>
    <t>chak 286 gb 2</t>
  </si>
  <si>
    <t>286gb</t>
  </si>
  <si>
    <t>285 Gb Rajana</t>
  </si>
  <si>
    <t>Mussart Sultana</t>
  </si>
  <si>
    <t>GGES CHAK 286 JB</t>
  </si>
  <si>
    <t>Chak No 286 Jb</t>
  </si>
  <si>
    <t>chak no 286 jb</t>
  </si>
  <si>
    <t>Ishrat Begum</t>
  </si>
  <si>
    <t>GGES CHAK 288 GB I</t>
  </si>
  <si>
    <t>288 GB</t>
  </si>
  <si>
    <t>chak 288 GB teh and distt Toba tek singh</t>
  </si>
  <si>
    <t>Chak 288 GB</t>
  </si>
  <si>
    <t>Arfa Aftab</t>
  </si>
  <si>
    <t>GGES CHAK 29</t>
  </si>
  <si>
    <t>Chak 29</t>
  </si>
  <si>
    <t>chak 29</t>
  </si>
  <si>
    <t>Khatyala Virkan</t>
  </si>
  <si>
    <t>GGES CHAK 29 GB SATIANA</t>
  </si>
  <si>
    <t>GGES 29GB</t>
  </si>
  <si>
    <t>29gb</t>
  </si>
  <si>
    <t>35gb</t>
  </si>
  <si>
    <t>Shabnam Naseem</t>
  </si>
  <si>
    <t>GGES CHAK 29 JB</t>
  </si>
  <si>
    <t>29 Jb Sehtywala</t>
  </si>
  <si>
    <t>chak #29 jb south</t>
  </si>
  <si>
    <t>Chak #29 Jbsouth</t>
  </si>
  <si>
    <t>29 Jb North</t>
  </si>
  <si>
    <t>GGES CHAK 29 JB NORTH</t>
  </si>
  <si>
    <t>29 jb north</t>
  </si>
  <si>
    <t>GGES CHAK 291 GB</t>
  </si>
  <si>
    <t>PUL NAGRA-FEMALE</t>
  </si>
  <si>
    <t>Pakki Thathi</t>
  </si>
  <si>
    <t>Chak no 291 GB Lahorian wala</t>
  </si>
  <si>
    <t>284 GB</t>
  </si>
  <si>
    <t>Rehana Yasmine</t>
  </si>
  <si>
    <t>GGES CHAK 293 RB  I</t>
  </si>
  <si>
    <t>Chak no 293RB 1</t>
  </si>
  <si>
    <t>Odan Chak</t>
  </si>
  <si>
    <t>Aasma Irfan</t>
  </si>
  <si>
    <t>GGES CHAK 294 JB</t>
  </si>
  <si>
    <t>294jb</t>
  </si>
  <si>
    <t>chak 294 jb</t>
  </si>
  <si>
    <t>290jb</t>
  </si>
  <si>
    <t>Tahira Naseem</t>
  </si>
  <si>
    <t>GGES CHAK 295 GB I</t>
  </si>
  <si>
    <t>chak no  295 GB</t>
  </si>
  <si>
    <t>gGES 295 GB i</t>
  </si>
  <si>
    <t>barianwala</t>
  </si>
  <si>
    <t>Chak no 295 GB</t>
  </si>
  <si>
    <t>GGES CHAK 297 GB</t>
  </si>
  <si>
    <t>297GB</t>
  </si>
  <si>
    <t>chak no.297GB.Toba Tek Singh.</t>
  </si>
  <si>
    <t>296GB</t>
  </si>
  <si>
    <t>GGES CHAK 297 JB I</t>
  </si>
  <si>
    <t>SULTAN PURA FEMALE</t>
  </si>
  <si>
    <t>297jb</t>
  </si>
  <si>
    <t>check no 297jb</t>
  </si>
  <si>
    <t>Check No297jb</t>
  </si>
  <si>
    <t>Check No 301 Jb</t>
  </si>
  <si>
    <t>Munazza Aslam</t>
  </si>
  <si>
    <t>GGES CHAK 298 GB</t>
  </si>
  <si>
    <t>298 gb</t>
  </si>
  <si>
    <t>Chak# 298 GB Toba Tek Singh</t>
  </si>
  <si>
    <t>298 GB</t>
  </si>
  <si>
    <t>water suply</t>
  </si>
  <si>
    <t>GGES CHAK 298 JB</t>
  </si>
  <si>
    <t>Chak No 298jb</t>
  </si>
  <si>
    <t>chak no 298jb</t>
  </si>
  <si>
    <t>Chak No 298 Jb</t>
  </si>
  <si>
    <t>Chak No 301 Jb</t>
  </si>
  <si>
    <t>Nabila Faiz</t>
  </si>
  <si>
    <t>GGES CHAK 3 JB</t>
  </si>
  <si>
    <t>Ramdiwali 3 JB</t>
  </si>
  <si>
    <t>Chak no. 3 JB Ramdiwali Sargodha road FSD</t>
  </si>
  <si>
    <t>Chak No 3 JB</t>
  </si>
  <si>
    <t>Chak No 2 JB</t>
  </si>
  <si>
    <t>Iqra Saleem</t>
  </si>
  <si>
    <t>GGES CHAK 3 SP</t>
  </si>
  <si>
    <t>Noor Zafar</t>
  </si>
  <si>
    <t>GGES CHAK 303 JB KATHORE KALAN</t>
  </si>
  <si>
    <t>Chak # 303 JB I</t>
  </si>
  <si>
    <t>GGES 303 JB KATHORE KALAN</t>
  </si>
  <si>
    <t>Chak 354 Jb</t>
  </si>
  <si>
    <t>Khalida Begum</t>
  </si>
  <si>
    <t>GGES CHAK 305 GB</t>
  </si>
  <si>
    <t>CHUTIANA FEMALE</t>
  </si>
  <si>
    <t>305gb</t>
  </si>
  <si>
    <t>chak 305 gb</t>
  </si>
  <si>
    <t>Chak 305GB</t>
  </si>
  <si>
    <t>Chak No 301 GB</t>
  </si>
  <si>
    <t>Saima Shahnaz</t>
  </si>
  <si>
    <t>GGES CHAK 306 GB</t>
  </si>
  <si>
    <t>306 GB</t>
  </si>
  <si>
    <t>chak no 306 GB</t>
  </si>
  <si>
    <t>Chak No 306 GB</t>
  </si>
  <si>
    <t>314 Gb</t>
  </si>
  <si>
    <t>Fatima Habib</t>
  </si>
  <si>
    <t>GGES CHAK 306 JB</t>
  </si>
  <si>
    <t>Chak 306 JB</t>
  </si>
  <si>
    <t>Chak 306 Jb</t>
  </si>
  <si>
    <t>Qadirabad 354 Jb</t>
  </si>
  <si>
    <t>GGES CHAK 307 GB</t>
  </si>
  <si>
    <t>307 Gb</t>
  </si>
  <si>
    <t>Chak n0 307 gb</t>
  </si>
  <si>
    <t>Chak 342 Gb</t>
  </si>
  <si>
    <t>NAHID KOUSAR</t>
  </si>
  <si>
    <t>GGES CHAK 307 JB</t>
  </si>
  <si>
    <t>307 Jb</t>
  </si>
  <si>
    <t>307 jb saroki</t>
  </si>
  <si>
    <t>Asma Sattar</t>
  </si>
  <si>
    <t>GGES CHAK 308 GB</t>
  </si>
  <si>
    <t>Chak No 333</t>
  </si>
  <si>
    <t>Rufhana Kalsoom</t>
  </si>
  <si>
    <t>GGES CHAK 309 GB</t>
  </si>
  <si>
    <t>G.G.E/ S 309GB</t>
  </si>
  <si>
    <t>Chak No 309 GB</t>
  </si>
  <si>
    <t>316GB</t>
  </si>
  <si>
    <t>SOBIA ROOHI</t>
  </si>
  <si>
    <t>GGES CHAK 311 GB</t>
  </si>
  <si>
    <t>KHEORAH BANGLA-FEMALE</t>
  </si>
  <si>
    <t>Vains Awan</t>
  </si>
  <si>
    <t>chak no 311 GB TTSingh</t>
  </si>
  <si>
    <t>311 GB</t>
  </si>
  <si>
    <t>316 GB</t>
  </si>
  <si>
    <t>Saira Anwar</t>
  </si>
  <si>
    <t>GGES CHAK 311 JB KAMALAY</t>
  </si>
  <si>
    <t>311jb</t>
  </si>
  <si>
    <t>chak#311jb</t>
  </si>
  <si>
    <t>Chak#438jb</t>
  </si>
  <si>
    <t>Anam Chaudhry</t>
  </si>
  <si>
    <t>GGES CHAK 312 GB</t>
  </si>
  <si>
    <t>BASE RAFIQI-FEMALE</t>
  </si>
  <si>
    <t>chak 312 gb</t>
  </si>
  <si>
    <t>chak 327 gb</t>
  </si>
  <si>
    <t>Munibba Mushtaq</t>
  </si>
  <si>
    <t>GGES CHAK 313 GB</t>
  </si>
  <si>
    <t>313 Gb</t>
  </si>
  <si>
    <t>govt girls E/S 313 gb pirmahal</t>
  </si>
  <si>
    <t>327gb</t>
  </si>
  <si>
    <t>Sumaira Mukhtar</t>
  </si>
  <si>
    <t>GGES CHAK 314 JB</t>
  </si>
  <si>
    <t>314 Jb</t>
  </si>
  <si>
    <t>chack#314jb</t>
  </si>
  <si>
    <t>Chack#314jb</t>
  </si>
  <si>
    <t>316/JB</t>
  </si>
  <si>
    <t>Irum Nisar</t>
  </si>
  <si>
    <t>GGES CHAK 317 GB</t>
  </si>
  <si>
    <t>317GB</t>
  </si>
  <si>
    <t>chak 317GB</t>
  </si>
  <si>
    <t>Asma Latif</t>
  </si>
  <si>
    <t>GGES CHAK 318 GB</t>
  </si>
  <si>
    <t>Khikha Bangla</t>
  </si>
  <si>
    <t>Chak no 318 gb tehsil.&amp; distt.Toba tek Singh</t>
  </si>
  <si>
    <t>Chak No 318 GB</t>
  </si>
  <si>
    <t>Chak No 342 GB</t>
  </si>
  <si>
    <t>Safoora Shoukat</t>
  </si>
  <si>
    <t>GGES CHAK 319 GB</t>
  </si>
  <si>
    <t>PIRMAHAL CITY-FEMALE</t>
  </si>
  <si>
    <t>319 Gb</t>
  </si>
  <si>
    <t>chk no 319gb.</t>
  </si>
  <si>
    <t>319gb</t>
  </si>
  <si>
    <t>Munazza Khatoon</t>
  </si>
  <si>
    <t>GGES CHAK 319 JB</t>
  </si>
  <si>
    <t>319jb</t>
  </si>
  <si>
    <t>chak no 319jb</t>
  </si>
  <si>
    <t>Rehmat Abad</t>
  </si>
  <si>
    <t>Sana Afzal</t>
  </si>
  <si>
    <t>GGES CHAK 32 GB SATIANA</t>
  </si>
  <si>
    <t>32gb</t>
  </si>
  <si>
    <t>chak no 32gb satiana</t>
  </si>
  <si>
    <t>Salma Begum</t>
  </si>
  <si>
    <t>GGES CHAK 320 JB</t>
  </si>
  <si>
    <t>320 JB Ran</t>
  </si>
  <si>
    <t>Chak number 320 jb Tehsil @ District Toba tek singh</t>
  </si>
  <si>
    <t>320 JB</t>
  </si>
  <si>
    <t>319 JB</t>
  </si>
  <si>
    <t>Naheed Bashir</t>
  </si>
  <si>
    <t>GGES CHAK 321 JB SIAO WAL</t>
  </si>
  <si>
    <t>Seowal</t>
  </si>
  <si>
    <t>g .g.e/s 321 jb seowal .t.t. singh</t>
  </si>
  <si>
    <t>Nazima Abdul Ghafoor</t>
  </si>
  <si>
    <t>GGES CHAK 322 GB</t>
  </si>
  <si>
    <t>Ahmed Pur</t>
  </si>
  <si>
    <t>Chak no 322 gb</t>
  </si>
  <si>
    <t>Chak No322 Gb</t>
  </si>
  <si>
    <t>330 Kotli</t>
  </si>
  <si>
    <t>GGES CHAK 322 JB</t>
  </si>
  <si>
    <t>322 JB</t>
  </si>
  <si>
    <t>322 jb tehsil &amp; district t.t.singh</t>
  </si>
  <si>
    <t>Tahsin Qamar</t>
  </si>
  <si>
    <t>GGES CHAK 323 GB</t>
  </si>
  <si>
    <t>chak no 323GB Tehsil pirmahal Distric T.T.Singh</t>
  </si>
  <si>
    <t>Chak No323 GB</t>
  </si>
  <si>
    <t>Chak No330GB</t>
  </si>
  <si>
    <t>Aansa Inam</t>
  </si>
  <si>
    <t>GGES CHAK 325 GB</t>
  </si>
  <si>
    <t>325 Gb</t>
  </si>
  <si>
    <t>gges 325 g.b tehsile pirmahal dist. toba tek singh</t>
  </si>
  <si>
    <t>325 GB</t>
  </si>
  <si>
    <t>326 GB</t>
  </si>
  <si>
    <t>HALEEMA BIBI</t>
  </si>
  <si>
    <t>GGES CHAK 325 JB</t>
  </si>
  <si>
    <t>Chak No 325 JB</t>
  </si>
  <si>
    <t>chak no 325 JB, Tehsil &amp; Distt. T.T.SINGH</t>
  </si>
  <si>
    <t>Chak No 324 JB</t>
  </si>
  <si>
    <t>RAHANA KOUSAR</t>
  </si>
  <si>
    <t>GGES CHAK 326 GB</t>
  </si>
  <si>
    <t>Chak No 326 Gb</t>
  </si>
  <si>
    <t>chak no 326 GB</t>
  </si>
  <si>
    <t>Chak No 326 GB</t>
  </si>
  <si>
    <t>Sidra Parveen</t>
  </si>
  <si>
    <t>GGES CHAK 328 GB</t>
  </si>
  <si>
    <t>Chak No 328 GB</t>
  </si>
  <si>
    <t>chak no 328 gb</t>
  </si>
  <si>
    <t>Chak No 328 Gb</t>
  </si>
  <si>
    <t>ChChk No 327 Gb</t>
  </si>
  <si>
    <t>Qamar Nazir</t>
  </si>
  <si>
    <t>GGES CHAK 329 GB</t>
  </si>
  <si>
    <t>Chak No 329gb</t>
  </si>
  <si>
    <t>chak no 329gb</t>
  </si>
  <si>
    <t>Chak No 327gb</t>
  </si>
  <si>
    <t>Safia Kousar</t>
  </si>
  <si>
    <t>GGES CHAK 33</t>
  </si>
  <si>
    <t>GGES chka33</t>
  </si>
  <si>
    <t>chak33</t>
  </si>
  <si>
    <t>phulliyani</t>
  </si>
  <si>
    <t>hafiza faiza rafique</t>
  </si>
  <si>
    <t>GGES CHAK 33 GB SATIANA</t>
  </si>
  <si>
    <t>chk 33 gb faisalabad</t>
  </si>
  <si>
    <t>Gges 33 Gb</t>
  </si>
  <si>
    <t>32 Gb</t>
  </si>
  <si>
    <t>Sufia Sultana</t>
  </si>
  <si>
    <t>GGES CHAK 330 JB</t>
  </si>
  <si>
    <t>330 JB</t>
  </si>
  <si>
    <t>Chak 330 JB</t>
  </si>
  <si>
    <t>Chak 391 JB</t>
  </si>
  <si>
    <t>GGES CHAK 334 GB RAJOO WAL</t>
  </si>
  <si>
    <t>Rajoowal</t>
  </si>
  <si>
    <t>chak no 334gb</t>
  </si>
  <si>
    <t>334gb</t>
  </si>
  <si>
    <t>Chak No 333gb</t>
  </si>
  <si>
    <t>Razia Pervern</t>
  </si>
  <si>
    <t>GGES CHAK 334 JB TEHSILDAR</t>
  </si>
  <si>
    <t>NIA LAHORE FEMALE</t>
  </si>
  <si>
    <t>Tehsildar</t>
  </si>
  <si>
    <t>chak no 334 jb teh gojra</t>
  </si>
  <si>
    <t>Rumana Hanif</t>
  </si>
  <si>
    <t>GGES CHAK 337 GB DHOLAN</t>
  </si>
  <si>
    <t>GGES 337 GB</t>
  </si>
  <si>
    <t>Chak No 337 GB</t>
  </si>
  <si>
    <t>Chak No 517 GB</t>
  </si>
  <si>
    <t>Rahat Afza</t>
  </si>
  <si>
    <t>GGES CHAK 339 GB I KALAN</t>
  </si>
  <si>
    <t>339GB</t>
  </si>
  <si>
    <t>339 G.B toba tek singh</t>
  </si>
  <si>
    <t>339 GB</t>
  </si>
  <si>
    <t>290GB</t>
  </si>
  <si>
    <t>Mehnaz Anwaar</t>
  </si>
  <si>
    <t>GGES CHAK 34</t>
  </si>
  <si>
    <t>chek34</t>
  </si>
  <si>
    <t>Check 34</t>
  </si>
  <si>
    <t>Iqra Saeed</t>
  </si>
  <si>
    <t>GGES CHAK 34 JB NORTH</t>
  </si>
  <si>
    <t>Chak# 34 Jb N</t>
  </si>
  <si>
    <t>chak#34 jb N, fsd</t>
  </si>
  <si>
    <t>chak 34 jb N</t>
  </si>
  <si>
    <t>GGES CHAK 341 GB</t>
  </si>
  <si>
    <t>chak  no 341 GB</t>
  </si>
  <si>
    <t>Chak  No 341 GB</t>
  </si>
  <si>
    <t>Chak  No 342 GB</t>
  </si>
  <si>
    <t>Shazia Qamer</t>
  </si>
  <si>
    <t>GGES CHAK 342 JB LUDHAR SHARIF</t>
  </si>
  <si>
    <t>342jb</t>
  </si>
  <si>
    <t>Gges342jb</t>
  </si>
  <si>
    <t>Ludharshrif</t>
  </si>
  <si>
    <t>345jb 1</t>
  </si>
  <si>
    <t>REHANA KOUSAR</t>
  </si>
  <si>
    <t>GGES CHAK 348/WB</t>
  </si>
  <si>
    <t>348/wb</t>
  </si>
  <si>
    <t>chak#348/wb</t>
  </si>
  <si>
    <t>Chak 348/wb</t>
  </si>
  <si>
    <t>355/wb</t>
  </si>
  <si>
    <t>Amna Amin</t>
  </si>
  <si>
    <t>GGES CHAK 349 GB</t>
  </si>
  <si>
    <t>349 GB</t>
  </si>
  <si>
    <t>Chak No. 349 GB T.T.Singh</t>
  </si>
  <si>
    <t>Chak 349 GB</t>
  </si>
  <si>
    <t>Chak 350 GB</t>
  </si>
  <si>
    <t>Fozia  Islam</t>
  </si>
  <si>
    <t>GGES CHAK 35 GB SATIANA</t>
  </si>
  <si>
    <t>Lodhi Majra</t>
  </si>
  <si>
    <t>chak no 35gb</t>
  </si>
  <si>
    <t>Adeela Rauf Khan</t>
  </si>
  <si>
    <t>GGES CHAK 351 JB I</t>
  </si>
  <si>
    <t>QADIR ABAD FEMALE</t>
  </si>
  <si>
    <t>Chak 351jb</t>
  </si>
  <si>
    <t>GGES 351 JB kalyandas</t>
  </si>
  <si>
    <t>Kalyandas</t>
  </si>
  <si>
    <t>363jb</t>
  </si>
  <si>
    <t>GGES CHAK 354 JB QADAR ABAD</t>
  </si>
  <si>
    <t>354/jb</t>
  </si>
  <si>
    <t>gges chak 354/jb qadar abad</t>
  </si>
  <si>
    <t>Humaira Munir</t>
  </si>
  <si>
    <t>GGES CHAK 355 JB</t>
  </si>
  <si>
    <t>Rocha Raam</t>
  </si>
  <si>
    <t>chak no.355 jb</t>
  </si>
  <si>
    <t>355jb</t>
  </si>
  <si>
    <t>354 Qadirabad</t>
  </si>
  <si>
    <t>Hafiza Sabahat-ul- Nisa</t>
  </si>
  <si>
    <t>GGES CHAK 358 GB SOUTH</t>
  </si>
  <si>
    <t>Chak No 358 Gb South</t>
  </si>
  <si>
    <t>chak no 358 gb south</t>
  </si>
  <si>
    <t>358 GB Ganjoo</t>
  </si>
  <si>
    <t>Chak No 361 GB</t>
  </si>
  <si>
    <t>Nazia Tufail</t>
  </si>
  <si>
    <t>GGES CHAK 358 JB I</t>
  </si>
  <si>
    <t>358 Jb</t>
  </si>
  <si>
    <t>GGES358jb1</t>
  </si>
  <si>
    <t>Chak 358jb l</t>
  </si>
  <si>
    <t>350 Jb</t>
  </si>
  <si>
    <t>GGES CHAK 359 GB</t>
  </si>
  <si>
    <t>Chak # 359</t>
  </si>
  <si>
    <t>chak # 359 G.B Toba Tek Singh</t>
  </si>
  <si>
    <t>359 GB</t>
  </si>
  <si>
    <t>Chak # 361</t>
  </si>
  <si>
    <t>Sadia Saqib</t>
  </si>
  <si>
    <t>GGES CHAK 359 JB DERIA NANGAL</t>
  </si>
  <si>
    <t>DARSANA BANGLA FEMALE</t>
  </si>
  <si>
    <t>GGESchool 359 daria nanghal</t>
  </si>
  <si>
    <t>Daria Nanghal</t>
  </si>
  <si>
    <t>Bobak 360</t>
  </si>
  <si>
    <t>Kaneez Akhtar</t>
  </si>
  <si>
    <t>GGES CHAK 36 GB SATIANA</t>
  </si>
  <si>
    <t>kheri majra</t>
  </si>
  <si>
    <t>GGES, 36GB, Satiana</t>
  </si>
  <si>
    <t>36 GB</t>
  </si>
  <si>
    <t>37 GB</t>
  </si>
  <si>
    <t>Zahra Parveen Akhtar</t>
  </si>
  <si>
    <t>Waterman supplies water in school</t>
  </si>
  <si>
    <t>GGES CHAK 360 GB II</t>
  </si>
  <si>
    <t>chak no 360 gb</t>
  </si>
  <si>
    <t>360gb</t>
  </si>
  <si>
    <t>361 gb</t>
  </si>
  <si>
    <t>Rukhsana perveen</t>
  </si>
  <si>
    <t>GGES CHAK 361 JB</t>
  </si>
  <si>
    <t>Chak 361 Jb</t>
  </si>
  <si>
    <t>chak 361 jb teh. gojra dist. toba tak singh</t>
  </si>
  <si>
    <t>Chak 361 jb</t>
  </si>
  <si>
    <t>Chak 349 Jb</t>
  </si>
  <si>
    <t>MAFIA PARVEEN</t>
  </si>
  <si>
    <t>GGES CHAK 363 GB SATIANA</t>
  </si>
  <si>
    <t>chak no 363gb</t>
  </si>
  <si>
    <t>Chak No 363gb</t>
  </si>
  <si>
    <t>Naz Sikandar</t>
  </si>
  <si>
    <t>GGES CHAK 373 JB</t>
  </si>
  <si>
    <t>373 Jb Gojra</t>
  </si>
  <si>
    <t>GGES 373 JB GOJRA</t>
  </si>
  <si>
    <t>Chak 373 Jb Gojra</t>
  </si>
  <si>
    <t>Chak 371 Jb III Gojra</t>
  </si>
  <si>
    <t>Sitara Jabeen</t>
  </si>
  <si>
    <t>GGES CHAK 376 GB SATIANA</t>
  </si>
  <si>
    <t>376gb</t>
  </si>
  <si>
    <t>357gb</t>
  </si>
  <si>
    <t>Kiran Shehzadi</t>
  </si>
  <si>
    <t>GGES CHAK 376 JB</t>
  </si>
  <si>
    <t>Chak 376jb</t>
  </si>
  <si>
    <t>chak 376jb toba tek singh</t>
  </si>
  <si>
    <t>Ckak376jb</t>
  </si>
  <si>
    <t>Chak319jb</t>
  </si>
  <si>
    <t>Sumaira Nazir</t>
  </si>
  <si>
    <t>GGES CHAK 38/A</t>
  </si>
  <si>
    <t>42/A -FEMALE</t>
  </si>
  <si>
    <t>Chak 38/A</t>
  </si>
  <si>
    <t>Govt Girls Elementary school 38 / A Liaquatpur</t>
  </si>
  <si>
    <t>Aqsa Khan</t>
  </si>
  <si>
    <t>GGES CHAK 381 JB</t>
  </si>
  <si>
    <t>Kahlwan</t>
  </si>
  <si>
    <t>chak no 381jb toba tek singh</t>
  </si>
  <si>
    <t>Chak No 381jb</t>
  </si>
  <si>
    <t>Chak No 375jb</t>
  </si>
  <si>
    <t>SHAKEELA FIDA</t>
  </si>
  <si>
    <t>GGES CHAK 382 JB</t>
  </si>
  <si>
    <t>382 Jb</t>
  </si>
  <si>
    <t>chack no 382 jb</t>
  </si>
  <si>
    <t>Chack No 382 Jb</t>
  </si>
  <si>
    <t>379 Jb</t>
  </si>
  <si>
    <t>TAHMINA KANWAL</t>
  </si>
  <si>
    <t>GGES CHAK 383 JB CHOTA ALHAR</t>
  </si>
  <si>
    <t>Chota Alhar</t>
  </si>
  <si>
    <t>383jb</t>
  </si>
  <si>
    <t>Chak No 383 Jb</t>
  </si>
  <si>
    <t>Safia Batool</t>
  </si>
  <si>
    <t>GGES CHAK 390 GB I SAMUNDRI</t>
  </si>
  <si>
    <t>Chak No 138 gb</t>
  </si>
  <si>
    <t>Chak No 390gb west</t>
  </si>
  <si>
    <t>390 gb west</t>
  </si>
  <si>
    <t>GGES CHAK 391 GB TANDLIANWALA</t>
  </si>
  <si>
    <t>391gb</t>
  </si>
  <si>
    <t>chak no 391gb</t>
  </si>
  <si>
    <t>Bhutta</t>
  </si>
  <si>
    <t>416gb</t>
  </si>
  <si>
    <t>Siddra Saleem</t>
  </si>
  <si>
    <t>GGES CHAK 391 JB KINTHIAN</t>
  </si>
  <si>
    <t>Chlk No 391 Jb</t>
  </si>
  <si>
    <t>chalk no 391 j.b</t>
  </si>
  <si>
    <t>Musarrat Shagufta</t>
  </si>
  <si>
    <t>GGES CHAK 393 JB KHAN PUR</t>
  </si>
  <si>
    <t>Chak No 393 Jb Khanpur</t>
  </si>
  <si>
    <t>chak no. 393 jb teh &amp; distt. toba Tek singh</t>
  </si>
  <si>
    <t>Chak No 393jb Khanpur</t>
  </si>
  <si>
    <t>393 Jb Khanpur</t>
  </si>
  <si>
    <t>Safia Muhammad Ali</t>
  </si>
  <si>
    <t>GGES CHAK 395 JB</t>
  </si>
  <si>
    <t>Chak # 395 JB</t>
  </si>
  <si>
    <t>chak no 395jb t.t.sing</t>
  </si>
  <si>
    <t>Chak No 395jb</t>
  </si>
  <si>
    <t>GGES CHAK 397 JB</t>
  </si>
  <si>
    <t>Phatohal</t>
  </si>
  <si>
    <t>Gges397jb</t>
  </si>
  <si>
    <t>Chak # 397 jb</t>
  </si>
  <si>
    <t>Uman pur</t>
  </si>
  <si>
    <t>Noor jahan</t>
  </si>
  <si>
    <t>GGES CHAK 399 JB</t>
  </si>
  <si>
    <t>chak no 399 jb ajram tehsil zila t t singh</t>
  </si>
  <si>
    <t>Chak No 399 Jb Ajram</t>
  </si>
  <si>
    <t>393 Jb</t>
  </si>
  <si>
    <t>shaista Latif</t>
  </si>
  <si>
    <t>GGES CHAK 4 JB</t>
  </si>
  <si>
    <t>Chak No 4jb</t>
  </si>
  <si>
    <t>GGGES4Jb</t>
  </si>
  <si>
    <t>2Jb</t>
  </si>
  <si>
    <t>GGES CHAK 4/1-AL KALAN</t>
  </si>
  <si>
    <t>BAMA BALA-FEMALE</t>
  </si>
  <si>
    <t>4/1al Kalan</t>
  </si>
  <si>
    <t>4/1al kalan</t>
  </si>
  <si>
    <t>4/1Al Kalan</t>
  </si>
  <si>
    <t>4/1AL</t>
  </si>
  <si>
    <t>Musrat Nazeer</t>
  </si>
  <si>
    <t>GGES CHAK 40 GB SATIANA</t>
  </si>
  <si>
    <t>Roaid Makroota</t>
  </si>
  <si>
    <t>GGES40GB</t>
  </si>
  <si>
    <t>40GB</t>
  </si>
  <si>
    <t>39GB</t>
  </si>
  <si>
    <t>Mubashara Mubarak</t>
  </si>
  <si>
    <t>GGES CHAK 403 JB</t>
  </si>
  <si>
    <t>403jb T T Singh</t>
  </si>
  <si>
    <t>chak no 403jb t t singh</t>
  </si>
  <si>
    <t>Chak  # 403 Jb  T T Singh</t>
  </si>
  <si>
    <t>301 GB</t>
  </si>
  <si>
    <t>GGES CHAK 404 GB TANDLIAN WALA</t>
  </si>
  <si>
    <t>chak no 404 gb tandlianwala</t>
  </si>
  <si>
    <t>404 Gb</t>
  </si>
  <si>
    <t>Chak No 400</t>
  </si>
  <si>
    <t>Robina Ameer</t>
  </si>
  <si>
    <t>GGES CHAK 405 JB</t>
  </si>
  <si>
    <t>405JB</t>
  </si>
  <si>
    <t>chak no 405 JB Tehsile &amp; District T.T.Singh</t>
  </si>
  <si>
    <t>405JB Muqeem Pur</t>
  </si>
  <si>
    <t>314 GB</t>
  </si>
  <si>
    <t>Tanzeela Ashraf</t>
  </si>
  <si>
    <t>GGES CHAK 409 JB</t>
  </si>
  <si>
    <t>409 j B</t>
  </si>
  <si>
    <t>Chak No 409 j b T T singh</t>
  </si>
  <si>
    <t>Chak No 409 Jb</t>
  </si>
  <si>
    <t>314 G B</t>
  </si>
  <si>
    <t>Rehana Hanif</t>
  </si>
  <si>
    <t>GGES CHAK 415 JB</t>
  </si>
  <si>
    <t>Chanderky</t>
  </si>
  <si>
    <t>Chak no. 415 JB Tehsil Gojra</t>
  </si>
  <si>
    <t>Chak No 415 JB Tehsil Gojra</t>
  </si>
  <si>
    <t>349 JB Tehsil Gojra</t>
  </si>
  <si>
    <t>ANSA SARWAR</t>
  </si>
  <si>
    <t>GGES CHAK 418 JB</t>
  </si>
  <si>
    <t>Sarja</t>
  </si>
  <si>
    <t>GGES418jb</t>
  </si>
  <si>
    <t>417jb</t>
  </si>
  <si>
    <t>Rukhshanda Jabeen Akhtar</t>
  </si>
  <si>
    <t>GGES CHAK 42 GB I SAMUNDRI</t>
  </si>
  <si>
    <t>Lopoki</t>
  </si>
  <si>
    <t>Chak No 42 GB</t>
  </si>
  <si>
    <t>Chak No 41 GB</t>
  </si>
  <si>
    <t>Balqees   Akhter</t>
  </si>
  <si>
    <t>GGES CHAK 42 JB II</t>
  </si>
  <si>
    <t>Bar</t>
  </si>
  <si>
    <t>42 JB ii bar,fsd</t>
  </si>
  <si>
    <t>42 JB IIBar</t>
  </si>
  <si>
    <t>Kadarqay</t>
  </si>
  <si>
    <t>Saeeda Jabeen</t>
  </si>
  <si>
    <t>GGES CHAK 423 JB</t>
  </si>
  <si>
    <t>PUL AADA-FEMALE</t>
  </si>
  <si>
    <t>Chak no 423jb</t>
  </si>
  <si>
    <t>GGES 423jb</t>
  </si>
  <si>
    <t>Chak No 423jb</t>
  </si>
  <si>
    <t>uzma anwar</t>
  </si>
  <si>
    <t>GGES CHAK 429/6-R</t>
  </si>
  <si>
    <t>429/6r</t>
  </si>
  <si>
    <t>GGE/S 429/6r p/o same</t>
  </si>
  <si>
    <t>Chak No 429/6r</t>
  </si>
  <si>
    <t>Chak No 432/6r</t>
  </si>
  <si>
    <t>Misbah Sarwar</t>
  </si>
  <si>
    <t>GGES CHAK 431 JB</t>
  </si>
  <si>
    <t>431jb</t>
  </si>
  <si>
    <t>GGE school 431jb omer pur</t>
  </si>
  <si>
    <t>431Omer Pur</t>
  </si>
  <si>
    <t>GGES CHAK 431/6-R</t>
  </si>
  <si>
    <t>431/6r</t>
  </si>
  <si>
    <t>GGES 431/6r post office same Tehisal HND Destrict BWN</t>
  </si>
  <si>
    <t>Samina Tallat</t>
  </si>
  <si>
    <t>GGES CHAK 434/6-R</t>
  </si>
  <si>
    <t>GGES 434/6.r</t>
  </si>
  <si>
    <t>434/6R</t>
  </si>
  <si>
    <t>Chk No 438/6r</t>
  </si>
  <si>
    <t>Safia Perveen</t>
  </si>
  <si>
    <t>GGES CHAK 437 JB KANJRAN</t>
  </si>
  <si>
    <t>Chak No 437jb</t>
  </si>
  <si>
    <t>GGES 437 jb</t>
  </si>
  <si>
    <t>Chak No 437 Jb</t>
  </si>
  <si>
    <t>Chak 438 Jb</t>
  </si>
  <si>
    <t>Samra Mahmood</t>
  </si>
  <si>
    <t>GGES CHAK 437/6-R</t>
  </si>
  <si>
    <t>437/6r</t>
  </si>
  <si>
    <t>Chak 437 6r</t>
  </si>
  <si>
    <t>Chak No 438/6r</t>
  </si>
  <si>
    <t>Saba  Arshad</t>
  </si>
  <si>
    <t>GGES CHAK 438 TDA</t>
  </si>
  <si>
    <t>chak no 438/tda dhori adda layyah</t>
  </si>
  <si>
    <t>Golah Adda</t>
  </si>
  <si>
    <t>GGES CHAK 439 GB I SAMUNDRI</t>
  </si>
  <si>
    <t>Mahalam</t>
  </si>
  <si>
    <t>chak no.439.1..g.b.tehsil samundri district faisalabad</t>
  </si>
  <si>
    <t>Haryyal</t>
  </si>
  <si>
    <t>Humera kouser</t>
  </si>
  <si>
    <t>GGES CHAK 440 GB SAMUNDRI</t>
  </si>
  <si>
    <t>chak no 440 GB</t>
  </si>
  <si>
    <t>440GB</t>
  </si>
  <si>
    <t>Sadanwala</t>
  </si>
  <si>
    <t>Saira Arshad</t>
  </si>
  <si>
    <t>GGES CHAK 441 GB II SAMUNDRI SOUTH</t>
  </si>
  <si>
    <t>441gb</t>
  </si>
  <si>
    <t>chak  no 441 gb19</t>
  </si>
  <si>
    <t>Chakno441 Gb</t>
  </si>
  <si>
    <t>Abida Sahir</t>
  </si>
  <si>
    <t>GGES CHAK 441 JB</t>
  </si>
  <si>
    <t>Chak#441</t>
  </si>
  <si>
    <t>gges chak #441jb</t>
  </si>
  <si>
    <t>Hassan Shah</t>
  </si>
  <si>
    <t>GGES CHAK 445 ABADI KASHMIRI</t>
  </si>
  <si>
    <t>KOT LAKHNANA - FEMALE</t>
  </si>
  <si>
    <t>Bangla Noul</t>
  </si>
  <si>
    <t>GGES 445 kashmir colony</t>
  </si>
  <si>
    <t>Kot Lakhnana</t>
  </si>
  <si>
    <t>GGES CHAK 463 GB II SAMUNDRI WEST</t>
  </si>
  <si>
    <t>Chak No 463 Gb 2</t>
  </si>
  <si>
    <t>chak no 463 gb 2 samundri</t>
  </si>
  <si>
    <t>Chak No 463 Gb 2 Samundri</t>
  </si>
  <si>
    <t>463 Gb</t>
  </si>
  <si>
    <t>Shumaila Yousaf</t>
  </si>
  <si>
    <t>GGES CHAK 464 GB SAMUNDRI</t>
  </si>
  <si>
    <t>Girja Chak</t>
  </si>
  <si>
    <t>Chak No. 464 GB</t>
  </si>
  <si>
    <t>Chak No 464 GB</t>
  </si>
  <si>
    <t>Chak No 463 GB</t>
  </si>
  <si>
    <t>Asia Zamir</t>
  </si>
  <si>
    <t>GGES CHAK 466 GB SAMUNDRI</t>
  </si>
  <si>
    <t>GGES 466 GB</t>
  </si>
  <si>
    <t>466 GB</t>
  </si>
  <si>
    <t>Ward No 4</t>
  </si>
  <si>
    <t>PARVEEN ANJUM</t>
  </si>
  <si>
    <t>GGES CHAK 468 GB SAMUNDRI</t>
  </si>
  <si>
    <t>Raghbirpura</t>
  </si>
  <si>
    <t>Chak no. 468 G.B</t>
  </si>
  <si>
    <t>468 G B</t>
  </si>
  <si>
    <t>City Samundri</t>
  </si>
  <si>
    <t>Riffat Rehana</t>
  </si>
  <si>
    <t>GGES CHAK 47 GB SAMUNDRI</t>
  </si>
  <si>
    <t>47 Gb</t>
  </si>
  <si>
    <t>Govt girls comunity modal elemantry school 47 GB</t>
  </si>
  <si>
    <t>Khtravan</t>
  </si>
  <si>
    <t>Khtravan 47 Gb</t>
  </si>
  <si>
    <t>Mubeen Akram</t>
  </si>
  <si>
    <t>GGES CHAK 47 KB FATEH SHAH</t>
  </si>
  <si>
    <t>chak # 47/KB fatehshah dak khana joiya bangla</t>
  </si>
  <si>
    <t>47/kb</t>
  </si>
  <si>
    <t>Chak #333 EB</t>
  </si>
  <si>
    <t>Fareda Khanam</t>
  </si>
  <si>
    <t>GGES CHAK 472 GB SAMUNDRI</t>
  </si>
  <si>
    <t>Bogan Pura</t>
  </si>
  <si>
    <t>G.G.E/S 472 GB</t>
  </si>
  <si>
    <t>472 GB</t>
  </si>
  <si>
    <t>Muncipal Commity</t>
  </si>
  <si>
    <t>Shaheen Ara Khanum</t>
  </si>
  <si>
    <t>GGES CHAK 473 GB BEJA</t>
  </si>
  <si>
    <t>473gbBeeja</t>
  </si>
  <si>
    <t>chak no 473gb beeja teh samundri.</t>
  </si>
  <si>
    <t>Chak 473gb Beeja</t>
  </si>
  <si>
    <t>FAIZA YOUSAF</t>
  </si>
  <si>
    <t>GGES CHAK 486 GB MAMUNKAJAN</t>
  </si>
  <si>
    <t>486 Gb</t>
  </si>
  <si>
    <t>chak No 486 GB</t>
  </si>
  <si>
    <t>GGES CHAK 488 GB NORTH MAMUN KANJAN</t>
  </si>
  <si>
    <t>488 Bow Shamali</t>
  </si>
  <si>
    <t>chak#488north</t>
  </si>
  <si>
    <t>488 NORTH Gb</t>
  </si>
  <si>
    <t>Chak 487 Gb</t>
  </si>
  <si>
    <t>Hira Pervaiz</t>
  </si>
  <si>
    <t>GGES CHAK 488 GB SOUTH MAMUNKANJAN</t>
  </si>
  <si>
    <t>488gb</t>
  </si>
  <si>
    <t>chak488gbsouth</t>
  </si>
  <si>
    <t>Chak488gbsouth</t>
  </si>
  <si>
    <t>Machanika</t>
  </si>
  <si>
    <t>Anila Saleem</t>
  </si>
  <si>
    <t>GGES CHAK 489 GB MAMUNKANJAN</t>
  </si>
  <si>
    <t>ladha</t>
  </si>
  <si>
    <t>chak no 489 gb</t>
  </si>
  <si>
    <t>489 gb</t>
  </si>
  <si>
    <t>sabeen kiran</t>
  </si>
  <si>
    <t>GGES CHAK 49/P</t>
  </si>
  <si>
    <t>49p</t>
  </si>
  <si>
    <t>chak no. 49p teh/dist  Rahim Yar khan</t>
  </si>
  <si>
    <t>51p</t>
  </si>
  <si>
    <t>Rizwana Shahzadi</t>
  </si>
  <si>
    <t>GGES CHAK 496 GB MAMUNKANJNA</t>
  </si>
  <si>
    <t>Panjlasa</t>
  </si>
  <si>
    <t>496gb</t>
  </si>
  <si>
    <t>GGES496gb</t>
  </si>
  <si>
    <t>Madiha Sabir</t>
  </si>
  <si>
    <t>GGES CHAK 497/GB NAI ABADI MAMUN KANJAN</t>
  </si>
  <si>
    <t>GGES 497GB new abadi mamunkanjan</t>
  </si>
  <si>
    <t>Gulsheer 497</t>
  </si>
  <si>
    <t>Mamunkanjan</t>
  </si>
  <si>
    <t>Nida Haleem</t>
  </si>
  <si>
    <t>GGES CHAK 50 GB SAMUNDRI</t>
  </si>
  <si>
    <t>Eastro</t>
  </si>
  <si>
    <t>chak 50gb</t>
  </si>
  <si>
    <t>50gb</t>
  </si>
  <si>
    <t>228gb Naradada</t>
  </si>
  <si>
    <t>GGES CHAK 500 GB MAMUNKANJAN</t>
  </si>
  <si>
    <t>Bali Ka Chak</t>
  </si>
  <si>
    <t>GGES 500gb</t>
  </si>
  <si>
    <t>500 Gb</t>
  </si>
  <si>
    <t>498 Gb</t>
  </si>
  <si>
    <t>Asma Bibi</t>
  </si>
  <si>
    <t>GGES CHAK 511 GB MAMUNKANJAN</t>
  </si>
  <si>
    <t>511gb</t>
  </si>
  <si>
    <t>gges511gb teh tandlianwala dist faisalabad</t>
  </si>
  <si>
    <t>511 Gb</t>
  </si>
  <si>
    <t>514gb</t>
  </si>
  <si>
    <t>GGES CHAK 517 GB</t>
  </si>
  <si>
    <t>GGES 517 GB</t>
  </si>
  <si>
    <t>Chak 517 GB</t>
  </si>
  <si>
    <t>GGES CHAK 519 GB</t>
  </si>
  <si>
    <t>519GB</t>
  </si>
  <si>
    <t>GGES. 519GB</t>
  </si>
  <si>
    <t>Chak#519</t>
  </si>
  <si>
    <t>Safia Iqbal</t>
  </si>
  <si>
    <t>GGES CHAK 52 GB SAMUNDRI</t>
  </si>
  <si>
    <t>52gb</t>
  </si>
  <si>
    <t>chak no 52GB</t>
  </si>
  <si>
    <t>52GB</t>
  </si>
  <si>
    <t>228GB Naradada</t>
  </si>
  <si>
    <t>Alia Tazim</t>
  </si>
  <si>
    <t>GGES CHAK 52 JB</t>
  </si>
  <si>
    <t>Mullan Pur</t>
  </si>
  <si>
    <t>chak#52 JB FSD</t>
  </si>
  <si>
    <t>Chak#58 JB Lehal</t>
  </si>
  <si>
    <t>SHAGUFTA RANI</t>
  </si>
  <si>
    <t>GGES CHAK 529 GB SAMUNDRI</t>
  </si>
  <si>
    <t>Haans</t>
  </si>
  <si>
    <t>GGES 529 G. B, smundri, fsd</t>
  </si>
  <si>
    <t>Chak No 529 G B</t>
  </si>
  <si>
    <t>41 GB</t>
  </si>
  <si>
    <t>Iqra Khan</t>
  </si>
  <si>
    <t>GGES CHAK 53 GB JARANWALA</t>
  </si>
  <si>
    <t>53 gb</t>
  </si>
  <si>
    <t>chak no 53 gb</t>
  </si>
  <si>
    <t>55 gb</t>
  </si>
  <si>
    <t>Nikhat Amin Khan</t>
  </si>
  <si>
    <t>GGES CHAK 53 JB</t>
  </si>
  <si>
    <t>Sidwan</t>
  </si>
  <si>
    <t>chak no 53jb</t>
  </si>
  <si>
    <t>Chak No 53 Jb</t>
  </si>
  <si>
    <t>Mundapind</t>
  </si>
  <si>
    <t>Khawar Sultana</t>
  </si>
  <si>
    <t>GGES CHAK 536 GB I SOUTH</t>
  </si>
  <si>
    <t>536 GB</t>
  </si>
  <si>
    <t>chak No 536 G.B Toba.Tek.Singh</t>
  </si>
  <si>
    <t>35/361 GB</t>
  </si>
  <si>
    <t>Robina Naz</t>
  </si>
  <si>
    <t>GGES CHAK 54 JB</t>
  </si>
  <si>
    <t>chak no 54 jb faisalabad</t>
  </si>
  <si>
    <t>dhottian</t>
  </si>
  <si>
    <t>chak no 57 jb fsd</t>
  </si>
  <si>
    <t>faiza mustafa</t>
  </si>
  <si>
    <t>purchased canal water</t>
  </si>
  <si>
    <t>GGES CHAK 54/2 TUKRA NAI ABADI</t>
  </si>
  <si>
    <t>54/2 tukra</t>
  </si>
  <si>
    <t>GGES 54/2 Tukra NAI ABADI</t>
  </si>
  <si>
    <t>Beron Kamalia</t>
  </si>
  <si>
    <t>Sumaira Yousaf</t>
  </si>
  <si>
    <t>GGES CHAK 546 GB MAMUNKANJAN</t>
  </si>
  <si>
    <t>gogera</t>
  </si>
  <si>
    <t>chak no 546 gb mamukanjan</t>
  </si>
  <si>
    <t>chak no 546 gb</t>
  </si>
  <si>
    <t>chak no 550 gb</t>
  </si>
  <si>
    <t>Afia Hameed</t>
  </si>
  <si>
    <t>GGES CHAK 55 JB</t>
  </si>
  <si>
    <t>55 Jb</t>
  </si>
  <si>
    <t>chak no 55 jb</t>
  </si>
  <si>
    <t>27 Jb North</t>
  </si>
  <si>
    <t>Asima Naseem</t>
  </si>
  <si>
    <t>GGES CHAK 551 GB MAMUNKANJAN</t>
  </si>
  <si>
    <t>551GB</t>
  </si>
  <si>
    <t>Chak # 551 G.B Mamunkanjan</t>
  </si>
  <si>
    <t>Chak # 551 GB</t>
  </si>
  <si>
    <t>Rukhsana Naeem</t>
  </si>
  <si>
    <t>GGES CHAK 556 GB MAMUNKANJAN</t>
  </si>
  <si>
    <t>556GB</t>
  </si>
  <si>
    <t>chak no 556 GB</t>
  </si>
  <si>
    <t>Chak No 556Gb</t>
  </si>
  <si>
    <t>Chak No 558 GB</t>
  </si>
  <si>
    <t>Uzma Rani</t>
  </si>
  <si>
    <t>GGES CHAK 56 TUKRA KAMALIA</t>
  </si>
  <si>
    <t>chak no.56 tukra kamalia</t>
  </si>
  <si>
    <t>56tukra</t>
  </si>
  <si>
    <t>Chak No661/2</t>
  </si>
  <si>
    <t>Mehwish Shahid</t>
  </si>
  <si>
    <t>GGES CHAK 58 GB JARANWALA</t>
  </si>
  <si>
    <t>chak no 58 gb</t>
  </si>
  <si>
    <t>khurshid akhter</t>
  </si>
  <si>
    <t>GGES CHAK 59 JB</t>
  </si>
  <si>
    <t>Nathu Chak</t>
  </si>
  <si>
    <t>GGES ChakNo. 59JBFsD</t>
  </si>
  <si>
    <t>Chak No59jb</t>
  </si>
  <si>
    <t>Chak No59JB</t>
  </si>
  <si>
    <t>Saadia Pervern</t>
  </si>
  <si>
    <t>GGES CHAK 6 JB EAST</t>
  </si>
  <si>
    <t>6jb panjwar</t>
  </si>
  <si>
    <t>GGES6JBEAST</t>
  </si>
  <si>
    <t>6jbeast</t>
  </si>
  <si>
    <t>6jb</t>
  </si>
  <si>
    <t>GGES CHAK 60 RB I KHURRIANWALA</t>
  </si>
  <si>
    <t>gges60rb1 balochni</t>
  </si>
  <si>
    <t>60rb1</t>
  </si>
  <si>
    <t>Dhanoana91rb</t>
  </si>
  <si>
    <t>Sharefan Bibi</t>
  </si>
  <si>
    <t>GGES CHAK 60 RB II KHURRIANWALA</t>
  </si>
  <si>
    <t>Chak No 60 RB</t>
  </si>
  <si>
    <t>chak no 60 rb mohgi</t>
  </si>
  <si>
    <t>Chak No 91 RB</t>
  </si>
  <si>
    <t>GGES CHAK 611 GB TANDLIANWALA</t>
  </si>
  <si>
    <t>Piindi Sheik Musa</t>
  </si>
  <si>
    <t>611 gb</t>
  </si>
  <si>
    <t>611 GB</t>
  </si>
  <si>
    <t>Moza Pindi Sheikh Musa</t>
  </si>
  <si>
    <t>Zakia Amir</t>
  </si>
  <si>
    <t>GGES CHAK 64 GB JARANWALA</t>
  </si>
  <si>
    <t>Awagat</t>
  </si>
  <si>
    <t>government girls elementary school 64 GB</t>
  </si>
  <si>
    <t>64 GB</t>
  </si>
  <si>
    <t>122 GB</t>
  </si>
  <si>
    <t>Gulshan Naheed</t>
  </si>
  <si>
    <t>GGES CHAK 64 RB</t>
  </si>
  <si>
    <t>Chak No 64 Rb</t>
  </si>
  <si>
    <t>chak no 64 rb</t>
  </si>
  <si>
    <t>Winjwan</t>
  </si>
  <si>
    <t>Perveen Fatima</t>
  </si>
  <si>
    <t>GGES CHAK 641</t>
  </si>
  <si>
    <t>Govt. girls elementary school Chak 641gb</t>
  </si>
  <si>
    <t>Mussarat Khalid</t>
  </si>
  <si>
    <t>GGES CHAK 642 GB LUNDIANWALA</t>
  </si>
  <si>
    <t>Mana Tibba</t>
  </si>
  <si>
    <t>642gb1</t>
  </si>
  <si>
    <t>Chak no 642gb1</t>
  </si>
  <si>
    <t>Zakia Sultana</t>
  </si>
  <si>
    <t>GGES CHAK 656-7 GB II JARANWALA</t>
  </si>
  <si>
    <t>Savank Nagar</t>
  </si>
  <si>
    <t>chak no 656/7 mandi buchiana</t>
  </si>
  <si>
    <t>Mandi Buchiana</t>
  </si>
  <si>
    <t>Chak No 657-/8</t>
  </si>
  <si>
    <t>aneela kiran</t>
  </si>
  <si>
    <t>GGES CHAK 66 JB-II ISLAM PURA</t>
  </si>
  <si>
    <t>GGES66jbislam pura</t>
  </si>
  <si>
    <t>GGES CHAK 660/1 GB</t>
  </si>
  <si>
    <t>Itfaqabad</t>
  </si>
  <si>
    <t>chak no 660/1 gb kamalia</t>
  </si>
  <si>
    <t>CHAK NO 660/1 GB</t>
  </si>
  <si>
    <t>661/2 Gb</t>
  </si>
  <si>
    <t>GGES CHAK 662/3 GB</t>
  </si>
  <si>
    <t>chak no 662/3Gb</t>
  </si>
  <si>
    <t>662/3</t>
  </si>
  <si>
    <t>665/6</t>
  </si>
  <si>
    <t>Nusrat Mazhar</t>
  </si>
  <si>
    <t>GGES CHAK 670/11 GB</t>
  </si>
  <si>
    <t>ZAKIR ABAD-FEMALE</t>
  </si>
  <si>
    <t>chak#670/11 gb</t>
  </si>
  <si>
    <t>Chak#670/11</t>
  </si>
  <si>
    <t>Sufia Iqbal</t>
  </si>
  <si>
    <t>GGES CHAK 684/25 GB</t>
  </si>
  <si>
    <t>BAGH WALA-FEMALE</t>
  </si>
  <si>
    <t>BAGH WALA</t>
  </si>
  <si>
    <t>CHAK NO 684/25 GB</t>
  </si>
  <si>
    <t>CHAK NO 674/15 GB</t>
  </si>
  <si>
    <t>sumaira yasmin</t>
  </si>
  <si>
    <t>GGES CHAK 691/33 GB</t>
  </si>
  <si>
    <t>Chak #691/33gb</t>
  </si>
  <si>
    <t>chak  #691/33 GB, pirmahal, t.t.singh</t>
  </si>
  <si>
    <t>Chak #691/33 Gb</t>
  </si>
  <si>
    <t>Chak#326 Gb</t>
  </si>
  <si>
    <t>Farhat Asif</t>
  </si>
  <si>
    <t>GGES CHAK 693/35 GB NORTHEN-2</t>
  </si>
  <si>
    <t>AROTI FEMALE</t>
  </si>
  <si>
    <t>Chak693/35gb</t>
  </si>
  <si>
    <t>chak693/35gb</t>
  </si>
  <si>
    <t>Chak 326gb</t>
  </si>
  <si>
    <t>ANBREEN FATIMA</t>
  </si>
  <si>
    <t>GGES CHAK 696/38 GB</t>
  </si>
  <si>
    <t>Chak No 696/38 GB</t>
  </si>
  <si>
    <t>chak no 696/38 GB Tah:pirmahal Dist:T.T.sing</t>
  </si>
  <si>
    <t>694/36GB</t>
  </si>
  <si>
    <t>Shahnaz Tabasam</t>
  </si>
  <si>
    <t>GGES CHAK 7/FW RANWAN WALA</t>
  </si>
  <si>
    <t>CTN -V-FEMALE</t>
  </si>
  <si>
    <t>7fwr</t>
  </si>
  <si>
    <t>GGES7FWR</t>
  </si>
  <si>
    <t>Rozina Yasmin</t>
  </si>
  <si>
    <t>pump</t>
  </si>
  <si>
    <t>GGES CHAK 70 GB SATIANA</t>
  </si>
  <si>
    <t>Chak No 70 GB</t>
  </si>
  <si>
    <t>chak no 70 GB tehsil jaranwala district faisalabad</t>
  </si>
  <si>
    <t>Chak No 70 GB Faisalabad</t>
  </si>
  <si>
    <t>Shafqat Rehana</t>
  </si>
  <si>
    <t>GGES CHAK 706 GB</t>
  </si>
  <si>
    <t>Chak 706 GB Kamalia</t>
  </si>
  <si>
    <t>Chak no 706 GB kamalia</t>
  </si>
  <si>
    <t>Chak 661/2 GB</t>
  </si>
  <si>
    <t>Nida Bi Bi</t>
  </si>
  <si>
    <t>GGES CHAK 708 GB SHAMU WALA</t>
  </si>
  <si>
    <t>Shamonwala</t>
  </si>
  <si>
    <t>GGES 708GB SHAMONWALA KAMALIA</t>
  </si>
  <si>
    <t>Chak # 708 Shamon Wala</t>
  </si>
  <si>
    <t>Baron Kamalia</t>
  </si>
  <si>
    <t>Shagufta Munir</t>
  </si>
  <si>
    <t>GGES CHAK 713 GB-II</t>
  </si>
  <si>
    <t>Chak No 713 Gb</t>
  </si>
  <si>
    <t>Got Girls e/S 713gb Tehsil kamalia</t>
  </si>
  <si>
    <t>Chak No 713gb</t>
  </si>
  <si>
    <t>712gb</t>
  </si>
  <si>
    <t>Shazia   Rani</t>
  </si>
  <si>
    <t>GGES CHAK 715 GB</t>
  </si>
  <si>
    <t>chak 715 g.b kamslia</t>
  </si>
  <si>
    <t>715 Gb</t>
  </si>
  <si>
    <t>Chak 715 Gb</t>
  </si>
  <si>
    <t>GGES CHAK 716 GB</t>
  </si>
  <si>
    <t>716 Gb</t>
  </si>
  <si>
    <t>chak No 716 GB</t>
  </si>
  <si>
    <t>Chak No 716 GB</t>
  </si>
  <si>
    <t>Chak No 715 GB</t>
  </si>
  <si>
    <t>Sara Farooq</t>
  </si>
  <si>
    <t>GGES CHAK 718 GB</t>
  </si>
  <si>
    <t>718 GB</t>
  </si>
  <si>
    <t>chak no 718 gb kamalia</t>
  </si>
  <si>
    <t>GGES 718 GB</t>
  </si>
  <si>
    <t>Salma Ghafoor</t>
  </si>
  <si>
    <t>GGES CHAK 719 GB</t>
  </si>
  <si>
    <t>Chak No 719 GB</t>
  </si>
  <si>
    <t>Chak no 719 GB</t>
  </si>
  <si>
    <t>719 GB</t>
  </si>
  <si>
    <t>681/22</t>
  </si>
  <si>
    <t>Darkhshanda Iqbal</t>
  </si>
  <si>
    <t>GGES CHAK 724 GB</t>
  </si>
  <si>
    <t>CHak No 724 G.B</t>
  </si>
  <si>
    <t>Chak no 724 G.B</t>
  </si>
  <si>
    <t>Chak no. 724</t>
  </si>
  <si>
    <t>Saba Erum Ghouri</t>
  </si>
  <si>
    <t>GGES CHAK 725 GB</t>
  </si>
  <si>
    <t>CHAK 725 GB KAMALIA</t>
  </si>
  <si>
    <t>CHAK 725 GB</t>
  </si>
  <si>
    <t>CHAK 724 GB</t>
  </si>
  <si>
    <t>GGES CHAK 73 GB SATIANA</t>
  </si>
  <si>
    <t>CHAK 73 GB</t>
  </si>
  <si>
    <t>SHAHNAZ SHAMA</t>
  </si>
  <si>
    <t>water cane</t>
  </si>
  <si>
    <t>GGES CHAK 731 GB</t>
  </si>
  <si>
    <t>Khan Da Chak</t>
  </si>
  <si>
    <t>731/1 GB Kamalia</t>
  </si>
  <si>
    <t>Chakra No 737gB</t>
  </si>
  <si>
    <t>Shahnaz Bhatti</t>
  </si>
  <si>
    <t>GGES CHAK 733 GB I</t>
  </si>
  <si>
    <t>Chak 733</t>
  </si>
  <si>
    <t>Chak no 733/1 GB KAMALIA</t>
  </si>
  <si>
    <t>Chak No 733/1 GB</t>
  </si>
  <si>
    <t>Chak No 57/4 Tukra</t>
  </si>
  <si>
    <t>Sidra Akram</t>
  </si>
  <si>
    <t>GGES CHAK 738 GB WEST</t>
  </si>
  <si>
    <t>chak 738gb west</t>
  </si>
  <si>
    <t>738gb West</t>
  </si>
  <si>
    <t>Jkhar</t>
  </si>
  <si>
    <t>Iqra Batool</t>
  </si>
  <si>
    <t>GGES CHAK 740 GB</t>
  </si>
  <si>
    <t>chack 740gb</t>
  </si>
  <si>
    <t>Chack 740gb</t>
  </si>
  <si>
    <t>Summera Javed</t>
  </si>
  <si>
    <t>GGES CHAK 742 GB</t>
  </si>
  <si>
    <t>chak no 742gb tehsil kamalia district toba tek singh</t>
  </si>
  <si>
    <t>742 Gb</t>
  </si>
  <si>
    <t>Kot Pathana</t>
  </si>
  <si>
    <t>Farah Javaid</t>
  </si>
  <si>
    <t>GGES CHAK 744 GB</t>
  </si>
  <si>
    <t>SHAHABAL SHAH-FEMALE</t>
  </si>
  <si>
    <t>chak no 744 GB</t>
  </si>
  <si>
    <t>chak no.744 G.B. Tehsil kamalia T.T.singh</t>
  </si>
  <si>
    <t>Chak No 744 GB</t>
  </si>
  <si>
    <t>chak no 722 GB</t>
  </si>
  <si>
    <t>GGES CHAK 745 GB</t>
  </si>
  <si>
    <t>Chak# 745</t>
  </si>
  <si>
    <t>Chak # 745 G.B</t>
  </si>
  <si>
    <t>Chak # 745 GB</t>
  </si>
  <si>
    <t>Chak # 760gb Nasir Nagar</t>
  </si>
  <si>
    <t>Mariam Javaid</t>
  </si>
  <si>
    <t>GGES CHAK 77 GB SATIANA</t>
  </si>
  <si>
    <t>77 Gb</t>
  </si>
  <si>
    <t>77 GB</t>
  </si>
  <si>
    <t>77GB</t>
  </si>
  <si>
    <t>Mudassara Naheed</t>
  </si>
  <si>
    <t>GGES CHAK 771 GB I</t>
  </si>
  <si>
    <t>Chak No771 GB</t>
  </si>
  <si>
    <t>Chak No.771 GB,Tehsil Pirmahal,Distt.T.T.Singh</t>
  </si>
  <si>
    <t>Joosa</t>
  </si>
  <si>
    <t>NAKE PERVEEN</t>
  </si>
  <si>
    <t>GGES CHAK 8/60</t>
  </si>
  <si>
    <t>Aug-60</t>
  </si>
  <si>
    <t>chak no 8/60</t>
  </si>
  <si>
    <t>Chak No 8/60</t>
  </si>
  <si>
    <t>Chk Haider Abad</t>
  </si>
  <si>
    <t>ZAHIDA ANWAR</t>
  </si>
  <si>
    <t>GGES CHAK 80/P</t>
  </si>
  <si>
    <t>BULAQI WALI -FEMALE</t>
  </si>
  <si>
    <t>Taranda Saway</t>
  </si>
  <si>
    <t>GGes chak 80/p</t>
  </si>
  <si>
    <t>Chak No 80/p</t>
  </si>
  <si>
    <t>Tarnda</t>
  </si>
  <si>
    <t>GGES CHAK 86/P</t>
  </si>
  <si>
    <t>25/p</t>
  </si>
  <si>
    <t>Chak 86/p Rahim Yar Khan</t>
  </si>
  <si>
    <t>86/p</t>
  </si>
  <si>
    <t>105/p</t>
  </si>
  <si>
    <t>Rubina Mustafa</t>
  </si>
  <si>
    <t>GGES CHAK 88 GB RURA</t>
  </si>
  <si>
    <t>Rura</t>
  </si>
  <si>
    <t>g.g.e school 88gb</t>
  </si>
  <si>
    <t>Lamapind</t>
  </si>
  <si>
    <t>GGES CHAK 88 SHAHKOT</t>
  </si>
  <si>
    <t>ward no 5</t>
  </si>
  <si>
    <t>Municipal Comity</t>
  </si>
  <si>
    <t>SONODIA ASHRAF</t>
  </si>
  <si>
    <t>GGES CHAK 9 JB BHOLAY WAL</t>
  </si>
  <si>
    <t>9jb Bholywal</t>
  </si>
  <si>
    <t>9jb faisalabad</t>
  </si>
  <si>
    <t>Uchkera</t>
  </si>
  <si>
    <t>Fatima Iftikhar</t>
  </si>
  <si>
    <t>GGES CHAK 90 RB KHURRIANWALA</t>
  </si>
  <si>
    <t>Chitti</t>
  </si>
  <si>
    <t>chak no.90 RB chitti teh. jaranwala distt. Fsd</t>
  </si>
  <si>
    <t>90 RB Chitti</t>
  </si>
  <si>
    <t>91 RB</t>
  </si>
  <si>
    <t>Shafqat Begum</t>
  </si>
  <si>
    <t>GGES CHAK 92 GB TANDA</t>
  </si>
  <si>
    <t>92 GB Tanda FSD</t>
  </si>
  <si>
    <t>92 GB Tanda</t>
  </si>
  <si>
    <t>Chugal Pura</t>
  </si>
  <si>
    <t>Sumble Shakeel</t>
  </si>
  <si>
    <t>GGES CHAK 94 JB</t>
  </si>
  <si>
    <t>chack no 94 jb</t>
  </si>
  <si>
    <t>94 jb</t>
  </si>
  <si>
    <t>93 jb</t>
  </si>
  <si>
    <t>Nazia Naseem</t>
  </si>
  <si>
    <t>GGES CHAK 95 JB GHLARI</t>
  </si>
  <si>
    <t>95jbghari</t>
  </si>
  <si>
    <t>chack no95jb ghari</t>
  </si>
  <si>
    <t>95jb ghari</t>
  </si>
  <si>
    <t>GGES CHAK 96 EB</t>
  </si>
  <si>
    <t>Sheikh Fazal</t>
  </si>
  <si>
    <t>GGES 96/E.B sheikh fazal</t>
  </si>
  <si>
    <t>Sheikh  Fazal</t>
  </si>
  <si>
    <t>Ishrat farooq</t>
  </si>
  <si>
    <t>GGES CHAK 97 JB</t>
  </si>
  <si>
    <t>Chak No 97 JB</t>
  </si>
  <si>
    <t>Chak No 97 JB Tehsil Gojra District Toba Tek Singh</t>
  </si>
  <si>
    <t>Mrs Falak Naz Sarwar</t>
  </si>
  <si>
    <t>GGES CHAK 98 JB KOHALI</t>
  </si>
  <si>
    <t>98 JB Kohali</t>
  </si>
  <si>
    <t>GGES chak no.98 j.b kohali</t>
  </si>
  <si>
    <t>98 Jb Kohali</t>
  </si>
  <si>
    <t>367 JB Jhalyawala</t>
  </si>
  <si>
    <t>Nabila Iqbal</t>
  </si>
  <si>
    <t>GGES CHAK BAGH WALA DNB</t>
  </si>
  <si>
    <t>GGES BAGHWALA DNB</t>
  </si>
  <si>
    <t>Baghwala DNB</t>
  </si>
  <si>
    <t>ASIA ZAFAR</t>
  </si>
  <si>
    <t>GGES CHAK BAGWAL</t>
  </si>
  <si>
    <t>CHAK BEGWAL</t>
  </si>
  <si>
    <t>VILLAGE CHAK  BEGWAL P/O SASRAL TEHSIL G.KHAN DIST. RWP</t>
  </si>
  <si>
    <t>KAUNTRILLA</t>
  </si>
  <si>
    <t>NASRIN KAUSAR</t>
  </si>
  <si>
    <t>GGES CHAK BAIG</t>
  </si>
  <si>
    <t>dhonkal</t>
  </si>
  <si>
    <t>Mehar u nisa</t>
  </si>
  <si>
    <t>GGES CHAK BAWA</t>
  </si>
  <si>
    <t>chak bawa</t>
  </si>
  <si>
    <t>Chak Bawa Breet</t>
  </si>
  <si>
    <t>SADIA AMBREEN</t>
  </si>
  <si>
    <t>GGES CHAK BHADA</t>
  </si>
  <si>
    <t>Chak Bhada P O Begowala City Sambrial</t>
  </si>
  <si>
    <t>Chak Bhada</t>
  </si>
  <si>
    <t>Gulshan Akhtar</t>
  </si>
  <si>
    <t>GGES CHAK BHOLA</t>
  </si>
  <si>
    <t>Chak Bhoola</t>
  </si>
  <si>
    <t>Chak Bhoola tehsil and distt. Gujrat</t>
  </si>
  <si>
    <t>Saima Naheed</t>
  </si>
  <si>
    <t>GGES CHAK CHOHAR SHAH (Newly Established)</t>
  </si>
  <si>
    <t>Chak Chohar Shah</t>
  </si>
  <si>
    <t>Govt Girls elementary school chak chohar shah</t>
  </si>
  <si>
    <t>Chak No68/12</t>
  </si>
  <si>
    <t>yasmeen akram</t>
  </si>
  <si>
    <t>GGES CHAK CHOOPA</t>
  </si>
  <si>
    <t>Chak choopa</t>
  </si>
  <si>
    <t>GGES Chak Choopa</t>
  </si>
  <si>
    <t>Chak Choopa</t>
  </si>
  <si>
    <t>Mari Shok Alhi</t>
  </si>
  <si>
    <t>Saima Aslam</t>
  </si>
  <si>
    <t>GGES CHAK DAMO ANA</t>
  </si>
  <si>
    <t>Damoana</t>
  </si>
  <si>
    <t>chak damoana T/D sheikhupura</t>
  </si>
  <si>
    <t>Chak Damoana</t>
  </si>
  <si>
    <t>Kadlathi</t>
  </si>
  <si>
    <t>Parveen Tahir Naqvi</t>
  </si>
  <si>
    <t>GGES CHAK DHANI MUHAMMAD YAR CHISHTI</t>
  </si>
  <si>
    <t>BWN.10-FEMALE</t>
  </si>
  <si>
    <t>Dhani Muhammad Yar Chishti</t>
  </si>
  <si>
    <t>Dhani Muhammad  Yar Chishti</t>
  </si>
  <si>
    <t>GGES CHAK DINAL</t>
  </si>
  <si>
    <t>Chak Daniyal</t>
  </si>
  <si>
    <t>chak daniyal</t>
  </si>
  <si>
    <t>Chwkdaniyal</t>
  </si>
  <si>
    <t>Shahnaz Begum</t>
  </si>
  <si>
    <t>source</t>
  </si>
  <si>
    <t>GGES CHAK DOLAT</t>
  </si>
  <si>
    <t>Chak Daulat</t>
  </si>
  <si>
    <t>Village Chak Doulat P.O Sukho Tehsil Gujar Khan</t>
  </si>
  <si>
    <t>Sadia Afsar</t>
  </si>
  <si>
    <t>Electric motor</t>
  </si>
  <si>
    <t>GGES CHAK DONI CHAND DERA JAMU</t>
  </si>
  <si>
    <t>Chak Doni Chand</t>
  </si>
  <si>
    <t>GGE/S Chak Doni Chand Dera jammu, Tehsil Nowshera Virkan District Gujranwala</t>
  </si>
  <si>
    <t>Chak Doni Chand Dera Jammu</t>
  </si>
  <si>
    <t>Bila Rani</t>
  </si>
  <si>
    <t>GGES CHAK GANDA SINGH</t>
  </si>
  <si>
    <t>Asad Ullah Garh</t>
  </si>
  <si>
    <t>GGES chak Ganda Singh</t>
  </si>
  <si>
    <t>Ganda Singh</t>
  </si>
  <si>
    <t>Muhammad Nagar</t>
  </si>
  <si>
    <t>Nazia Gul</t>
  </si>
  <si>
    <t>GGES CHAK GHAZI</t>
  </si>
  <si>
    <t>Vpo Chak ghazi Teh distt hafizabad</t>
  </si>
  <si>
    <t>Ramke Chatha</t>
  </si>
  <si>
    <t>Syeda Zaira Hassan Naqvi</t>
  </si>
  <si>
    <t>GGES CHAK GHUMANA</t>
  </si>
  <si>
    <t>Chak Ghumana</t>
  </si>
  <si>
    <t>GGES CHAK GHUMANA BAHAWALNAGAR</t>
  </si>
  <si>
    <t>Malak Purah</t>
  </si>
  <si>
    <t>dilshad yousaf</t>
  </si>
  <si>
    <t>GGES CHAK GILLAN SHARQI</t>
  </si>
  <si>
    <t>chak gillan</t>
  </si>
  <si>
    <t>sehoki</t>
  </si>
  <si>
    <t>ambreen ilyas</t>
  </si>
  <si>
    <t>GGES CHAK GODHA</t>
  </si>
  <si>
    <t>gges chak godha amray wala po gogran tehsil &amp; district lodhran</t>
  </si>
  <si>
    <t>Chak Godha</t>
  </si>
  <si>
    <t>GGES CHAK GUNIAN</t>
  </si>
  <si>
    <t>Chak Ghanian</t>
  </si>
  <si>
    <t>chak ghanian sarai alamgir</t>
  </si>
  <si>
    <t>GGES CHAK HOTIYANA,</t>
  </si>
  <si>
    <t>Qamar Din Hans</t>
  </si>
  <si>
    <t>Chak hotiana</t>
  </si>
  <si>
    <t>Moss Bohta</t>
  </si>
  <si>
    <t>Tahira Noreen</t>
  </si>
  <si>
    <t>GGES CHAK IBRAHIM BASIR PUR</t>
  </si>
  <si>
    <t>SHAHAMAD-FEMALE</t>
  </si>
  <si>
    <t>Chak Ibrahim</t>
  </si>
  <si>
    <t>GGES Chak Ibrahim Basir pur</t>
  </si>
  <si>
    <t>Basir Pur</t>
  </si>
  <si>
    <t>Jamal Zahra</t>
  </si>
  <si>
    <t>GGES CHAK JANI</t>
  </si>
  <si>
    <t>Chakjani</t>
  </si>
  <si>
    <t>gges chakjani</t>
  </si>
  <si>
    <t>GGES CHAK JEWAN</t>
  </si>
  <si>
    <t>CHAK JEWAN</t>
  </si>
  <si>
    <t>gges chak jewan</t>
  </si>
  <si>
    <t>Chak Jewan</t>
  </si>
  <si>
    <t>Faiza noureen</t>
  </si>
  <si>
    <t>GGES CHAK JHARARY PO SAIGLABAD</t>
  </si>
  <si>
    <t>Chakjharray</t>
  </si>
  <si>
    <t>Khotian</t>
  </si>
  <si>
    <t>Shagufta Mahrani</t>
  </si>
  <si>
    <t>GGES CHAK KALA</t>
  </si>
  <si>
    <t>Chakala</t>
  </si>
  <si>
    <t>GGES CHAK kala</t>
  </si>
  <si>
    <t>Chakkala</t>
  </si>
  <si>
    <t>Sookkala</t>
  </si>
  <si>
    <t>GGES CHAK KHALIL</t>
  </si>
  <si>
    <t>chak khalil</t>
  </si>
  <si>
    <t>Chak Khalil</t>
  </si>
  <si>
    <t>Shazia Sattar</t>
  </si>
  <si>
    <t>GGES CHAK KHARAK</t>
  </si>
  <si>
    <t>chak Kharak chakwal</t>
  </si>
  <si>
    <t>GGES CHAK KHAS</t>
  </si>
  <si>
    <t>BAGGA SHEIKHAN-FEMALE</t>
  </si>
  <si>
    <t>Chak Khas</t>
  </si>
  <si>
    <t>Village Chak khas Post office Harraka</t>
  </si>
  <si>
    <t>Bor</t>
  </si>
  <si>
    <t>GGES CHAK LALA</t>
  </si>
  <si>
    <t>JETHA BHUTTA</t>
  </si>
  <si>
    <t>GGESCHAKLAL KHAN PUR</t>
  </si>
  <si>
    <t>CHAK LALA</t>
  </si>
  <si>
    <t>JETHA  BHUTTA</t>
  </si>
  <si>
    <t>Farzana Malik</t>
  </si>
  <si>
    <t>GGES CHAK LUKHIA KHURD</t>
  </si>
  <si>
    <t>Chak lakhia</t>
  </si>
  <si>
    <t>GGES Chak lakhia khurd</t>
  </si>
  <si>
    <t>Chak lakhia khurd</t>
  </si>
  <si>
    <t>Sadaf Ghulam Rasool</t>
  </si>
  <si>
    <t>GGES CHAK MANDHAR</t>
  </si>
  <si>
    <t>ChakMandahar</t>
  </si>
  <si>
    <t>GGES CHAKMANDAHAR NEAR PULLI TOP KHANA SIALKOT</t>
  </si>
  <si>
    <t>BhallanWala</t>
  </si>
  <si>
    <t>Shafia Haider</t>
  </si>
  <si>
    <t>GGES CHAK MARAS</t>
  </si>
  <si>
    <t>Muzafferpur North</t>
  </si>
  <si>
    <t>Chakmeras,near p/o Wan bhachran,Mianwali</t>
  </si>
  <si>
    <t>Chakmeras</t>
  </si>
  <si>
    <t>GGES CHAK MEHDI KHAN</t>
  </si>
  <si>
    <t>MEHDI KHAN, PO QABOOLA, ARIFWALA, PAKPATTAN</t>
  </si>
  <si>
    <t>Bismillah Khatoon</t>
  </si>
  <si>
    <t>GGES CHAK MEHMEDA</t>
  </si>
  <si>
    <t>Chak Mehmanda</t>
  </si>
  <si>
    <t>VPO Chak Mehmanda Jhelum</t>
  </si>
  <si>
    <t>Adeela Jabeen</t>
  </si>
  <si>
    <t>GGES CHAK MIAN MUHAMMAD SIDDIQUE</t>
  </si>
  <si>
    <t>Chak Siddique</t>
  </si>
  <si>
    <t>GGES Chak Mian Muhammad siddique</t>
  </si>
  <si>
    <t>Dharmewala</t>
  </si>
  <si>
    <t>Ayesha Saddiqa</t>
  </si>
  <si>
    <t>GGES CHAK MIRAN</t>
  </si>
  <si>
    <t>Chak Miran</t>
  </si>
  <si>
    <t>village chakmirran tehsil and district gujrat</t>
  </si>
  <si>
    <t>GGES CHAK MISRI</t>
  </si>
  <si>
    <t>Chakmisri</t>
  </si>
  <si>
    <t>gges chakmisri tesil kallar kahar district chakwal</t>
  </si>
  <si>
    <t>Khalida Rani</t>
  </si>
  <si>
    <t>GGES CHAK MITHA</t>
  </si>
  <si>
    <t>PHARIAN WALI -II- FEMALE</t>
  </si>
  <si>
    <t>Chak Mitha</t>
  </si>
  <si>
    <t>village and Post office chak mitha teh.pahlia Dis.M.B.Din</t>
  </si>
  <si>
    <t>GGES CHAK MUBARAK ALI</t>
  </si>
  <si>
    <t>Haleem Khachi</t>
  </si>
  <si>
    <t>gges chak mubarak</t>
  </si>
  <si>
    <t>Jhan Pur</t>
  </si>
  <si>
    <t>GGES CHAK MUSA</t>
  </si>
  <si>
    <t>Chakmusa</t>
  </si>
  <si>
    <t>chak musa</t>
  </si>
  <si>
    <t>Jhawrian</t>
  </si>
  <si>
    <t>Fouzia Yasmeen</t>
  </si>
  <si>
    <t>GGES CHAK NARWALA</t>
  </si>
  <si>
    <t>61jb Dharor</t>
  </si>
  <si>
    <t>61jb narwala</t>
  </si>
  <si>
    <t>Chak Narwala</t>
  </si>
  <si>
    <t>Shawal Khalid</t>
  </si>
  <si>
    <t>GGES CHAK NIZAM KALAN</t>
  </si>
  <si>
    <t>Chak Nazam Kalan</t>
  </si>
  <si>
    <t>PO  Chak nazam kalan tehsil &amp; district Gujranwala</t>
  </si>
  <si>
    <t>Saima Latif</t>
  </si>
  <si>
    <t>GGES CHAK NO 10 GUJJAR</t>
  </si>
  <si>
    <t>Chak No 10 Jb</t>
  </si>
  <si>
    <t>Chak 10 Jb tensile and District chiniot</t>
  </si>
  <si>
    <t>Chak No 10jb</t>
  </si>
  <si>
    <t>Chak 14 Jb</t>
  </si>
  <si>
    <t>Naila Ghafur</t>
  </si>
  <si>
    <t>GGES CHAK NO 10/1-R W</t>
  </si>
  <si>
    <t>10/1r West</t>
  </si>
  <si>
    <t>chak#10/1.r west haroonabad</t>
  </si>
  <si>
    <t>Chak #10/1r West</t>
  </si>
  <si>
    <t>15/1r</t>
  </si>
  <si>
    <t>Shamim Yousaf</t>
  </si>
  <si>
    <t>GGES CHAK NO 102/F</t>
  </si>
  <si>
    <t>102/F</t>
  </si>
  <si>
    <t>Govt Girls Elementary school 102/F.</t>
  </si>
  <si>
    <t>Shafqat Siddique</t>
  </si>
  <si>
    <t>GGES CHAK NO 102/RB</t>
  </si>
  <si>
    <t>Chak num 102 RB</t>
  </si>
  <si>
    <t>Chak.   no.    102.   rb.     Jaranwala.   Faisalabad</t>
  </si>
  <si>
    <t>Chak num  102    RB</t>
  </si>
  <si>
    <t>Chak   No  99   RB</t>
  </si>
  <si>
    <t>Asma Masrat</t>
  </si>
  <si>
    <t>GGES CHAK NO 103/F</t>
  </si>
  <si>
    <t>103/Fatah</t>
  </si>
  <si>
    <t>chak no 103 Fatah tehsil Chishtian Disst BWN</t>
  </si>
  <si>
    <t>Chak  No 103 Fatah</t>
  </si>
  <si>
    <t>GGES CHAK NO 104/6-R</t>
  </si>
  <si>
    <t>104/6-R</t>
  </si>
  <si>
    <t>G G E/S104/6r</t>
  </si>
  <si>
    <t>Chak No 109/6r</t>
  </si>
  <si>
    <t>GGES CHAK NO 106 ML</t>
  </si>
  <si>
    <t>PEER CHATTAR FEMALE</t>
  </si>
  <si>
    <t>chak 106 Ml</t>
  </si>
  <si>
    <t>Chak 106 ML</t>
  </si>
  <si>
    <t>Fateh Pur Urban</t>
  </si>
  <si>
    <t>Humaira Fatima</t>
  </si>
  <si>
    <t>GGES CHAK NO 107 RB</t>
  </si>
  <si>
    <t>Chaudry Wala</t>
  </si>
  <si>
    <t>chak no 107 rb tahseel jaranwala distt. faisalabad</t>
  </si>
  <si>
    <t>Tanzeela Firdous</t>
  </si>
  <si>
    <t>GGES CHAK NO 108/F</t>
  </si>
  <si>
    <t>108/F</t>
  </si>
  <si>
    <t>GGES 108/F</t>
  </si>
  <si>
    <t>GGES CHAK NO 109 TDA</t>
  </si>
  <si>
    <t>chak no. 109 tDA</t>
  </si>
  <si>
    <t>CHAK NO. 109 TDA</t>
  </si>
  <si>
    <t>CHAK NO.109 TDA</t>
  </si>
  <si>
    <t>110 TDA</t>
  </si>
  <si>
    <t>shabnam bibi</t>
  </si>
  <si>
    <t>GGES CHAK NO 11 WB</t>
  </si>
  <si>
    <t>Chak No 11 wb</t>
  </si>
  <si>
    <t>Muslim Town Vehari</t>
  </si>
  <si>
    <t>11 WB</t>
  </si>
  <si>
    <t>9-11 WB</t>
  </si>
  <si>
    <t>GGES CHAK NO 111 ML</t>
  </si>
  <si>
    <t>111 ML</t>
  </si>
  <si>
    <t>chak No 111/ml, tehsil karor lal Esan, dist. Layyah</t>
  </si>
  <si>
    <t>chak# 111/ml</t>
  </si>
  <si>
    <t>chak No 112/ml</t>
  </si>
  <si>
    <t>Iqra Arshad</t>
  </si>
  <si>
    <t>GGES CHAK NO 111/6-R</t>
  </si>
  <si>
    <t>111/6r</t>
  </si>
  <si>
    <t>GGES111 6/r</t>
  </si>
  <si>
    <t>111 6/r</t>
  </si>
  <si>
    <t>118/6r</t>
  </si>
  <si>
    <t>Abida Siddique</t>
  </si>
  <si>
    <t>GGES CHAK NO 114 ML</t>
  </si>
  <si>
    <t>114 Ml</t>
  </si>
  <si>
    <t>Adress chak no 114 ml p/o fatehpur tehsil karor district layyah</t>
  </si>
  <si>
    <t>112 Ml</t>
  </si>
  <si>
    <t>Sidra Farooq</t>
  </si>
  <si>
    <t>GGES CHAK NO 117 TDA</t>
  </si>
  <si>
    <t>117TDA</t>
  </si>
  <si>
    <t>GGES 117TDA Hafiz Abad Layyah</t>
  </si>
  <si>
    <t>mrs. shamim bano</t>
  </si>
  <si>
    <t>GGES CHAK NO 125-A TDA</t>
  </si>
  <si>
    <t>TAIL INDUS FEMALE</t>
  </si>
  <si>
    <t>Sumrah Thal Jandi</t>
  </si>
  <si>
    <t>GGES 125A TDA Layyah</t>
  </si>
  <si>
    <t>125a/TDA</t>
  </si>
  <si>
    <t>Noreen Iram</t>
  </si>
  <si>
    <t>GGES CHAK NO 126 TDA</t>
  </si>
  <si>
    <t>GGes chak no 126/tda</t>
  </si>
  <si>
    <t>Nasima Shaheen</t>
  </si>
  <si>
    <t>GGES CHAK NO 126/M</t>
  </si>
  <si>
    <t>CTN -VII-FEMALE</t>
  </si>
  <si>
    <t>G.G E. S.126murad  C</t>
  </si>
  <si>
    <t>GGES CHAK NO 127 RB BHLOL PUR</t>
  </si>
  <si>
    <t>Bhlol Pur</t>
  </si>
  <si>
    <t>gges 127 rb bhlolpur</t>
  </si>
  <si>
    <t>127rb</t>
  </si>
  <si>
    <t>126  rb</t>
  </si>
  <si>
    <t>khudija kousar</t>
  </si>
  <si>
    <t>GGES CHAK NO 128/M</t>
  </si>
  <si>
    <t>128m</t>
  </si>
  <si>
    <t>GGES  128m</t>
  </si>
  <si>
    <t>Chak No 128m</t>
  </si>
  <si>
    <t>Rashida Perveen</t>
  </si>
  <si>
    <t>GGES CHAK NO 129 GB</t>
  </si>
  <si>
    <t>Gadda Bor</t>
  </si>
  <si>
    <t>gges 129gb</t>
  </si>
  <si>
    <t>129Gb</t>
  </si>
  <si>
    <t>JAGGAT Pur</t>
  </si>
  <si>
    <t>Asma</t>
  </si>
  <si>
    <t>GGES CHAK NO 13 DB</t>
  </si>
  <si>
    <t>JHAMTAN WALA -FEMALE</t>
  </si>
  <si>
    <t>Chak No 13 DB</t>
  </si>
  <si>
    <t>chak no 13 db</t>
  </si>
  <si>
    <t>Vichween Bala</t>
  </si>
  <si>
    <t>Mehwish Nasim</t>
  </si>
  <si>
    <t>GGES CHAK NO 130/6-R</t>
  </si>
  <si>
    <t>HDN-19-FEMALE</t>
  </si>
  <si>
    <t>Azafi Basti 130/6r</t>
  </si>
  <si>
    <t>chak no 130/6 R</t>
  </si>
  <si>
    <t>130/6 R</t>
  </si>
  <si>
    <t>438/6 R</t>
  </si>
  <si>
    <t>GGES CHAK NO 132 JB</t>
  </si>
  <si>
    <t>Dhmray</t>
  </si>
  <si>
    <t>chak no 132jb</t>
  </si>
  <si>
    <t>Thathian</t>
  </si>
  <si>
    <t>Farzana Mirza</t>
  </si>
  <si>
    <t>GGES CHAK NO 133 MURAD</t>
  </si>
  <si>
    <t>CTN -XI-FEMALE</t>
  </si>
  <si>
    <t>Chak 133/M</t>
  </si>
  <si>
    <t>chak 133/m chishtian</t>
  </si>
  <si>
    <t>Chak 133/m</t>
  </si>
  <si>
    <t>Chak 134/M</t>
  </si>
  <si>
    <t>Ambreen Gull</t>
  </si>
  <si>
    <t>GGES CHAK NO 134 MURAD</t>
  </si>
  <si>
    <t>GGES CHAK NO 134 TDA</t>
  </si>
  <si>
    <t>Thal sumra</t>
  </si>
  <si>
    <t>GGES 134TDA Layyah</t>
  </si>
  <si>
    <t>chak no 134 tda</t>
  </si>
  <si>
    <t>mandi Town</t>
  </si>
  <si>
    <t>Iqbal Kausar</t>
  </si>
  <si>
    <t>GGES CHAK NO 136 MURAD</t>
  </si>
  <si>
    <t>136/M</t>
  </si>
  <si>
    <t>GGES 136 M P/O 134/M</t>
  </si>
  <si>
    <t>134M</t>
  </si>
  <si>
    <t>zakia naheed</t>
  </si>
  <si>
    <t>GGES CHAK NO 136 RB BAKHRAY WALI</t>
  </si>
  <si>
    <t>136 RB</t>
  </si>
  <si>
    <t>GGE/s 136 rb bakhray wali</t>
  </si>
  <si>
    <t>Bakhray Wali</t>
  </si>
  <si>
    <t>Bakhre Wali</t>
  </si>
  <si>
    <t>Salma Parveen</t>
  </si>
  <si>
    <t>GGES CHAK NO 137 GB</t>
  </si>
  <si>
    <t>137 GB</t>
  </si>
  <si>
    <t>137 G.B</t>
  </si>
  <si>
    <t>137 gb</t>
  </si>
  <si>
    <t>Municipal Committe</t>
  </si>
  <si>
    <t>Rafia Bibi</t>
  </si>
  <si>
    <t>GGES CHAK NO 138 TDA</t>
  </si>
  <si>
    <t>GGES 138/TDA, tehsil and district Layyah</t>
  </si>
  <si>
    <t>GGES CHAK NO 139 JB</t>
  </si>
  <si>
    <t>chak no=139 j.b tehsil chiniot district chiniot</t>
  </si>
  <si>
    <t>chak no 139 j.b chiniot</t>
  </si>
  <si>
    <t>chak no 140. j.b</t>
  </si>
  <si>
    <t>Shumaila Atif</t>
  </si>
  <si>
    <t>GGES CHAK NO 139/6-R</t>
  </si>
  <si>
    <t>139/6r</t>
  </si>
  <si>
    <t>chak no 139/6r</t>
  </si>
  <si>
    <t>GGES CHAK NO 14 JB</t>
  </si>
  <si>
    <t>AEO (W) CHINIOT NO.16</t>
  </si>
  <si>
    <t>CHAK NO 14 JB KALRU</t>
  </si>
  <si>
    <t>chak #14kalru chiniot</t>
  </si>
  <si>
    <t>Bushra Aslam</t>
  </si>
  <si>
    <t>GGES CHAK NO 14 ML PIPLAN</t>
  </si>
  <si>
    <t>Chak No 14ML</t>
  </si>
  <si>
    <t>chak No 14Ml</t>
  </si>
  <si>
    <t>Chak No 14Ml</t>
  </si>
  <si>
    <t>Rabia Rafique</t>
  </si>
  <si>
    <t>GGES CHAK NO 14/P</t>
  </si>
  <si>
    <t>chak  14 p</t>
  </si>
  <si>
    <t>Chak 14 P</t>
  </si>
  <si>
    <t>Aisha Ramzan</t>
  </si>
  <si>
    <t>GGES CHAK NO 142 GB</t>
  </si>
  <si>
    <t>Chak No 142 Gb</t>
  </si>
  <si>
    <t>GGES. chak no  142 GB</t>
  </si>
  <si>
    <t>Chak No 142 GB</t>
  </si>
  <si>
    <t>Chak No 221 GB</t>
  </si>
  <si>
    <t>GGES CHAK NO 142 RB</t>
  </si>
  <si>
    <t>142 Rb</t>
  </si>
  <si>
    <t>chak no 142 rb ghartal khurd tehsil chak jhumra distt faisalabad</t>
  </si>
  <si>
    <t>Ghartal Khurd</t>
  </si>
  <si>
    <t>Bhakray Wali</t>
  </si>
  <si>
    <t>shabana Kousar</t>
  </si>
  <si>
    <t>GGES CHAK NO 149/T LATIF MODEL FARM</t>
  </si>
  <si>
    <t>149B/TDA</t>
  </si>
  <si>
    <t>149B/TDA Latif model farm layyah</t>
  </si>
  <si>
    <t>Latif Model</t>
  </si>
  <si>
    <t>Tahwar Nazeer</t>
  </si>
  <si>
    <t>GGES CHAK NO 15</t>
  </si>
  <si>
    <t>chak 15</t>
  </si>
  <si>
    <t>GGES CHAK NO 150/A</t>
  </si>
  <si>
    <t>150/a</t>
  </si>
  <si>
    <t>GGES CHAK 150/A TEHSIL LIAQUAT PUR DIST RAHIM YAR KHAN</t>
  </si>
  <si>
    <t>CHAK 150/a</t>
  </si>
  <si>
    <t>42/a</t>
  </si>
  <si>
    <t>Samina Sattar</t>
  </si>
  <si>
    <t>GGES CHAK NO 152 RB</t>
  </si>
  <si>
    <t>Guna</t>
  </si>
  <si>
    <t>gges152rb</t>
  </si>
  <si>
    <t>152rb</t>
  </si>
  <si>
    <t>Rahat Fatima</t>
  </si>
  <si>
    <t>GGES CHAK NO 153</t>
  </si>
  <si>
    <t>Chak 153 Jb Gatti Sayedan</t>
  </si>
  <si>
    <t>Chak no.153 jb</t>
  </si>
  <si>
    <t>Chak No153 JbGati Syedan</t>
  </si>
  <si>
    <t>Chak No153 Jb Gati Sydian</t>
  </si>
  <si>
    <t>Nadia Fatima</t>
  </si>
  <si>
    <t>GGES CHAK NO 153 TDA</t>
  </si>
  <si>
    <t>LADHANA - FEMALE</t>
  </si>
  <si>
    <t>chak no 153 tda</t>
  </si>
  <si>
    <t>153tda</t>
  </si>
  <si>
    <t>GGES CHAK NO 153-A TDA</t>
  </si>
  <si>
    <t>chkno153A TDA LAYYAH</t>
  </si>
  <si>
    <t>153A</t>
  </si>
  <si>
    <t>Roqia Bano</t>
  </si>
  <si>
    <t>GGES CHAK NO 156 NB</t>
  </si>
  <si>
    <t>156nb</t>
  </si>
  <si>
    <t>152nb</t>
  </si>
  <si>
    <t>Asma Rukhsana</t>
  </si>
  <si>
    <t>GGES CHAK NO 157 TDA</t>
  </si>
  <si>
    <t>Miawala</t>
  </si>
  <si>
    <t>chk no 157/TDA</t>
  </si>
  <si>
    <t>164/TDA</t>
  </si>
  <si>
    <t>Zeenat perveen</t>
  </si>
  <si>
    <t>GGES CHAK NO 159 NB</t>
  </si>
  <si>
    <t>Chak 159 NB</t>
  </si>
  <si>
    <t>chak 159 NB</t>
  </si>
  <si>
    <t>Chak No 159 NB</t>
  </si>
  <si>
    <t>Attia Khalid</t>
  </si>
  <si>
    <t>GGES CHAK NO 16 GHAGH</t>
  </si>
  <si>
    <t>SHORKOT CANTT - FEMALE</t>
  </si>
  <si>
    <t>3ghagh</t>
  </si>
  <si>
    <t>chak no 16 ghagh p /o 17 ghagh</t>
  </si>
  <si>
    <t>16 Ghagh</t>
  </si>
  <si>
    <t>Farzana Tauqir</t>
  </si>
  <si>
    <t>GGES CHAK NO 160 TDA</t>
  </si>
  <si>
    <t>Sarishta Thal</t>
  </si>
  <si>
    <t>chak#160/TDA jawali jamman shah layyah</t>
  </si>
  <si>
    <t>Basti Jawali</t>
  </si>
  <si>
    <t>GGES CHAK NO 160-B TDA PO JAMAN SHAH</t>
  </si>
  <si>
    <t>Sarishta Thul</t>
  </si>
  <si>
    <t>GGE/S chak no 160  b /TDA</t>
  </si>
  <si>
    <t>Chak No 160B/TDA</t>
  </si>
  <si>
    <t>GGES CHAK NO 165 NB</t>
  </si>
  <si>
    <t>GMES 165 NB</t>
  </si>
  <si>
    <t>Chak No165 NB</t>
  </si>
  <si>
    <t>Kulsoom Akhter</t>
  </si>
  <si>
    <t>GGES CHAK NO 168 EB</t>
  </si>
  <si>
    <t>168eb</t>
  </si>
  <si>
    <t>chak no 168eb</t>
  </si>
  <si>
    <t>166eb</t>
  </si>
  <si>
    <t>Bushra Akbar</t>
  </si>
  <si>
    <t>GGES CHAK NO 168 TDA PEER JAGGI</t>
  </si>
  <si>
    <t>chak no.168 TDA</t>
  </si>
  <si>
    <t>Chak No 168 Tda</t>
  </si>
  <si>
    <t>Chak No 164 Tda</t>
  </si>
  <si>
    <t>Sidra Aslam</t>
  </si>
  <si>
    <t>GGES CHAK NO 170/7-R</t>
  </si>
  <si>
    <t>Chack # 170/7R</t>
  </si>
  <si>
    <t>Chack # 170 7/R Khichiwala</t>
  </si>
  <si>
    <t>170/7R</t>
  </si>
  <si>
    <t>Chack # 167/7R</t>
  </si>
  <si>
    <t>Maria Iqbal</t>
  </si>
  <si>
    <t>GGES CHAK NO 176 M (NORTH)</t>
  </si>
  <si>
    <t>Govt Girls E/S 176/m Dahranwala chishtian</t>
  </si>
  <si>
    <t>176m Dahranwala</t>
  </si>
  <si>
    <t>Rehana Akbar</t>
  </si>
  <si>
    <t>GGES CHAK NO 177 GB</t>
  </si>
  <si>
    <t>Mari Atari</t>
  </si>
  <si>
    <t>chak no 177gb</t>
  </si>
  <si>
    <t>Chak No 177 GB</t>
  </si>
  <si>
    <t>Maingra</t>
  </si>
  <si>
    <t>Samia Hussain</t>
  </si>
  <si>
    <t>daily canes</t>
  </si>
  <si>
    <t>GGES CHAK NO 177/M</t>
  </si>
  <si>
    <t>177m</t>
  </si>
  <si>
    <t>Iffat Rubana</t>
  </si>
  <si>
    <t>GGES CHAK NO 182/7-R</t>
  </si>
  <si>
    <t>182/7R</t>
  </si>
  <si>
    <t>govt girls elemantry  school 182/7R</t>
  </si>
  <si>
    <t>176/7R</t>
  </si>
  <si>
    <t>Amna Younas</t>
  </si>
  <si>
    <t>GGES CHAK NO 187 JB</t>
  </si>
  <si>
    <t>AEO (W) BHOWANA NO.29</t>
  </si>
  <si>
    <t>187jb</t>
  </si>
  <si>
    <t>gges187jb bhowana chiniot</t>
  </si>
  <si>
    <t>187jb Hakmay wala</t>
  </si>
  <si>
    <t>Arbian Wala</t>
  </si>
  <si>
    <t>GGES CHAK NO 187/7-R</t>
  </si>
  <si>
    <t>187/7-r</t>
  </si>
  <si>
    <t>GGE/S 187/7-r</t>
  </si>
  <si>
    <t>Naseer Khalida</t>
  </si>
  <si>
    <t>GGES CHAK NO 19 GB NANKANA</t>
  </si>
  <si>
    <t>NANKANA CITY 1-FEMALE</t>
  </si>
  <si>
    <t>Chak No 19 GB</t>
  </si>
  <si>
    <t>chak  no 19 GB nns</t>
  </si>
  <si>
    <t>Chak No19 GB</t>
  </si>
  <si>
    <t>12 Chak Gharmula</t>
  </si>
  <si>
    <t>GGES CHAK NO 191 RB</t>
  </si>
  <si>
    <t>Faisalabad</t>
  </si>
  <si>
    <t>Chak no 191 RB East moloani Dak khana khas chak Jhumra road fsd</t>
  </si>
  <si>
    <t>191 RB East Moloani</t>
  </si>
  <si>
    <t>Krari Khurd</t>
  </si>
  <si>
    <t>GGES CHAK NO 191/7-R</t>
  </si>
  <si>
    <t>191/7r</t>
  </si>
  <si>
    <t>chak no 191/7r p/o faqirwali tehsilfortabas District BWN</t>
  </si>
  <si>
    <t>191/7r West</t>
  </si>
  <si>
    <t>167/7r</t>
  </si>
  <si>
    <t>Hina Tehreem</t>
  </si>
  <si>
    <t>GGES CHAK NO 193/1-L</t>
  </si>
  <si>
    <t>193/1L</t>
  </si>
  <si>
    <t>Asma Hussain</t>
  </si>
  <si>
    <t>GGES CHAK NO 196 HB</t>
  </si>
  <si>
    <t>CHAK NO.196-HB P/O SAME</t>
  </si>
  <si>
    <t>196-HB</t>
  </si>
  <si>
    <t>Chak No204-9R</t>
  </si>
  <si>
    <t>Memoona Siddique</t>
  </si>
  <si>
    <t>GGES CHAK NO 200 JB</t>
  </si>
  <si>
    <t>AEO (W) BHOWANA NO.26</t>
  </si>
  <si>
    <t>Nasrana</t>
  </si>
  <si>
    <t>chak no 200/jb Nasrana tehsil bhowana Disst Chiniot</t>
  </si>
  <si>
    <t>Chak No 200/jb Nasrana</t>
  </si>
  <si>
    <t>GGES CHAK NO 203 JB</t>
  </si>
  <si>
    <t>AEO (W) BHOWANA NO.28</t>
  </si>
  <si>
    <t>203/j b baloana</t>
  </si>
  <si>
    <t>Samrina Shouket</t>
  </si>
  <si>
    <t>GGES CHAK NO 205 M</t>
  </si>
  <si>
    <t>GGES Chak 205m Tehsil ctn District Bwnl</t>
  </si>
  <si>
    <t>205m</t>
  </si>
  <si>
    <t>201m</t>
  </si>
  <si>
    <t>Sobia Sattar</t>
  </si>
  <si>
    <t>GGES CHAK NO 205 RB I</t>
  </si>
  <si>
    <t>chak no.205RB thakarwala</t>
  </si>
  <si>
    <t>Thakarwala</t>
  </si>
  <si>
    <t>Saleem Akhter</t>
  </si>
  <si>
    <t>GGES CHAK NO 21 JB</t>
  </si>
  <si>
    <t>Ranikay</t>
  </si>
  <si>
    <t>GGES 21JB RANIKAY. Cjk fsd</t>
  </si>
  <si>
    <t>21/jb Ranikay</t>
  </si>
  <si>
    <t>20/jb Khankay</t>
  </si>
  <si>
    <t>GGES CHAK NO 21 WB</t>
  </si>
  <si>
    <t>21wb</t>
  </si>
  <si>
    <t>chak  no 21wb vehari</t>
  </si>
  <si>
    <t>15wb</t>
  </si>
  <si>
    <t>Nuzhat Farzana</t>
  </si>
  <si>
    <t>GGES CHAK NO 210 JB</t>
  </si>
  <si>
    <t>AEO (W) BHOWANA NO.27</t>
  </si>
  <si>
    <t>210 Tarar</t>
  </si>
  <si>
    <t>210Jb bhowana chiniot</t>
  </si>
  <si>
    <t>210 JB</t>
  </si>
  <si>
    <t>210 Jb</t>
  </si>
  <si>
    <t>TAHIRA TAHSEEN</t>
  </si>
  <si>
    <t>GGES CHAK NO 212/9-R</t>
  </si>
  <si>
    <t>FTS-VII-FEMALE</t>
  </si>
  <si>
    <t>212 9/r</t>
  </si>
  <si>
    <t>govt girls e /s 212 9/r</t>
  </si>
  <si>
    <t>226 9/r</t>
  </si>
  <si>
    <t>Nabila Maqsood</t>
  </si>
  <si>
    <t>GGES CHAK NO 215 TDA</t>
  </si>
  <si>
    <t>215TDA</t>
  </si>
  <si>
    <t>chak #215TDA</t>
  </si>
  <si>
    <t>Chak #215TDA</t>
  </si>
  <si>
    <t>Shamim AKHTER</t>
  </si>
  <si>
    <t>GGES CHAK NO 219 GB</t>
  </si>
  <si>
    <t>Chak No 219 GB</t>
  </si>
  <si>
    <t>chak no 219GB</t>
  </si>
  <si>
    <t>219 GB</t>
  </si>
  <si>
    <t>Chak No  142 GB</t>
  </si>
  <si>
    <t>Zanib Bibi</t>
  </si>
  <si>
    <t>GGES CHAK NO 220 GB</t>
  </si>
  <si>
    <t>chak#220gb tehsil Samundri</t>
  </si>
  <si>
    <t>220GB</t>
  </si>
  <si>
    <t>225GB</t>
  </si>
  <si>
    <t>uzma akbar</t>
  </si>
  <si>
    <t>GGES CHAK NO 220 JB</t>
  </si>
  <si>
    <t>Ghanwa</t>
  </si>
  <si>
    <t>chak no 220jb</t>
  </si>
  <si>
    <t>Chak No 215</t>
  </si>
  <si>
    <t>Qumer ul Nissa</t>
  </si>
  <si>
    <t>GGES CHAK NO 221/9-R</t>
  </si>
  <si>
    <t>chak 221/9R</t>
  </si>
  <si>
    <t>Shazia Muzaffar</t>
  </si>
  <si>
    <t>GGES CHAK NO 225/9-R</t>
  </si>
  <si>
    <t>225 9/r</t>
  </si>
  <si>
    <t>GGES chak no 225 9 R Tehsil. Fort Abbas District Bahawal Nagar</t>
  </si>
  <si>
    <t>Chak No 225 9/r</t>
  </si>
  <si>
    <t>Farah Anjum</t>
  </si>
  <si>
    <t>GGES CHAK NO 227 RB</t>
  </si>
  <si>
    <t>Chak 227rb</t>
  </si>
  <si>
    <t>gges 227rb  chaddar fsd</t>
  </si>
  <si>
    <t>227 RB Chdhar</t>
  </si>
  <si>
    <t>227 RB</t>
  </si>
  <si>
    <t>Samrana Gulzar</t>
  </si>
  <si>
    <t>GGES CHAK NO 230 GB</t>
  </si>
  <si>
    <t>GGE/S 230 GB</t>
  </si>
  <si>
    <t>230 GB</t>
  </si>
  <si>
    <t>Tallat Jabeen</t>
  </si>
  <si>
    <t>GGES CHAK NO 231 GB</t>
  </si>
  <si>
    <t>231 GB</t>
  </si>
  <si>
    <t>Government Girls Elementry school Main Campus 231 GB Tehsil Jarawala District FSD</t>
  </si>
  <si>
    <t>Risala Poor</t>
  </si>
  <si>
    <t>Chak No 37 GB</t>
  </si>
  <si>
    <t>GGES CHAK NO 232 RB RISALE WALA</t>
  </si>
  <si>
    <t>232 Rb Resaly Wala</t>
  </si>
  <si>
    <t>232 rb resaly Wala</t>
  </si>
  <si>
    <t>232rb Resaly Wala</t>
  </si>
  <si>
    <t>231 Rb Resaly Wala</t>
  </si>
  <si>
    <t>Abaida Nasreen</t>
  </si>
  <si>
    <t>GGES CHAK NO 232 TDA</t>
  </si>
  <si>
    <t>THAL KALAN - FEMALE</t>
  </si>
  <si>
    <t>Chak No. 232/TDA</t>
  </si>
  <si>
    <t>GGES Chak No. 232/TDA Tehsil Karor District Layyah</t>
  </si>
  <si>
    <t>Muqadas Batool</t>
  </si>
  <si>
    <t>GGES CHAK NO 233 GB I</t>
  </si>
  <si>
    <t>Kot Barseer</t>
  </si>
  <si>
    <t>GGES 233 GB TEH JRW DISTT FSD</t>
  </si>
  <si>
    <t>Chak No 233 Gb</t>
  </si>
  <si>
    <t>591 Gangapur</t>
  </si>
  <si>
    <t>Afsana  Yasmin</t>
  </si>
  <si>
    <t>GGES CHAK NO 234/9-R</t>
  </si>
  <si>
    <t>234/9R</t>
  </si>
  <si>
    <t>Chak No. 234/9R</t>
  </si>
  <si>
    <t>238/9R</t>
  </si>
  <si>
    <t>GGES CHAK NO 237 GB</t>
  </si>
  <si>
    <t>Tarar Wala</t>
  </si>
  <si>
    <t>govt girls E/S 237 gb jrw</t>
  </si>
  <si>
    <t>237gb</t>
  </si>
  <si>
    <t>236gb</t>
  </si>
  <si>
    <t>GGES CHAK NO 237 RB N</t>
  </si>
  <si>
    <t>237RB North</t>
  </si>
  <si>
    <t>237 RB north</t>
  </si>
  <si>
    <t>237RB N</t>
  </si>
  <si>
    <t>GGES CHAK NO 237 RB S</t>
  </si>
  <si>
    <t>Chak No 237rb</t>
  </si>
  <si>
    <t>chak no 237 RB S</t>
  </si>
  <si>
    <t>Chak No 237rb S</t>
  </si>
  <si>
    <t>Chak No 237 Rb N</t>
  </si>
  <si>
    <t>TAHIRA YASMIN</t>
  </si>
  <si>
    <t>GGES CHAK NO 239 B/TDA</t>
  </si>
  <si>
    <t>SHAUKAT ABAD - FEMALE</t>
  </si>
  <si>
    <t>Moj Ghar</t>
  </si>
  <si>
    <t>chak no.239.b/tda</t>
  </si>
  <si>
    <t>Chak No239b</t>
  </si>
  <si>
    <t>marry rose</t>
  </si>
  <si>
    <t>GGES CHAK NO 240 RB</t>
  </si>
  <si>
    <t>240 Rb</t>
  </si>
  <si>
    <t>GGES240 RB FSD</t>
  </si>
  <si>
    <t>Radana</t>
  </si>
  <si>
    <t>Aneela Rasheed</t>
  </si>
  <si>
    <t>GGES CHAK NO 240 TDA</t>
  </si>
  <si>
    <t>Moj Gharh</t>
  </si>
  <si>
    <t>chalk no.240tda'Fateh pur tehsil Karor Dist Layyah</t>
  </si>
  <si>
    <t>240tda</t>
  </si>
  <si>
    <t>Shokatabad</t>
  </si>
  <si>
    <t>Saima Mustafa</t>
  </si>
  <si>
    <t>GGES CHAK NO 241 JB MANGUANA</t>
  </si>
  <si>
    <t>Manguana</t>
  </si>
  <si>
    <t>241 jb manguana</t>
  </si>
  <si>
    <t>Khalida Mumtaz</t>
  </si>
  <si>
    <t>GGES CHAK NO 243 JB</t>
  </si>
  <si>
    <t>AEO (W) BHOWANA NO.25</t>
  </si>
  <si>
    <t>Sabuana</t>
  </si>
  <si>
    <t>Chak No 243 Jb</t>
  </si>
  <si>
    <t>Sidra Munawar</t>
  </si>
  <si>
    <t>GGES CHAK NO 249 TDA</t>
  </si>
  <si>
    <t>249 T D A</t>
  </si>
  <si>
    <t>chak no.249/tda</t>
  </si>
  <si>
    <t>Chak  no.249/tda</t>
  </si>
  <si>
    <t>m.C Fateh pur</t>
  </si>
  <si>
    <t>Muntha naheed</t>
  </si>
  <si>
    <t>GGES CHAK NO 25 EB</t>
  </si>
  <si>
    <t>25/eb</t>
  </si>
  <si>
    <t>G. G. E. S 25 EB</t>
  </si>
  <si>
    <t>Chak No 25/eb</t>
  </si>
  <si>
    <t>Kaneez Fizza</t>
  </si>
  <si>
    <t>GGES CHAK NO 256 JB</t>
  </si>
  <si>
    <t>MOCHI WALA - FEMALE</t>
  </si>
  <si>
    <t>Chak No 256</t>
  </si>
  <si>
    <t>chak no 256.jb. kalian.post office 214 gojra more, tehsil &amp; District jhang</t>
  </si>
  <si>
    <t>Chak No 256 Kalian</t>
  </si>
  <si>
    <t>Chak No 450</t>
  </si>
  <si>
    <t>GGES CHAK NO 257 JB</t>
  </si>
  <si>
    <t>PAKHRA SULTAN-FEMALE</t>
  </si>
  <si>
    <t>arianwala</t>
  </si>
  <si>
    <t>gges chak no 257 jb jhang</t>
  </si>
  <si>
    <t>ariayan wala</t>
  </si>
  <si>
    <t>pakhra sultan</t>
  </si>
  <si>
    <t>Humaira perveen</t>
  </si>
  <si>
    <t>GGES CHAK NO 261 JB MURAD WALA</t>
  </si>
  <si>
    <t>Chak No 261</t>
  </si>
  <si>
    <t>gges261 jb murad wala markaz mukhiana tehsil o zila jhang</t>
  </si>
  <si>
    <t>261 Murad Wala</t>
  </si>
  <si>
    <t>Hafiza Farida Khatoon</t>
  </si>
  <si>
    <t>GGES CHAK NO 262 JB BAIR WALA</t>
  </si>
  <si>
    <t>Chak No 262</t>
  </si>
  <si>
    <t>gges chak 262 bairwala</t>
  </si>
  <si>
    <t>Itrat Naureen</t>
  </si>
  <si>
    <t>GGES CHAK NO 265 JB</t>
  </si>
  <si>
    <t>Gawansa Wala</t>
  </si>
  <si>
    <t>chak no 265 j.b</t>
  </si>
  <si>
    <t>Chak 265 Jb</t>
  </si>
  <si>
    <t>Chak 265</t>
  </si>
  <si>
    <t>Shahida Batool</t>
  </si>
  <si>
    <t>water pump + hand pump</t>
  </si>
  <si>
    <t>GGES CHAK NO 268 JB</t>
  </si>
  <si>
    <t>Chak#268jbjhang</t>
  </si>
  <si>
    <t>chak#268jbjhang</t>
  </si>
  <si>
    <t>Chak#268 Jb Jhang</t>
  </si>
  <si>
    <t>zaira Nasim</t>
  </si>
  <si>
    <t>GGES CHAK NO 270 RB</t>
  </si>
  <si>
    <t>270 RB</t>
  </si>
  <si>
    <t>chak no 270 RB</t>
  </si>
  <si>
    <t>Saba Rasheed</t>
  </si>
  <si>
    <t>GGES CHAK NO 276 RB</t>
  </si>
  <si>
    <t>Chak No 276RB</t>
  </si>
  <si>
    <t>chak no 276RB</t>
  </si>
  <si>
    <t>Gokowall</t>
  </si>
  <si>
    <t>275rb Kartarpor</t>
  </si>
  <si>
    <t>GGES CHAK NO 279 HR</t>
  </si>
  <si>
    <t>279/HR</t>
  </si>
  <si>
    <t>Chak# 279/HR , Teh. Fort Abbas ,Distt. Bahawalnagar.</t>
  </si>
  <si>
    <t>GGES CHAK NO 3/1-R</t>
  </si>
  <si>
    <t>HND-5-FEMALE</t>
  </si>
  <si>
    <t>3/1R</t>
  </si>
  <si>
    <t>GOVT GIRLS ELEMENTARY SCHOOL 3 /1R TEHSIL HAROONABAD</t>
  </si>
  <si>
    <t>15/1R</t>
  </si>
  <si>
    <t>Balqees Aslam</t>
  </si>
  <si>
    <t>GGES CHAK NO 3/F MARLA SCHEME</t>
  </si>
  <si>
    <t>Three Fw</t>
  </si>
  <si>
    <t>Govt Girls Elementary school 3FW marla scheme</t>
  </si>
  <si>
    <t>Three Fw Marla Scheme</t>
  </si>
  <si>
    <t>Mehwish Saba</t>
  </si>
  <si>
    <t>GGES CHAK NO 30 MB</t>
  </si>
  <si>
    <t>CHAK NO 22/MB (FEMALE)</t>
  </si>
  <si>
    <t>30 Mb</t>
  </si>
  <si>
    <t>GGE/S  Chak no 30mb</t>
  </si>
  <si>
    <t>30Mb</t>
  </si>
  <si>
    <t>GGES CHAK NO 31 JB</t>
  </si>
  <si>
    <t>G g E school 31jb</t>
  </si>
  <si>
    <t>30jb</t>
  </si>
  <si>
    <t>Kashifa Taj</t>
  </si>
  <si>
    <t>GGES CHAK NO 31/3-R</t>
  </si>
  <si>
    <t>HND-8-FEMALE</t>
  </si>
  <si>
    <t>31/3R</t>
  </si>
  <si>
    <t>chak no 31/3r</t>
  </si>
  <si>
    <t>31/3r</t>
  </si>
  <si>
    <t>33/3r</t>
  </si>
  <si>
    <t>Hifza anjum</t>
  </si>
  <si>
    <t>GGES CHAK NO 314 TDA</t>
  </si>
  <si>
    <t>AOULAKH THALL NO II FEMALE</t>
  </si>
  <si>
    <t>Kanal Nashaib</t>
  </si>
  <si>
    <t>chak NO 314/TDA TEHSIL CHOUBARA DISTRICT LAYYAH</t>
  </si>
  <si>
    <t>chak NO 314/TDA</t>
  </si>
  <si>
    <t>OLAK THAL KALAN</t>
  </si>
  <si>
    <t>kulsoom kousar</t>
  </si>
  <si>
    <t>GGES CHAK NO 319 TDA</t>
  </si>
  <si>
    <t>chak no 319/tda tehsile choubara district layyah</t>
  </si>
  <si>
    <t>Chak No 319/tda</t>
  </si>
  <si>
    <t>Sabra Kousar</t>
  </si>
  <si>
    <t>GGES CHAK NO 32 JB</t>
  </si>
  <si>
    <t>32jb</t>
  </si>
  <si>
    <t>34jb</t>
  </si>
  <si>
    <t>Farrukh Ijaz</t>
  </si>
  <si>
    <t>GGES CHAK NO 32 WB</t>
  </si>
  <si>
    <t>32WB</t>
  </si>
  <si>
    <t>chak No.32W.B</t>
  </si>
  <si>
    <t>24wb</t>
  </si>
  <si>
    <t>GGES CHAK NO 325 TDA</t>
  </si>
  <si>
    <t>325 TDA</t>
  </si>
  <si>
    <t>chk no 325 TDA Choubara</t>
  </si>
  <si>
    <t>Jmal Chpri</t>
  </si>
  <si>
    <t>Sonya Kanwal</t>
  </si>
  <si>
    <t>GGES CHAK NO 327 HR</t>
  </si>
  <si>
    <t>FTS-XIV-FEMALE</t>
  </si>
  <si>
    <t>327 hr marot</t>
  </si>
  <si>
    <t>327 HR</t>
  </si>
  <si>
    <t>Sidra Ilyas</t>
  </si>
  <si>
    <t>GGES CHAK NO 33 JB</t>
  </si>
  <si>
    <t>33jb</t>
  </si>
  <si>
    <t>chak no 33 jb</t>
  </si>
  <si>
    <t>Chak No 33 Jb</t>
  </si>
  <si>
    <t>30 Jb</t>
  </si>
  <si>
    <t>Zunaira Mubeen</t>
  </si>
  <si>
    <t>GGES CHAK NO 333 TDA</t>
  </si>
  <si>
    <t>THAL KALAN FEMALE</t>
  </si>
  <si>
    <t>chak no.333/TDA tehsil &amp; district LAYYAH</t>
  </si>
  <si>
    <t>Chak No 333/TDA</t>
  </si>
  <si>
    <t>LAYYAH THAL KALAN</t>
  </si>
  <si>
    <t>Saira Sultana</t>
  </si>
  <si>
    <t>GGES CHAK NO 338 HR</t>
  </si>
  <si>
    <t>338 hr</t>
  </si>
  <si>
    <t>338 Hr</t>
  </si>
  <si>
    <t>Hajira Ferman</t>
  </si>
  <si>
    <t>GGES CHAK NO 342 TDA</t>
  </si>
  <si>
    <t>342/tda</t>
  </si>
  <si>
    <t>CH no 342.tda tehsel choubara district layah</t>
  </si>
  <si>
    <t>CH No 342/tda</t>
  </si>
  <si>
    <t>Rafiqa Bad</t>
  </si>
  <si>
    <t>zareen gull</t>
  </si>
  <si>
    <t>GGES CHAK NO 35 JB</t>
  </si>
  <si>
    <t>Satey Shah</t>
  </si>
  <si>
    <t>35 jb</t>
  </si>
  <si>
    <t>35 Jb</t>
  </si>
  <si>
    <t>Shamaila Naz</t>
  </si>
  <si>
    <t>GGES CHAK NO 36 TDA</t>
  </si>
  <si>
    <t>KHANSAR GHARBI- FEMALE</t>
  </si>
  <si>
    <t>Chak 36/TDA</t>
  </si>
  <si>
    <t>GGES Chak #36 / TDA Bhakkar</t>
  </si>
  <si>
    <t>Farzana Jabeen</t>
  </si>
  <si>
    <t>GGES CHAK NO 364 TDA</t>
  </si>
  <si>
    <t>gges chak no 364\tda</t>
  </si>
  <si>
    <t>Chak No 364 TDA</t>
  </si>
  <si>
    <t>GGES CHAK NO 373 TDA</t>
  </si>
  <si>
    <t>Chak373</t>
  </si>
  <si>
    <t>g,/e 373 tda</t>
  </si>
  <si>
    <t>373/tda</t>
  </si>
  <si>
    <t>Fouzia Hanif</t>
  </si>
  <si>
    <t>GGES CHAK NO 378 TDA</t>
  </si>
  <si>
    <t>378 tda</t>
  </si>
  <si>
    <t>chak no 378tda</t>
  </si>
  <si>
    <t>saharan 452 TDA</t>
  </si>
  <si>
    <t>Bilqees Bano</t>
  </si>
  <si>
    <t>GGES CHAK NO 41 MB</t>
  </si>
  <si>
    <t>Chak No 41mb</t>
  </si>
  <si>
    <t>chak 41mb mitha tiwana khushab</t>
  </si>
  <si>
    <t>GGES CHAK NO 411 TDA</t>
  </si>
  <si>
    <t>chack no.411/TDA</t>
  </si>
  <si>
    <t>Chack No411/TDA</t>
  </si>
  <si>
    <t>Chack No452/TDA</t>
  </si>
  <si>
    <t>Irshad Kousar</t>
  </si>
  <si>
    <t>GGES CHAK NO 413 GB</t>
  </si>
  <si>
    <t>Shameer Wali</t>
  </si>
  <si>
    <t>Check no 413 GB.</t>
  </si>
  <si>
    <t>Sadhanwala</t>
  </si>
  <si>
    <t>Saima Tanveer</t>
  </si>
  <si>
    <t>GGES CHAK NO 438 GB</t>
  </si>
  <si>
    <t>438gb</t>
  </si>
  <si>
    <t>chak#438gb Bharat</t>
  </si>
  <si>
    <t>438gb Bharat</t>
  </si>
  <si>
    <t>388gb</t>
  </si>
  <si>
    <t>Humira Akram</t>
  </si>
  <si>
    <t>GGES CHAK NO 44 JB PAKKADHLA</t>
  </si>
  <si>
    <t>Pakka  Dallah</t>
  </si>
  <si>
    <t>CHAK NO ,44. JB.  PAKKA.  DALLAH.  CKJ. FSD</t>
  </si>
  <si>
    <t>44 J B</t>
  </si>
  <si>
    <t>44  J B</t>
  </si>
  <si>
    <t>Saira Javed</t>
  </si>
  <si>
    <t>GGES CHAK NO 441 TDA</t>
  </si>
  <si>
    <t>Chak No. 441/TDA Tehsil Choubara District Layyah</t>
  </si>
  <si>
    <t>Chak No 441/TDA</t>
  </si>
  <si>
    <t>Saharan 452/TDA</t>
  </si>
  <si>
    <t>Madiha Khalil</t>
  </si>
  <si>
    <t>GGES CHAK NO 442 GB</t>
  </si>
  <si>
    <t>samundri</t>
  </si>
  <si>
    <t>442gb</t>
  </si>
  <si>
    <t>Halima Bibi</t>
  </si>
  <si>
    <t>GGES CHAK NO 444 JB GAWANS</t>
  </si>
  <si>
    <t>Korianwala</t>
  </si>
  <si>
    <t>G GES Chack no 444</t>
  </si>
  <si>
    <t>Chack no 444</t>
  </si>
  <si>
    <t>Khudija Akhter</t>
  </si>
  <si>
    <t>GGES CHAK NO 445 GB SAMUNDARI</t>
  </si>
  <si>
    <t>445gb</t>
  </si>
  <si>
    <t>445 gb</t>
  </si>
  <si>
    <t>445 GB</t>
  </si>
  <si>
    <t>448 Gb</t>
  </si>
  <si>
    <t>Wasba Sarwar</t>
  </si>
  <si>
    <t>GGES CHAK NO 450 TDA</t>
  </si>
  <si>
    <t>450/TDA</t>
  </si>
  <si>
    <t>GOVT GIRLS ELEMENTARY SCHOOL CHAK NO 450/TDA</t>
  </si>
  <si>
    <t>MC CHOUBARA</t>
  </si>
  <si>
    <t>Saira Lateef</t>
  </si>
  <si>
    <t>GGES CHAK NO 451 JB</t>
  </si>
  <si>
    <t>BANGLA NUL WALA - FEMALE</t>
  </si>
  <si>
    <t>gges chak no 451 jb</t>
  </si>
  <si>
    <t>Darogha</t>
  </si>
  <si>
    <t>Azra Iqbal</t>
  </si>
  <si>
    <t>GGES CHAK NO 460 WEST</t>
  </si>
  <si>
    <t>BASTI GHAZI SHAH-FEMALE</t>
  </si>
  <si>
    <t>Chak460</t>
  </si>
  <si>
    <t>chak 460 pathan wala</t>
  </si>
  <si>
    <t>Chak 460pathan Wa</t>
  </si>
  <si>
    <t>Razia Nayyer</t>
  </si>
  <si>
    <t>GGES CHAK NO 466 JB EAST</t>
  </si>
  <si>
    <t>AEO (W) BHOWANA NO.24</t>
  </si>
  <si>
    <t>GGES466 EAST BHOWANA DIST. CHINIOT</t>
  </si>
  <si>
    <t>AHATAY</t>
  </si>
  <si>
    <t>SAMUNDAR</t>
  </si>
  <si>
    <t>Samana Touqeer</t>
  </si>
  <si>
    <t>GGES CHAK NO 47 RB</t>
  </si>
  <si>
    <t>47 RB</t>
  </si>
  <si>
    <t>Bal chak #47 RB Teh chak Jumrah Dist Faisalabad</t>
  </si>
  <si>
    <t>Bal Chak 47 RB</t>
  </si>
  <si>
    <t>Ghammi</t>
  </si>
  <si>
    <t>GGES CHAK NO 475 JB SYED WALA</t>
  </si>
  <si>
    <t>BAGH - FEMALE</t>
  </si>
  <si>
    <t>chak 475/jb syedwala</t>
  </si>
  <si>
    <t>Syedwala</t>
  </si>
  <si>
    <t>Chak No 463jb</t>
  </si>
  <si>
    <t>GGES CHAK NO 48 GB II</t>
  </si>
  <si>
    <t>48 GB malowal tehsil samundri faisalabad</t>
  </si>
  <si>
    <t>48GB</t>
  </si>
  <si>
    <t>45GB</t>
  </si>
  <si>
    <t>GGES CHAK NO 482 JB</t>
  </si>
  <si>
    <t>Chak No 482jb</t>
  </si>
  <si>
    <t>chak no 482 jb tehsil shorkot district jhang</t>
  </si>
  <si>
    <t>Chak 482jb</t>
  </si>
  <si>
    <t>Chak No 478jb</t>
  </si>
  <si>
    <t>Shafqat Kalsoom</t>
  </si>
  <si>
    <t>GGES CHAK NO 484 TDA</t>
  </si>
  <si>
    <t>Chak#484/TDA</t>
  </si>
  <si>
    <t>chak #484/TDA</t>
  </si>
  <si>
    <t>GGES CHAK NO 487 JB</t>
  </si>
  <si>
    <t>Chak No 487 Jb</t>
  </si>
  <si>
    <t>chak no 487 jb tehsil shorkot jhang</t>
  </si>
  <si>
    <t>Chayan Wala</t>
  </si>
  <si>
    <t>Sadia Perveen</t>
  </si>
  <si>
    <t>GGES CHAK NO 496 JB</t>
  </si>
  <si>
    <t>BATIAN WALA - FEMALE</t>
  </si>
  <si>
    <t>gges 496 jb tehsil shorkot</t>
  </si>
  <si>
    <t>Chak#496</t>
  </si>
  <si>
    <t>Chak No 497</t>
  </si>
  <si>
    <t>Shumaila Sarfraz</t>
  </si>
  <si>
    <t>GGES CHAK NO 5 WB</t>
  </si>
  <si>
    <t>5/wb</t>
  </si>
  <si>
    <t>1wb</t>
  </si>
  <si>
    <t>Sughra Ibrahim</t>
  </si>
  <si>
    <t>GGES CHAK NO 51 GB ST DOMENIC</t>
  </si>
  <si>
    <t>51 gb</t>
  </si>
  <si>
    <t>GGES 51 GB</t>
  </si>
  <si>
    <t>khush pur</t>
  </si>
  <si>
    <t>naradada</t>
  </si>
  <si>
    <t>Irsa Gul</t>
  </si>
  <si>
    <t>GGES CHAK NO 56/F</t>
  </si>
  <si>
    <t>CTN -XII-FEMALE</t>
  </si>
  <si>
    <t>56/F</t>
  </si>
  <si>
    <t>Chak 56/F Bakshan Khan Chishtian</t>
  </si>
  <si>
    <t>Amina Kausar</t>
  </si>
  <si>
    <t>GGES CHAK NO 57 WB</t>
  </si>
  <si>
    <t>57 W B</t>
  </si>
  <si>
    <t>Chak no 57 W. B</t>
  </si>
  <si>
    <t>Chak No 57 W B</t>
  </si>
  <si>
    <t>63 W B</t>
  </si>
  <si>
    <t>Asma Bashir</t>
  </si>
  <si>
    <t>GGES CHAK NO 58 RB</t>
  </si>
  <si>
    <t>Ratta Joya</t>
  </si>
  <si>
    <t>GGES 58rb</t>
  </si>
  <si>
    <t>shaista zaib</t>
  </si>
  <si>
    <t>GGES CHAK NO 59 RB I</t>
  </si>
  <si>
    <t>Warian</t>
  </si>
  <si>
    <t>chak #59 RB warian</t>
  </si>
  <si>
    <t>Rattan Joyia</t>
  </si>
  <si>
    <t>Shakila Kousar</t>
  </si>
  <si>
    <t>GGES CHAK NO 6/3L SHUMALI</t>
  </si>
  <si>
    <t>esa wala</t>
  </si>
  <si>
    <t>GGES 6/3L</t>
  </si>
  <si>
    <t>6/3L</t>
  </si>
  <si>
    <t>kundal khokhra</t>
  </si>
  <si>
    <t>kaneez fatima</t>
  </si>
  <si>
    <t>GGES CHAK NO 60/4-R</t>
  </si>
  <si>
    <t>HND-3-FEMALE</t>
  </si>
  <si>
    <t>60/4R</t>
  </si>
  <si>
    <t>chak no60/4.R P.O.25/3.R Teh. Haroon Abad district bhawal nager</t>
  </si>
  <si>
    <t>Farhat Nisar Malik</t>
  </si>
  <si>
    <t>GGES CHAK NO 63 GB W</t>
  </si>
  <si>
    <t>63GBw</t>
  </si>
  <si>
    <t>63GB(w)</t>
  </si>
  <si>
    <t>nasira sultana</t>
  </si>
  <si>
    <t>GGES CHAK NO 63 JB</t>
  </si>
  <si>
    <t>63jb</t>
  </si>
  <si>
    <t>gulshan iqbal colony faisalabad</t>
  </si>
  <si>
    <t>64jb</t>
  </si>
  <si>
    <t>GGES CHAK NO 64 ML</t>
  </si>
  <si>
    <t>64ML</t>
  </si>
  <si>
    <t>Chak no 64 ML, Mankera,Bhakkar</t>
  </si>
  <si>
    <t>67ML</t>
  </si>
  <si>
    <t>Anila Shahbaz</t>
  </si>
  <si>
    <t>GGES CHAK NO 648 GB</t>
  </si>
  <si>
    <t>Kot Gulam Muhammad</t>
  </si>
  <si>
    <t>Chak no 648 GB Jaranwala</t>
  </si>
  <si>
    <t>648 GB JARANWALA</t>
  </si>
  <si>
    <t>Najma Bibi</t>
  </si>
  <si>
    <t>GGES CHAK NO 65 RB</t>
  </si>
  <si>
    <t>65rb</t>
  </si>
  <si>
    <t>65 rb</t>
  </si>
  <si>
    <t>Rangar Nangal</t>
  </si>
  <si>
    <t>151 RB</t>
  </si>
  <si>
    <t>GGES CHAK NO 66/4-R</t>
  </si>
  <si>
    <t>GGes 66/4r, Tehsil haroonabad, District bahawalnagar</t>
  </si>
  <si>
    <t>Fazeelat Naheed</t>
  </si>
  <si>
    <t>GGES CHAK NO 67 RB MAL CHAK</t>
  </si>
  <si>
    <t>67rb</t>
  </si>
  <si>
    <t>67rb Malchak</t>
  </si>
  <si>
    <t>Shamaila Talib</t>
  </si>
  <si>
    <t>GGES CHAK NO 68 ML</t>
  </si>
  <si>
    <t>chak no.68ml p/o 75ml</t>
  </si>
  <si>
    <t>68ml</t>
  </si>
  <si>
    <t>PARVEEN  AKHTAR</t>
  </si>
  <si>
    <t>GGES CHAK NO 7/FW SYED WALA</t>
  </si>
  <si>
    <t>7/FW</t>
  </si>
  <si>
    <t>7/FW Seyedanwala</t>
  </si>
  <si>
    <t>Seyedanwala</t>
  </si>
  <si>
    <t>5/Fw</t>
  </si>
  <si>
    <t>Amtal Hafeez</t>
  </si>
  <si>
    <t>GGES CHAK NO 70 A ML</t>
  </si>
  <si>
    <t>70 Aml</t>
  </si>
  <si>
    <t>chak  no 70aml tehsil  mankera  district  bhakkar</t>
  </si>
  <si>
    <t>70aml</t>
  </si>
  <si>
    <t>TAHIRA HANIF</t>
  </si>
  <si>
    <t>GGES CHAK NO 70 JB</t>
  </si>
  <si>
    <t>70 Jb</t>
  </si>
  <si>
    <t>chak no 70 jb mansooran</t>
  </si>
  <si>
    <t>70 Jb Mansooran</t>
  </si>
  <si>
    <t>Lehal Dalwan</t>
  </si>
  <si>
    <t>GGES CHAK NO 72 JB</t>
  </si>
  <si>
    <t>chak no 72 jb</t>
  </si>
  <si>
    <t>Chak No 72jb</t>
  </si>
  <si>
    <t>Nudrat Sultana</t>
  </si>
  <si>
    <t>GGES CHAK NO 75 RB</t>
  </si>
  <si>
    <t>waryaam singh</t>
  </si>
  <si>
    <t>g g e s 75 rb lohkky</t>
  </si>
  <si>
    <t>75 r.b lohkky</t>
  </si>
  <si>
    <t>103 rb bandala jalandhi</t>
  </si>
  <si>
    <t>safoora anees</t>
  </si>
  <si>
    <t>GGES CHAK NO 76 JB</t>
  </si>
  <si>
    <t>76jb</t>
  </si>
  <si>
    <t>chak no76jb</t>
  </si>
  <si>
    <t>Thikrawala2</t>
  </si>
  <si>
    <t>Nazia Tabassam</t>
  </si>
  <si>
    <t>GGES CHAK NO 79 GB</t>
  </si>
  <si>
    <t>79/Gb</t>
  </si>
  <si>
    <t>79gb</t>
  </si>
  <si>
    <t>Khuddia Warraichan</t>
  </si>
  <si>
    <t>Gulnaz Shaheen</t>
  </si>
  <si>
    <t>GGES CHAK NO 8/1-R</t>
  </si>
  <si>
    <t>g.g.elementry school 8/1'r</t>
  </si>
  <si>
    <t>GGES CHAK NO 81 GB FSD</t>
  </si>
  <si>
    <t>chak # 81 GB Fsd</t>
  </si>
  <si>
    <t>Chak No 81GB</t>
  </si>
  <si>
    <t>Chk No 82GB</t>
  </si>
  <si>
    <t>Talic Shamshad</t>
  </si>
  <si>
    <t>GGES CHAK NO 83 GB</t>
  </si>
  <si>
    <t>83 GB</t>
  </si>
  <si>
    <t>govt girls elementary school 83 GB</t>
  </si>
  <si>
    <t>91 GB Jagt Pur</t>
  </si>
  <si>
    <t>GGES CHAK NO 83 JB</t>
  </si>
  <si>
    <t>Chak no 83 jb</t>
  </si>
  <si>
    <t>Chak No 83 Jb</t>
  </si>
  <si>
    <t>Jaguar Pur</t>
  </si>
  <si>
    <t>MAQDDAS NASEEM</t>
  </si>
  <si>
    <t>GGES CHAK NO 87 GB</t>
  </si>
  <si>
    <t>Baby Di Bal</t>
  </si>
  <si>
    <t>87 GB</t>
  </si>
  <si>
    <t>Farhat Un Nisa</t>
  </si>
  <si>
    <t>GGES CHAK NO 9/G</t>
  </si>
  <si>
    <t>9/G</t>
  </si>
  <si>
    <t>chak 9/ G</t>
  </si>
  <si>
    <t>GGES CHAK NO 95 GB</t>
  </si>
  <si>
    <t>chak no 95 g.b tehseel jaranwala district fsd</t>
  </si>
  <si>
    <t>95 Gb</t>
  </si>
  <si>
    <t>97 Gb</t>
  </si>
  <si>
    <t>Faiza Niaz</t>
  </si>
  <si>
    <t>water pump</t>
  </si>
  <si>
    <t>GGES CHAK NO 98 GB</t>
  </si>
  <si>
    <t>98GB</t>
  </si>
  <si>
    <t>GGES98GB Teh jaranwala Distt faisalabad pakistan</t>
  </si>
  <si>
    <t>Naya Rurka</t>
  </si>
  <si>
    <t>Chak#101GB</t>
  </si>
  <si>
    <t>GGES CHAK NO 99 RB</t>
  </si>
  <si>
    <t>Pacca Jandiala</t>
  </si>
  <si>
    <t>99RB</t>
  </si>
  <si>
    <t>Hafiza Samina Kausar</t>
  </si>
  <si>
    <t>GGES CHAK NO 99/6-R</t>
  </si>
  <si>
    <t>Chak 99/6R</t>
  </si>
  <si>
    <t>chk no 99/6.r</t>
  </si>
  <si>
    <t>98/6R</t>
  </si>
  <si>
    <t>SAMINA SIBTAIN</t>
  </si>
  <si>
    <t>GGES CHAK NO. 1 GULZAR</t>
  </si>
  <si>
    <t>Chak1 Gulzar</t>
  </si>
  <si>
    <t>GGES chak 1gulzar</t>
  </si>
  <si>
    <t>Moza Chak 1 Gulzar</t>
  </si>
  <si>
    <t>Sher Singh Wala</t>
  </si>
  <si>
    <t>Nabila sajjad</t>
  </si>
  <si>
    <t>GGES CHAK NO. 1 WB</t>
  </si>
  <si>
    <t>1 Wb</t>
  </si>
  <si>
    <t>1 wb vehari</t>
  </si>
  <si>
    <t>01 Wb</t>
  </si>
  <si>
    <t>Waheeda Akhtar</t>
  </si>
  <si>
    <t>GGES CHAK NO. 10/A</t>
  </si>
  <si>
    <t>10/A - FEMALE</t>
  </si>
  <si>
    <t>gges chak 10 A</t>
  </si>
  <si>
    <t>Rafiqua begum</t>
  </si>
  <si>
    <t>GGES CHAK NO. 101/P</t>
  </si>
  <si>
    <t>chak 101/p</t>
  </si>
  <si>
    <t>gges101/p, rahim yar khan</t>
  </si>
  <si>
    <t>GGES CHAK NO. 101/TDA</t>
  </si>
  <si>
    <t>Gaarry Wala</t>
  </si>
  <si>
    <t>GGE/S 101 tda</t>
  </si>
  <si>
    <t>101/ TDA</t>
  </si>
  <si>
    <t>Rubina ghulam rasool</t>
  </si>
  <si>
    <t>GGES CHAK NO. 102/TDA</t>
  </si>
  <si>
    <t>PEER SIWAG</t>
  </si>
  <si>
    <t>CHAK NO. 102/TDA PIR SIWAG TEHSIL KAROR LAL EASON DISTRICT LAYYAH.</t>
  </si>
  <si>
    <t>102/TDA</t>
  </si>
  <si>
    <t>RAJAN SHAH</t>
  </si>
  <si>
    <t>SAFIA ALTAF</t>
  </si>
  <si>
    <t>GGES CHAK NO. 103/1-L</t>
  </si>
  <si>
    <t>chak no 103 1L P/O 45/p</t>
  </si>
  <si>
    <t>103 1L</t>
  </si>
  <si>
    <t>Bagho Bahar</t>
  </si>
  <si>
    <t>Kiran Mukhtar</t>
  </si>
  <si>
    <t>GGES CHAK NO. 103/WB</t>
  </si>
  <si>
    <t>103/wb</t>
  </si>
  <si>
    <t>Chack no103/wb</t>
  </si>
  <si>
    <t>95/wb</t>
  </si>
  <si>
    <t>Tahira Bashir</t>
  </si>
  <si>
    <t>GGES CHAK NO. 105/F</t>
  </si>
  <si>
    <t>chak no 105f Ctn</t>
  </si>
  <si>
    <t>105f</t>
  </si>
  <si>
    <t>GGES CHAK NO. 109/WB</t>
  </si>
  <si>
    <t>109wb</t>
  </si>
  <si>
    <t>chak no 109wb</t>
  </si>
  <si>
    <t>Sonia Naz</t>
  </si>
  <si>
    <t>GGES CHAK NO. 11/FW JATTAN WALA</t>
  </si>
  <si>
    <t>11/fw</t>
  </si>
  <si>
    <t>Chak no 11/Fw-Jw Chishtian</t>
  </si>
  <si>
    <t>Chak No/11 Fw-Jw CTN</t>
  </si>
  <si>
    <t>10 Fw-CTN</t>
  </si>
  <si>
    <t>Rukhsana Tabassam</t>
  </si>
  <si>
    <t>GGES CHAK NO. 11/FW KATARIAN</t>
  </si>
  <si>
    <t>11fw Katarian</t>
  </si>
  <si>
    <t>Govt girls elementary school 11fw katarian</t>
  </si>
  <si>
    <t>10fw</t>
  </si>
  <si>
    <t>Ghazala Kousar</t>
  </si>
  <si>
    <t>GGES CHAK NO. 110 F</t>
  </si>
  <si>
    <t>Village 110F</t>
  </si>
  <si>
    <t>chak no 110F tehsil chishtian district bwn</t>
  </si>
  <si>
    <t>110F</t>
  </si>
  <si>
    <t>Anum Munir</t>
  </si>
  <si>
    <t>GGES CHAK NO. 110/P</t>
  </si>
  <si>
    <t>Chak 110/P</t>
  </si>
  <si>
    <t>110p</t>
  </si>
  <si>
    <t>110/P</t>
  </si>
  <si>
    <t>afzaish anwar</t>
  </si>
  <si>
    <t>GGES CHAK NO. 111/DNB</t>
  </si>
  <si>
    <t>111DNB</t>
  </si>
  <si>
    <t>GGES111/DNB</t>
  </si>
  <si>
    <t>36DNB</t>
  </si>
  <si>
    <t>Rafia Manazer</t>
  </si>
  <si>
    <t>GGES CHAK NO. 111/NP</t>
  </si>
  <si>
    <t>AZEEM SHAH-FEMALE</t>
  </si>
  <si>
    <t>111np</t>
  </si>
  <si>
    <t>GGES111NP TENSILE KHAN PUR DISTRICT RAHIM YAR KHAN</t>
  </si>
  <si>
    <t>Azim Shah</t>
  </si>
  <si>
    <t>Iqbal bibi</t>
  </si>
  <si>
    <t>GGES CHAK NO. 112 ML</t>
  </si>
  <si>
    <t>112 ML</t>
  </si>
  <si>
    <t>112ml</t>
  </si>
  <si>
    <t>rukhsana mushtaq</t>
  </si>
  <si>
    <t>GGES CHAK NO. 112/M</t>
  </si>
  <si>
    <t>Chak No 112/M P..O box 112/M</t>
  </si>
  <si>
    <t>Wajiha Khalid</t>
  </si>
  <si>
    <t>GGES CHAK NO. 114/M</t>
  </si>
  <si>
    <t>Chak 114/M</t>
  </si>
  <si>
    <t>chack 114/M post office adfah pull murad teh chishtian distt bwn</t>
  </si>
  <si>
    <t>Chack114/ M</t>
  </si>
  <si>
    <t>Chak 112/M</t>
  </si>
  <si>
    <t>Zobia Javid</t>
  </si>
  <si>
    <t>GGES CHAK NO. 114/P</t>
  </si>
  <si>
    <t>Post office chak no 114p Rahim yar khan</t>
  </si>
  <si>
    <t>114p Ryk</t>
  </si>
  <si>
    <t>shahida shah muhammad</t>
  </si>
  <si>
    <t>GGES CHAK NO. 115/ML</t>
  </si>
  <si>
    <t>Chak No 115/ Ml</t>
  </si>
  <si>
    <t>G.G.E/S chak no 115/Ml</t>
  </si>
  <si>
    <t>Chak No 115/Ml</t>
  </si>
  <si>
    <t>Chak No 112/Ml</t>
  </si>
  <si>
    <t>GGES CHAK NO. 116/M</t>
  </si>
  <si>
    <t>116/murad</t>
  </si>
  <si>
    <t>chk no 116/murad p.o 115/murad tehsil chishtian district bwn</t>
  </si>
  <si>
    <t>112/murad</t>
  </si>
  <si>
    <t>Robina Abdul Haq</t>
  </si>
  <si>
    <t>GGES CHAK NO. 117/P</t>
  </si>
  <si>
    <t>MANZOOR ABAD-FEMALE</t>
  </si>
  <si>
    <t>landa</t>
  </si>
  <si>
    <t>GGES CHAK NO.117/P RYK</t>
  </si>
  <si>
    <t>chak 117/p RYK</t>
  </si>
  <si>
    <t>CHAK NO 114/P</t>
  </si>
  <si>
    <t>Faiza Bashir</t>
  </si>
  <si>
    <t>GGES CHAK NO. 118/6-R</t>
  </si>
  <si>
    <t>118 6/r</t>
  </si>
  <si>
    <t>chak no 118/6r</t>
  </si>
  <si>
    <t>GGES CHAK NO. 119/M</t>
  </si>
  <si>
    <t>119/M</t>
  </si>
  <si>
    <t>chak 119/m tehsil chishtian distt bahawalnagar</t>
  </si>
  <si>
    <t>118/M</t>
  </si>
  <si>
    <t>Fakhra Khizar</t>
  </si>
  <si>
    <t>GGES CHAK NO. 12/1-R</t>
  </si>
  <si>
    <t>JOIYA - FEMALE</t>
  </si>
  <si>
    <t>12/1R</t>
  </si>
  <si>
    <t>G.G E/S chak12/1R</t>
  </si>
  <si>
    <t>Sana Riaz</t>
  </si>
  <si>
    <t>GGES CHAK NO. 12/P JETHA BHUTTA</t>
  </si>
  <si>
    <t>chak no 12p jatha bhutta</t>
  </si>
  <si>
    <t>Chak No 12p</t>
  </si>
  <si>
    <t>Samina Tabassum</t>
  </si>
  <si>
    <t>GGES CHAK NO. 121 MURAD</t>
  </si>
  <si>
    <t>Chak 121 M</t>
  </si>
  <si>
    <t>chak no 121/M Tehsil ctn Distt Bwn</t>
  </si>
  <si>
    <t>121/M</t>
  </si>
  <si>
    <t>GGES CHAK NO. 122/M</t>
  </si>
  <si>
    <t>122/m</t>
  </si>
  <si>
    <t>check 122M tehsil ctn district bwn</t>
  </si>
  <si>
    <t>122M</t>
  </si>
  <si>
    <t>Waheeda  Kouser</t>
  </si>
  <si>
    <t>GGES CHAK NO. 124 NB</t>
  </si>
  <si>
    <t>Sillanwali</t>
  </si>
  <si>
    <t>GGES124NB</t>
  </si>
  <si>
    <t>Chak No 124 Nb</t>
  </si>
  <si>
    <t>Chak No118nb</t>
  </si>
  <si>
    <t>GGES CHAK NO. 125 MURAD</t>
  </si>
  <si>
    <t>125/m</t>
  </si>
  <si>
    <t>G.G.E/S.Chak No.125/m</t>
  </si>
  <si>
    <t>GG E/SChak 125/m</t>
  </si>
  <si>
    <t>128/m</t>
  </si>
  <si>
    <t>GGES CHAK NO. 126/ ML</t>
  </si>
  <si>
    <t>Share Gurh</t>
  </si>
  <si>
    <t>chak no 126/ml p/0 chowkazm</t>
  </si>
  <si>
    <t>126/ml</t>
  </si>
  <si>
    <t>Hamna Alvi</t>
  </si>
  <si>
    <t>solar pump</t>
  </si>
  <si>
    <t>GGES CHAK NO. 126/P</t>
  </si>
  <si>
    <t>126p</t>
  </si>
  <si>
    <t>GGES 126P RYK</t>
  </si>
  <si>
    <t>Chk 126p</t>
  </si>
  <si>
    <t>GGES CHAK NO. 128 JB</t>
  </si>
  <si>
    <t>Chak 128 Jb Thethian</t>
  </si>
  <si>
    <t>gges 128 jb Thethian</t>
  </si>
  <si>
    <t>AASIMA RIAZ</t>
  </si>
  <si>
    <t>GGES CHAK NO. 131/P</t>
  </si>
  <si>
    <t>Bangla Manthar</t>
  </si>
  <si>
    <t>GGES  131 P  RYK</t>
  </si>
  <si>
    <t>131/p</t>
  </si>
  <si>
    <t>139/p</t>
  </si>
  <si>
    <t>Shabana Kalsoom</t>
  </si>
  <si>
    <t>GGES CHAK NO. 132/M</t>
  </si>
  <si>
    <t>132/M</t>
  </si>
  <si>
    <t>132/M post office 134/M T.H Chishtion</t>
  </si>
  <si>
    <t>Kalsoom Yousaf</t>
  </si>
  <si>
    <t>GGES CHAK NO. 135 MURAD</t>
  </si>
  <si>
    <t>135m</t>
  </si>
  <si>
    <t>135/m c.t.n bwn</t>
  </si>
  <si>
    <t>135/m</t>
  </si>
  <si>
    <t>134/m</t>
  </si>
  <si>
    <t>GGES CHAK NO. 136/P</t>
  </si>
  <si>
    <t>Wah KohNa</t>
  </si>
  <si>
    <t>G G Elemetary school 136/p</t>
  </si>
  <si>
    <t>136p</t>
  </si>
  <si>
    <t>GGES CHAK NO. 137/P</t>
  </si>
  <si>
    <t>137/p</t>
  </si>
  <si>
    <t>GGES137/p</t>
  </si>
  <si>
    <t>Rukhsana kousar</t>
  </si>
  <si>
    <t>GGES CHAK NO. 138 JB NOUL</t>
  </si>
  <si>
    <t>Noul</t>
  </si>
  <si>
    <t>chak number 138 jb noul  tehsil chiniot district chiniot</t>
  </si>
  <si>
    <t>138 Noul</t>
  </si>
  <si>
    <t>SAEEDA BATOOL</t>
  </si>
  <si>
    <t>GGES CHAK NO. 138 MURAD</t>
  </si>
  <si>
    <t>Chak No138/M</t>
  </si>
  <si>
    <t>Govt girls elementary School 138/M post office 170/M tehsil chishtian district Bhawalnager</t>
  </si>
  <si>
    <t>Chak No 138/M</t>
  </si>
  <si>
    <t>Chak No 134/M</t>
  </si>
  <si>
    <t>GGES CHAK NO. 14 FW</t>
  </si>
  <si>
    <t>Sonay Wala</t>
  </si>
  <si>
    <t>chak no 14 fw , p o 10 fw , teh chishtian , distt bahawalnagar</t>
  </si>
  <si>
    <t>14 Fw</t>
  </si>
  <si>
    <t>10 Fw</t>
  </si>
  <si>
    <t>GGES CHAK NO. 14 P.NAGAR</t>
  </si>
  <si>
    <t>Chak 14</t>
  </si>
  <si>
    <t>chak 14</t>
  </si>
  <si>
    <t>Razia Murtaza</t>
  </si>
  <si>
    <t>GGES CHAK NO. 141 RB I</t>
  </si>
  <si>
    <t>CHAK # 141 RB I</t>
  </si>
  <si>
    <t>CHAK #141 RB I AQAL PEER</t>
  </si>
  <si>
    <t>AQAL PEER</t>
  </si>
  <si>
    <t>CHAK # 156 RB</t>
  </si>
  <si>
    <t>SEHRISH MANZOOR</t>
  </si>
  <si>
    <t>GGES CHAK NO. 141/6-R</t>
  </si>
  <si>
    <t>141 6r</t>
  </si>
  <si>
    <t>chak n0 141 6r</t>
  </si>
  <si>
    <t>Tasneem  kousar</t>
  </si>
  <si>
    <t>GGES CHAK NO. 141/M</t>
  </si>
  <si>
    <t>Chak No 141/M</t>
  </si>
  <si>
    <t>Chak No.141/M, Dahranwala, Teh. CTN, Dist.BWN</t>
  </si>
  <si>
    <t>Chak No 169/M</t>
  </si>
  <si>
    <t>Ismat Javeed</t>
  </si>
  <si>
    <t>GGES CHAK NO. 142/P</t>
  </si>
  <si>
    <t>142 P</t>
  </si>
  <si>
    <t>chak # 142 p ryk</t>
  </si>
  <si>
    <t>Chak # 142 P Ryk</t>
  </si>
  <si>
    <t>139 P</t>
  </si>
  <si>
    <t>Riffat Batool Awan</t>
  </si>
  <si>
    <t>GGES CHAK NO. 144/P EAST</t>
  </si>
  <si>
    <t>144/p East</t>
  </si>
  <si>
    <t>GGES 144/p East rahim yar khan</t>
  </si>
  <si>
    <t>144/p East Ryk</t>
  </si>
  <si>
    <t>Tehseen Akbar</t>
  </si>
  <si>
    <t>GGES CHAK NO. 146 JB</t>
  </si>
  <si>
    <t>chak no 146</t>
  </si>
  <si>
    <t>146/JB Bukhri Jhok</t>
  </si>
  <si>
    <t>GGES CHAK NO. 146 ML</t>
  </si>
  <si>
    <t>DAIRA DIN PANNAH- FEMALE</t>
  </si>
  <si>
    <t>chak146ml</t>
  </si>
  <si>
    <t>chak no 146ml</t>
  </si>
  <si>
    <t>chak518TDA</t>
  </si>
  <si>
    <t>Sadia Rehman</t>
  </si>
  <si>
    <t>GGES CHAK NO. 146 RB II</t>
  </si>
  <si>
    <t>146 RB</t>
  </si>
  <si>
    <t>GGES 146 RB ll khewa</t>
  </si>
  <si>
    <t>Daowala</t>
  </si>
  <si>
    <t>Bazgha Ijaz</t>
  </si>
  <si>
    <t>GGES CHAK NO. 149-A/TDA</t>
  </si>
  <si>
    <t>LAYYAH-II - FEMALE</t>
  </si>
  <si>
    <t>Hoot wala</t>
  </si>
  <si>
    <t>149A Hoot wala</t>
  </si>
  <si>
    <t>Jaman shah shah</t>
  </si>
  <si>
    <t>Muzaffar Toheed</t>
  </si>
  <si>
    <t>GGES CHAK NO. 15 GB SHAMSA</t>
  </si>
  <si>
    <t>Chak No15  Shamsa</t>
  </si>
  <si>
    <t>chak no.15 Shamsa</t>
  </si>
  <si>
    <t>Chak No15 Shamsa</t>
  </si>
  <si>
    <t>Zeb-un-Nisa</t>
  </si>
  <si>
    <t>GGES CHAK NO. 15/FW</t>
  </si>
  <si>
    <t>HASILPUR OLD - FEMALE</t>
  </si>
  <si>
    <t>village 15/fw</t>
  </si>
  <si>
    <t>15/Fw</t>
  </si>
  <si>
    <t>Shahnaz Javed</t>
  </si>
  <si>
    <t>GGES CHAK NO. 150/2-L</t>
  </si>
  <si>
    <t>Govt.Girls E/S 150/2.L Mian Wala Bangla Haroonabad</t>
  </si>
  <si>
    <t>Yasmeen Karrar</t>
  </si>
  <si>
    <t>GGES CHAK NO. 154-A/TDA LAYYAH</t>
  </si>
  <si>
    <t>Chak No 154A</t>
  </si>
  <si>
    <t>Chak no 154A</t>
  </si>
  <si>
    <t>Shahina Yasmeen</t>
  </si>
  <si>
    <t>1 Water pump 2 hand pump</t>
  </si>
  <si>
    <t>GGES CHAK NO. 16 DB</t>
  </si>
  <si>
    <t>vichven bala</t>
  </si>
  <si>
    <t>GGES 16db piplan Mianwali</t>
  </si>
  <si>
    <t>16 db</t>
  </si>
  <si>
    <t>umara Bashir</t>
  </si>
  <si>
    <t>GGES CHAK NO. 161 NB</t>
  </si>
  <si>
    <t>check no 161 NB</t>
  </si>
  <si>
    <t>161 NB</t>
  </si>
  <si>
    <t>Anam Umar</t>
  </si>
  <si>
    <t>GGES CHAK NO. 166 GB</t>
  </si>
  <si>
    <t>166GB</t>
  </si>
  <si>
    <t>chak no 166 GB</t>
  </si>
  <si>
    <t>Rifat Firdouse</t>
  </si>
  <si>
    <t>pure</t>
  </si>
  <si>
    <t>GGES CHAK NO. 17 ML</t>
  </si>
  <si>
    <t>9 ML GHANGI WALA</t>
  </si>
  <si>
    <t>CHAK NO 17 ML</t>
  </si>
  <si>
    <t>CHAK NO.17ML</t>
  </si>
  <si>
    <t>DABB</t>
  </si>
  <si>
    <t>Snober Nazir</t>
  </si>
  <si>
    <t>GGES CHAK NO. 171 MURAD (A)</t>
  </si>
  <si>
    <t>171/m</t>
  </si>
  <si>
    <t>GGES 171/m A</t>
  </si>
  <si>
    <t>171/m A</t>
  </si>
  <si>
    <t>173/m</t>
  </si>
  <si>
    <t>Asma Ahmad</t>
  </si>
  <si>
    <t>GGES CHAK NO. 172/7-R</t>
  </si>
  <si>
    <t>172  /7R</t>
  </si>
  <si>
    <t>172  7/r</t>
  </si>
  <si>
    <t>172  7/7R</t>
  </si>
  <si>
    <t>185 7 /r</t>
  </si>
  <si>
    <t>GGES CHAK NO. 174 GB I</t>
  </si>
  <si>
    <t>Skaragian</t>
  </si>
  <si>
    <t>chak no 174/1gb</t>
  </si>
  <si>
    <t>174/1</t>
  </si>
  <si>
    <t>Iqra Tariq</t>
  </si>
  <si>
    <t>GGES CHAK NO. 175/M</t>
  </si>
  <si>
    <t>175M</t>
  </si>
  <si>
    <t>chak no 175 M dahranwala</t>
  </si>
  <si>
    <t>Chak No175 M</t>
  </si>
  <si>
    <t>167 M</t>
  </si>
  <si>
    <t>GGES CHAK NO. 18 JB</t>
  </si>
  <si>
    <t>HAMON  K</t>
  </si>
  <si>
    <t>GGES. 18. JB.  CHK. JHUMRA.  FSD</t>
  </si>
  <si>
    <t>Chak  No   18JB  Hmaun</t>
  </si>
  <si>
    <t>19  JB  Qader K</t>
  </si>
  <si>
    <t>ZAKIA FIRDOUS</t>
  </si>
  <si>
    <t>GGES CHAK NO. 19/1-L</t>
  </si>
  <si>
    <t>GGES 19/1L</t>
  </si>
  <si>
    <t>19/1L</t>
  </si>
  <si>
    <t>6/1L</t>
  </si>
  <si>
    <t>GGES CHAK NO. 195 JB</t>
  </si>
  <si>
    <t>GGES 195</t>
  </si>
  <si>
    <t>195 Bhallo</t>
  </si>
  <si>
    <t>Bhallo</t>
  </si>
  <si>
    <t>HUMAIRA JABEEN</t>
  </si>
  <si>
    <t>GGES CHAK NO. 196 EB</t>
  </si>
  <si>
    <t>Chak No. 196/EB</t>
  </si>
  <si>
    <t>Chak no. 196/EB Tehsil &amp; District Vehari</t>
  </si>
  <si>
    <t>Chak No. 194/EB</t>
  </si>
  <si>
    <t>Waheeda Parveen</t>
  </si>
  <si>
    <t>GGES CHAK NO. 197/HB</t>
  </si>
  <si>
    <t>Chak No 197/HB</t>
  </si>
  <si>
    <t>chak no 197/HB,post office 196/HB,tehsil fortabbas dist,BWN</t>
  </si>
  <si>
    <t>Chak No 204/9R</t>
  </si>
  <si>
    <t>rabia javed</t>
  </si>
  <si>
    <t>GGES CHAK NO. 199/8-R</t>
  </si>
  <si>
    <t>chak no 199/8r</t>
  </si>
  <si>
    <t>Sidra Nawaz</t>
  </si>
  <si>
    <t>GGES CHAK NO. 199/P</t>
  </si>
  <si>
    <t>chak # 199P</t>
  </si>
  <si>
    <t>199P</t>
  </si>
  <si>
    <t>Bandor Abbasian</t>
  </si>
  <si>
    <t>GGES CHAK NO. 2/4-L</t>
  </si>
  <si>
    <t>2/4-L Okara</t>
  </si>
  <si>
    <t>chak 2/4-L okara</t>
  </si>
  <si>
    <t>Asia Abrar</t>
  </si>
  <si>
    <t>GGES CHAK NO. 2/G</t>
  </si>
  <si>
    <t>2/g</t>
  </si>
  <si>
    <t>chak no. 2/G</t>
  </si>
  <si>
    <t>4/g</t>
  </si>
  <si>
    <t>GGES CHAK NO. 20</t>
  </si>
  <si>
    <t>Chak No 20</t>
  </si>
  <si>
    <t>Chak no 20</t>
  </si>
  <si>
    <t>Chak no  20</t>
  </si>
  <si>
    <t>Waraallam  Shah</t>
  </si>
  <si>
    <t>Tahira Kausar</t>
  </si>
  <si>
    <t>GGES CHAK NO. 200/M</t>
  </si>
  <si>
    <t>Chak 200 Murad</t>
  </si>
  <si>
    <t>chak 200 murad tehsil chishtian district bahawalnagar</t>
  </si>
  <si>
    <t>200 Murad</t>
  </si>
  <si>
    <t>Chak 177 Murad</t>
  </si>
  <si>
    <t>Saba Noreen</t>
  </si>
  <si>
    <t>GGES CHAK NO. 201/8-R P/O KHICHI WALA</t>
  </si>
  <si>
    <t>201/ 8R</t>
  </si>
  <si>
    <t>Chak No. 201/8R</t>
  </si>
  <si>
    <t>201/8R</t>
  </si>
  <si>
    <t>Saima Almas</t>
  </si>
  <si>
    <t>GGES CHAK NO. 202 M (EAST)</t>
  </si>
  <si>
    <t>202M E</t>
  </si>
  <si>
    <t>chak no 202 M E</t>
  </si>
  <si>
    <t>201M</t>
  </si>
  <si>
    <t>Misbah Rahat</t>
  </si>
  <si>
    <t>GGES CHAK NO. 203 M</t>
  </si>
  <si>
    <t>203M</t>
  </si>
  <si>
    <t>Chak 203M Markaz Dahranwala Tehsil Chishtian.</t>
  </si>
  <si>
    <t>Ayesha Khan</t>
  </si>
  <si>
    <t>GGES CHAK NO. 205/P</t>
  </si>
  <si>
    <t>205/</t>
  </si>
  <si>
    <t>p.o. 216/p chak205/p sdk ryk</t>
  </si>
  <si>
    <t>205/p</t>
  </si>
  <si>
    <t>264/</t>
  </si>
  <si>
    <t>Abida Yousaf</t>
  </si>
  <si>
    <t>GGES CHAK NO. 207/M</t>
  </si>
  <si>
    <t>Chak 207M</t>
  </si>
  <si>
    <t>chak 207/M tehsil chishtian distt bahwalnagar</t>
  </si>
  <si>
    <t>Chak 207/M</t>
  </si>
  <si>
    <t>Chak 201/M</t>
  </si>
  <si>
    <t>GGES CHAK NO. 208 M</t>
  </si>
  <si>
    <t>208/M</t>
  </si>
  <si>
    <t>GGES208/M POST OFFICE 207/M</t>
  </si>
  <si>
    <t>201/M</t>
  </si>
  <si>
    <t>Amina Naz</t>
  </si>
  <si>
    <t>GGES CHAK NO. 21 TDA</t>
  </si>
  <si>
    <t>21 TDA</t>
  </si>
  <si>
    <t>21 TDA P/O kohawarkalan ,Tehsil Darya khan,District Bhakkar</t>
  </si>
  <si>
    <t>Kohawarkalan</t>
  </si>
  <si>
    <t>REHANA SHAHEEN</t>
  </si>
  <si>
    <t>GGES CHAK NO. 21/4-L</t>
  </si>
  <si>
    <t>TABROOQ - FEMALE</t>
  </si>
  <si>
    <t>21/4L</t>
  </si>
  <si>
    <t>gges21/4L</t>
  </si>
  <si>
    <t>Chak#36A/4L</t>
  </si>
  <si>
    <t>Sadia Ashraf</t>
  </si>
  <si>
    <t>GGES CHAK NO. 21/G</t>
  </si>
  <si>
    <t>CTN -XVI-FEMALE</t>
  </si>
  <si>
    <t>21/G</t>
  </si>
  <si>
    <t>chak # 21/ G P / O 23 / G teh ctn district bwn</t>
  </si>
  <si>
    <t>21/ G</t>
  </si>
  <si>
    <t>42/ F</t>
  </si>
  <si>
    <t>Tabinda Iqbal</t>
  </si>
  <si>
    <t>GGES CHAK NO. 211/FA</t>
  </si>
  <si>
    <t>211 FA</t>
  </si>
  <si>
    <t>chak 211 FA TEHSIL CTN, P/O 95 F</t>
  </si>
  <si>
    <t>95 F</t>
  </si>
  <si>
    <t>GGES CHAK NO. 213/FA</t>
  </si>
  <si>
    <t>213/FA</t>
  </si>
  <si>
    <t>Muslam Town Dahranwala</t>
  </si>
  <si>
    <t>Nadia Ashraf</t>
  </si>
  <si>
    <t>GGES CHAK NO. 214 TDA</t>
  </si>
  <si>
    <t>214tda</t>
  </si>
  <si>
    <t>GG E/S 214/tda Teh MANKERA District BHAKKAR</t>
  </si>
  <si>
    <t>Naheed Ibrahim</t>
  </si>
  <si>
    <t>GGES CHAK NO. 216 EB</t>
  </si>
  <si>
    <t>govt. girls elementary school 216/EB Vehari</t>
  </si>
  <si>
    <t>Sundeel Akhtar</t>
  </si>
  <si>
    <t>GGES CHAK NO. 219 TDA</t>
  </si>
  <si>
    <t>93/ML FEMALE</t>
  </si>
  <si>
    <t>MOJ  ghar</t>
  </si>
  <si>
    <t>CHAK NO.219/TDA</t>
  </si>
  <si>
    <t>219/TDA</t>
  </si>
  <si>
    <t>93ML</t>
  </si>
  <si>
    <t>Yasmin Akhtar</t>
  </si>
  <si>
    <t>GGES CHAK NO. 222 A TDA</t>
  </si>
  <si>
    <t>Chak No. 222-A/TDA</t>
  </si>
  <si>
    <t>GGES Chak No. 222-A/TDA Tehsil Karor District Layyah</t>
  </si>
  <si>
    <t>Hanifa Sadiq</t>
  </si>
  <si>
    <t>GGES CHAK NO. 226 TDA RAMZAN DHIL WALA</t>
  </si>
  <si>
    <t>Karor Nashaib</t>
  </si>
  <si>
    <t>p|o karor city</t>
  </si>
  <si>
    <t>Chahramzan Dhill Wala Karor Nashaib</t>
  </si>
  <si>
    <t>Thall Jandi</t>
  </si>
  <si>
    <t>shameem akhtar</t>
  </si>
  <si>
    <t>GGES CHAK NO. 227-B/TDA</t>
  </si>
  <si>
    <t>chak no 227-B/TDA</t>
  </si>
  <si>
    <t>227-B/TDA</t>
  </si>
  <si>
    <t>Shoakatabad</t>
  </si>
  <si>
    <t>Vizra Anwar</t>
  </si>
  <si>
    <t>GGES CHAK NO. 228-A/TDA</t>
  </si>
  <si>
    <t>228-A/TDA</t>
  </si>
  <si>
    <t>GGES Chak No. 228-A/TDA, Tehsil Karor District Layyah</t>
  </si>
  <si>
    <t>Chak No 228-A/TDA</t>
  </si>
  <si>
    <t>Fateh Pur Rural</t>
  </si>
  <si>
    <t>Safia Ghafoor</t>
  </si>
  <si>
    <t>GGES CHAK NO. 23</t>
  </si>
  <si>
    <t>Chak23</t>
  </si>
  <si>
    <t>Chak 23</t>
  </si>
  <si>
    <t>Chak20ucc</t>
  </si>
  <si>
    <t>Farasat qaisra</t>
  </si>
  <si>
    <t>GGES CHAK NO. 23/G</t>
  </si>
  <si>
    <t>GGES 23/G Fareed kot</t>
  </si>
  <si>
    <t>Bushra Nazir</t>
  </si>
  <si>
    <t>GGES CHAK NO. 239 / EB</t>
  </si>
  <si>
    <t>239/EB</t>
  </si>
  <si>
    <t>gges 249/Eb</t>
  </si>
  <si>
    <t>nabila rasheed</t>
  </si>
  <si>
    <t>GGES CHAK NO. 24/D</t>
  </si>
  <si>
    <t>24 D</t>
  </si>
  <si>
    <t>24D</t>
  </si>
  <si>
    <t>Rubab Asim Ch</t>
  </si>
  <si>
    <t>GGES CHAK NO. 25 MB</t>
  </si>
  <si>
    <t>25 Mb</t>
  </si>
  <si>
    <t>teh quaidabad dist khushab</t>
  </si>
  <si>
    <t>Sidra Latif</t>
  </si>
  <si>
    <t>GGES CHAK NO. 25/D</t>
  </si>
  <si>
    <t>25/D</t>
  </si>
  <si>
    <t>25/D,Shergarh   Okara</t>
  </si>
  <si>
    <t>MustafaAbad</t>
  </si>
  <si>
    <t>GGES CHAK NO. 253 JB</t>
  </si>
  <si>
    <t>CHIMRAN WALI-FEMALE</t>
  </si>
  <si>
    <t>Nangay</t>
  </si>
  <si>
    <t>chak 253 jhang</t>
  </si>
  <si>
    <t>Chak 253</t>
  </si>
  <si>
    <t>Kiran Irshad</t>
  </si>
  <si>
    <t>GGES CHAK NO. 27/2-L</t>
  </si>
  <si>
    <t>27/2-L</t>
  </si>
  <si>
    <t>chak#27/2-L Renala khurd Okara</t>
  </si>
  <si>
    <t>Sobia Naz Qamar</t>
  </si>
  <si>
    <t>GGES CHAK NO. 27/G CHISHTIAN</t>
  </si>
  <si>
    <t>Chak 27/G</t>
  </si>
  <si>
    <t>chak no 27/G</t>
  </si>
  <si>
    <t>Chak 23/G</t>
  </si>
  <si>
    <t>SADAF ANWAR</t>
  </si>
  <si>
    <t>GGES CHAK NO. 278-A/TDA</t>
  </si>
  <si>
    <t>CHOWK AZAM - FEMALE</t>
  </si>
  <si>
    <t>CHAK NO 278A/TDA</t>
  </si>
  <si>
    <t>ADDA KOT MURAD CHAK NO 278A/TDA</t>
  </si>
  <si>
    <t>LALA ZAR</t>
  </si>
  <si>
    <t>Asma Tanveer</t>
  </si>
  <si>
    <t>GGES CHAK NO. 28/2-RA</t>
  </si>
  <si>
    <t>28/2 R Okara</t>
  </si>
  <si>
    <t>28/2 R okara</t>
  </si>
  <si>
    <t>25/2 R Okara</t>
  </si>
  <si>
    <t>Riffat Parveen</t>
  </si>
  <si>
    <t>GGES CHAK NO. 28/G</t>
  </si>
  <si>
    <t>28G</t>
  </si>
  <si>
    <t>GGES28g</t>
  </si>
  <si>
    <t>28g</t>
  </si>
  <si>
    <t>Misbah Ghafoor</t>
  </si>
  <si>
    <t>GGES CHAK NO. 285 / EB</t>
  </si>
  <si>
    <t>285 Eb</t>
  </si>
  <si>
    <t>Chak no 285/EB Burewala</t>
  </si>
  <si>
    <t>285/EB</t>
  </si>
  <si>
    <t>Zobia Afsheen</t>
  </si>
  <si>
    <t>GGES CHAK NO. 29</t>
  </si>
  <si>
    <t>MIANA GONDAL -I- FEMALE</t>
  </si>
  <si>
    <t>Chak No 29</t>
  </si>
  <si>
    <t>chak no 29</t>
  </si>
  <si>
    <t>Mona Saidan</t>
  </si>
  <si>
    <t>Ismat Parveen</t>
  </si>
  <si>
    <t>GGES CHAK NO. 290/TDA</t>
  </si>
  <si>
    <t>290tda</t>
  </si>
  <si>
    <t>g.g.e.s.290.tda</t>
  </si>
  <si>
    <t>Chak290tda</t>
  </si>
  <si>
    <t>Noshehra Thal Klan</t>
  </si>
  <si>
    <t>GGES CHAK NO. 295 EB</t>
  </si>
  <si>
    <t>295/eb</t>
  </si>
  <si>
    <t>Chak no 295/eb</t>
  </si>
  <si>
    <t>287/eb</t>
  </si>
  <si>
    <t>Saima Nawaz</t>
  </si>
  <si>
    <t>GGES CHAK NO. 3</t>
  </si>
  <si>
    <t>Chak 3</t>
  </si>
  <si>
    <t>chak 3</t>
  </si>
  <si>
    <t>Tasnim Kouser</t>
  </si>
  <si>
    <t>GGES CHAK NO. 3/4-R</t>
  </si>
  <si>
    <t>Salhi</t>
  </si>
  <si>
    <t>chak#3-4/R</t>
  </si>
  <si>
    <t>3-4/R</t>
  </si>
  <si>
    <t>Chak Farazi</t>
  </si>
  <si>
    <t>Tahira Yasin</t>
  </si>
  <si>
    <t>GGES CHAK NO. 3/A</t>
  </si>
  <si>
    <t>3/A</t>
  </si>
  <si>
    <t>Govt.elementry school chak 3/A Liaquat pur</t>
  </si>
  <si>
    <t>10/A</t>
  </si>
  <si>
    <t>GGES CHAK NO. 3/G</t>
  </si>
  <si>
    <t>3/g</t>
  </si>
  <si>
    <t>chack no 3/g p/o same tehsil chishtian district bahawalnagr</t>
  </si>
  <si>
    <t>Naheed Kousar</t>
  </si>
  <si>
    <t>GGES CHAK NO. 30/G</t>
  </si>
  <si>
    <t>chak no 30/g p.o 28/g Teh.Chishtian</t>
  </si>
  <si>
    <t>Chak Number 30/g</t>
  </si>
  <si>
    <t>Chak # 28/G</t>
  </si>
  <si>
    <t>Arfa Iqbal</t>
  </si>
  <si>
    <t>GGES CHAK NO. 306/TDA</t>
  </si>
  <si>
    <t>306tda</t>
  </si>
  <si>
    <t>chak no 306 tda teh karor district layyah</t>
  </si>
  <si>
    <t>Noshehra Thank Callan</t>
  </si>
  <si>
    <t>kalsoom Akhtar</t>
  </si>
  <si>
    <t>GGES CHAK NO. 308 HR</t>
  </si>
  <si>
    <t>308/HR</t>
  </si>
  <si>
    <t>GGES CHAK NO 308/HR</t>
  </si>
  <si>
    <t>Chak No 308/HR</t>
  </si>
  <si>
    <t>311/HR</t>
  </si>
  <si>
    <t>Rizwana Naz</t>
  </si>
  <si>
    <t>GGES CHAK NO. 31</t>
  </si>
  <si>
    <t>MIANA GONDAL-II- FEMALE</t>
  </si>
  <si>
    <t>Chak # 31</t>
  </si>
  <si>
    <t>tehseel malakwal distt mandi b.din</t>
  </si>
  <si>
    <t>Gunian</t>
  </si>
  <si>
    <t>Farida Nazir</t>
  </si>
  <si>
    <t>GGES CHAK NO. 311 HR</t>
  </si>
  <si>
    <t>chak No 311/H.R Tehsil fortAbbas District BWN</t>
  </si>
  <si>
    <t>GGES CHAK NO. 313 HR</t>
  </si>
  <si>
    <t>313/Hr</t>
  </si>
  <si>
    <t>Chak No 313/HR</t>
  </si>
  <si>
    <t>313/HR</t>
  </si>
  <si>
    <t>GGES CHAK NO. 319 /EB</t>
  </si>
  <si>
    <t>319/EB</t>
  </si>
  <si>
    <t>GGES 319/EB</t>
  </si>
  <si>
    <t>Rashida Tasneem</t>
  </si>
  <si>
    <t>GGES CHAK NO. 32</t>
  </si>
  <si>
    <t>Chak 32</t>
  </si>
  <si>
    <t>chak 32</t>
  </si>
  <si>
    <t>Phullani</t>
  </si>
  <si>
    <t>GGES CHAK NO. 32 SB</t>
  </si>
  <si>
    <t>Chak32sb</t>
  </si>
  <si>
    <t>chak32sb</t>
  </si>
  <si>
    <t>33sb</t>
  </si>
  <si>
    <t>Shahzana Zafar</t>
  </si>
  <si>
    <t>GGES CHAK NO. 33/3-R</t>
  </si>
  <si>
    <t>G.G.E.S 33/3r teh Hroonabad District Bahawlnagar</t>
  </si>
  <si>
    <t>GGES CHAK NO. 33/F</t>
  </si>
  <si>
    <t>Chak 33F</t>
  </si>
  <si>
    <t>GGES CHAK NO. 33/,F</t>
  </si>
  <si>
    <t>Chak 28G</t>
  </si>
  <si>
    <t>Aqsa Shahid</t>
  </si>
  <si>
    <t>GGES CHAK NO. 335 EB</t>
  </si>
  <si>
    <t>chalk #335/eb</t>
  </si>
  <si>
    <t>Rabia  Ejaz</t>
  </si>
  <si>
    <t>GGES CHAK NO. 339/HR</t>
  </si>
  <si>
    <t>chak 339 HR</t>
  </si>
  <si>
    <t>Maqssud Anjum</t>
  </si>
  <si>
    <t>GGES CHAK NO. 33-D</t>
  </si>
  <si>
    <t>33d</t>
  </si>
  <si>
    <t>GGES33d</t>
  </si>
  <si>
    <t>Qila Jwind Singh</t>
  </si>
  <si>
    <t>GGES CHAK NO. 34/3-R</t>
  </si>
  <si>
    <t>34/3r</t>
  </si>
  <si>
    <t>Govt girls elementary  school chak#34/3R haroonabad Bahawalnagar</t>
  </si>
  <si>
    <t>Chak No 34/3R</t>
  </si>
  <si>
    <t>chak no. 33/3R HND BWN</t>
  </si>
  <si>
    <t>shamila sardar</t>
  </si>
  <si>
    <t>GGES CHAK NO. 34/F</t>
  </si>
  <si>
    <t>34/f</t>
  </si>
  <si>
    <t>Chak no 34/f,P.O Same,Tehsil CTN, District BWN</t>
  </si>
  <si>
    <t>28/g</t>
  </si>
  <si>
    <t>Anila Anjum</t>
  </si>
  <si>
    <t>GGES CHAK NO. 340/HR</t>
  </si>
  <si>
    <t>340 HR</t>
  </si>
  <si>
    <t>chak no. 340 HR tehseel fortabbas district bwn</t>
  </si>
  <si>
    <t>Chk No 327</t>
  </si>
  <si>
    <t>Jannat Khan</t>
  </si>
  <si>
    <t>GGES CHAK NO. 341/TDA</t>
  </si>
  <si>
    <t>chak no 341 tda layyah</t>
  </si>
  <si>
    <t>341 Tda</t>
  </si>
  <si>
    <t>Najma Nazir</t>
  </si>
  <si>
    <t>GGES CHAK NO. 344 GB</t>
  </si>
  <si>
    <t>Chak 344gb</t>
  </si>
  <si>
    <t>GGES344 gb</t>
  </si>
  <si>
    <t>344gb</t>
  </si>
  <si>
    <t>316gb</t>
  </si>
  <si>
    <t>Naila Andleeb</t>
  </si>
  <si>
    <t>GGES CHAK NO. 35/3-R</t>
  </si>
  <si>
    <t>35/3r</t>
  </si>
  <si>
    <t>chak no 35/3r Tehseel HND District BWN</t>
  </si>
  <si>
    <t>Chak No 35/3r</t>
  </si>
  <si>
    <t>Shaista Ehsan</t>
  </si>
  <si>
    <t>we bring water from water plant</t>
  </si>
  <si>
    <t>GGES CHAK NO. 35/P KHANPUR</t>
  </si>
  <si>
    <t>DERA MUHAMMAD ISMAIL-FEMALE</t>
  </si>
  <si>
    <t>Chak35p</t>
  </si>
  <si>
    <t>Mahnaz Akhtar</t>
  </si>
  <si>
    <t>GGES CHAK NO. 353/TDA SABOWAL</t>
  </si>
  <si>
    <t>Chak No 353/TDA</t>
  </si>
  <si>
    <t>393 Goly Wala</t>
  </si>
  <si>
    <t>irshad bibi</t>
  </si>
  <si>
    <t>GGES CHAK NO. 37/D</t>
  </si>
  <si>
    <t>37/D</t>
  </si>
  <si>
    <t>38 D kalan</t>
  </si>
  <si>
    <t>Samina Arshad</t>
  </si>
  <si>
    <t>GGES CHAK NO. 38</t>
  </si>
  <si>
    <t>Chak # 38</t>
  </si>
  <si>
    <t>chk#38 tehsil pattoki distt kasur</t>
  </si>
  <si>
    <t>chak # 38</t>
  </si>
  <si>
    <t>awan</t>
  </si>
  <si>
    <t>naheed fatima</t>
  </si>
  <si>
    <t>GGES CHAK NO. 38 GHARBI</t>
  </si>
  <si>
    <t>Chak #38 Garbi</t>
  </si>
  <si>
    <t>chak#38 Garbi Teh&amp; district M.B.Din</t>
  </si>
  <si>
    <t>Zaib Un Nissa</t>
  </si>
  <si>
    <t>GGES CHAK NO. 38 SHARQI</t>
  </si>
  <si>
    <t>Chak No 38 sharqi</t>
  </si>
  <si>
    <t>Chak no 38 sharqi</t>
  </si>
  <si>
    <t>Chak No 38 Sharqi</t>
  </si>
  <si>
    <t>Asma Shahnaz</t>
  </si>
  <si>
    <t>GGES CHAK NO. 39/D</t>
  </si>
  <si>
    <t>PIPLI PAHAR - FEMALE</t>
  </si>
  <si>
    <t>39-d</t>
  </si>
  <si>
    <t>40-d</t>
  </si>
  <si>
    <t>Shehlla Perveen</t>
  </si>
  <si>
    <t>GGES CHAK NO. 4/1-L</t>
  </si>
  <si>
    <t>4/1L</t>
  </si>
  <si>
    <t>GGES 4/1.L</t>
  </si>
  <si>
    <t>Rahat Nasreen</t>
  </si>
  <si>
    <t>GGES CHAK NO. 4/FW</t>
  </si>
  <si>
    <t>4/fw</t>
  </si>
  <si>
    <t>Ctn Urban 2</t>
  </si>
  <si>
    <t>Nusrat Noor</t>
  </si>
  <si>
    <t>GGES CHAK NO. 41 UCC</t>
  </si>
  <si>
    <t>Chak 41</t>
  </si>
  <si>
    <t>Chak 41 Tehsil Ferozwala District Sheikhupura</t>
  </si>
  <si>
    <t>Shazia Wazir Ali</t>
  </si>
  <si>
    <t>GGES CHAK NO. 42/2-L</t>
  </si>
  <si>
    <t>42/2L Okara</t>
  </si>
  <si>
    <t>GGES 42/2L Okara</t>
  </si>
  <si>
    <t>44/2L Okara</t>
  </si>
  <si>
    <t>Nasreen Abbas Malaik</t>
  </si>
  <si>
    <t>GGES CHAK NO. 42/F</t>
  </si>
  <si>
    <t>Chak No 42f</t>
  </si>
  <si>
    <t>GGES 42F Post office chak no 43f  Tehsil  Chishtian BWN</t>
  </si>
  <si>
    <t>Robina  Shaheen</t>
  </si>
  <si>
    <t>GGES CHAK NO. 43 DB</t>
  </si>
  <si>
    <t>Chak Number 43DB</t>
  </si>
  <si>
    <t>Chak number 43DB khushab</t>
  </si>
  <si>
    <t>43DB khushab</t>
  </si>
  <si>
    <t>Qurat-ul-Ain</t>
  </si>
  <si>
    <t>GGES CHAK NO. 430/6-R</t>
  </si>
  <si>
    <t>430/6r</t>
  </si>
  <si>
    <t>chak no 430/6r hnd  bwn</t>
  </si>
  <si>
    <t>432/6r</t>
  </si>
  <si>
    <t>nighat altaf</t>
  </si>
  <si>
    <t>GGES CHAK NO. 44</t>
  </si>
  <si>
    <t>DHUNNI KALAN -FEMALE</t>
  </si>
  <si>
    <t>Vpo CHAK 44</t>
  </si>
  <si>
    <t>Vpo CHAK 44 TEHSIL PHALIA DISTRICT MANDI</t>
  </si>
  <si>
    <t>Mumdana</t>
  </si>
  <si>
    <t>Maryam Nadir</t>
  </si>
  <si>
    <t>GGES CHAK NO. 44/F</t>
  </si>
  <si>
    <t>chak no 44 / f chishtian</t>
  </si>
  <si>
    <t>44/F</t>
  </si>
  <si>
    <t>45/F</t>
  </si>
  <si>
    <t>GGES CHAK NO. 44/SP WALTOYA</t>
  </si>
  <si>
    <t>44/SP WALTOIA</t>
  </si>
  <si>
    <t>Chak 44/SP WALTOIA post office Haveli lakha .Teh. Depalpur Dist. okara</t>
  </si>
  <si>
    <t>44/SP</t>
  </si>
  <si>
    <t>1/SP Wasawe Wala</t>
  </si>
  <si>
    <t>GGES CHAK NO. 47</t>
  </si>
  <si>
    <t>Chak No 47</t>
  </si>
  <si>
    <t>chak no .47 tehsil malakwal district .Mandi Bahauddin</t>
  </si>
  <si>
    <t>Anbreen Iqbal</t>
  </si>
  <si>
    <t>GGES CHAK NO. 47/F</t>
  </si>
  <si>
    <t>47/f</t>
  </si>
  <si>
    <t>Chak no 47/F dakhana o tahsil chishtian</t>
  </si>
  <si>
    <t>48/f</t>
  </si>
  <si>
    <t>Rahat Parveen</t>
  </si>
  <si>
    <t>GGES CHAK NO. 473 EB</t>
  </si>
  <si>
    <t>GGES Chak no 473 eb</t>
  </si>
  <si>
    <t>473/Eb</t>
  </si>
  <si>
    <t>457/Eb</t>
  </si>
  <si>
    <t>Surriya BiBi</t>
  </si>
  <si>
    <t>GGES CHAK NO. 48 TDA</t>
  </si>
  <si>
    <t>KOTLA JAM-FEMALE</t>
  </si>
  <si>
    <t>Chak No 48tda</t>
  </si>
  <si>
    <t>GGES/48tda</t>
  </si>
  <si>
    <t>60-61/ML</t>
  </si>
  <si>
    <t>Ameena Naz</t>
  </si>
  <si>
    <t>GGES CHAK NO. 48/F</t>
  </si>
  <si>
    <t>chak 48/f</t>
  </si>
  <si>
    <t>Chak 48/f</t>
  </si>
  <si>
    <t>GGES CHAK NO. 49/3-R</t>
  </si>
  <si>
    <t>Chak No 49/3R</t>
  </si>
  <si>
    <t>chak no 49/3_R</t>
  </si>
  <si>
    <t>GGES CHAK NO. 5 FORDWAH</t>
  </si>
  <si>
    <t>5FORDWAH</t>
  </si>
  <si>
    <t>GGES.5FORDWAH</t>
  </si>
  <si>
    <t>Tahira khan</t>
  </si>
  <si>
    <t>GGES CHAK NO. 50/DB MUMTAZ ABAD</t>
  </si>
  <si>
    <t>50 Db</t>
  </si>
  <si>
    <t>chak 50 d.b</t>
  </si>
  <si>
    <t>Chak 50 Db Basti Mumtazabad</t>
  </si>
  <si>
    <t>Chak 50 DB</t>
  </si>
  <si>
    <t>GGES CHAK NO. 50/F</t>
  </si>
  <si>
    <t>54F</t>
  </si>
  <si>
    <t>Chak no. 50 F chishtian</t>
  </si>
  <si>
    <t>50F</t>
  </si>
  <si>
    <t>54 Fateh</t>
  </si>
  <si>
    <t>GGES CHAK NO. 501/EB</t>
  </si>
  <si>
    <t>chak no 501 /EB Burewala</t>
  </si>
  <si>
    <t>501/EB</t>
  </si>
  <si>
    <t>499/EB</t>
  </si>
  <si>
    <t>Shaheen Khalid</t>
  </si>
  <si>
    <t>GGES CHAK NO. 507 GB</t>
  </si>
  <si>
    <t>Rattan Gar</t>
  </si>
  <si>
    <t>chak No. 507 GB</t>
  </si>
  <si>
    <t>507 GB</t>
  </si>
  <si>
    <t>Sidra Fatima</t>
  </si>
  <si>
    <t>GGES CHAK NO. 507 TDA</t>
  </si>
  <si>
    <t>SHABIR ABAD- FEMALE</t>
  </si>
  <si>
    <t>Chak 507 TDA</t>
  </si>
  <si>
    <t>Chak 507/TDA</t>
  </si>
  <si>
    <t>Musarat Bibi</t>
  </si>
  <si>
    <t>GGES CHAK NO. 52</t>
  </si>
  <si>
    <t>MALIKWAL-IV - FEMALE</t>
  </si>
  <si>
    <t>Chak 52</t>
  </si>
  <si>
    <t>chak 52 malakwal MB.din</t>
  </si>
  <si>
    <t>mona syedan</t>
  </si>
  <si>
    <t>Syeda Farwa Rubab</t>
  </si>
  <si>
    <t>GGES CHAK NO. 521/TDA</t>
  </si>
  <si>
    <t>521 Tda</t>
  </si>
  <si>
    <t>GGES chak no 521tda</t>
  </si>
  <si>
    <t>Chak No 521tda</t>
  </si>
  <si>
    <t>Asma Aziz</t>
  </si>
  <si>
    <t>GGES CHAK NO. 523/ EB</t>
  </si>
  <si>
    <t>Chak #523 /EB</t>
  </si>
  <si>
    <t>GGES 523 /EB</t>
  </si>
  <si>
    <t>Chak #523/Eb</t>
  </si>
  <si>
    <t>Farzana Khatoon</t>
  </si>
  <si>
    <t>GGES CHAK NO. 529/EB</t>
  </si>
  <si>
    <t>Konja Wala</t>
  </si>
  <si>
    <t>529/EB burewala</t>
  </si>
  <si>
    <t>Naseem Tariq</t>
  </si>
  <si>
    <t>GGES CHAK NO. 533 TDA</t>
  </si>
  <si>
    <t>Kuachi</t>
  </si>
  <si>
    <t>chak no 533 tda</t>
  </si>
  <si>
    <t>Chak No 533 TDA</t>
  </si>
  <si>
    <t>Farkhanda Younes</t>
  </si>
  <si>
    <t>GGES CHAK NO. 547 TDA</t>
  </si>
  <si>
    <t>CHOWK SARWAR SHAHEED- FEMALE</t>
  </si>
  <si>
    <t>Chak#633/tda</t>
  </si>
  <si>
    <t>chak #633/tda tehsil kot adu Dist. muzafrgarh</t>
  </si>
  <si>
    <t>Chak#632/tda</t>
  </si>
  <si>
    <t>Sobia Qasim</t>
  </si>
  <si>
    <t>GGES CHAK NO. 55/P</t>
  </si>
  <si>
    <t>55/P</t>
  </si>
  <si>
    <t>Chak 55/P RYK</t>
  </si>
  <si>
    <t>Chak 55/P</t>
  </si>
  <si>
    <t>51/P</t>
  </si>
  <si>
    <t>Abida Manzoor</t>
  </si>
  <si>
    <t>GGES CHAK NO. 573 TDA</t>
  </si>
  <si>
    <t>573tda</t>
  </si>
  <si>
    <t>chok sarwar shaheed</t>
  </si>
  <si>
    <t>567tda</t>
  </si>
  <si>
    <t>If at Mamuna</t>
  </si>
  <si>
    <t>GGES CHAK NO. 577 EB</t>
  </si>
  <si>
    <t>577/e b</t>
  </si>
  <si>
    <t>Chak no 577/e b</t>
  </si>
  <si>
    <t>19/w b</t>
  </si>
  <si>
    <t>Musarat Rani</t>
  </si>
  <si>
    <t>GGES CHAK NO. 59 D</t>
  </si>
  <si>
    <t>CHAKBEDI 4 - FEMALE</t>
  </si>
  <si>
    <t>59d</t>
  </si>
  <si>
    <t>59/d</t>
  </si>
  <si>
    <t>Heela Watwan</t>
  </si>
  <si>
    <t>Samia Sajid</t>
  </si>
  <si>
    <t>GGES CHAK NO. 59,60</t>
  </si>
  <si>
    <t>Chak No 59/60</t>
  </si>
  <si>
    <t>Elementary school chak no 59/60</t>
  </si>
  <si>
    <t>Zafar Kay</t>
  </si>
  <si>
    <t>Kousar Bashir</t>
  </si>
  <si>
    <t>GGES CHAK NO. 61 TDA</t>
  </si>
  <si>
    <t>60-61TDA</t>
  </si>
  <si>
    <t>GGES  chak no 60-61 TDA</t>
  </si>
  <si>
    <t>60-61 TDA</t>
  </si>
  <si>
    <t>Mubashra Rubab</t>
  </si>
  <si>
    <t>GGES CHAK NO. 61/4-R</t>
  </si>
  <si>
    <t>HND-4-FEMALE</t>
  </si>
  <si>
    <t>Chak No 61/4R</t>
  </si>
  <si>
    <t>Chak no 61/4R haroonabad</t>
  </si>
  <si>
    <t>61/4R</t>
  </si>
  <si>
    <t>Naeem Kausar</t>
  </si>
  <si>
    <t>GGES CHAK NO. 63/P</t>
  </si>
  <si>
    <t>chak 63p</t>
  </si>
  <si>
    <t>sehja</t>
  </si>
  <si>
    <t>Sammia Khalil</t>
  </si>
  <si>
    <t>GGES CHAK NO. 638 TDA</t>
  </si>
  <si>
    <t>638/TDA</t>
  </si>
  <si>
    <t>Chack No. 638 TDA</t>
  </si>
  <si>
    <t>GGES CHAK NO. 65/F</t>
  </si>
  <si>
    <t>TAIL FATEH - FEMALE</t>
  </si>
  <si>
    <t>Faty Pol</t>
  </si>
  <si>
    <t>GGES65/fhasilpur</t>
  </si>
  <si>
    <t>65/f Colony</t>
  </si>
  <si>
    <t>Chak No71/f</t>
  </si>
  <si>
    <t>GGES CHAK NO. 69/M TEH. JALALPUR PIRWALA</t>
  </si>
  <si>
    <t>Chak 69/M</t>
  </si>
  <si>
    <t>chak 69/M jppw</t>
  </si>
  <si>
    <t>Mian Pur Bely Wala</t>
  </si>
  <si>
    <t>Nuzhat Wahab</t>
  </si>
  <si>
    <t>GGES CHAK NO. 7</t>
  </si>
  <si>
    <t>C. NO.III MALIKWAL - FEMALE</t>
  </si>
  <si>
    <t>Chak No 7</t>
  </si>
  <si>
    <t>Chak no 7aheeranwala district mandibahauldin</t>
  </si>
  <si>
    <t>Zahida Khanum</t>
  </si>
  <si>
    <t>GGES CHAK NO. 7 SB SYEDAN WALA</t>
  </si>
  <si>
    <t>7/sb</t>
  </si>
  <si>
    <t>chak#7/sb syedan wala</t>
  </si>
  <si>
    <t>Chak7/sb</t>
  </si>
  <si>
    <t>Chak# 9/nb</t>
  </si>
  <si>
    <t>Shazia Mehnaz</t>
  </si>
  <si>
    <t>GGES CHAK NO. 7 TDA</t>
  </si>
  <si>
    <t>7 TDA</t>
  </si>
  <si>
    <t>GGES Chak NO.7 TDA</t>
  </si>
  <si>
    <t>Chak NO 7/tda</t>
  </si>
  <si>
    <t>6/TDA</t>
  </si>
  <si>
    <t>rafia mehmood</t>
  </si>
  <si>
    <t>GGES CHAK NO. 7/4-L</t>
  </si>
  <si>
    <t>Chk No 7/4L</t>
  </si>
  <si>
    <t>GGES 7/4L Okara</t>
  </si>
  <si>
    <t>Chak No 7/4L</t>
  </si>
  <si>
    <t>9/4l</t>
  </si>
  <si>
    <t>GGES CHAK NO. 73/4-R</t>
  </si>
  <si>
    <t>Chak 73/4R</t>
  </si>
  <si>
    <t>Chak no. 73/4R, Haroonabad</t>
  </si>
  <si>
    <t>73/4R</t>
  </si>
  <si>
    <t>NAYYAR TARIQ</t>
  </si>
  <si>
    <t>GGES CHAK NO. 73/DB</t>
  </si>
  <si>
    <t>73/db</t>
  </si>
  <si>
    <t>gges 73/db</t>
  </si>
  <si>
    <t>Naheed Musarrat</t>
  </si>
  <si>
    <t>GGES CHAK NO. 75 WB</t>
  </si>
  <si>
    <t>75wb</t>
  </si>
  <si>
    <t>chak # 75/wb</t>
  </si>
  <si>
    <t>Chak #75/wb</t>
  </si>
  <si>
    <t>Azra Firdous</t>
  </si>
  <si>
    <t>GGES CHAK NO. 75-B/ TDA</t>
  </si>
  <si>
    <t>gges 75 b tda</t>
  </si>
  <si>
    <t>75btda</t>
  </si>
  <si>
    <t>93ml</t>
  </si>
  <si>
    <t>Rabia kareem</t>
  </si>
  <si>
    <t>GGES CHAK NO. 76/4-R AB</t>
  </si>
  <si>
    <t>Chak no 76/4R A-B</t>
  </si>
  <si>
    <t>Nusrat Shahid</t>
  </si>
  <si>
    <t>GGES CHAK NO. 78/D</t>
  </si>
  <si>
    <t>Chak No 78/D</t>
  </si>
  <si>
    <t>GGES 78/D Pakpattan</t>
  </si>
  <si>
    <t>78/D</t>
  </si>
  <si>
    <t>Samina Saqib</t>
  </si>
  <si>
    <t>GGES CHAK NO. 78/P</t>
  </si>
  <si>
    <t>78 P</t>
  </si>
  <si>
    <t>chak no 78 p</t>
  </si>
  <si>
    <t>GGES CHAK NO. 79/A</t>
  </si>
  <si>
    <t>Chak 79/A</t>
  </si>
  <si>
    <t>GGES Chak 79/A feroza</t>
  </si>
  <si>
    <t>Hafsa Ashhed</t>
  </si>
  <si>
    <t>GGES CHAK NO. 8/P</t>
  </si>
  <si>
    <t>chak 8p</t>
  </si>
  <si>
    <t>Chak 8p</t>
  </si>
  <si>
    <t>Bhata Shaikhan</t>
  </si>
  <si>
    <t>Zubaida Khatoon</t>
  </si>
  <si>
    <t>GGES CHAK NO. 82 JB II</t>
  </si>
  <si>
    <t>82 Jbll</t>
  </si>
  <si>
    <t>Chak no. 82 jb ll, norangaabad</t>
  </si>
  <si>
    <t>82 JB Il</t>
  </si>
  <si>
    <t>82jb I Jgtpur</t>
  </si>
  <si>
    <t>samira tajjamal</t>
  </si>
  <si>
    <t>GGES CHAK NO. 87/P</t>
  </si>
  <si>
    <t>87/p</t>
  </si>
  <si>
    <t>GGES chak 87/p</t>
  </si>
  <si>
    <t>Chak 87/p</t>
  </si>
  <si>
    <t>Sadia  Perveen</t>
  </si>
  <si>
    <t>GGES CHAK NO. 9/BC</t>
  </si>
  <si>
    <t>Chak No 9 Bc</t>
  </si>
  <si>
    <t>GGe/s chak no 9 bc bahawalpur</t>
  </si>
  <si>
    <t>Misbah Khawar</t>
  </si>
  <si>
    <t>GGES CHAK NO. 9/P</t>
  </si>
  <si>
    <t>MUD BHOORA - FEMALE</t>
  </si>
  <si>
    <t>Mudbhora</t>
  </si>
  <si>
    <t>GGES9P</t>
  </si>
  <si>
    <t>Chalk9p</t>
  </si>
  <si>
    <t>Mhdbhora</t>
  </si>
  <si>
    <t>Zeba Iqbal</t>
  </si>
  <si>
    <t>GGES CHAK NO. 90/5-R CH</t>
  </si>
  <si>
    <t>90/5R</t>
  </si>
  <si>
    <t>chak No. 90/5R</t>
  </si>
  <si>
    <t>GGES CHAK NO. 90/6-R</t>
  </si>
  <si>
    <t>90/6-R</t>
  </si>
  <si>
    <t>90/6-R sahiwal</t>
  </si>
  <si>
    <t>90/6-R Sahiwal</t>
  </si>
  <si>
    <t>89/6-R</t>
  </si>
  <si>
    <t>RIFFAT MUSTAFA</t>
  </si>
  <si>
    <t>GGES CHAK NO. 90-A TDA</t>
  </si>
  <si>
    <t>90A/TDA</t>
  </si>
  <si>
    <t>CHAK NO  90A/TDA</t>
  </si>
  <si>
    <t>98 Ml</t>
  </si>
  <si>
    <t>Afifa Mehboob</t>
  </si>
  <si>
    <t>GGES CHAK NO. 92 /ML</t>
  </si>
  <si>
    <t>92ml</t>
  </si>
  <si>
    <t>chak no 92 ml teh karor dist layyah</t>
  </si>
  <si>
    <t>92m</t>
  </si>
  <si>
    <t>mudasra tayyab</t>
  </si>
  <si>
    <t>GGES CHAK NO. 93/1-L</t>
  </si>
  <si>
    <t>Baghobahar</t>
  </si>
  <si>
    <t>chak no 93 1L bagho.o.bahar  p/o bagh o.bahar  khanpur</t>
  </si>
  <si>
    <t>Chak No 93 1L</t>
  </si>
  <si>
    <t>Tahira Anwer</t>
  </si>
  <si>
    <t>GGES CHAK NO. 93/F</t>
  </si>
  <si>
    <t>93 Fateh</t>
  </si>
  <si>
    <t>chak no 93/f tehsil chishtian. district bahawalnagar</t>
  </si>
  <si>
    <t>Chak 93/F</t>
  </si>
  <si>
    <t>95/f</t>
  </si>
  <si>
    <t>Saira Nasim</t>
  </si>
  <si>
    <t>GGES CHAK NO. 94 FATEH</t>
  </si>
  <si>
    <t>94/F</t>
  </si>
  <si>
    <t>chak no 94/f P/o 95/f</t>
  </si>
  <si>
    <t>94/f</t>
  </si>
  <si>
    <t>Adeeba Parveen</t>
  </si>
  <si>
    <t>GGES CHAK NO. 94/6-R</t>
  </si>
  <si>
    <t>94-6r</t>
  </si>
  <si>
    <t>Dakkhana khas 94-6R</t>
  </si>
  <si>
    <t>Zahida perveen</t>
  </si>
  <si>
    <t>GGES CHAK NO. 94/NP</t>
  </si>
  <si>
    <t>Chak No 94/np</t>
  </si>
  <si>
    <t>GGES CHAK NO.94/P</t>
  </si>
  <si>
    <t>Chak No 94/NP</t>
  </si>
  <si>
    <t>Chak 94/NP</t>
  </si>
  <si>
    <t>Zahra Iqbal</t>
  </si>
  <si>
    <t>GGES CHAK NO. 95/12-L</t>
  </si>
  <si>
    <t>chak # 95/12.l chichawatni</t>
  </si>
  <si>
    <t>95/12l</t>
  </si>
  <si>
    <t>93/12l</t>
  </si>
  <si>
    <t>GGES CHAK NO. 96/DNB</t>
  </si>
  <si>
    <t>MERANA - FEMALE</t>
  </si>
  <si>
    <t>96 Dnb</t>
  </si>
  <si>
    <t>Chak no 96 dnb</t>
  </si>
  <si>
    <t>Chak No 96 Dnb</t>
  </si>
  <si>
    <t>Derawar</t>
  </si>
  <si>
    <t>Aqeela Altaf</t>
  </si>
  <si>
    <t>GGES CHAK NO. 97/F</t>
  </si>
  <si>
    <t>Chak No 97/f</t>
  </si>
  <si>
    <t>GGES Chak No 97/f</t>
  </si>
  <si>
    <t>Chak No 98/f</t>
  </si>
  <si>
    <t>Shabnam Ara</t>
  </si>
  <si>
    <t>GGES CHAK NO. 98/F</t>
  </si>
  <si>
    <t>CHAK NO 98/F</t>
  </si>
  <si>
    <t>CHAK  98/F</t>
  </si>
  <si>
    <t>CHAK NO.98/F</t>
  </si>
  <si>
    <t>ZAHIDA PARVEEN</t>
  </si>
  <si>
    <t>GGES CHAK NO. 99/P</t>
  </si>
  <si>
    <t>99 P</t>
  </si>
  <si>
    <t>chak 99p rahim yar khan</t>
  </si>
  <si>
    <t>Chak 99p</t>
  </si>
  <si>
    <t>Perveen Akhtar</t>
  </si>
  <si>
    <t>GGES CHAK NO.1 HANSE MULTAN</t>
  </si>
  <si>
    <t>Chak  no. 1 Hans p/o cot Abbas shahid Multan</t>
  </si>
  <si>
    <t>Kurri Tumak</t>
  </si>
  <si>
    <t>Mirfat Rasool</t>
  </si>
  <si>
    <t>GGES CHAK NO.1 JB</t>
  </si>
  <si>
    <t>Chak 1 Jb</t>
  </si>
  <si>
    <t>chak no. 1jb fsd</t>
  </si>
  <si>
    <t>Chak No 1 Jb</t>
  </si>
  <si>
    <t>Tannaza Batool</t>
  </si>
  <si>
    <t>GGES CHAK NO.10 SB</t>
  </si>
  <si>
    <t>Chak 10 Sb</t>
  </si>
  <si>
    <t>chak 10 sb tehsil kitmoman dstt sargodha</t>
  </si>
  <si>
    <t>Devidas Pura</t>
  </si>
  <si>
    <t>GGES CHAK NO.10/1L</t>
  </si>
  <si>
    <t>10/1L</t>
  </si>
  <si>
    <t>GGES 10/1L Renala Khurd</t>
  </si>
  <si>
    <t>Nasreen Azmat</t>
  </si>
  <si>
    <t>GGES CHAK NO.10/P</t>
  </si>
  <si>
    <t>chak no 10p, p/o mudbhora</t>
  </si>
  <si>
    <t>Chak No 10p</t>
  </si>
  <si>
    <t>Mudbhoora</t>
  </si>
  <si>
    <t>Robina Asghar</t>
  </si>
  <si>
    <t>GGES CHAK NO.100 NB</t>
  </si>
  <si>
    <t>Chakno100nbSAR</t>
  </si>
  <si>
    <t>chakno100nbSARGODHA</t>
  </si>
  <si>
    <t>Chakno100nbSARGO</t>
  </si>
  <si>
    <t>Rukhana Yasmeen</t>
  </si>
  <si>
    <t>GGES CHAK NO.101 SB</t>
  </si>
  <si>
    <t>101sb</t>
  </si>
  <si>
    <t>gges 101 s,b sargodha</t>
  </si>
  <si>
    <t>101 Sb</t>
  </si>
  <si>
    <t>100 Sb</t>
  </si>
  <si>
    <t>Aqdas Zahra</t>
  </si>
  <si>
    <t>GGES CHAK NO.101/ML</t>
  </si>
  <si>
    <t>101/ML</t>
  </si>
  <si>
    <t>chak # 101/M.L tehsil karor district layyah</t>
  </si>
  <si>
    <t>98/ML</t>
  </si>
  <si>
    <t>Talaat Naheed</t>
  </si>
  <si>
    <t>GGES CHAK NO.103/ML</t>
  </si>
  <si>
    <t>103ml</t>
  </si>
  <si>
    <t>chak 103 ml</t>
  </si>
  <si>
    <t>103 Ml</t>
  </si>
  <si>
    <t>Madiha Qadir</t>
  </si>
  <si>
    <t>GGES CHAK NO.105/DB</t>
  </si>
  <si>
    <t>TAIL WALA - FEMALE</t>
  </si>
  <si>
    <t>Chak No 105 Db</t>
  </si>
  <si>
    <t>chak no 105 db</t>
  </si>
  <si>
    <t>105 Db</t>
  </si>
  <si>
    <t>106 Db</t>
  </si>
  <si>
    <t>Nazia Emmanuel</t>
  </si>
  <si>
    <t>GGES CHAK NO.105/DNB</t>
  </si>
  <si>
    <t>98/DNB</t>
  </si>
  <si>
    <t>chak no 105/DNB TEHSIL YAZMAN</t>
  </si>
  <si>
    <t>105/DNB</t>
  </si>
  <si>
    <t>Fozia Muzaffar</t>
  </si>
  <si>
    <t>GGES CHAK NO.105/ML</t>
  </si>
  <si>
    <t>105/ ML</t>
  </si>
  <si>
    <t>Chak#105/M.L Tehsil Karor District Layyah</t>
  </si>
  <si>
    <t>105 /ML</t>
  </si>
  <si>
    <t>Attia Parveen</t>
  </si>
  <si>
    <t>GGES CHAK NO.106 EB</t>
  </si>
  <si>
    <t>106/eb</t>
  </si>
  <si>
    <t>Chak No.106/eb Burewala</t>
  </si>
  <si>
    <t>Chak 106/EB</t>
  </si>
  <si>
    <t>Chak 124/eb</t>
  </si>
  <si>
    <t>Faiza Farooq</t>
  </si>
  <si>
    <t>GGES CHAK NO.106 NB</t>
  </si>
  <si>
    <t>Chak No 106 Nb Sargodha</t>
  </si>
  <si>
    <t>chak no 106 nb sargodha</t>
  </si>
  <si>
    <t>Chak No 97 Nb Sargodha</t>
  </si>
  <si>
    <t>Ayesha Hussain</t>
  </si>
  <si>
    <t>GGES CHAK NO.106 SB</t>
  </si>
  <si>
    <t>CHAK 46-SB - FEMALE</t>
  </si>
  <si>
    <t>106sb</t>
  </si>
  <si>
    <t>gges106 S.b</t>
  </si>
  <si>
    <t>Sajida Jamil</t>
  </si>
  <si>
    <t>GGES CHAK NO.106/DNB</t>
  </si>
  <si>
    <t>106/DNB</t>
  </si>
  <si>
    <t>GGES 106/Dnb</t>
  </si>
  <si>
    <t>Shaheen Razzaq</t>
  </si>
  <si>
    <t>GGES CHAK NO.106/WB</t>
  </si>
  <si>
    <t>106/wb</t>
  </si>
  <si>
    <t>chak#106/wb</t>
  </si>
  <si>
    <t>124/wb</t>
  </si>
  <si>
    <t>Farzana Ghafoor</t>
  </si>
  <si>
    <t>GGES CHAK NO.107/TDA</t>
  </si>
  <si>
    <t>thal</t>
  </si>
  <si>
    <t>chak no 107/TDA karor</t>
  </si>
  <si>
    <t>chak no 107/tDA</t>
  </si>
  <si>
    <t>gray wala</t>
  </si>
  <si>
    <t>GGES CHAK NO.108 NB</t>
  </si>
  <si>
    <t>chak no.108 NB Sargodha</t>
  </si>
  <si>
    <t>108 NB</t>
  </si>
  <si>
    <t>103NB</t>
  </si>
  <si>
    <t>Samia Imtiaz</t>
  </si>
  <si>
    <t>GGES CHAK NO.109 NB</t>
  </si>
  <si>
    <t>109 Nb</t>
  </si>
  <si>
    <t>chak no 109 nb tehsil sargodha</t>
  </si>
  <si>
    <t>Naila Kanwal</t>
  </si>
  <si>
    <t>GGES CHAK NO.11</t>
  </si>
  <si>
    <t>Chak No11</t>
  </si>
  <si>
    <t>chak no 11</t>
  </si>
  <si>
    <t>Nadra Nawaz</t>
  </si>
  <si>
    <t>GGES CHAK NO.11 ML</t>
  </si>
  <si>
    <t>Chak No11ml</t>
  </si>
  <si>
    <t>chak no11ml</t>
  </si>
  <si>
    <t>Chak No13</t>
  </si>
  <si>
    <t>Sayyada Benish Fatima</t>
  </si>
  <si>
    <t>GGES CHAK NO.11/BC</t>
  </si>
  <si>
    <t>11 bc</t>
  </si>
  <si>
    <t>chak 11 bc</t>
  </si>
  <si>
    <t>12 bc</t>
  </si>
  <si>
    <t>GGES CHAK NO.11/DNB</t>
  </si>
  <si>
    <t>11/Dnb</t>
  </si>
  <si>
    <t>chak no 11/Dnb Tehsil yazman Disst BWP</t>
  </si>
  <si>
    <t>Chak  No11/Dnb</t>
  </si>
  <si>
    <t>Chak No17/Dnb</t>
  </si>
  <si>
    <t>Maria Mushtaq</t>
  </si>
  <si>
    <t>GGES CHAK NO.11/GD KALAPUR</t>
  </si>
  <si>
    <t>KALAPUR</t>
  </si>
  <si>
    <t>11/GD KALAPUR</t>
  </si>
  <si>
    <t>14/GD</t>
  </si>
  <si>
    <t>GGES CHAK NO.110 SB</t>
  </si>
  <si>
    <t>110 Janubi</t>
  </si>
  <si>
    <t>chak no 110 sb Sargodha</t>
  </si>
  <si>
    <t>Chak No 111 SB</t>
  </si>
  <si>
    <t>GGES CHAK NO.110/DB OLD</t>
  </si>
  <si>
    <t>Chak # 110D/B.yazman.</t>
  </si>
  <si>
    <t>Chak 110D/B</t>
  </si>
  <si>
    <t>108 D/B</t>
  </si>
  <si>
    <t>Nazia Nawaz</t>
  </si>
  <si>
    <t>GGES CHAK NO.110/F (A)</t>
  </si>
  <si>
    <t>110F/A</t>
  </si>
  <si>
    <t>Chak#110F/A p.O 110F</t>
  </si>
  <si>
    <t>35F</t>
  </si>
  <si>
    <t>Shehla Yasmeen</t>
  </si>
  <si>
    <t>GGES CHAK NO.111 NB</t>
  </si>
  <si>
    <t>SHAHEENABAD - FEMALE</t>
  </si>
  <si>
    <t>Chak 111 NB</t>
  </si>
  <si>
    <t>chak 111 NB Tehsil Sillanwali District Sargodha</t>
  </si>
  <si>
    <t>111 Nb</t>
  </si>
  <si>
    <t>Atia Hafeez</t>
  </si>
  <si>
    <t>GGES CHAK NO.111/DB</t>
  </si>
  <si>
    <t>111 Db</t>
  </si>
  <si>
    <t>chak no 111db</t>
  </si>
  <si>
    <t>Sughra Sharif</t>
  </si>
  <si>
    <t>GGES CHAK NO.112/DNB</t>
  </si>
  <si>
    <t>Chak No 112 DNB</t>
  </si>
  <si>
    <t>chak no 112/dnb</t>
  </si>
  <si>
    <t>112/dnb</t>
  </si>
  <si>
    <t>36/dn</t>
  </si>
  <si>
    <t>Riffat Naz</t>
  </si>
  <si>
    <t>GGES CHAK NO.113 NB</t>
  </si>
  <si>
    <t>Chak113nb</t>
  </si>
  <si>
    <t>chak 113nb</t>
  </si>
  <si>
    <t>113nb</t>
  </si>
  <si>
    <t>111nb</t>
  </si>
  <si>
    <t>GGES CHAK NO.113/DNB</t>
  </si>
  <si>
    <t>113 Dnb</t>
  </si>
  <si>
    <t>113 Dnb HR</t>
  </si>
  <si>
    <t>17 Dnb</t>
  </si>
  <si>
    <t>Tabassum Rasool</t>
  </si>
  <si>
    <t>GGES CHAK NO.115 NB</t>
  </si>
  <si>
    <t>chak no 115 nb</t>
  </si>
  <si>
    <t>111 nb</t>
  </si>
  <si>
    <t>Syeda  Afifa Shah</t>
  </si>
  <si>
    <t>GGES CHAK NO.115-B/TDA</t>
  </si>
  <si>
    <t>115-b</t>
  </si>
  <si>
    <t>gges 115-b tda tehsil karor district layyah</t>
  </si>
  <si>
    <t>Kot Atta Muhammad</t>
  </si>
  <si>
    <t>kalsoom shabbir</t>
  </si>
  <si>
    <t>GGES CHAK NO.118 NB</t>
  </si>
  <si>
    <t>Chak No 118nb</t>
  </si>
  <si>
    <t>gges chak no 118nb</t>
  </si>
  <si>
    <t>Ashraf Batool</t>
  </si>
  <si>
    <t>GGES CHAK NO.118 SB</t>
  </si>
  <si>
    <t>118sb</t>
  </si>
  <si>
    <t>GGES 118 sb</t>
  </si>
  <si>
    <t>Chak 118 Sb</t>
  </si>
  <si>
    <t>shaheenaabad</t>
  </si>
  <si>
    <t>Sultana  Kousar</t>
  </si>
  <si>
    <t>GGES CHAK NO.12 GARMULA</t>
  </si>
  <si>
    <t>Chak No 12GB</t>
  </si>
  <si>
    <t>Chak No 12 GB Garmula Teh and Distt.Nankana Sahib.</t>
  </si>
  <si>
    <t>Chak No 12 Garmula</t>
  </si>
  <si>
    <t>Garmula</t>
  </si>
  <si>
    <t>GGES CHAK NO.120 NB</t>
  </si>
  <si>
    <t>Chak No 120 Nb</t>
  </si>
  <si>
    <t>chak no 120 nb</t>
  </si>
  <si>
    <t>Chak No 135sb</t>
  </si>
  <si>
    <t>Shabana Noreen</t>
  </si>
  <si>
    <t>GGES CHAK NO.120/1-L</t>
  </si>
  <si>
    <t>120/1L</t>
  </si>
  <si>
    <t>chak 120/1L P.O 121/1L tehsil Khanpur</t>
  </si>
  <si>
    <t>Chak 120/1L</t>
  </si>
  <si>
    <t>45/P</t>
  </si>
  <si>
    <t>GGES CHAK NO.120/DNB</t>
  </si>
  <si>
    <t>KHUTREE BANGLOW - FEMALE</t>
  </si>
  <si>
    <t>120/DNB</t>
  </si>
  <si>
    <t>chak#120/DNB post office 111/DNB teh yazman dist BWP</t>
  </si>
  <si>
    <t>GGES CHAK NO.120/TDA OLD</t>
  </si>
  <si>
    <t>Noshara Thal Jhand</t>
  </si>
  <si>
    <t>chak No. 120/TDA old</t>
  </si>
  <si>
    <t>120/tda Old</t>
  </si>
  <si>
    <t>Rukhsana Yaseen</t>
  </si>
  <si>
    <t>GGES CHAK NO.121 SB</t>
  </si>
  <si>
    <t>121sb</t>
  </si>
  <si>
    <t>GGES121SB sillanwali, sargodha</t>
  </si>
  <si>
    <t>Chak#111</t>
  </si>
  <si>
    <t>Iqra Iqbal</t>
  </si>
  <si>
    <t>GGES CHAK NO.122/DNB</t>
  </si>
  <si>
    <t>122/dnb</t>
  </si>
  <si>
    <t>chak no 122/dnb khutree banglow</t>
  </si>
  <si>
    <t>Sidra Sarwar</t>
  </si>
  <si>
    <t>GGES CHAK NO.123 NB</t>
  </si>
  <si>
    <t>123NB</t>
  </si>
  <si>
    <t>123NB tehsil sillanwali district sargodha</t>
  </si>
  <si>
    <t>Chak No 118</t>
  </si>
  <si>
    <t>GGES CHAK NO.124 SB</t>
  </si>
  <si>
    <t>124sb</t>
  </si>
  <si>
    <t>chak no 124 sb</t>
  </si>
  <si>
    <t>GGES CHAK NO.128 SB</t>
  </si>
  <si>
    <t>SILLANWALI-I - FEMALE</t>
  </si>
  <si>
    <t>128 Sb</t>
  </si>
  <si>
    <t>chak 128 sb</t>
  </si>
  <si>
    <t>Chak 128 Sb</t>
  </si>
  <si>
    <t>126sb</t>
  </si>
  <si>
    <t>GGES CHAK NO.129 NB</t>
  </si>
  <si>
    <t>129 NB</t>
  </si>
  <si>
    <t>GGES 129 NB</t>
  </si>
  <si>
    <t>Chak 129NB</t>
  </si>
  <si>
    <t>Umm e Kalsoom</t>
  </si>
  <si>
    <t>GGES CHAK NO.13 SB</t>
  </si>
  <si>
    <t>Chak 13 Sb Bhalwal</t>
  </si>
  <si>
    <t>chak 13 sb Bhalwal</t>
  </si>
  <si>
    <t>15 Sb</t>
  </si>
  <si>
    <t>Naveela Gul</t>
  </si>
  <si>
    <t>GGES CHAK NO.13 TDA</t>
  </si>
  <si>
    <t>chak no 13tda darya khan</t>
  </si>
  <si>
    <t>13 TDA</t>
  </si>
  <si>
    <t>GGES CHAK NO.13/1R</t>
  </si>
  <si>
    <t>13/1R</t>
  </si>
  <si>
    <t>7/1R</t>
  </si>
  <si>
    <t>GGES CHAK NO.13/BC-A</t>
  </si>
  <si>
    <t>JINDOO MISSION - FEMALE</t>
  </si>
  <si>
    <t>13 BC</t>
  </si>
  <si>
    <t>PO  Same tehseel and district bwp chak no 13 bc</t>
  </si>
  <si>
    <t>13bc</t>
  </si>
  <si>
    <t>12 BC</t>
  </si>
  <si>
    <t>Nighat Hashmi</t>
  </si>
  <si>
    <t>GGES CHAK NO.130 SB</t>
  </si>
  <si>
    <t>Chak No130 Sb</t>
  </si>
  <si>
    <t>chak no 130 sb</t>
  </si>
  <si>
    <t>Chak No132 Sb</t>
  </si>
  <si>
    <t>Rabia Nazir</t>
  </si>
  <si>
    <t>GGES CHAK NO.131 NB</t>
  </si>
  <si>
    <t>Chak131Nb</t>
  </si>
  <si>
    <t>chak 131 nb sillanwali srgodha</t>
  </si>
  <si>
    <t>Chak 131 Nb</t>
  </si>
  <si>
    <t>Chak No 131 Nb</t>
  </si>
  <si>
    <t>Uzma Mairaj</t>
  </si>
  <si>
    <t>GGES CHAK NO.131 SB</t>
  </si>
  <si>
    <t>chak no 131 sb</t>
  </si>
  <si>
    <t>131sb</t>
  </si>
  <si>
    <t>Tanzila Iqbal</t>
  </si>
  <si>
    <t>GGES CHAK NO.132/TDA</t>
  </si>
  <si>
    <t>Thal Kalan</t>
  </si>
  <si>
    <t>132/TDA</t>
  </si>
  <si>
    <t>Chak No132/TDA</t>
  </si>
  <si>
    <t>Nusrat  Parveen</t>
  </si>
  <si>
    <t>GGES CHAK NO.133 NB</t>
  </si>
  <si>
    <t>133 NB</t>
  </si>
  <si>
    <t>Gges 133 NB</t>
  </si>
  <si>
    <t>Zubaida Shaheen</t>
  </si>
  <si>
    <t>GGES CHAK NO.136 SB</t>
  </si>
  <si>
    <t>Chak #136 Sb</t>
  </si>
  <si>
    <t>chak # 136 sb</t>
  </si>
  <si>
    <t>Chak#136sb</t>
  </si>
  <si>
    <t>139 Sb</t>
  </si>
  <si>
    <t>GGES CHAK NO.136/WB</t>
  </si>
  <si>
    <t>136/ WB</t>
  </si>
  <si>
    <t>136/WB p/o box 122/WB</t>
  </si>
  <si>
    <t>136/WB</t>
  </si>
  <si>
    <t>124/WB</t>
  </si>
  <si>
    <t>Ghulam Kubra</t>
  </si>
  <si>
    <t>GGES CHAK NO.137 SB</t>
  </si>
  <si>
    <t>Chak No 137 Sb</t>
  </si>
  <si>
    <t>chak137sb</t>
  </si>
  <si>
    <t>Chak137sb</t>
  </si>
  <si>
    <t>Chak136 Sb</t>
  </si>
  <si>
    <t>Yasmeen Tahira</t>
  </si>
  <si>
    <t>GGES CHAK NO.137/138 NB</t>
  </si>
  <si>
    <t>SHAH NIKDAR-II - FEMALE</t>
  </si>
  <si>
    <t>137/138 Nb</t>
  </si>
  <si>
    <t>chak 137/138nb</t>
  </si>
  <si>
    <t>Saman Mushtaq</t>
  </si>
  <si>
    <t>GGES CHAK NO.137/MURAD</t>
  </si>
  <si>
    <t>137m</t>
  </si>
  <si>
    <t>137/M</t>
  </si>
  <si>
    <t>169/M</t>
  </si>
  <si>
    <t>Shumaila  Asghar</t>
  </si>
  <si>
    <t>bring it from outside school</t>
  </si>
  <si>
    <t>GGES CHAK NO.138/DB</t>
  </si>
  <si>
    <t>138DB</t>
  </si>
  <si>
    <t>chak No. 138DB Yazman</t>
  </si>
  <si>
    <t>138 DB</t>
  </si>
  <si>
    <t>67DB</t>
  </si>
  <si>
    <t>GGES CHAK NO.139/DB</t>
  </si>
  <si>
    <t>139/db</t>
  </si>
  <si>
    <t>chak no 139/db</t>
  </si>
  <si>
    <t>PERVEEN AKHTAR</t>
  </si>
  <si>
    <t>GGES CHAK NO.139/TDA NEW LAYYAH</t>
  </si>
  <si>
    <t>139/TNew Ly</t>
  </si>
  <si>
    <t>GGE/S chak No 139/New Layyah.</t>
  </si>
  <si>
    <t>shamshad bibi</t>
  </si>
  <si>
    <t>GGES CHAK NO.14 NB</t>
  </si>
  <si>
    <t>Chak No 14 Nb</t>
  </si>
  <si>
    <t>chak no. 14nb bhalwal</t>
  </si>
  <si>
    <t>Chak No 13 NB</t>
  </si>
  <si>
    <t>Bushra Kanwal</t>
  </si>
  <si>
    <t>GGES CHAK NO.14/DNB (LARGE)</t>
  </si>
  <si>
    <t>14 DNB L</t>
  </si>
  <si>
    <t>chak no 14dnb L</t>
  </si>
  <si>
    <t>Chak No 17 DNB</t>
  </si>
  <si>
    <t>Saima Abid</t>
  </si>
  <si>
    <t>GGES CHAK NO.140 SB</t>
  </si>
  <si>
    <t>Chak140 Sb</t>
  </si>
  <si>
    <t>chak no 140 sb sillanwali</t>
  </si>
  <si>
    <t>Chak 140 Sb</t>
  </si>
  <si>
    <t>Chak No 138 Sb</t>
  </si>
  <si>
    <t>Noureen Huma</t>
  </si>
  <si>
    <t>GGES CHAK NO.140/DB (N)</t>
  </si>
  <si>
    <t>140DBn</t>
  </si>
  <si>
    <t>140 DB. n Tehsil Yazman , district Bahawalpur</t>
  </si>
  <si>
    <t>Chak 140 DB North</t>
  </si>
  <si>
    <t>Chak 67 DB</t>
  </si>
  <si>
    <t>RAKHSHANDA JABEEN</t>
  </si>
  <si>
    <t>GGES CHAK NO.141 NB</t>
  </si>
  <si>
    <t>141 Nb</t>
  </si>
  <si>
    <t>GGESChak#141NB</t>
  </si>
  <si>
    <t>Chak #141 NB</t>
  </si>
  <si>
    <t>Chak#131NB</t>
  </si>
  <si>
    <t>Zohra Bibi</t>
  </si>
  <si>
    <t>GGES CHAK NO.142 NB</t>
  </si>
  <si>
    <t>Chak #142nb</t>
  </si>
  <si>
    <t>chak#142 nb</t>
  </si>
  <si>
    <t>Chak#142nb</t>
  </si>
  <si>
    <t>131nb</t>
  </si>
  <si>
    <t>NAQASH FATIMA</t>
  </si>
  <si>
    <t>GGES CHAK NO.142 SB</t>
  </si>
  <si>
    <t>Chak 142 SB</t>
  </si>
  <si>
    <t>chak no142sb</t>
  </si>
  <si>
    <t>142sb</t>
  </si>
  <si>
    <t>113sb</t>
  </si>
  <si>
    <t>GGES CHAK NO.143 NB</t>
  </si>
  <si>
    <t>Chak No 143 NB</t>
  </si>
  <si>
    <t>Chak No 147/148 NB</t>
  </si>
  <si>
    <t>Mahmooda Begum</t>
  </si>
  <si>
    <t>GGES CHAK NO.143/DB</t>
  </si>
  <si>
    <t>Check 143db</t>
  </si>
  <si>
    <t>chack no 143db</t>
  </si>
  <si>
    <t>Chack 143db</t>
  </si>
  <si>
    <t>MARIAM BASHIR</t>
  </si>
  <si>
    <t>GGES CHAK NO.144/145 NB</t>
  </si>
  <si>
    <t>144/145NB</t>
  </si>
  <si>
    <t>chak no 144/145nb</t>
  </si>
  <si>
    <t>147/148 NB</t>
  </si>
  <si>
    <t>Humaira Asghar</t>
  </si>
  <si>
    <t>GGES CHAK NO.144/M</t>
  </si>
  <si>
    <t>144M</t>
  </si>
  <si>
    <t>Chak 144/M, Tehsil Hasilpur</t>
  </si>
  <si>
    <t>144/M</t>
  </si>
  <si>
    <t>Chak 188/M</t>
  </si>
  <si>
    <t>Zunaira Yaqoob</t>
  </si>
  <si>
    <t>GGES CHAK NO.146 EB</t>
  </si>
  <si>
    <t>chak No 146/EB burewala</t>
  </si>
  <si>
    <t>146/EB</t>
  </si>
  <si>
    <t>Samina Sadaf</t>
  </si>
  <si>
    <t>GGES CHAK NO.146 NB</t>
  </si>
  <si>
    <t>146 NB</t>
  </si>
  <si>
    <t>Chak no 146 N.B Sillanwali</t>
  </si>
  <si>
    <t>Anam Mumtaz</t>
  </si>
  <si>
    <t>GGES CHAK NO.147/148 NB</t>
  </si>
  <si>
    <t>147/148 Nb</t>
  </si>
  <si>
    <t>Chak No 147/148NB</t>
  </si>
  <si>
    <t>147/148NB</t>
  </si>
  <si>
    <t>Javeria Mehnaz</t>
  </si>
  <si>
    <t>GGES CHAK NO.147/M</t>
  </si>
  <si>
    <t>147/M</t>
  </si>
  <si>
    <t>chak#147/M tehsil: Hasilpur Distt: Bahawalpur</t>
  </si>
  <si>
    <t>188/M</t>
  </si>
  <si>
    <t>Saria Mushtaq</t>
  </si>
  <si>
    <t>GGES CHAK NO.148/DB</t>
  </si>
  <si>
    <t>148 DB</t>
  </si>
  <si>
    <t>GGHS 148 DB</t>
  </si>
  <si>
    <t>75 DB</t>
  </si>
  <si>
    <t>Maria Kokab</t>
  </si>
  <si>
    <t>GGES CHAK NO.148/M</t>
  </si>
  <si>
    <t>148/m</t>
  </si>
  <si>
    <t>chak 148/m</t>
  </si>
  <si>
    <t>79/f</t>
  </si>
  <si>
    <t>GGES CHAK NO.15 NB</t>
  </si>
  <si>
    <t>Chak 15 Nb</t>
  </si>
  <si>
    <t>GGES 15 NB bhalwal</t>
  </si>
  <si>
    <t>18 Nb</t>
  </si>
  <si>
    <t>Sara Ijaz</t>
  </si>
  <si>
    <t>GGES CHAK NO.15 SB</t>
  </si>
  <si>
    <t>15 SB</t>
  </si>
  <si>
    <t>Farhat Naseem</t>
  </si>
  <si>
    <t>GGES CHAK NO.150-A/TDA KOTLA NARANG SARANG LAYYAH</t>
  </si>
  <si>
    <t>konal Thal Jandi</t>
  </si>
  <si>
    <t>150 A TDA KOTLA NARING SARING</t>
  </si>
  <si>
    <t>150 A TDA KOTLA NARING   SARING</t>
  </si>
  <si>
    <t>Farzana Sultan</t>
  </si>
  <si>
    <t>GGES CHAK NO.153 NB</t>
  </si>
  <si>
    <t>Chak No.153 NB</t>
  </si>
  <si>
    <t>Chak No153NB</t>
  </si>
  <si>
    <t>Chak No152NB</t>
  </si>
  <si>
    <t>GGES CHAK NO.154 NB</t>
  </si>
  <si>
    <t>154 Nb</t>
  </si>
  <si>
    <t>chak no 154 Nb</t>
  </si>
  <si>
    <t>152 Nb</t>
  </si>
  <si>
    <t>Naveed Khalid</t>
  </si>
  <si>
    <t>GGES CHAK NO.154/M</t>
  </si>
  <si>
    <t>CHACK 154/M</t>
  </si>
  <si>
    <t>CHACK163/M</t>
  </si>
  <si>
    <t>Shamaila ahmad</t>
  </si>
  <si>
    <t>GGES CHAK NO.155 NB</t>
  </si>
  <si>
    <t>155 Nb</t>
  </si>
  <si>
    <t>chalk 155 NB tehsil sillanwali district sargodha</t>
  </si>
  <si>
    <t>Shahnikder</t>
  </si>
  <si>
    <t>GGES CHAK NO.155/TDA</t>
  </si>
  <si>
    <t>chak # 155 tda girls elementary school</t>
  </si>
  <si>
    <t>Chak 155</t>
  </si>
  <si>
    <t>GGES CHAK NO.156/M</t>
  </si>
  <si>
    <t>Chak 156/M</t>
  </si>
  <si>
    <t>humaira hanif</t>
  </si>
  <si>
    <t>GGES CHAK NO.157/M</t>
  </si>
  <si>
    <t>Chak 157M</t>
  </si>
  <si>
    <t>Chak 157/M Hasilpur</t>
  </si>
  <si>
    <t>Chak 157/M</t>
  </si>
  <si>
    <t>Chak 163/M</t>
  </si>
  <si>
    <t>Maqbool Begum</t>
  </si>
  <si>
    <t>GGES CHAK NO.158 NB</t>
  </si>
  <si>
    <t>Chack No 158</t>
  </si>
  <si>
    <t>GGES chak no 158 nb sillanwali Sargodha</t>
  </si>
  <si>
    <t>Chak No 158 Nb</t>
  </si>
  <si>
    <t>Shahnikdar</t>
  </si>
  <si>
    <t>Zonash Khalid</t>
  </si>
  <si>
    <t>GGES CHAK NO.159/WB</t>
  </si>
  <si>
    <t>159/wb</t>
  </si>
  <si>
    <t>Chack no 159/w.b Vehari</t>
  </si>
  <si>
    <t>159/WB</t>
  </si>
  <si>
    <t>GGES CHAK NO.16 NB</t>
  </si>
  <si>
    <t>16 Chak</t>
  </si>
  <si>
    <t>Chak 16 NB .Tehsil Bhalwal,  distt, sargodha.</t>
  </si>
  <si>
    <t>Touqeer Bibi</t>
  </si>
  <si>
    <t>GGES CHAK NO.16/GD</t>
  </si>
  <si>
    <t>g g e s 16 gd</t>
  </si>
  <si>
    <t>Chak NO 16 / GD</t>
  </si>
  <si>
    <t>14 Gd</t>
  </si>
  <si>
    <t>Ejaz Fatima</t>
  </si>
  <si>
    <t>GGES CHAK NO.160/NP</t>
  </si>
  <si>
    <t>Arain Wala</t>
  </si>
  <si>
    <t>Chak number 160 NP Station chani goth moaza arain wala</t>
  </si>
  <si>
    <t>Chak Number 160 NP chani Goth</t>
  </si>
  <si>
    <t>Summrina Khan</t>
  </si>
  <si>
    <t>GGES CHAK NO.160/WB</t>
  </si>
  <si>
    <t>Chak 160</t>
  </si>
  <si>
    <t>chak# 160 w.b mailsi</t>
  </si>
  <si>
    <t>160 Wb</t>
  </si>
  <si>
    <t>335/wb</t>
  </si>
  <si>
    <t>GGES CHAK NO.161/M</t>
  </si>
  <si>
    <t>161/m</t>
  </si>
  <si>
    <t>chak no 161/m</t>
  </si>
  <si>
    <t>Chak161/m</t>
  </si>
  <si>
    <t>188/m</t>
  </si>
  <si>
    <t>Asima Ijaz</t>
  </si>
  <si>
    <t>GGES CHAK NO.165/M</t>
  </si>
  <si>
    <t>165/m</t>
  </si>
  <si>
    <t>chak no. 165/m</t>
  </si>
  <si>
    <t>Mehwish Irshad</t>
  </si>
  <si>
    <t>GGES CHAK NO.166/M</t>
  </si>
  <si>
    <t>G. G. E. School Chak #166M</t>
  </si>
  <si>
    <t>166M</t>
  </si>
  <si>
    <t>167M</t>
  </si>
  <si>
    <t>Farhat Alia</t>
  </si>
  <si>
    <t>GGES CHAK NO.167/M</t>
  </si>
  <si>
    <t>167/murad</t>
  </si>
  <si>
    <t>GGES chak no 167/murad tehsil chishtian distt bahawalnagar</t>
  </si>
  <si>
    <t>Mahwish Akram</t>
  </si>
  <si>
    <t>GGES CHAK NO.168/171 NB</t>
  </si>
  <si>
    <t>Chak No 168/171N</t>
  </si>
  <si>
    <t>chak no 168/171 NB</t>
  </si>
  <si>
    <t>168/171NB</t>
  </si>
  <si>
    <t>169 NB</t>
  </si>
  <si>
    <t>GGES CHAK NO.17/DNB</t>
  </si>
  <si>
    <t>17 dnb</t>
  </si>
  <si>
    <t>govt girls high school chak no 17 dnb</t>
  </si>
  <si>
    <t>Fatima javaid</t>
  </si>
  <si>
    <t>GGES CHAK NO.17/TDA</t>
  </si>
  <si>
    <t>waghwarah</t>
  </si>
  <si>
    <t>chak no 17tda dagar leel</t>
  </si>
  <si>
    <t>17tda</t>
  </si>
  <si>
    <t>Dagger Waghwara</t>
  </si>
  <si>
    <t>tahreem gull niazi</t>
  </si>
  <si>
    <t>GGES CHAK NO.171/EB</t>
  </si>
  <si>
    <t>Chak #171/EB</t>
  </si>
  <si>
    <t>chak #171/EB</t>
  </si>
  <si>
    <t>Chak #215/EB</t>
  </si>
  <si>
    <t>GGES CHAK NO.171/TDA</t>
  </si>
  <si>
    <t>Panah Kharel Sharqii</t>
  </si>
  <si>
    <t>Govt girls elementary school chak no 171/tda tehsil and district layyah</t>
  </si>
  <si>
    <t>Chak No 171 /Tda</t>
  </si>
  <si>
    <t>Chak No 172/tda</t>
  </si>
  <si>
    <t>GGES CHAK NO.172/TDA</t>
  </si>
  <si>
    <t>chack no 172tda layyah</t>
  </si>
  <si>
    <t>172tda</t>
  </si>
  <si>
    <t>Chak No 172tda</t>
  </si>
  <si>
    <t>GGES CHAK NO.173/7-R (W)</t>
  </si>
  <si>
    <t>173/ 7r7r west</t>
  </si>
  <si>
    <t>173/ 7.r west</t>
  </si>
  <si>
    <t>173/7r7r west</t>
  </si>
  <si>
    <t>176/7r</t>
  </si>
  <si>
    <t>Sobia tabassum</t>
  </si>
  <si>
    <t>GGES CHAK NO.176/7-R</t>
  </si>
  <si>
    <t>176/7r fortsbbas</t>
  </si>
  <si>
    <t>GGES CHAK NO.18 GB</t>
  </si>
  <si>
    <t>Chak 18</t>
  </si>
  <si>
    <t>Chak # 18,GB</t>
  </si>
  <si>
    <t>Chak # 18 GB</t>
  </si>
  <si>
    <t>12 Chak Garmulla</t>
  </si>
  <si>
    <t>Fouzia Liaquat</t>
  </si>
  <si>
    <t>GGES CHAK NO.18 SB</t>
  </si>
  <si>
    <t>chak18Sb</t>
  </si>
  <si>
    <t>Wann Miana</t>
  </si>
  <si>
    <t>GGES CHAK NO.18/BC</t>
  </si>
  <si>
    <t>18 BC</t>
  </si>
  <si>
    <t>G.G.E/S chak no 18 B.C</t>
  </si>
  <si>
    <t>18 Bc</t>
  </si>
  <si>
    <t>24 Bc</t>
  </si>
  <si>
    <t>Samina Nazli</t>
  </si>
  <si>
    <t>GGES CHAK NO.18/F.W</t>
  </si>
  <si>
    <t>Hasilpur Purana</t>
  </si>
  <si>
    <t>chak18/FW hasilpur</t>
  </si>
  <si>
    <t>18/FW</t>
  </si>
  <si>
    <t>GGES CHAK NO.181/M</t>
  </si>
  <si>
    <t>181/M</t>
  </si>
  <si>
    <t>CHAK NO 181/M P/O179/M</t>
  </si>
  <si>
    <t>163/M</t>
  </si>
  <si>
    <t>Maqdas Nokhaiz</t>
  </si>
  <si>
    <t>GGES CHAK NO.186/TDA</t>
  </si>
  <si>
    <t>GGES-186 tda</t>
  </si>
  <si>
    <t>Chak No 186 Tda</t>
  </si>
  <si>
    <t>Chak No 183-184 Tda</t>
  </si>
  <si>
    <t>DILSHAD KAUSAR</t>
  </si>
  <si>
    <t>GGES CHAK NO.187 NB</t>
  </si>
  <si>
    <t>JHAL CHAKIAN - FEMALE</t>
  </si>
  <si>
    <t>Chak no 187 nb sargodha</t>
  </si>
  <si>
    <t>Chak no 187nb sargodha</t>
  </si>
  <si>
    <t>Tahira jabeen</t>
  </si>
  <si>
    <t>GGES CHAK NO.187/M</t>
  </si>
  <si>
    <t>Chonawala</t>
  </si>
  <si>
    <t>gges187/m</t>
  </si>
  <si>
    <t>187/M</t>
  </si>
  <si>
    <t>GGES CHAK NO.187/WB</t>
  </si>
  <si>
    <t>187/WB</t>
  </si>
  <si>
    <t>187/WB Tehsil Mailsi Dist. Vehari</t>
  </si>
  <si>
    <t>LAl Sugoo</t>
  </si>
  <si>
    <t>GGES CHAK NO.19/A</t>
  </si>
  <si>
    <t>19/a</t>
  </si>
  <si>
    <t>chak 19/a</t>
  </si>
  <si>
    <t>32/a</t>
  </si>
  <si>
    <t>Sadaf mushtaq</t>
  </si>
  <si>
    <t>GGES CHAK NO.190 NB JHAMAT WALA</t>
  </si>
  <si>
    <t>Jhamtanwala</t>
  </si>
  <si>
    <t>chak 190 nb Jhamtanwala</t>
  </si>
  <si>
    <t>kolowal</t>
  </si>
  <si>
    <t>Saman Ali</t>
  </si>
  <si>
    <t>GGES CHAK NO.190 NB TARKOTA</t>
  </si>
  <si>
    <t>tarkota</t>
  </si>
  <si>
    <t>chak num 190 nb tarkota district sargodha</t>
  </si>
  <si>
    <t>Bushra Saleem</t>
  </si>
  <si>
    <t>GGES CHAK NO.190/WB</t>
  </si>
  <si>
    <t>Grahmor</t>
  </si>
  <si>
    <t>GGES190WB</t>
  </si>
  <si>
    <t>190wb</t>
  </si>
  <si>
    <t>Maira Altaf</t>
  </si>
  <si>
    <t>GGES CHAK NO.193/M</t>
  </si>
  <si>
    <t>CHHOONA WALA - FEMALE</t>
  </si>
  <si>
    <t>193 M</t>
  </si>
  <si>
    <t>193/M Hasilpur</t>
  </si>
  <si>
    <t>192 M</t>
  </si>
  <si>
    <t>Tasleem Zafar</t>
  </si>
  <si>
    <t>GGES CHAK NO.198/GB</t>
  </si>
  <si>
    <t>Adhi</t>
  </si>
  <si>
    <t>chak no 198 gb</t>
  </si>
  <si>
    <t>198 Gb</t>
  </si>
  <si>
    <t>Busma Bashart</t>
  </si>
  <si>
    <t>GGES CHAK NO.2 NB</t>
  </si>
  <si>
    <t>Chak No2Nb</t>
  </si>
  <si>
    <t>chak No2Nb</t>
  </si>
  <si>
    <t>Chak 10Ml</t>
  </si>
  <si>
    <t>Veena Arshad</t>
  </si>
  <si>
    <t>GGES CHAK NO.2 SB</t>
  </si>
  <si>
    <t>PHULARWAN - FEMALE</t>
  </si>
  <si>
    <t>2sb</t>
  </si>
  <si>
    <t>GGES 2sb</t>
  </si>
  <si>
    <t>2 Sb</t>
  </si>
  <si>
    <t>Dhori</t>
  </si>
  <si>
    <t>Sidra Khanum</t>
  </si>
  <si>
    <t>GGES CHAK NO.2/BC (E)</t>
  </si>
  <si>
    <t>Chak# 2/BC (east) Lal Sohanra</t>
  </si>
  <si>
    <t>38BC</t>
  </si>
  <si>
    <t>Abida Akbar</t>
  </si>
  <si>
    <t>GGES CHAK NO.20 SB</t>
  </si>
  <si>
    <t>GGES CHAK NO 20 S.B</t>
  </si>
  <si>
    <t>Davi Dass Pura</t>
  </si>
  <si>
    <t>Iffat Zohra</t>
  </si>
  <si>
    <t>GGES CHAK NO.200/GB</t>
  </si>
  <si>
    <t>200gb</t>
  </si>
  <si>
    <t>chak no 200gb</t>
  </si>
  <si>
    <t>203gb</t>
  </si>
  <si>
    <t>Nusrat Sardar</t>
  </si>
  <si>
    <t>GGES CHAK NO.202/GB</t>
  </si>
  <si>
    <t>GOBIND GARH</t>
  </si>
  <si>
    <t>CHAK nO 202 gb</t>
  </si>
  <si>
    <t>202 gb</t>
  </si>
  <si>
    <t>203 GB</t>
  </si>
  <si>
    <t>SADIA NAVEED</t>
  </si>
  <si>
    <t>GGES CHAK NO.217/GB</t>
  </si>
  <si>
    <t>Chak No 217GB</t>
  </si>
  <si>
    <t>CHAK NO 217 GB SAMUNDRI</t>
  </si>
  <si>
    <t>CHAK NO 221gb</t>
  </si>
  <si>
    <t>Qamar Naseem</t>
  </si>
  <si>
    <t>GGES CHAK NO.217/TDA</t>
  </si>
  <si>
    <t>moj ghar</t>
  </si>
  <si>
    <t>chak no.217/tda</t>
  </si>
  <si>
    <t>Iqra Wazir</t>
  </si>
  <si>
    <t>GGES CHAK NO.22 SB BHAGTANWALA</t>
  </si>
  <si>
    <t>chak 22 SB Bhagtanwalasargodha</t>
  </si>
  <si>
    <t>chak no 22 SB Bhagtanwala sargodha</t>
  </si>
  <si>
    <t>22 sb</t>
  </si>
  <si>
    <t>25 Sb</t>
  </si>
  <si>
    <t>sidra balouch</t>
  </si>
  <si>
    <t>GGES CHAK NO.23 A SB</t>
  </si>
  <si>
    <t>Chak  #23A SB</t>
  </si>
  <si>
    <t>chak no#23 ASB</t>
  </si>
  <si>
    <t>Chak#23 ASB</t>
  </si>
  <si>
    <t>Bhatanwala</t>
  </si>
  <si>
    <t>Tahira  Ramzan</t>
  </si>
  <si>
    <t>GGES CHAK NO.23/BC</t>
  </si>
  <si>
    <t>23/BC</t>
  </si>
  <si>
    <t>gge/s23/bc yazman road Bahawalpur</t>
  </si>
  <si>
    <t>23/bc</t>
  </si>
  <si>
    <t>24/bc</t>
  </si>
  <si>
    <t>Shaheen Akhter</t>
  </si>
  <si>
    <t>GGES CHAK NO.23/DNB</t>
  </si>
  <si>
    <t>BASTI Blochan BALOCHAN</t>
  </si>
  <si>
    <t>CHAK NO 23 DNB</t>
  </si>
  <si>
    <t>CHAK NO 22 DNB</t>
  </si>
  <si>
    <t>TEHSEEN IRUM</t>
  </si>
  <si>
    <t>GGES CHAK NO.234/TDA</t>
  </si>
  <si>
    <t>GGES Chak No. 234/TDA Tehsil Karor District Layyah</t>
  </si>
  <si>
    <t>Chak No. 234/TDA</t>
  </si>
  <si>
    <t>Shokat Abad</t>
  </si>
  <si>
    <t>GGES CHAK NO.24 SB SGD</t>
  </si>
  <si>
    <t>Chak 24sb</t>
  </si>
  <si>
    <t>GGCMES 24sb</t>
  </si>
  <si>
    <t>24 Sb</t>
  </si>
  <si>
    <t>Basran Bibi</t>
  </si>
  <si>
    <t>GGES CHAK NO.24/BC KHAIRPUR TAMEWALI</t>
  </si>
  <si>
    <t>Chak 24/bc</t>
  </si>
  <si>
    <t>chak  24/BC kpt</t>
  </si>
  <si>
    <t>GGES CHAK NO.24/BC-A</t>
  </si>
  <si>
    <t>24/BC</t>
  </si>
  <si>
    <t>G G,E/S 24/ BC Bahawalpur</t>
  </si>
  <si>
    <t>24/BC BWP</t>
  </si>
  <si>
    <t>Anis Kousar</t>
  </si>
  <si>
    <t>GGES CHAK NO.25/BC</t>
  </si>
  <si>
    <t>Khund Lorean</t>
  </si>
  <si>
    <t>25bc khajiwala kpt</t>
  </si>
  <si>
    <t>25bc Khaji Wals</t>
  </si>
  <si>
    <t>Azra Rafique</t>
  </si>
  <si>
    <t>GGES CHAK NO.25/NP</t>
  </si>
  <si>
    <t>Ahmad Pur Lamma</t>
  </si>
  <si>
    <t>chak 25/np sdk</t>
  </si>
  <si>
    <t>25/np</t>
  </si>
  <si>
    <t>Drigrha</t>
  </si>
  <si>
    <t>Hina Shabir</t>
  </si>
  <si>
    <t>GGES CHAK NO.253 EB</t>
  </si>
  <si>
    <t>253/EB</t>
  </si>
  <si>
    <t>chak No 253/EB</t>
  </si>
  <si>
    <t>Chak No 253/EB</t>
  </si>
  <si>
    <t>Razia Ramzan</t>
  </si>
  <si>
    <t>GGES CHAK NO.26 SB</t>
  </si>
  <si>
    <t>26 SB</t>
  </si>
  <si>
    <t>chak no. 26 SB, Sargodha</t>
  </si>
  <si>
    <t>GGES CHAK NO.263 TDA</t>
  </si>
  <si>
    <t>Shahi Dagar</t>
  </si>
  <si>
    <t>chak NO.263/TDA</t>
  </si>
  <si>
    <t>263/TDA</t>
  </si>
  <si>
    <t>Chak No112/ML</t>
  </si>
  <si>
    <t>Ponam Hadiqa</t>
  </si>
  <si>
    <t>GGES CHAK NO.28</t>
  </si>
  <si>
    <t>Chak No 28</t>
  </si>
  <si>
    <t>Chak No 28 Tehsil Malakwal District M B Din</t>
  </si>
  <si>
    <t>CHAK NO 28</t>
  </si>
  <si>
    <t>GGES CHAK NO.28 NB</t>
  </si>
  <si>
    <t>28nb</t>
  </si>
  <si>
    <t>28 nb sargodha</t>
  </si>
  <si>
    <t>Robina Irfan</t>
  </si>
  <si>
    <t>GGES CHAK NO.29 NB</t>
  </si>
  <si>
    <t>29 Nb</t>
  </si>
  <si>
    <t>chak no 29 NB</t>
  </si>
  <si>
    <t>Chak No 29 Nb</t>
  </si>
  <si>
    <t>Chak  No 36 NB</t>
  </si>
  <si>
    <t>Sana Akram</t>
  </si>
  <si>
    <t>GGES CHAK NO.29/BC</t>
  </si>
  <si>
    <t>29BC</t>
  </si>
  <si>
    <t>chak29 BC</t>
  </si>
  <si>
    <t>12BC</t>
  </si>
  <si>
    <t>GGES CHAK NO.3 NB</t>
  </si>
  <si>
    <t>Chak 3 Nb</t>
  </si>
  <si>
    <t>chak no.3 nb</t>
  </si>
  <si>
    <t>Chak 10 Ml</t>
  </si>
  <si>
    <t>Nusrat Raheel</t>
  </si>
  <si>
    <t>GGES CHAK NO.3/1RA</t>
  </si>
  <si>
    <t>3 /1RA</t>
  </si>
  <si>
    <t>chak#3/1ra</t>
  </si>
  <si>
    <t>3/1RA</t>
  </si>
  <si>
    <t>Shazia Ameer</t>
  </si>
  <si>
    <t>GGES CHAK NO.30 SP</t>
  </si>
  <si>
    <t>30/sp</t>
  </si>
  <si>
    <t>Chak #30/sp pakpattan</t>
  </si>
  <si>
    <t>Chak #30/sp</t>
  </si>
  <si>
    <t>Saima Tufail</t>
  </si>
  <si>
    <t>GGES CHAK NO.30/2-RA</t>
  </si>
  <si>
    <t>30/2RA</t>
  </si>
  <si>
    <t>chak no 30/2ra jaboka road okara</t>
  </si>
  <si>
    <t>Bibi Pur</t>
  </si>
  <si>
    <t>Zubaida Hafeez</t>
  </si>
  <si>
    <t>GGES CHAK NO.31/2-L</t>
  </si>
  <si>
    <t>chak no 31/2.l</t>
  </si>
  <si>
    <t>31/2l</t>
  </si>
  <si>
    <t>31/2L</t>
  </si>
  <si>
    <t>GGES CHAK NO.31/BC</t>
  </si>
  <si>
    <t>DERA BAKHA - FEMALE</t>
  </si>
  <si>
    <t>31/bc</t>
  </si>
  <si>
    <t>chack no 31/BC</t>
  </si>
  <si>
    <t>4bc</t>
  </si>
  <si>
    <t>Sajda Sayad</t>
  </si>
  <si>
    <t>GGES CHAK NO.315 TDA</t>
  </si>
  <si>
    <t>GGES Chak#315/TDA</t>
  </si>
  <si>
    <t>Chak #315/TDA</t>
  </si>
  <si>
    <t>Balqees Bano</t>
  </si>
  <si>
    <t>GGES CHAK NO.32 EB</t>
  </si>
  <si>
    <t>Chak No32eb</t>
  </si>
  <si>
    <t>Govt.Girls.Middle School 32eb Arifwala Pakpattan</t>
  </si>
  <si>
    <t>Chak No 32 Eb</t>
  </si>
  <si>
    <t>Chak No 34 Eb</t>
  </si>
  <si>
    <t>Haleema Bibi</t>
  </si>
  <si>
    <t>GGES CHAK NO.32 NB</t>
  </si>
  <si>
    <t>Chak No 32 North</t>
  </si>
  <si>
    <t>chak no 32 nb Sargodha</t>
  </si>
  <si>
    <t>Chak32 Nb</t>
  </si>
  <si>
    <t>Choukera</t>
  </si>
  <si>
    <t>Asima Sarwar</t>
  </si>
  <si>
    <t>GGES CHAK NO.33/BC-A</t>
  </si>
  <si>
    <t>33bcA</t>
  </si>
  <si>
    <t>Abbasnagar</t>
  </si>
  <si>
    <t>GGES CHAK NO.335/WB</t>
  </si>
  <si>
    <t>chak no 335WB Teh.Mailsi Distt.Vehari</t>
  </si>
  <si>
    <t>335 W B</t>
  </si>
  <si>
    <t>Naheed BiBi</t>
  </si>
  <si>
    <t>GGES CHAK NO.34 DB</t>
  </si>
  <si>
    <t>34DB</t>
  </si>
  <si>
    <t>Chak No 34 DB P/O 38 DB</t>
  </si>
  <si>
    <t>Chak  No 34 DB</t>
  </si>
  <si>
    <t>GGES CHAK NO.347/TDA WARD NO 10 CHWOK AZAM</t>
  </si>
  <si>
    <t>GGES WARD NO 10 CHOWK AZAM</t>
  </si>
  <si>
    <t>Ward#10chak No 347TDA</t>
  </si>
  <si>
    <t>Shaista Shabir</t>
  </si>
  <si>
    <t>GGES CHAK NO.35/DNB</t>
  </si>
  <si>
    <t>35/DNB</t>
  </si>
  <si>
    <t>Chak No 35/DNB Head Rajkan</t>
  </si>
  <si>
    <t>Chak No 35/DNB</t>
  </si>
  <si>
    <t>Shumaila Arshad</t>
  </si>
  <si>
    <t>GGES CHAK NO.357-A/TDA</t>
  </si>
  <si>
    <t>Thal kalan</t>
  </si>
  <si>
    <t>Chak # 357A/TDA</t>
  </si>
  <si>
    <t>Gola Adda</t>
  </si>
  <si>
    <t>Mamoona Rani</t>
  </si>
  <si>
    <t>GGES CHAK NO.367 EB</t>
  </si>
  <si>
    <t>Chak No 367  Eb</t>
  </si>
  <si>
    <t>chalk no 367eb tehsil burewala distric vehari</t>
  </si>
  <si>
    <t>Chak No 367 Eb</t>
  </si>
  <si>
    <t>Chak No 175 Eb</t>
  </si>
  <si>
    <t>Safia Sattar</t>
  </si>
  <si>
    <t>GGES CHAK NO.373 EB</t>
  </si>
  <si>
    <t>Sheikh FAZAL</t>
  </si>
  <si>
    <t>chak no 373 eb burewala</t>
  </si>
  <si>
    <t>373 Eb</t>
  </si>
  <si>
    <t>riffat shaista</t>
  </si>
  <si>
    <t>GGES CHAK NO.377 EB</t>
  </si>
  <si>
    <t>Gaggo</t>
  </si>
  <si>
    <t>chak#377eb</t>
  </si>
  <si>
    <t>377eb</t>
  </si>
  <si>
    <t>Rukhsana Aslam</t>
  </si>
  <si>
    <t>GGES CHAK NO.388/TDA</t>
  </si>
  <si>
    <t>chak No 388</t>
  </si>
  <si>
    <t>Chak No 388</t>
  </si>
  <si>
    <t>Ù†Ø§Ø¦Ù„Û Ø³Ù„ÛŒÙ…</t>
  </si>
  <si>
    <t>GGES CHAK NO.388-A/TDA</t>
  </si>
  <si>
    <t>388a</t>
  </si>
  <si>
    <t>chak no 388a</t>
  </si>
  <si>
    <t>humara amin</t>
  </si>
  <si>
    <t>GGES CHAK NO.39 NB SGD</t>
  </si>
  <si>
    <t>Chak No39 NB</t>
  </si>
  <si>
    <t>GGES chak no 39 NB SGD</t>
  </si>
  <si>
    <t>Chak No 36 NB</t>
  </si>
  <si>
    <t>GGES CHAK NO.39 SB SGD</t>
  </si>
  <si>
    <t>GGMES 39 SB</t>
  </si>
  <si>
    <t>Chak no 39 SB</t>
  </si>
  <si>
    <t>Chak no 42 SB</t>
  </si>
  <si>
    <t>GGES CHAK NO.39/3R</t>
  </si>
  <si>
    <t>Burj Jiwe Khan</t>
  </si>
  <si>
    <t>39/3r</t>
  </si>
  <si>
    <t>40/3r</t>
  </si>
  <si>
    <t>Shahnaz Aslam</t>
  </si>
  <si>
    <t>GGES CHAK NO.40 DB</t>
  </si>
  <si>
    <t>40 Db</t>
  </si>
  <si>
    <t>gges40db</t>
  </si>
  <si>
    <t>40db</t>
  </si>
  <si>
    <t>Tayyba Nawaz</t>
  </si>
  <si>
    <t>GGES CHAK NO.40 NB</t>
  </si>
  <si>
    <t>40nb</t>
  </si>
  <si>
    <t>GGES40NB</t>
  </si>
  <si>
    <t>Mariyam MAQSOOD</t>
  </si>
  <si>
    <t>GGES CHAK NO.401/TDA</t>
  </si>
  <si>
    <t>Chak No 401</t>
  </si>
  <si>
    <t>g g e s 401/t d a distt layyah</t>
  </si>
  <si>
    <t>Chak No 401 /t D A</t>
  </si>
  <si>
    <t>Golly Wala</t>
  </si>
  <si>
    <t>Rubina Ghulam Nabi</t>
  </si>
  <si>
    <t>GGES CHAK NO.41 NB</t>
  </si>
  <si>
    <t>41nb</t>
  </si>
  <si>
    <t>chak 41 nb sgd</t>
  </si>
  <si>
    <t>41 Nb</t>
  </si>
  <si>
    <t>Abida Ali</t>
  </si>
  <si>
    <t>GGES CHAK NO.413 TDA</t>
  </si>
  <si>
    <t>Chak no 413/TDA Tehsil Choubara District Layyah</t>
  </si>
  <si>
    <t>Chak No 413/TDA</t>
  </si>
  <si>
    <t>Samina  Yasmeen</t>
  </si>
  <si>
    <t>GGES CHAK NO.419/TDA</t>
  </si>
  <si>
    <t>Merhan</t>
  </si>
  <si>
    <t>chak  #419/tda Dhori Adah</t>
  </si>
  <si>
    <t>Chak#419/tda Dhori  Adah</t>
  </si>
  <si>
    <t>Gola  Adah</t>
  </si>
  <si>
    <t>Sajida  Afzal</t>
  </si>
  <si>
    <t>GGES CHAK NO.42/3-R SACHAN WALA</t>
  </si>
  <si>
    <t>chak no:42.3r sachanwala okara</t>
  </si>
  <si>
    <t>GGES CHAK NO.42/DB COLONY</t>
  </si>
  <si>
    <t>ADDA CHAK 42/DB - FEMALE</t>
  </si>
  <si>
    <t>42 DB</t>
  </si>
  <si>
    <t>chak#42 DB colony tehsil yazma district bahawalpur</t>
  </si>
  <si>
    <t>Chak 42 DB colony</t>
  </si>
  <si>
    <t>Chak No 44/DB</t>
  </si>
  <si>
    <t>Wahida Abbas</t>
  </si>
  <si>
    <t>GGES CHAK NO.42/DNB</t>
  </si>
  <si>
    <t>ADDA 42000 - FEMALE</t>
  </si>
  <si>
    <t>CHAK NO. 42/DNB</t>
  </si>
  <si>
    <t>CHAK NO.42/DNB TEHSIL YAZMAN DISTRICT BWP</t>
  </si>
  <si>
    <t>CHAK NO.42/DB</t>
  </si>
  <si>
    <t>CHAK NO.22/DNB</t>
  </si>
  <si>
    <t>MISBAH UROOJ</t>
  </si>
  <si>
    <t>GGES CHAK NO.421/EB</t>
  </si>
  <si>
    <t>Chak 421/EB</t>
  </si>
  <si>
    <t>chak no 421 e.b</t>
  </si>
  <si>
    <t>Razia Mehnaz</t>
  </si>
  <si>
    <t>GGES CHAK NO.425/EB</t>
  </si>
  <si>
    <t>Chak 425 EB</t>
  </si>
  <si>
    <t>Chak 425 EB Tehsil Burewala District Vehari</t>
  </si>
  <si>
    <t>Fareeda Abad</t>
  </si>
  <si>
    <t>Rahila Yasmin</t>
  </si>
  <si>
    <t>GGES CHAK NO.426-B/TDA</t>
  </si>
  <si>
    <t>chack no 426b/tda</t>
  </si>
  <si>
    <t>Chack No 426b/tda</t>
  </si>
  <si>
    <t>Rehana Safdar</t>
  </si>
  <si>
    <t>GGES CHAK NO.427/TDA</t>
  </si>
  <si>
    <t>Chak No 427</t>
  </si>
  <si>
    <t>chak no 427/tda layyah</t>
  </si>
  <si>
    <t>Chak No427/tda</t>
  </si>
  <si>
    <t>Marhan</t>
  </si>
  <si>
    <t>Farhat Yasmeen</t>
  </si>
  <si>
    <t>GGES CHAK NO.43 SB</t>
  </si>
  <si>
    <t>43 SB</t>
  </si>
  <si>
    <t>55 SB</t>
  </si>
  <si>
    <t>Anum Yamin</t>
  </si>
  <si>
    <t>GGES CHAK NO.431/TDA</t>
  </si>
  <si>
    <t>Chack No 431 T D A</t>
  </si>
  <si>
    <t>RahmataAbad</t>
  </si>
  <si>
    <t>Raffat Naheed</t>
  </si>
  <si>
    <t>GGES CHAK NO.44</t>
  </si>
  <si>
    <t>FEROZWALA-III - FEMALE</t>
  </si>
  <si>
    <t>chak 44 tehsil Ferozwala, Sheikhupura</t>
  </si>
  <si>
    <t>Zarina Akhtar</t>
  </si>
  <si>
    <t>GGES CHAK NO.44 SB</t>
  </si>
  <si>
    <t>Chak no 44 sb</t>
  </si>
  <si>
    <t>chak no 44sb</t>
  </si>
  <si>
    <t>chak 44sb</t>
  </si>
  <si>
    <t>chak no 55sb</t>
  </si>
  <si>
    <t>GGES CHAK NO.44/DNB</t>
  </si>
  <si>
    <t>Chak 44/DNB</t>
  </si>
  <si>
    <t>chak no 44dnb</t>
  </si>
  <si>
    <t>Chak No 44dnb</t>
  </si>
  <si>
    <t>47dnb</t>
  </si>
  <si>
    <t>Saila Ubaid</t>
  </si>
  <si>
    <t>GGES CHAK NO.45/DB</t>
  </si>
  <si>
    <t>Cha No45/DB</t>
  </si>
  <si>
    <t>Chak No.45/DB</t>
  </si>
  <si>
    <t>Chak No 45/DB</t>
  </si>
  <si>
    <t>Azra Nazeer</t>
  </si>
  <si>
    <t>GGES CHAK NO.45/DNB</t>
  </si>
  <si>
    <t>45/dnb</t>
  </si>
  <si>
    <t>chak no 45/dnb</t>
  </si>
  <si>
    <t>47/dnb</t>
  </si>
  <si>
    <t>Anam Ghazanfar</t>
  </si>
  <si>
    <t>GGES CHAK NO.457/TDA</t>
  </si>
  <si>
    <t>Chack No 457/TDA Layyah</t>
  </si>
  <si>
    <t>Chack No 457/TDA</t>
  </si>
  <si>
    <t>Nuzhat Naheed</t>
  </si>
  <si>
    <t>GGES CHAK NO.463/TDA</t>
  </si>
  <si>
    <t>Chak No 463</t>
  </si>
  <si>
    <t>GGE/S Chak No 463</t>
  </si>
  <si>
    <t>GGES CHAK NO.47/DB (E)</t>
  </si>
  <si>
    <t>Chak No.47/DB E EAST</t>
  </si>
  <si>
    <t>Chak No.47/DB EAST</t>
  </si>
  <si>
    <t>Chak No. 47/DB EAST</t>
  </si>
  <si>
    <t>Chak no. 68/DB</t>
  </si>
  <si>
    <t>Aqsa Naeem</t>
  </si>
  <si>
    <t>GGES CHAK NO.47/DB (N)</t>
  </si>
  <si>
    <t>chak no.47/DB north</t>
  </si>
  <si>
    <t>chak No 47 DB (N),Yazman</t>
  </si>
  <si>
    <t>Chak No.47/DB North</t>
  </si>
  <si>
    <t>chak no. 68/DB</t>
  </si>
  <si>
    <t>Numra Safdar</t>
  </si>
  <si>
    <t>GGES CHAK NO.47/DNB</t>
  </si>
  <si>
    <t>Chak 47/DNB</t>
  </si>
  <si>
    <t>chak no.47dnb</t>
  </si>
  <si>
    <t>Shahida Shrif</t>
  </si>
  <si>
    <t>GGES CHAK NO.475 TDA</t>
  </si>
  <si>
    <t>CHAK NO.475 TDA TEHSIL CHAUBARA DISTT.LAYYAH</t>
  </si>
  <si>
    <t>Chak 475 TDA</t>
  </si>
  <si>
    <t>Saharan Chak 452 TDA</t>
  </si>
  <si>
    <t>GGES CHAK NO.481 EB</t>
  </si>
  <si>
    <t>481-eb</t>
  </si>
  <si>
    <t>481-eb Teh.Dist.Vehari</t>
  </si>
  <si>
    <t>Rabia Sattar</t>
  </si>
  <si>
    <t>GGES CHAK NO.482/GB</t>
  </si>
  <si>
    <t>Jagranwan</t>
  </si>
  <si>
    <t>GGES482gb teh.samundri.distt.fsd.</t>
  </si>
  <si>
    <t>Chak No 482 GB</t>
  </si>
  <si>
    <t>484gb</t>
  </si>
  <si>
    <t>Waheeda Nasim</t>
  </si>
  <si>
    <t>GGES CHAK NO.483/EB</t>
  </si>
  <si>
    <t>Chak# 483/EB</t>
  </si>
  <si>
    <t>G.G Elementary school 483/EB 
Tehsil Burewala District Vehari</t>
  </si>
  <si>
    <t>Chak# 495/EB</t>
  </si>
  <si>
    <t>naheed kausar</t>
  </si>
  <si>
    <t>GGES CHAK NO.49 SB</t>
  </si>
  <si>
    <t>49 Sb</t>
  </si>
  <si>
    <t>G g e s 49 sb</t>
  </si>
  <si>
    <t>Ayesha Akhtar</t>
  </si>
  <si>
    <t>GGES CHAK NO.49/ML</t>
  </si>
  <si>
    <t>BARKAT WALA - FEMALE</t>
  </si>
  <si>
    <t>48 Ml</t>
  </si>
  <si>
    <t>Chak no 49 ml p/ O ameer abad</t>
  </si>
  <si>
    <t>Chak No 49 Ml</t>
  </si>
  <si>
    <t>Samina Yaqoob</t>
  </si>
  <si>
    <t>GGES CHAK NO.49/TDA</t>
  </si>
  <si>
    <t>Chak Number 49tda</t>
  </si>
  <si>
    <t>chak Number 49tda  P/o 47tda</t>
  </si>
  <si>
    <t>Shagufta Aziz</t>
  </si>
  <si>
    <t>GGES CHAK NO.492 TDA</t>
  </si>
  <si>
    <t>chak no 492/t, tehsil chobara, dist layyah</t>
  </si>
  <si>
    <t>Chak No 492/T</t>
  </si>
  <si>
    <t>Nasim Khan</t>
  </si>
  <si>
    <t>GGES CHAK NO.5 DB</t>
  </si>
  <si>
    <t>5DB</t>
  </si>
  <si>
    <t>chack no 5db post office 3db tehsil piplan district mianwali</t>
  </si>
  <si>
    <t>Chack No 5DB</t>
  </si>
  <si>
    <t>Chack No 4DB</t>
  </si>
  <si>
    <t>Khair-un-Nisa</t>
  </si>
  <si>
    <t>GGES CHAK NO.5/TDA</t>
  </si>
  <si>
    <t>5TDA</t>
  </si>
  <si>
    <t>GOVT GIRLS ELEMANTRY SCHOOL 5TDA</t>
  </si>
  <si>
    <t>GUnjial Shumali</t>
  </si>
  <si>
    <t>Shehzad Hameed</t>
  </si>
  <si>
    <t>GGES CHAK NO.50 SB</t>
  </si>
  <si>
    <t>50 Sb</t>
  </si>
  <si>
    <t>gges 50 sb sillanwali</t>
  </si>
  <si>
    <t>Chak 50 Sb</t>
  </si>
  <si>
    <t>Chak 136 Sb</t>
  </si>
  <si>
    <t>Sadia Afzal</t>
  </si>
  <si>
    <t>GGES CHAK NO.50/3R</t>
  </si>
  <si>
    <t>50 /3r</t>
  </si>
  <si>
    <t>chak no 50/3r 0kara</t>
  </si>
  <si>
    <t>50/3r</t>
  </si>
  <si>
    <t>45 /gd</t>
  </si>
  <si>
    <t>Gulshan Rehman</t>
  </si>
  <si>
    <t>GGES CHAK NO.50/A</t>
  </si>
  <si>
    <t>46/A - FEMALE</t>
  </si>
  <si>
    <t>10a</t>
  </si>
  <si>
    <t>chak 50/a p/o chak  no 50a</t>
  </si>
  <si>
    <t>50/A</t>
  </si>
  <si>
    <t>Shiraza ali</t>
  </si>
  <si>
    <t>GGES CHAK NO.50/TDA</t>
  </si>
  <si>
    <t>50TDA</t>
  </si>
  <si>
    <t>chak no 50TDA po 47tda</t>
  </si>
  <si>
    <t>Chak 50TDA</t>
  </si>
  <si>
    <t>GGES CHAK NO.51 NB</t>
  </si>
  <si>
    <t>SARGODHA SADAR - FEMALE</t>
  </si>
  <si>
    <t>51NB</t>
  </si>
  <si>
    <t>51 Nb</t>
  </si>
  <si>
    <t>51 NB</t>
  </si>
  <si>
    <t>Tahira Khurshid</t>
  </si>
  <si>
    <t>GGES CHAK NO.53 SB</t>
  </si>
  <si>
    <t>53 SB</t>
  </si>
  <si>
    <t>chak no. 53 sb tehsil and district sargodha</t>
  </si>
  <si>
    <t>105 52 Sb</t>
  </si>
  <si>
    <t>Anam Naseer</t>
  </si>
  <si>
    <t>GGES CHAK NO.55-DB KALLUR KOT</t>
  </si>
  <si>
    <t>55db</t>
  </si>
  <si>
    <t>SAIMA KHAN</t>
  </si>
  <si>
    <t>GGES CHAK NO.56 SB</t>
  </si>
  <si>
    <t>56 Sb</t>
  </si>
  <si>
    <t>chak 56 sb</t>
  </si>
  <si>
    <t>55 Sb</t>
  </si>
  <si>
    <t>Rahat Masooma</t>
  </si>
  <si>
    <t>GGES CHAK NO.56/DB</t>
  </si>
  <si>
    <t>CHAK NO 56/DB</t>
  </si>
  <si>
    <t>chak no.56Ddak khana khas teh yazman</t>
  </si>
  <si>
    <t>MUNCIPAL COMMITEE</t>
  </si>
  <si>
    <t>Shazia Khanum</t>
  </si>
  <si>
    <t>GGES CHAK NO.56/ML</t>
  </si>
  <si>
    <t>Chak No 60-61</t>
  </si>
  <si>
    <t>G G E/S 56ml.</t>
  </si>
  <si>
    <t>Dosaywala</t>
  </si>
  <si>
    <t>205tda</t>
  </si>
  <si>
    <t>RAHAT YASMIN</t>
  </si>
  <si>
    <t>GGES CHAK NO.57 TDA</t>
  </si>
  <si>
    <t>CHAK NO.57/TDA-FEMALE</t>
  </si>
  <si>
    <t>57tda</t>
  </si>
  <si>
    <t>chak no 57tda</t>
  </si>
  <si>
    <t>57 tda</t>
  </si>
  <si>
    <t>Noureen Mehboob</t>
  </si>
  <si>
    <t>GGES CHAK NO.59/DB</t>
  </si>
  <si>
    <t>Chak 59 Db</t>
  </si>
  <si>
    <t>chak 59 db yazman</t>
  </si>
  <si>
    <t>chak 59 db</t>
  </si>
  <si>
    <t>50 db</t>
  </si>
  <si>
    <t>Musarrat Jabeen</t>
  </si>
  <si>
    <t>GGES CHAK NO.6 ML</t>
  </si>
  <si>
    <t>Chak No 6 ML</t>
  </si>
  <si>
    <t>GGES kChak no 6 ML</t>
  </si>
  <si>
    <t>Hafiza Fozia Tabbsam</t>
  </si>
  <si>
    <t>GGES CHAK NO.6 NB</t>
  </si>
  <si>
    <t>6NB</t>
  </si>
  <si>
    <t>Government girls elementary school 6NB</t>
  </si>
  <si>
    <t>GGES CHAK NO.6 SB</t>
  </si>
  <si>
    <t>Chakno6sb</t>
  </si>
  <si>
    <t>chakno6sb post office bhalwal distt Sargodha</t>
  </si>
  <si>
    <t>Chak 6 Sb</t>
  </si>
  <si>
    <t>Sadia Mubasher</t>
  </si>
  <si>
    <t>GGES CHAK NO.6/DNB</t>
  </si>
  <si>
    <t>Chak 6 dnb</t>
  </si>
  <si>
    <t>6 Dnb</t>
  </si>
  <si>
    <t>GGES CHAK NO.60-61/F</t>
  </si>
  <si>
    <t>60/61 F</t>
  </si>
  <si>
    <t>Govt Girls E/S 60/61 f</t>
  </si>
  <si>
    <t>58 F</t>
  </si>
  <si>
    <t>Nasim Kousar</t>
  </si>
  <si>
    <t>GGES CHAK NO.61 NB</t>
  </si>
  <si>
    <t>61 Nb</t>
  </si>
  <si>
    <t>chak 61 NB sargodha</t>
  </si>
  <si>
    <t>61 NB</t>
  </si>
  <si>
    <t>Muneeba Shahid</t>
  </si>
  <si>
    <t>GGES CHAK NO.62 SB</t>
  </si>
  <si>
    <t>Chsk 62 Sb</t>
  </si>
  <si>
    <t>chak 62 sb</t>
  </si>
  <si>
    <t>Chak 62 Sb</t>
  </si>
  <si>
    <t>Chak No 49 Sb</t>
  </si>
  <si>
    <t>GGES CHAK NO.62 -TDA</t>
  </si>
  <si>
    <t>73 Tda</t>
  </si>
  <si>
    <t>chak no 62 tda bhakkar</t>
  </si>
  <si>
    <t>62 Tda</t>
  </si>
  <si>
    <t>60 -61 ML</t>
  </si>
  <si>
    <t>Asma Tabassam</t>
  </si>
  <si>
    <t>GGES CHAK NO.63 NB</t>
  </si>
  <si>
    <t>GGES63nb</t>
  </si>
  <si>
    <t>63nb</t>
  </si>
  <si>
    <t>65 Chak No 67 A Nb</t>
  </si>
  <si>
    <t>Sadaf Zahoor</t>
  </si>
  <si>
    <t>GGES CHAK NO.63 WB</t>
  </si>
  <si>
    <t>Chak 63 WB</t>
  </si>
  <si>
    <t>GMES 63 WB</t>
  </si>
  <si>
    <t>63/WB</t>
  </si>
  <si>
    <t>GGES CHAK NO.63/TDA</t>
  </si>
  <si>
    <t>Chak No 63 Tda</t>
  </si>
  <si>
    <t>Govt.Girls.E/S Chak no 63tda</t>
  </si>
  <si>
    <t>Samreena Bibi</t>
  </si>
  <si>
    <t>GGES CHAK NO.65 SB</t>
  </si>
  <si>
    <t>Chak No 65</t>
  </si>
  <si>
    <t>chak no 65</t>
  </si>
  <si>
    <t>GGES CHAK NO.66 NB</t>
  </si>
  <si>
    <t>MARI - FEMALE</t>
  </si>
  <si>
    <t>chak 66 NB</t>
  </si>
  <si>
    <t>Chak 55 NB</t>
  </si>
  <si>
    <t>Farukh Rafiq</t>
  </si>
  <si>
    <t>GGES CHAK NO.66 SB</t>
  </si>
  <si>
    <t>66chak</t>
  </si>
  <si>
    <t>chak no 66sb</t>
  </si>
  <si>
    <t>66chakSB</t>
  </si>
  <si>
    <t>11chakSB</t>
  </si>
  <si>
    <t>Ghazala Kokab</t>
  </si>
  <si>
    <t>GGES CHAK NO.67 B-NB</t>
  </si>
  <si>
    <t>REMOUNT DEPOT - FEMALE</t>
  </si>
  <si>
    <t>Chak 67 B NB</t>
  </si>
  <si>
    <t>Chak No 67 B NB Sargodha</t>
  </si>
  <si>
    <t>Chak 67 A</t>
  </si>
  <si>
    <t>GGES CHAK NO.67 SB</t>
  </si>
  <si>
    <t>Chak No 67SB</t>
  </si>
  <si>
    <t>Chak No. 67S.B. tehsil kotmomin district sargodha</t>
  </si>
  <si>
    <t>Haseeba Khanam</t>
  </si>
  <si>
    <t>GGES CHAK NO.67/KB</t>
  </si>
  <si>
    <t>Chak no 67 kb</t>
  </si>
  <si>
    <t>67 Kb</t>
  </si>
  <si>
    <t>GGES CHAK NO.68/DB (S)</t>
  </si>
  <si>
    <t>68/db s</t>
  </si>
  <si>
    <t>68/db S</t>
  </si>
  <si>
    <t>68/db  S</t>
  </si>
  <si>
    <t>Sidrah Naz</t>
  </si>
  <si>
    <t>GGES CHAK NO.68/DB BAGGI</t>
  </si>
  <si>
    <t>68 DB</t>
  </si>
  <si>
    <t>chak no. 68 db baggi po kudwala tehsil yazman distt. bwp</t>
  </si>
  <si>
    <t>68 DB Baggi</t>
  </si>
  <si>
    <t>Chak # 68 DB</t>
  </si>
  <si>
    <t>Nabeela Noor</t>
  </si>
  <si>
    <t>GGES CHAK NO.69/DB</t>
  </si>
  <si>
    <t>69/db</t>
  </si>
  <si>
    <t>chack no. 69/db</t>
  </si>
  <si>
    <t>68/db</t>
  </si>
  <si>
    <t>Tabassum Ch</t>
  </si>
  <si>
    <t>GGES CHAK NO.7/1R CHUGATA</t>
  </si>
  <si>
    <t>GGES 7/1R Chughata</t>
  </si>
  <si>
    <t>7/1R Faujian</t>
  </si>
  <si>
    <t>asia firdous</t>
  </si>
  <si>
    <t>GGES CHAK NO.7/NP</t>
  </si>
  <si>
    <t>Chak 7np</t>
  </si>
  <si>
    <t>GGES CHAK 7NP</t>
  </si>
  <si>
    <t>Salma Munir</t>
  </si>
  <si>
    <t>we purchase drinking water</t>
  </si>
  <si>
    <t>GGES CHAK NO.70 SB</t>
  </si>
  <si>
    <t>70 sb</t>
  </si>
  <si>
    <t>gges chak 70 sb sargodha</t>
  </si>
  <si>
    <t>chak 70 sb</t>
  </si>
  <si>
    <t>chak 73 sb</t>
  </si>
  <si>
    <t>Maria Ashraf</t>
  </si>
  <si>
    <t>GGES CHAK NO.70/DB</t>
  </si>
  <si>
    <t>Chak No 70 /db</t>
  </si>
  <si>
    <t>Govt Girls Elementary school 70/ DB</t>
  </si>
  <si>
    <t>Chak No 70/DB</t>
  </si>
  <si>
    <t>68/DB</t>
  </si>
  <si>
    <t>Faiza Javaid</t>
  </si>
  <si>
    <t>GGES CHAK NO.72 SB</t>
  </si>
  <si>
    <t>72sb</t>
  </si>
  <si>
    <t>chak no 72 sb</t>
  </si>
  <si>
    <t>73sb</t>
  </si>
  <si>
    <t>Anum Saba</t>
  </si>
  <si>
    <t>GGES CHAK NO.75/F</t>
  </si>
  <si>
    <t>75/F</t>
  </si>
  <si>
    <t>chak no 75/f po 73/f hasilpur</t>
  </si>
  <si>
    <t>75/f</t>
  </si>
  <si>
    <t>71/f</t>
  </si>
  <si>
    <t>Shugufta Iqbal</t>
  </si>
  <si>
    <t>GGES CHAK NO.75-C/TDA</t>
  </si>
  <si>
    <t>75.C/tda Teh Karor Layyah</t>
  </si>
  <si>
    <t>75.C tda</t>
  </si>
  <si>
    <t>93/ML</t>
  </si>
  <si>
    <t>ABIDA aSHRAF</t>
  </si>
  <si>
    <t>GGES CHAK NO.77 SB</t>
  </si>
  <si>
    <t>Chak 77sb</t>
  </si>
  <si>
    <t>GGES 77 SB</t>
  </si>
  <si>
    <t>Chak 77 SB</t>
  </si>
  <si>
    <t>Chak 74 SB</t>
  </si>
  <si>
    <t>Sadaf Andleeb</t>
  </si>
  <si>
    <t>GGES CHAK NO.78/TDA (TIBBI KALAN)</t>
  </si>
  <si>
    <t>78/TDA</t>
  </si>
  <si>
    <t>chak no. 78/tDA Tibbi kalan, tehsil karor lal eason district layyah</t>
  </si>
  <si>
    <t>Tibbi Kalan</t>
  </si>
  <si>
    <t>Mahik Mukhtiar</t>
  </si>
  <si>
    <t>GGES CHAK NO.79 SB CHAUKERA</t>
  </si>
  <si>
    <t>79 Sb Chokera</t>
  </si>
  <si>
    <t>GGES 79 SB CHOKERA</t>
  </si>
  <si>
    <t>Chokera</t>
  </si>
  <si>
    <t>GGES CHAK NO.79/TDA</t>
  </si>
  <si>
    <t>challenge no. 79 TDA TEHSIL KAROR</t>
  </si>
  <si>
    <t>79 TDA</t>
  </si>
  <si>
    <t>um e salma</t>
  </si>
  <si>
    <t>GGES CHAK NO.8 MB</t>
  </si>
  <si>
    <t>6 MB</t>
  </si>
  <si>
    <t>Chak no 8mb tehsil qaidabad</t>
  </si>
  <si>
    <t>Chak No 8mb</t>
  </si>
  <si>
    <t>Sehrish Mubeen</t>
  </si>
  <si>
    <t>GGES CHAK NO.8 ML</t>
  </si>
  <si>
    <t>CHAK NO 8 ML BHALWAL</t>
  </si>
  <si>
    <t>Chak On 8 Ml</t>
  </si>
  <si>
    <t>Farzana Gulzar</t>
  </si>
  <si>
    <t>GGES CHAK NO.8 RH</t>
  </si>
  <si>
    <t>FAZIL-FEMALE</t>
  </si>
  <si>
    <t>post office fazil chak no 8rh</t>
  </si>
  <si>
    <t>8RH</t>
  </si>
  <si>
    <t>Sidra Rehman</t>
  </si>
  <si>
    <t>GGES CHAK NO.8/DNB</t>
  </si>
  <si>
    <t>8/DNB</t>
  </si>
  <si>
    <t>Chak No. 8DNB</t>
  </si>
  <si>
    <t>Chak No 8/DNB</t>
  </si>
  <si>
    <t>17/DNB</t>
  </si>
  <si>
    <t>Afia Majeed</t>
  </si>
  <si>
    <t>GGES CHAK NO.82 SB</t>
  </si>
  <si>
    <t>Chak No 82 SB</t>
  </si>
  <si>
    <t>Chak no 82 SB</t>
  </si>
  <si>
    <t>Rashda  Parveen</t>
  </si>
  <si>
    <t>GGES CHAK NO.83 SB</t>
  </si>
  <si>
    <t>83sb</t>
  </si>
  <si>
    <t>chak no 83sb sgd</t>
  </si>
  <si>
    <t>74sb</t>
  </si>
  <si>
    <t>Sidra Tul Muntha</t>
  </si>
  <si>
    <t>GGES CHAK NO.83/F</t>
  </si>
  <si>
    <t>83/F</t>
  </si>
  <si>
    <t>GGES Chak No. 83/F, Tehsil Hasilpur, District Bahawalpur</t>
  </si>
  <si>
    <t>SABAHAT LATIF</t>
  </si>
  <si>
    <t>GGES CHAK NO.83/TDA TIBBI KHURD</t>
  </si>
  <si>
    <t>Tibbi Khurd</t>
  </si>
  <si>
    <t>G .G E/S 83 T.D.A Tibbi khurd</t>
  </si>
  <si>
    <t>Zahida Hakim</t>
  </si>
  <si>
    <t>GGES CHAK NO.85/ML</t>
  </si>
  <si>
    <t>GES Chak no 85/mL</t>
  </si>
  <si>
    <t>chak no 85/ML</t>
  </si>
  <si>
    <t>Venus tufail</t>
  </si>
  <si>
    <t>GGES CHAK NO.85/TDA</t>
  </si>
  <si>
    <t>85 TDA</t>
  </si>
  <si>
    <t>GGES 85 TDA, P/0 84 TDA</t>
  </si>
  <si>
    <t>Thal Tandi</t>
  </si>
  <si>
    <t>naheed irshad</t>
  </si>
  <si>
    <t>GGES CHAK NO.85-A/TDA</t>
  </si>
  <si>
    <t>Kror City</t>
  </si>
  <si>
    <t>85A/TDA dera Abdul Wahid khan Tehsil Karor</t>
  </si>
  <si>
    <t>85A/TDA</t>
  </si>
  <si>
    <t>Rajan Shah</t>
  </si>
  <si>
    <t>Saima Saeed</t>
  </si>
  <si>
    <t>GGES CHAK NO.86 ML</t>
  </si>
  <si>
    <t>CHAK NO. 86/ML TEHSIL KAROR LAL EASON DISTRICT LAYYAH</t>
  </si>
  <si>
    <t>fozia anwar</t>
  </si>
  <si>
    <t>GGES CHAK NO.86 NB</t>
  </si>
  <si>
    <t>86nb</t>
  </si>
  <si>
    <t>chak no 86nb sargodha</t>
  </si>
  <si>
    <t>Chak 86nb</t>
  </si>
  <si>
    <t>Shazia Amjad</t>
  </si>
  <si>
    <t>GGES CHAK NO.86/F</t>
  </si>
  <si>
    <t>Chakno86 F</t>
  </si>
  <si>
    <t>Chakno86f Hasilpur</t>
  </si>
  <si>
    <t>Chakno86f</t>
  </si>
  <si>
    <t>Chakno 71f</t>
  </si>
  <si>
    <t>Ansa Misbah Shakoor</t>
  </si>
  <si>
    <t>GGES CHAK NO.86/WB</t>
  </si>
  <si>
    <t>86 Wb</t>
  </si>
  <si>
    <t>Chak no 86wb tahsil mailsi district vehari</t>
  </si>
  <si>
    <t>Chak No 86wb</t>
  </si>
  <si>
    <t>Shatab Ghar</t>
  </si>
  <si>
    <t>najam-us-Saqib</t>
  </si>
  <si>
    <t>GGES CHAK NO.87 SB</t>
  </si>
  <si>
    <t>87SB</t>
  </si>
  <si>
    <t>Chak No 87SB sargodha</t>
  </si>
  <si>
    <t>96SB</t>
  </si>
  <si>
    <t>Rabiyah Ali</t>
  </si>
  <si>
    <t>GGES CHAK NO.88/ML</t>
  </si>
  <si>
    <t>88/ML</t>
  </si>
  <si>
    <t>chak no. 88/ML karor lal eason district layyah.</t>
  </si>
  <si>
    <t>90/mL</t>
  </si>
  <si>
    <t>sadia manzoor</t>
  </si>
  <si>
    <t>GGES CHAK NO.89 NB</t>
  </si>
  <si>
    <t>Chak No89 Nb</t>
  </si>
  <si>
    <t>chak no 89nb sargodha</t>
  </si>
  <si>
    <t>89nb</t>
  </si>
  <si>
    <t>Chak No 79nb</t>
  </si>
  <si>
    <t>ASIFA JAMIL</t>
  </si>
  <si>
    <t>GGES CHAK NO.89/DB</t>
  </si>
  <si>
    <t>Chak # 89/DB</t>
  </si>
  <si>
    <t>Chak # 89/DB Yazman</t>
  </si>
  <si>
    <t>Chak # 88/DB</t>
  </si>
  <si>
    <t>GGES CHAK NO.8-A SB</t>
  </si>
  <si>
    <t>Chak 8A SB</t>
  </si>
  <si>
    <t>GGES chak 8A SB tehsil kotmomin district Sargodha</t>
  </si>
  <si>
    <t>Abdaal</t>
  </si>
  <si>
    <t>GGES CHAK NO.9 SB</t>
  </si>
  <si>
    <t>Chak 9 Sb</t>
  </si>
  <si>
    <t>GGES chak 9 sb kotmomin</t>
  </si>
  <si>
    <t>NASREEN AKHTAR</t>
  </si>
  <si>
    <t>GGES CHAK NO.9/1R</t>
  </si>
  <si>
    <t>9/1 R</t>
  </si>
  <si>
    <t>Chak no 9/1R</t>
  </si>
  <si>
    <t>9/1R</t>
  </si>
  <si>
    <t>7/1R Fojyan Wala</t>
  </si>
  <si>
    <t>Samina  Asrar</t>
  </si>
  <si>
    <t>GGES CHAK NO.9/DRB</t>
  </si>
  <si>
    <t>9 drb</t>
  </si>
  <si>
    <t>9drb</t>
  </si>
  <si>
    <t>derawer</t>
  </si>
  <si>
    <t>Sumera Akhtar</t>
  </si>
  <si>
    <t>GGES CHAK NO.9/GD</t>
  </si>
  <si>
    <t>9/GD</t>
  </si>
  <si>
    <t>GGES 9/G.D</t>
  </si>
  <si>
    <t>4/GD</t>
  </si>
  <si>
    <t>Azra Sharif</t>
  </si>
  <si>
    <t>GGES CHAK NO.9/T MULTAN</t>
  </si>
  <si>
    <t>Chak 9T</t>
  </si>
  <si>
    <t>Govt girls middle school chak 9T budhla sant</t>
  </si>
  <si>
    <t>9T</t>
  </si>
  <si>
    <t>Zahra Shamshad</t>
  </si>
  <si>
    <t>GGES CHAK NO.90-B/TDA</t>
  </si>
  <si>
    <t>CHAK # 90BTDA</t>
  </si>
  <si>
    <t>Gges model 90-B/TDA</t>
  </si>
  <si>
    <t>90-B/TDA</t>
  </si>
  <si>
    <t>Ayesha ramzan</t>
  </si>
  <si>
    <t>GGES CHAK NO.91 SB</t>
  </si>
  <si>
    <t>91 Sb</t>
  </si>
  <si>
    <t>chak no 91 sb bhatianwala sgd</t>
  </si>
  <si>
    <t>88 Sb</t>
  </si>
  <si>
    <t>GGES CHAK NO.91/DB MOHTAMIM WALA</t>
  </si>
  <si>
    <t>CHANNAN PEER - FEMALE</t>
  </si>
  <si>
    <t>Chak 91/db</t>
  </si>
  <si>
    <t>chak number 91/db (m) yazman</t>
  </si>
  <si>
    <t>91/db</t>
  </si>
  <si>
    <t>Raqiba Ayoub</t>
  </si>
  <si>
    <t>GGES CHAK NO.91/F</t>
  </si>
  <si>
    <t>91/f</t>
  </si>
  <si>
    <t>chk 91/f p/o 92/f</t>
  </si>
  <si>
    <t>89/f</t>
  </si>
  <si>
    <t>GGES CHAK NO.91/TDA</t>
  </si>
  <si>
    <t>91tda</t>
  </si>
  <si>
    <t>chak no 91/tda tehsil karor district layyah</t>
  </si>
  <si>
    <t>91/tda</t>
  </si>
  <si>
    <t>Azra kalsoom</t>
  </si>
  <si>
    <t>GGES CHAK NO.92 SB</t>
  </si>
  <si>
    <t>92SB</t>
  </si>
  <si>
    <t>GgEs 92SB Sargodha</t>
  </si>
  <si>
    <t>96sb</t>
  </si>
  <si>
    <t>Muneera Kausar</t>
  </si>
  <si>
    <t>GGES CHAK NO.92/1-L</t>
  </si>
  <si>
    <t>Chak No 92/1L</t>
  </si>
  <si>
    <t>chak no.92/1L</t>
  </si>
  <si>
    <t>Misbah Abrar</t>
  </si>
  <si>
    <t>GGES CHAK NO.93 NB</t>
  </si>
  <si>
    <t>93 nb</t>
  </si>
  <si>
    <t>93 nbsargodha</t>
  </si>
  <si>
    <t>chak 82 nb</t>
  </si>
  <si>
    <t>Saira Nisar</t>
  </si>
  <si>
    <t>GGES CHAK NO.93 SB</t>
  </si>
  <si>
    <t>93 SB</t>
  </si>
  <si>
    <t>89 SB</t>
  </si>
  <si>
    <t>Shabana Yasin</t>
  </si>
  <si>
    <t>GGES CHAK NO.93/ML</t>
  </si>
  <si>
    <t>rakh moj ghr</t>
  </si>
  <si>
    <t>chak  no.93 ml</t>
  </si>
  <si>
    <t>GGES CHAK NO.93/TDA</t>
  </si>
  <si>
    <t>THAL JANDI</t>
  </si>
  <si>
    <t>CHAK NO. 93/ tDA KAROR LAL EASON DISTRICT LAYYAH</t>
  </si>
  <si>
    <t>93/TDA</t>
  </si>
  <si>
    <t>RUKHSANA SHAHEEN</t>
  </si>
  <si>
    <t>GGES CHAK NO.94 SB</t>
  </si>
  <si>
    <t>94sb</t>
  </si>
  <si>
    <t>chak no.94 sb Sargodha</t>
  </si>
  <si>
    <t>94sb Sargodha</t>
  </si>
  <si>
    <t>96 Sb Sargodha</t>
  </si>
  <si>
    <t>Rubina Mumtaz</t>
  </si>
  <si>
    <t>GGES CHAK NO.94/DB</t>
  </si>
  <si>
    <t>94 DB</t>
  </si>
  <si>
    <t>CHAK NO 94 D.B CHANNAN PERR</t>
  </si>
  <si>
    <t>Samina Abbas</t>
  </si>
  <si>
    <t>GGES CHAK NO.96 SB</t>
  </si>
  <si>
    <t>Chak No 96 SB</t>
  </si>
  <si>
    <t>chak no. 96 sb sargodha</t>
  </si>
  <si>
    <t>Chak 96 Sb Sargodha</t>
  </si>
  <si>
    <t>Chak 96 Sb</t>
  </si>
  <si>
    <t>Riffat Aslam</t>
  </si>
  <si>
    <t>GGES CHAK NO.96 TDA</t>
  </si>
  <si>
    <t>96/TDA</t>
  </si>
  <si>
    <t>chak no96 tda tehsil karor district layyah</t>
  </si>
  <si>
    <t>SAMIA UROOJ</t>
  </si>
  <si>
    <t>GGES CHAK NO.96/ML</t>
  </si>
  <si>
    <t>Fatah Pur</t>
  </si>
  <si>
    <t>chak no 96/ml p/o 90/ml</t>
  </si>
  <si>
    <t>96/ml</t>
  </si>
  <si>
    <t>90/ml</t>
  </si>
  <si>
    <t>Rabia Naureen</t>
  </si>
  <si>
    <t>GGES CHAK NO.96/WB</t>
  </si>
  <si>
    <t>Chak 96/wb</t>
  </si>
  <si>
    <t>GGMS96/wb</t>
  </si>
  <si>
    <t>96/wb</t>
  </si>
  <si>
    <t>Gharamore</t>
  </si>
  <si>
    <t>GGES CHAK NO.97 SB</t>
  </si>
  <si>
    <t>97 Sb</t>
  </si>
  <si>
    <t>GGES chak 97 sb</t>
  </si>
  <si>
    <t>96 Sb</t>
  </si>
  <si>
    <t>Sara Nawaz</t>
  </si>
  <si>
    <t>GGES CHAK NO.98 SB</t>
  </si>
  <si>
    <t>Chak 98 SB</t>
  </si>
  <si>
    <t>GGES 98 SB</t>
  </si>
  <si>
    <t>Chak 36 SB</t>
  </si>
  <si>
    <t>Abida Nazir</t>
  </si>
  <si>
    <t>GGES CHAK NO.98/TDA</t>
  </si>
  <si>
    <t>98 Tda</t>
  </si>
  <si>
    <t>Chak No 98 TDA</t>
  </si>
  <si>
    <t>98 TDA</t>
  </si>
  <si>
    <t>farzana kousar</t>
  </si>
  <si>
    <t>GGES CHAK NO.99 SB</t>
  </si>
  <si>
    <t>99sb</t>
  </si>
  <si>
    <t>g g es 99sb</t>
  </si>
  <si>
    <t>Chak No 99sb</t>
  </si>
  <si>
    <t>50 Nb</t>
  </si>
  <si>
    <t>Ansar Parveen</t>
  </si>
  <si>
    <t>GGES CHAK NO.99 TDA (BHADIAN WALA)</t>
  </si>
  <si>
    <t>Dager Sewag</t>
  </si>
  <si>
    <t>Chak no 99/tda bhadanwala</t>
  </si>
  <si>
    <t>Bhadain Wala</t>
  </si>
  <si>
    <t>Aalia batool</t>
  </si>
  <si>
    <t>GGES CHAK NOOR SHAH</t>
  </si>
  <si>
    <t>Chak Noor Shah</t>
  </si>
  <si>
    <t>GGES Chak Noor Shah</t>
  </si>
  <si>
    <t>Mc Area</t>
  </si>
  <si>
    <t>Akhtar Bibi</t>
  </si>
  <si>
    <t>GGES CHAK NORANG</t>
  </si>
  <si>
    <t>Chaknaurang</t>
  </si>
  <si>
    <t>gges chaknaurang teh&amp;distt chakwal</t>
  </si>
  <si>
    <t>Hr Chardhab</t>
  </si>
  <si>
    <t>naeema zamir akhter</t>
  </si>
  <si>
    <t>GGES CHAK PAKHAR</t>
  </si>
  <si>
    <t>chack pakhar</t>
  </si>
  <si>
    <t>chack pakhar tehsil noshera virkan district gujranwala</t>
  </si>
  <si>
    <t>baddo ratta</t>
  </si>
  <si>
    <t>Qurat Tul Ain</t>
  </si>
  <si>
    <t>GGES CHAK PINDI MOHLAN</t>
  </si>
  <si>
    <t>Pindi Mohlan</t>
  </si>
  <si>
    <t>Chak pindi mohlan</t>
  </si>
  <si>
    <t>Qila Javlnd Singh</t>
  </si>
  <si>
    <t>mrs farhat jabeen</t>
  </si>
  <si>
    <t>GGES CHAK QAZIAN</t>
  </si>
  <si>
    <t>Chak Qazian</t>
  </si>
  <si>
    <t>Govt .girls elementary school chak qazian via noorkot ,tehsil shakrgrh,district Narowal.</t>
  </si>
  <si>
    <t>Kallah</t>
  </si>
  <si>
    <t>Sadiqa Tabassum</t>
  </si>
  <si>
    <t>GGES CHAK R S SHUJABAD DISTT. MULTAN</t>
  </si>
  <si>
    <t>CHAK R.S - FEMALE</t>
  </si>
  <si>
    <t>Chak RS</t>
  </si>
  <si>
    <t>Tasleem Akhter</t>
  </si>
  <si>
    <t>GGES CHAK RAIB</t>
  </si>
  <si>
    <t>chak Raib</t>
  </si>
  <si>
    <t>Misbah Khalid</t>
  </si>
  <si>
    <t>GGES CHAK RAIMAN</t>
  </si>
  <si>
    <t>RAMIN-FEMALE</t>
  </si>
  <si>
    <t>chak ramin</t>
  </si>
  <si>
    <t>chak ramin, shah sader din dera ghazi khan</t>
  </si>
  <si>
    <t>GGES CHAK RAMDAS</t>
  </si>
  <si>
    <t>CHAK RAMDAS P/O WAHNDO TEH.KAMOKI DISTT. GRW</t>
  </si>
  <si>
    <t>CHAK RAMDAS</t>
  </si>
  <si>
    <t>Asmat Ara</t>
  </si>
  <si>
    <t>GGES CHAK REHAN</t>
  </si>
  <si>
    <t>GUJRANWALA SADAR 1 - FEMALE</t>
  </si>
  <si>
    <t>Chak Rehan</t>
  </si>
  <si>
    <t>chak rehan gujranwala</t>
  </si>
  <si>
    <t>chak rehan</t>
  </si>
  <si>
    <t>nadala sandhwan</t>
  </si>
  <si>
    <t>Palwisha</t>
  </si>
  <si>
    <t>GGES CHAK SADU VIRKAN</t>
  </si>
  <si>
    <t>Chak Sadu Virkan</t>
  </si>
  <si>
    <t>gges chak sadu virkan</t>
  </si>
  <si>
    <t>Mari Bhindran</t>
  </si>
  <si>
    <t>Fatima Nasrullah</t>
  </si>
  <si>
    <t>GGES CHAK SAIDA</t>
  </si>
  <si>
    <t>Chak Saida</t>
  </si>
  <si>
    <t>chak saida</t>
  </si>
  <si>
    <t>Sandhanwala</t>
  </si>
  <si>
    <t>Shahnaz</t>
  </si>
  <si>
    <t>GGES CHAK SAJJADA</t>
  </si>
  <si>
    <t>Chak sajjada</t>
  </si>
  <si>
    <t>village Chak sajjada, Venike Tarar,  Hafizabad</t>
  </si>
  <si>
    <t>Chak Sajjada</t>
  </si>
  <si>
    <t>Hafiza Hifza Batool</t>
  </si>
  <si>
    <t>GGES CHAK SANGHA</t>
  </si>
  <si>
    <t>Chak Sangha</t>
  </si>
  <si>
    <t>village chak sangha post office Kingra pasrur sialkot</t>
  </si>
  <si>
    <t>Hafza aslam</t>
  </si>
  <si>
    <t>GGES CHAK SHAH MUHAMMAD</t>
  </si>
  <si>
    <t>Chak Shah Muhammad Bodla</t>
  </si>
  <si>
    <t>chak shah muhammad bodla teh depalpur dist okara</t>
  </si>
  <si>
    <t>Chiplipur</t>
  </si>
  <si>
    <t>Nasim Manzoor</t>
  </si>
  <si>
    <t>GGES CHAK SHAHPUR</t>
  </si>
  <si>
    <t>CHAK SHAHPUR</t>
  </si>
  <si>
    <t>Syeda Mussrat Jabeen</t>
  </si>
  <si>
    <t>GGES CHAK SHER MUHAMMAD</t>
  </si>
  <si>
    <t>Chak Sher Muhammad</t>
  </si>
  <si>
    <t>madiha ashraf</t>
  </si>
  <si>
    <t>GGES CHAK SIKANDAR NO.30</t>
  </si>
  <si>
    <t>Chak Sikandar 30</t>
  </si>
  <si>
    <t>GGES Chak Sikandar No. 30, Kharian (Gujrat)</t>
  </si>
  <si>
    <t>Marala</t>
  </si>
  <si>
    <t>Fakhra Jabeen</t>
  </si>
  <si>
    <t>GGES CHAK WAHI 522</t>
  </si>
  <si>
    <t>SHEIKHUPURA-X - FEMALE</t>
  </si>
  <si>
    <t>Chak Wahi 522</t>
  </si>
  <si>
    <t>chak wahi 522 sheikhupura</t>
  </si>
  <si>
    <t>Kakar Gill</t>
  </si>
  <si>
    <t>Sara Arif</t>
  </si>
  <si>
    <t>GGES CHAK WALAIT ALI SHAH</t>
  </si>
  <si>
    <t>Chak Walait Ali Shah</t>
  </si>
  <si>
    <t>GGES chak walait ali shah</t>
  </si>
  <si>
    <t>Bhutta Muhabat</t>
  </si>
  <si>
    <t>Sumaira</t>
  </si>
  <si>
    <t>GGES CHAK WATTOOWAN 638/GB</t>
  </si>
  <si>
    <t>Chak Wattowan</t>
  </si>
  <si>
    <t>chak wattowan</t>
  </si>
  <si>
    <t>5 Chak Kalan</t>
  </si>
  <si>
    <t>Mukhtar Kauaar</t>
  </si>
  <si>
    <t>GGES CHAK.NO. 509/TDA</t>
  </si>
  <si>
    <t>509/tda</t>
  </si>
  <si>
    <t>gges509tda</t>
  </si>
  <si>
    <t>GGES CHAKAR DARI</t>
  </si>
  <si>
    <t>chakar dari</t>
  </si>
  <si>
    <t>mouza patal ghair mustakil chakar dari</t>
  </si>
  <si>
    <t>choudari</t>
  </si>
  <si>
    <t>shenaz bano</t>
  </si>
  <si>
    <t>GGES CHAKERALI</t>
  </si>
  <si>
    <t>MURIDKE-I - FEMALE</t>
  </si>
  <si>
    <t>Chakrali</t>
  </si>
  <si>
    <t>GGES Chakrali</t>
  </si>
  <si>
    <t>Ladheky</t>
  </si>
  <si>
    <t>Iqra Adrees</t>
  </si>
  <si>
    <t>GGES CHAKI SHEIKH JEE P/O LAWA</t>
  </si>
  <si>
    <t>Chaki Shiekh Jee</t>
  </si>
  <si>
    <t>Muza chaki sheikh jee vpo lawa</t>
  </si>
  <si>
    <t>Nighat Yasmeen</t>
  </si>
  <si>
    <t>GGES CHAKOKI</t>
  </si>
  <si>
    <t>Chakoki</t>
  </si>
  <si>
    <t>chakoki</t>
  </si>
  <si>
    <t>Bhoneyki</t>
  </si>
  <si>
    <t>Sumera Yaseen</t>
  </si>
  <si>
    <t>GGES CHAKRALI BADHAL</t>
  </si>
  <si>
    <t>Chakrali Badhal</t>
  </si>
  <si>
    <t>Sui Chemian</t>
  </si>
  <si>
    <t>GGES CHAKRI KARAM KHAN</t>
  </si>
  <si>
    <t>JALALPUR SHARIF - FEMALE</t>
  </si>
  <si>
    <t>Chakri Karam Khan</t>
  </si>
  <si>
    <t>Chakri karam khan p.o nathial Teh pind dadan khan.jhelum</t>
  </si>
  <si>
    <t>Chakr Karam khan</t>
  </si>
  <si>
    <t>Samra Aziz</t>
  </si>
  <si>
    <t>GGES CHAKRIAN</t>
  </si>
  <si>
    <t>CHAKRIAN</t>
  </si>
  <si>
    <t>GGES CHAKWALIAN TALAGANG</t>
  </si>
  <si>
    <t>village and post office chakwalian</t>
  </si>
  <si>
    <t>Nakka Kahot</t>
  </si>
  <si>
    <t>Romana Sadia</t>
  </si>
  <si>
    <t>GGES CHAMB KULYAR</t>
  </si>
  <si>
    <t>chumb kulyar</t>
  </si>
  <si>
    <t>chumb kulyar lodhran</t>
  </si>
  <si>
    <t>Syeda Shaheena Rizvi</t>
  </si>
  <si>
    <t>GGES CHAMR POUR</t>
  </si>
  <si>
    <t>SUNDER-FEMALE</t>
  </si>
  <si>
    <t>Chamru Pur</t>
  </si>
  <si>
    <t>CHAMROPUR</t>
  </si>
  <si>
    <t>CHAMR PUR</t>
  </si>
  <si>
    <t>Bhobatian</t>
  </si>
  <si>
    <t>SAMIA UMAR</t>
  </si>
  <si>
    <t>GGES CHANALA LOOPH</t>
  </si>
  <si>
    <t>Chanala Looph</t>
  </si>
  <si>
    <t>govt.girls elementary school chanala looph</t>
  </si>
  <si>
    <t>Fazla Katch</t>
  </si>
  <si>
    <t>FOZIA  ASHRAF</t>
  </si>
  <si>
    <t>GGES CHANDALA</t>
  </si>
  <si>
    <t>Chandala, Kamoki, Gujranwala</t>
  </si>
  <si>
    <t>Roubina Ghaffar</t>
  </si>
  <si>
    <t>GGES CHANDNA</t>
  </si>
  <si>
    <t>chandna p/o kot shakir teh. 18 hazari district jhang.</t>
  </si>
  <si>
    <t>Kotshakir</t>
  </si>
  <si>
    <t>GGES CHANDOWAL</t>
  </si>
  <si>
    <t>SANIARI-FEMALE</t>
  </si>
  <si>
    <t>GGEs Chandwal</t>
  </si>
  <si>
    <t>Village chandwal Shakargarh</t>
  </si>
  <si>
    <t>Chandwal</t>
  </si>
  <si>
    <t>Nosheen Anwar</t>
  </si>
  <si>
    <t>GGES CHANDRAIN</t>
  </si>
  <si>
    <t>Sharishta Than Jandi</t>
  </si>
  <si>
    <t>housing colony #2</t>
  </si>
  <si>
    <t>Chandrain</t>
  </si>
  <si>
    <t>Sarista Thal</t>
  </si>
  <si>
    <t>Kalsoom Faiz Sial</t>
  </si>
  <si>
    <t>GGES CHANGA</t>
  </si>
  <si>
    <t>VPO Changa</t>
  </si>
  <si>
    <t>GGES CHANGI</t>
  </si>
  <si>
    <t>KOTLI MOMAN - FEMALE</t>
  </si>
  <si>
    <t>Changi</t>
  </si>
  <si>
    <t>Govt Girls Elementary school Changi Tehsil Daska District sialkot</t>
  </si>
  <si>
    <t>Bhaghat Pur</t>
  </si>
  <si>
    <t>Zanobia said</t>
  </si>
  <si>
    <t>GGES CHANGO WALI</t>
  </si>
  <si>
    <t>Changowli</t>
  </si>
  <si>
    <t>changowali</t>
  </si>
  <si>
    <t>Changowali</t>
  </si>
  <si>
    <t>Shaista Rani</t>
  </si>
  <si>
    <t>GGES CHANIAN WALI</t>
  </si>
  <si>
    <t>Chaniawali</t>
  </si>
  <si>
    <t>street no 3 habib colony sheikhupura</t>
  </si>
  <si>
    <t>Bhalike</t>
  </si>
  <si>
    <t>GGES CHANNI MITTHA</t>
  </si>
  <si>
    <t>Chhannimittha</t>
  </si>
  <si>
    <t>GGES chhannimittha</t>
  </si>
  <si>
    <t>Soling Awan</t>
  </si>
  <si>
    <t>Yasmin Iqbal</t>
  </si>
  <si>
    <t>GGES CHAPPRAN WALA NEAR TATEY PUR</t>
  </si>
  <si>
    <t>DOMRA - FEMALE</t>
  </si>
  <si>
    <t>Chappran wala</t>
  </si>
  <si>
    <t>chah hajian wala moza chappran wala po box taty pur multan</t>
  </si>
  <si>
    <t>tatey pur</t>
  </si>
  <si>
    <t>jhok lashkar pur</t>
  </si>
  <si>
    <t>Kousar Aziz</t>
  </si>
  <si>
    <t>GGES CHAPRAN WALA, NAWAN SHEHR</t>
  </si>
  <si>
    <t>Chapranwala</t>
  </si>
  <si>
    <t>chapranwala</t>
  </si>
  <si>
    <t>GGES CHAPRI NO. 1</t>
  </si>
  <si>
    <t>Post Offuce Chapri, Tehsil Essa Khel, District Mianwali</t>
  </si>
  <si>
    <t>Mehwish Noureen</t>
  </si>
  <si>
    <t>GGES CHATTAL</t>
  </si>
  <si>
    <t>CHAKWAL-II-FEMALE</t>
  </si>
  <si>
    <t>Chattal</t>
  </si>
  <si>
    <t>vpo chattal</t>
  </si>
  <si>
    <t>Chak Malook</t>
  </si>
  <si>
    <t>Samina Mumtaz</t>
  </si>
  <si>
    <t>GGES CHATTER TARKLAM</t>
  </si>
  <si>
    <t>Karlot</t>
  </si>
  <si>
    <t>Village tarklam murree</t>
  </si>
  <si>
    <t>Tarklam</t>
  </si>
  <si>
    <t>GGES CHAUDRY COLONY KACHI ABADI</t>
  </si>
  <si>
    <t>Chaudhry colony kachi Abadi lhr</t>
  </si>
  <si>
    <t>Samina Sajjad</t>
  </si>
  <si>
    <t>GGES CHAWEKA (BWN)</t>
  </si>
  <si>
    <t>chaweka</t>
  </si>
  <si>
    <t>chewaka utar p/o jphlsn arian</t>
  </si>
  <si>
    <t>tomba qalander shah</t>
  </si>
  <si>
    <t>Nasim Akther</t>
  </si>
  <si>
    <t>GGES CHAYLAY WALA CHAK NO. 38/RB</t>
  </si>
  <si>
    <t>Nizampura Chalian wala Chack 38 R B</t>
  </si>
  <si>
    <t>Nizampura Chalian Wala</t>
  </si>
  <si>
    <t>Tajammul Fatima</t>
  </si>
  <si>
    <t>GGES CHEEMA</t>
  </si>
  <si>
    <t>Chemah</t>
  </si>
  <si>
    <t>village chemah, p.o. Ahmad abad</t>
  </si>
  <si>
    <t>Lalla</t>
  </si>
  <si>
    <t>Anjum Tahira</t>
  </si>
  <si>
    <t>GGES CHEENA ARLA</t>
  </si>
  <si>
    <t>cheena arla</t>
  </si>
  <si>
    <t>Asma Gulnaz</t>
  </si>
  <si>
    <t>GGES CHEHAL KHURD</t>
  </si>
  <si>
    <t>GUJRANWALA SADAR 4 - FEMALE</t>
  </si>
  <si>
    <t>GGES CHELEY WALA</t>
  </si>
  <si>
    <t>WASU ASTANA - FEMALE</t>
  </si>
  <si>
    <t>Chaly Wala</t>
  </si>
  <si>
    <t>chsk no.7/2 thal chslay wala dakhana khas bhreri tehsil 18 hazari</t>
  </si>
  <si>
    <t>Munazza Siddiq</t>
  </si>
  <si>
    <t>GGES CHHAJI MAR</t>
  </si>
  <si>
    <t>Chajjimar</t>
  </si>
  <si>
    <t>p/ O chajjimar teh Jand Disst Attock</t>
  </si>
  <si>
    <t>Suftain Bi Bi</t>
  </si>
  <si>
    <t>GGES CHHAMAL</t>
  </si>
  <si>
    <t>CHHAMAL-FEMALE</t>
  </si>
  <si>
    <t>Chhamal</t>
  </si>
  <si>
    <t>GGES Chhamal</t>
  </si>
  <si>
    <t>Shahpur Banghoo</t>
  </si>
  <si>
    <t>GGES CHHAPANWALI</t>
  </si>
  <si>
    <t>chappanwali</t>
  </si>
  <si>
    <t>chappanwali tehsil safdarabad distric sheikhupura</t>
  </si>
  <si>
    <t>cheena virkan</t>
  </si>
  <si>
    <t>Asima Zaman</t>
  </si>
  <si>
    <t>GGES CHIAN WALI</t>
  </si>
  <si>
    <t>chianwali,tehsil daska, district sialkot</t>
  </si>
  <si>
    <t>Koreky</t>
  </si>
  <si>
    <t>Nighat Ara</t>
  </si>
  <si>
    <t>GGES CHIANWALI GHARBI</t>
  </si>
  <si>
    <t>Chianwali West</t>
  </si>
  <si>
    <t>GGES Chianwali west</t>
  </si>
  <si>
    <t>GGES CHIDROO</t>
  </si>
  <si>
    <t>MUSA KHEL NO.1-FEMALE</t>
  </si>
  <si>
    <t>Chiddru</t>
  </si>
  <si>
    <t>gge/s chhidru</t>
  </si>
  <si>
    <t>Chhidru</t>
  </si>
  <si>
    <t>Iffat BatooL</t>
  </si>
  <si>
    <t>GGES CHIHAN</t>
  </si>
  <si>
    <t>GGES chahan</t>
  </si>
  <si>
    <t>Noor Jehan</t>
  </si>
  <si>
    <t>GGES CHIMMON</t>
  </si>
  <si>
    <t>gges chimmon</t>
  </si>
  <si>
    <t>Bushra Khanum</t>
  </si>
  <si>
    <t>GGES CHINA MURRANI</t>
  </si>
  <si>
    <t>SIAL - FEMALE</t>
  </si>
  <si>
    <t>Bhakkar Nashaib</t>
  </si>
  <si>
    <t>Elementry school E/S Chhina Murani</t>
  </si>
  <si>
    <t>Chhina Murani</t>
  </si>
  <si>
    <t>Gadola</t>
  </si>
  <si>
    <t>GGES CHINOR</t>
  </si>
  <si>
    <t>Chanor</t>
  </si>
  <si>
    <t>village Chanor</t>
  </si>
  <si>
    <t>GGES CHITTAN</t>
  </si>
  <si>
    <t>Chittan</t>
  </si>
  <si>
    <t>village chittan ,Tehsil &amp; District Jhelum</t>
  </si>
  <si>
    <t>GGES CHITTI GORAYA</t>
  </si>
  <si>
    <t>CHITI GORAYA  - FEMALE</t>
  </si>
  <si>
    <t>chitti goraya</t>
  </si>
  <si>
    <t>chitti goraya tehsil noshera virkan district grw</t>
  </si>
  <si>
    <t>Buddha goraya</t>
  </si>
  <si>
    <t>Saba Saif</t>
  </si>
  <si>
    <t>GGES CHOHA SHARIF</t>
  </si>
  <si>
    <t>choha</t>
  </si>
  <si>
    <t>Tayyaba Saeed</t>
  </si>
  <si>
    <t>GGES CHOHAL</t>
  </si>
  <si>
    <t>Riffat Abida Shaheen</t>
  </si>
  <si>
    <t>GGES CHOHAN</t>
  </si>
  <si>
    <t>village and post office chohan tehsil and district chakwal</t>
  </si>
  <si>
    <t>Jamila Tabassum</t>
  </si>
  <si>
    <t>GGES CHOHAR PUR</t>
  </si>
  <si>
    <t>chah dhand wala chuhar pur post office liaqat abad</t>
  </si>
  <si>
    <t>Dhand wala</t>
  </si>
  <si>
    <t>Bushra ambreen</t>
  </si>
  <si>
    <t>GGES CHOHAY WALI KALAN</t>
  </si>
  <si>
    <t>Chohay Wali Kalan</t>
  </si>
  <si>
    <t>chohay wali kalan</t>
  </si>
  <si>
    <t>Ali Pur Tibba</t>
  </si>
  <si>
    <t>Nousheen Shoaib</t>
  </si>
  <si>
    <t>GGES CHOKER</t>
  </si>
  <si>
    <t>Chokar</t>
  </si>
  <si>
    <t>post office and village Chokar tehsil Taxila dist Rwp</t>
  </si>
  <si>
    <t>Rozi Shabnam</t>
  </si>
  <si>
    <t>GGES CHOKI RANGO KHAN</t>
  </si>
  <si>
    <t>Chowki Rango Khan</t>
  </si>
  <si>
    <t>GGES chowki rango khan p\o rind Jada teh# kahror pacca distt:lodhran</t>
  </si>
  <si>
    <t>Irfana mazhar</t>
  </si>
  <si>
    <t>GGES CHOORI WALA</t>
  </si>
  <si>
    <t>Baila Singh Chooriwala</t>
  </si>
  <si>
    <t>G.G.E.S.CHOORIWALA</t>
  </si>
  <si>
    <t>Qurat Ul Ain</t>
  </si>
  <si>
    <t>GGES CHOTI BALA</t>
  </si>
  <si>
    <t>CHOTI BALA-FEMALE</t>
  </si>
  <si>
    <t>Chak Rohry</t>
  </si>
  <si>
    <t>GGES CHOTI BALA ,Teh.kot chutta.Dist.D.G.Khan</t>
  </si>
  <si>
    <t>Choti Bala</t>
  </si>
  <si>
    <t>GGES CHOTI ZAREEN NO. 2</t>
  </si>
  <si>
    <t>Chack Bakhar</t>
  </si>
  <si>
    <t>GGMS No choti zareen</t>
  </si>
  <si>
    <t>CHOTI ZAREEN</t>
  </si>
  <si>
    <t>Choti zareen</t>
  </si>
  <si>
    <t>Rizwana Parveen</t>
  </si>
  <si>
    <t>GGES CHOUBARA</t>
  </si>
  <si>
    <t>Jiway Wala</t>
  </si>
  <si>
    <t>Allied school near punjab bank</t>
  </si>
  <si>
    <t>Behkan Wala</t>
  </si>
  <si>
    <t>Khush Bakht Shujat</t>
  </si>
  <si>
    <t>GGES CHOUNTRA</t>
  </si>
  <si>
    <t>Kolpur</t>
  </si>
  <si>
    <t>Govt.Girls Elementary School Chountra</t>
  </si>
  <si>
    <t>Chak Khasa</t>
  </si>
  <si>
    <t>Fozia Bushra</t>
  </si>
  <si>
    <t>GGES CHOURA</t>
  </si>
  <si>
    <t>Choura</t>
  </si>
  <si>
    <t>choura tehseel wazirabad dis gujranwala</t>
  </si>
  <si>
    <t>Mehwish Aundleeb</t>
  </si>
  <si>
    <t>GGES CHOWKI GABOOL</t>
  </si>
  <si>
    <t>govt girls e/s chowki gabool</t>
  </si>
  <si>
    <t>Farah Shahzad</t>
  </si>
  <si>
    <t>GGES CHOWKI MASTI KHAN</t>
  </si>
  <si>
    <t>ALIPURKANJU - FEMALE</t>
  </si>
  <si>
    <t>Choki Masti Khan</t>
  </si>
  <si>
    <t>choki masti khan</t>
  </si>
  <si>
    <t>Sobia Altaf</t>
  </si>
  <si>
    <t>GGES CHOWKI WAGHAL</t>
  </si>
  <si>
    <t>Village and post office waghal teh kotli sattian district Rawalpindi</t>
  </si>
  <si>
    <t>Nazeem Akhter</t>
  </si>
  <si>
    <t>GGES CHRISTIAN COLONY YAZMAN</t>
  </si>
  <si>
    <t>muhammida Colony Muhammadia colony</t>
  </si>
  <si>
    <t>ggescc yazman bahawalpur</t>
  </si>
  <si>
    <t>city yazman</t>
  </si>
  <si>
    <t>cityyazman</t>
  </si>
  <si>
    <t>Sabahat Aslam</t>
  </si>
  <si>
    <t>GGES CHRISTIAN JALAL PUR JATTAN</t>
  </si>
  <si>
    <t>GG christian model E/S jpj shahbaz pur road near choppala stand jpj</t>
  </si>
  <si>
    <t>JALAL PUR JATTAN</t>
  </si>
  <si>
    <t>GGES CHUCHAK</t>
  </si>
  <si>
    <t>chichak</t>
  </si>
  <si>
    <t>GGESChuchak</t>
  </si>
  <si>
    <t>chuchak</t>
  </si>
  <si>
    <t>bazida</t>
  </si>
  <si>
    <t>Sobia Aslam</t>
  </si>
  <si>
    <t>GGES CHUHAR MUNDA</t>
  </si>
  <si>
    <t>SAUKIN WIND - FEMALE</t>
  </si>
  <si>
    <t>Chuhrmunda</t>
  </si>
  <si>
    <t>Chuhrmunda kalasswala Pasrur sialkot</t>
  </si>
  <si>
    <t>Sauknwind</t>
  </si>
  <si>
    <t>Azmat Bano</t>
  </si>
  <si>
    <t>GGES CHUMBE</t>
  </si>
  <si>
    <t>GGES chumbi</t>
  </si>
  <si>
    <t>chumbi</t>
  </si>
  <si>
    <t>Mc Kallar Kahar</t>
  </si>
  <si>
    <t>sobia naseer</t>
  </si>
  <si>
    <t>GGES CHUMBI</t>
  </si>
  <si>
    <t>vpo chumbi teh choa saiden shah distt chakwal</t>
  </si>
  <si>
    <t>Chhumbi</t>
  </si>
  <si>
    <t>Samreen Sadiq</t>
  </si>
  <si>
    <t>GGES CHUNG KHURD (DEFENCE)</t>
  </si>
  <si>
    <t>CANTT - FEMALE</t>
  </si>
  <si>
    <t>Chung Khurd</t>
  </si>
  <si>
    <t>CB</t>
  </si>
  <si>
    <t>Nusrat Begum</t>
  </si>
  <si>
    <t>GGES CHUNGI NO. 14 SAMANABAD NEAR SHAH RUKN-E-ALAM</t>
  </si>
  <si>
    <t>Samanabad</t>
  </si>
  <si>
    <t>gges chungi no. 14 samanabad near shah ruken e alam multan</t>
  </si>
  <si>
    <t>zahida younas</t>
  </si>
  <si>
    <t>GGES CHUNIAN</t>
  </si>
  <si>
    <t>CHUNIAN CITY - FEMALE</t>
  </si>
  <si>
    <t>Government Girls Elementry School, Chunian</t>
  </si>
  <si>
    <t>GGES CHUR HARPAL RAWALPINDI</t>
  </si>
  <si>
    <t>near bohar mosque chour harpal Rawalpindi</t>
  </si>
  <si>
    <t>Chourharpal</t>
  </si>
  <si>
    <t>GGES CHURA MANEKA</t>
  </si>
  <si>
    <t>GGES Chura Maneka</t>
  </si>
  <si>
    <t>Chura Maneka</t>
  </si>
  <si>
    <t>Mahant Darshan</t>
  </si>
  <si>
    <t>FIRDOUS KOUSAR</t>
  </si>
  <si>
    <t>GGES CHURATA NO. 3</t>
  </si>
  <si>
    <t>SADAR CITY-FEMALE</t>
  </si>
  <si>
    <t>block 17, d.g.khan</t>
  </si>
  <si>
    <t>Shahid Kazmi</t>
  </si>
  <si>
    <t>GGES CM GOGIAL</t>
  </si>
  <si>
    <t>PRAIL - FEMALE</t>
  </si>
  <si>
    <t>Gogial</t>
  </si>
  <si>
    <t>gogial</t>
  </si>
  <si>
    <t>Iffat Rana</t>
  </si>
  <si>
    <t>GGES CM LIBBAY</t>
  </si>
  <si>
    <t>Libbay</t>
  </si>
  <si>
    <t>libbay</t>
  </si>
  <si>
    <t>Saima  Shakeel</t>
  </si>
  <si>
    <t>GGES CM PAJOKAY</t>
  </si>
  <si>
    <t>Pajokay Teh Pasrur distt Sialkot</t>
  </si>
  <si>
    <t>Iqra Zafar</t>
  </si>
  <si>
    <t>GGES CM PUL BAJWAN</t>
  </si>
  <si>
    <t>Pullbajwan</t>
  </si>
  <si>
    <t>Pullbajan</t>
  </si>
  <si>
    <t>Najma  Rani</t>
  </si>
  <si>
    <t>GGES CM RAHANG</t>
  </si>
  <si>
    <t>Rahang</t>
  </si>
  <si>
    <t>GGCMES Rahang p.o kotli loharan west teh &amp; distt sialkot</t>
  </si>
  <si>
    <t>Monger</t>
  </si>
  <si>
    <t>Misbah Rafique</t>
  </si>
  <si>
    <t>GGES CM SEOWAL</t>
  </si>
  <si>
    <t>BALLAGAN - FEMALE</t>
  </si>
  <si>
    <t>govt girls e/s cm sehowal</t>
  </si>
  <si>
    <t>Shumaila Rani</t>
  </si>
  <si>
    <t>GGES CM TARGA</t>
  </si>
  <si>
    <t>Targa</t>
  </si>
  <si>
    <t>village&amp; p.o. targa tehsil daska distt sialkot</t>
  </si>
  <si>
    <t>Peero Chak</t>
  </si>
  <si>
    <t>Nahid Kausar</t>
  </si>
  <si>
    <t>GGES CM TAVERIAN WALA</t>
  </si>
  <si>
    <t>Tawerianwala</t>
  </si>
  <si>
    <t>village and post office tawerianwala tehsil pasrur district sialkot</t>
  </si>
  <si>
    <t>Musapur</t>
  </si>
  <si>
    <t>Humaira Anjum Bajwa</t>
  </si>
  <si>
    <t>GGES CM UDHOWAR</t>
  </si>
  <si>
    <t>Udowar</t>
  </si>
  <si>
    <t>tehsil daska district Sialkot udowar</t>
  </si>
  <si>
    <t>Siyo Key</t>
  </si>
  <si>
    <t>Hina Ashraf</t>
  </si>
  <si>
    <t>GGES CPC KUNJAH NO.2</t>
  </si>
  <si>
    <t>kunjah</t>
  </si>
  <si>
    <t>Mohallah Aloki Kunjah</t>
  </si>
  <si>
    <t>muncipal committe</t>
  </si>
  <si>
    <t>GGES DAB</t>
  </si>
  <si>
    <t>village dab PO CHAKWAL</t>
  </si>
  <si>
    <t>Tazeem Akhter</t>
  </si>
  <si>
    <t>GGES DADHOCHA</t>
  </si>
  <si>
    <t>Dadhocha</t>
  </si>
  <si>
    <t>Govt Girls Elementary school DADHOCHA Teh &amp; Distt Rawalpindi via Sihala</t>
  </si>
  <si>
    <t>Zamida Kousar</t>
  </si>
  <si>
    <t>GGES DAHOO</t>
  </si>
  <si>
    <t>Dahoo</t>
  </si>
  <si>
    <t>nawa chak dahoo</t>
  </si>
  <si>
    <t>Tehmina  Naz</t>
  </si>
  <si>
    <t>GGES DAILY NAMDAR</t>
  </si>
  <si>
    <t>DAILY NAMDAR-FEMALE</t>
  </si>
  <si>
    <t>P/O Daily Namdar</t>
  </si>
  <si>
    <t>SABA QADEER</t>
  </si>
  <si>
    <t>GGES DAK JATAN</t>
  </si>
  <si>
    <t>Dak Jattan</t>
  </si>
  <si>
    <t>dakjattan sagir</t>
  </si>
  <si>
    <t>Masoompur</t>
  </si>
  <si>
    <t>Syeda Ayesha Yousaf</t>
  </si>
  <si>
    <t>GGES DAKHLI CHAK JODH AMIRA ABAD SARGODHA</t>
  </si>
  <si>
    <t>gges amirabad dakhli chak jodh</t>
  </si>
  <si>
    <t>52sb</t>
  </si>
  <si>
    <t>Hareem Fatima</t>
  </si>
  <si>
    <t>GGES DAKHUHA</t>
  </si>
  <si>
    <t>Dokhuha</t>
  </si>
  <si>
    <t>Maryam Khurram</t>
  </si>
  <si>
    <t>GGES DALAIL PUR</t>
  </si>
  <si>
    <t>BASHARAT-FEMALE</t>
  </si>
  <si>
    <t>Dalail Pur</t>
  </si>
  <si>
    <t>v@ p.o; dalail pur,teh; choa saiden shah,distt; chakwal</t>
  </si>
  <si>
    <t>GGES DALIA</t>
  </si>
  <si>
    <t>Dalia</t>
  </si>
  <si>
    <t>Govt Girls Elementary School Dalia Tehsil and District Gujrat</t>
  </si>
  <si>
    <t>GGES DALLA NANGAL CHAK NO. 83/RB</t>
  </si>
  <si>
    <t>Dalla Nangal</t>
  </si>
  <si>
    <t>dalla nangal chak83 tehsil shahkot distt nankana sahib</t>
  </si>
  <si>
    <t>Dalla Nangal Chak83</t>
  </si>
  <si>
    <t>Rasool Pur Chak82</t>
  </si>
  <si>
    <t>GGES DALYA</t>
  </si>
  <si>
    <t>Dalyan</t>
  </si>
  <si>
    <t>village dalyan post office tarait tehsil murree district rawalpindi</t>
  </si>
  <si>
    <t>Tarait</t>
  </si>
  <si>
    <t>Ayesha Gul Zaman</t>
  </si>
  <si>
    <t>GGES DALYAL</t>
  </si>
  <si>
    <t>Dalyal tehsil shakargarh</t>
  </si>
  <si>
    <t>Dalyal</t>
  </si>
  <si>
    <t>Fahmida Begum</t>
  </si>
  <si>
    <t>GGES DAMAN</t>
  </si>
  <si>
    <t>govt girls elementary school daman village daman</t>
  </si>
  <si>
    <t>Abida sultan</t>
  </si>
  <si>
    <t>GGES DAMMAR WALA SHUMALI NO. 1</t>
  </si>
  <si>
    <t>Dammar Wala</t>
  </si>
  <si>
    <t>gges dammar wala shumali #1</t>
  </si>
  <si>
    <t>Junaida Rana</t>
  </si>
  <si>
    <t>GGES DAMMAR WALA SHUMALI NO. 2</t>
  </si>
  <si>
    <t>Dammar wala</t>
  </si>
  <si>
    <t>basti Islamabad</t>
  </si>
  <si>
    <t>GGES DANDI</t>
  </si>
  <si>
    <t>gges dandi</t>
  </si>
  <si>
    <t>Saadia Rasheed</t>
  </si>
  <si>
    <t>GGES DANDI NAZAM</t>
  </si>
  <si>
    <t>Dandi Nizam</t>
  </si>
  <si>
    <t>dandi nizam ,s.a.gir, gujrat</t>
  </si>
  <si>
    <t>Najma Safdar</t>
  </si>
  <si>
    <t>GGES DANDI SARGANA, P/O SARDAR PUR, SARAI SIDHU</t>
  </si>
  <si>
    <t>SARAI SIDHU - FEMALE</t>
  </si>
  <si>
    <t>Dhonay Wala</t>
  </si>
  <si>
    <t>moza dandi sargana</t>
  </si>
  <si>
    <t>Dandi Sargana</t>
  </si>
  <si>
    <t>Hasmat Merali</t>
  </si>
  <si>
    <t>GGES DANI DEHRA</t>
  </si>
  <si>
    <t>vpo dani dehra the sohawa dist jhelum</t>
  </si>
  <si>
    <t>Sammia Bibi</t>
  </si>
  <si>
    <t>GGES DANNA AWAIN</t>
  </si>
  <si>
    <t>Danna Awain</t>
  </si>
  <si>
    <t>village Danna awain, p/o Murrer, tehsil Murrer, district rawalpindi</t>
  </si>
  <si>
    <t>Hina Abbasi</t>
  </si>
  <si>
    <t>GGES DANOI</t>
  </si>
  <si>
    <t>DANOI</t>
  </si>
  <si>
    <t>GGES  Danoi</t>
  </si>
  <si>
    <t>Danoi</t>
  </si>
  <si>
    <t>Zafreen Nisa</t>
  </si>
  <si>
    <t>Boring water</t>
  </si>
  <si>
    <t>GGES DAOKAY KHURD</t>
  </si>
  <si>
    <t>Daokey Khurd</t>
  </si>
  <si>
    <t>village daokey khurd p/o peerochak tehsil daska sailkot</t>
  </si>
  <si>
    <t>Bogray</t>
  </si>
  <si>
    <t>GGES DAR UL ISLAM PWP</t>
  </si>
  <si>
    <t>Pirwadhai</t>
  </si>
  <si>
    <t>gges darul Islam awan chowk pirwadhai rawalpindi</t>
  </si>
  <si>
    <t>GGES DARA MEHRAM, ABDUL HAKIM</t>
  </si>
  <si>
    <t>Dara Mehram</t>
  </si>
  <si>
    <t>ggms dara mehram moza dara mehram</t>
  </si>
  <si>
    <t>Mrs Rashda Zafar</t>
  </si>
  <si>
    <t>GGES DARA PUR</t>
  </si>
  <si>
    <t>village&amp;p.o. Darapur tehsil&amp;distt jhelum</t>
  </si>
  <si>
    <t>Hafiza  Tahira Kalsoom</t>
  </si>
  <si>
    <t>GGES DARBAR SHAIKH ILAM DIN</t>
  </si>
  <si>
    <t>DARBAR SHAIKH ILAM DIN</t>
  </si>
  <si>
    <t>VILLAGE dARBAR SHAIKH ILAM DIN,tEHSIL CHUNIAN,DISTT KASUR</t>
  </si>
  <si>
    <t>JAMSHER KHURD</t>
  </si>
  <si>
    <t>Tahira Shaheen</t>
  </si>
  <si>
    <t>GGES DARBULA</t>
  </si>
  <si>
    <t>p/o haiderabad tehsil mankera district bhakkar</t>
  </si>
  <si>
    <t>Sahira Jabeen</t>
  </si>
  <si>
    <t>GGES DARGAHI WALA</t>
  </si>
  <si>
    <t>Dargahiwala</t>
  </si>
  <si>
    <t>dargahiwala P.O Butala Jhanda Singh Tehsil Wazirabad District Gujranwala</t>
  </si>
  <si>
    <t>Hardo Saharan</t>
  </si>
  <si>
    <t>Zobia Mukhtar</t>
  </si>
  <si>
    <t>GGES DARGHI PUR</t>
  </si>
  <si>
    <t>Dargahi Pur</t>
  </si>
  <si>
    <t>Chak #760</t>
  </si>
  <si>
    <t>GGES DARIA KATHANA</t>
  </si>
  <si>
    <t>Darya khatana</t>
  </si>
  <si>
    <t>vill. Darya Khatana p/o mangowal gharbi dist. gujrat</t>
  </si>
  <si>
    <t>Mubeen Amjad</t>
  </si>
  <si>
    <t>GGES DARKHAN WALA (FAIZABAD)</t>
  </si>
  <si>
    <t>basti lar janubi</t>
  </si>
  <si>
    <t>Bait Kaitch Janubi</t>
  </si>
  <si>
    <t>GGES DARKHAN WALA, JAHANIAN</t>
  </si>
  <si>
    <t>147/10-R(BARA) - FEMALE</t>
  </si>
  <si>
    <t>Mianpur</t>
  </si>
  <si>
    <t>darkhanwala</t>
  </si>
  <si>
    <t>GGES DARWAL</t>
  </si>
  <si>
    <t>Darwal</t>
  </si>
  <si>
    <t>village Darwal post office paktaal tehsil pasrur district sialkot</t>
  </si>
  <si>
    <t>Masiyal</t>
  </si>
  <si>
    <t>GGES DASTGIR COLONY GOJRA</t>
  </si>
  <si>
    <t>GOJRA CITY FEMALE</t>
  </si>
  <si>
    <t>GOVT.GIRLS E/S DASTGIR COLONY GOJRA QADRI DARBAR</t>
  </si>
  <si>
    <t>mohalla qadri darbar</t>
  </si>
  <si>
    <t>gojra city</t>
  </si>
  <si>
    <t>GGES DASTI WALA</t>
  </si>
  <si>
    <t>chowk qureshi</t>
  </si>
  <si>
    <t>GGES DATTAY WALI</t>
  </si>
  <si>
    <t>Datay Wali</t>
  </si>
  <si>
    <t>dattaywali</t>
  </si>
  <si>
    <t>Dattywali</t>
  </si>
  <si>
    <t>Ladhywala Goraya</t>
  </si>
  <si>
    <t>Maria Manzor</t>
  </si>
  <si>
    <t>GGES DAUKE MURIDKE</t>
  </si>
  <si>
    <t>Daoke</t>
  </si>
  <si>
    <t>GGESDAOKE</t>
  </si>
  <si>
    <t>UrbanDaoke</t>
  </si>
  <si>
    <t>Fasiha Sumbal</t>
  </si>
  <si>
    <t>GGES DAULLAT PUR</t>
  </si>
  <si>
    <t>GGES Doulatpur Rawani Doulatpur p/o gellaywala Lodhran</t>
  </si>
  <si>
    <t>Doulatpur</t>
  </si>
  <si>
    <t>Ayesha Shaukat</t>
  </si>
  <si>
    <t>GGES DAURDAD</t>
  </si>
  <si>
    <t>Bolianwal</t>
  </si>
  <si>
    <t>gges dourdad</t>
  </si>
  <si>
    <t>Dourdad</t>
  </si>
  <si>
    <t>Naila Firdous</t>
  </si>
  <si>
    <t>GGES DAWAR</t>
  </si>
  <si>
    <t>AEO (W) LALIAN NO.12</t>
  </si>
  <si>
    <t>Dawar post office Chenab Ngr tehsil Lalian district chiniot</t>
  </si>
  <si>
    <t>Rashda Alam</t>
  </si>
  <si>
    <t>GGES DAYA CHOKHA</t>
  </si>
  <si>
    <t>Daya Chokha</t>
  </si>
  <si>
    <t>Basti Daya chokha</t>
  </si>
  <si>
    <t>MUSSARRAT NAZIR</t>
  </si>
  <si>
    <t>GGES DEER DAY DOGRAN</t>
  </si>
  <si>
    <t>Dheer Da Dogran</t>
  </si>
  <si>
    <t>g g e s dheer da dogran p/o Thabal</t>
  </si>
  <si>
    <t>Rehana Zareen</t>
  </si>
  <si>
    <t>GGES DEGER AULAKH</t>
  </si>
  <si>
    <t>Daggar Aoulakh</t>
  </si>
  <si>
    <t>Daggar aoulakh near tibbi noor shah bhakkar</t>
  </si>
  <si>
    <t>Yes</t>
  </si>
  <si>
    <t>GGES DENAY WALA, KHANEWAL</t>
  </si>
  <si>
    <t>Khanewal Kohna</t>
  </si>
  <si>
    <t>basti denay wala near dingian pullan khanewal</t>
  </si>
  <si>
    <t>Basti Denay Wala</t>
  </si>
  <si>
    <t>Mc Khanewal Kohna Ward 44</t>
  </si>
  <si>
    <t>Mehnaz Akhtar</t>
  </si>
  <si>
    <t>GGES DEOWAL</t>
  </si>
  <si>
    <t>deowal</t>
  </si>
  <si>
    <t>GGES DEPALPUR NO 2</t>
  </si>
  <si>
    <t>GGE/S no 2 depalpur</t>
  </si>
  <si>
    <t>Depalpur City</t>
  </si>
  <si>
    <t>Nasreen Khalid</t>
  </si>
  <si>
    <t>GGES DEPALPUR NO 3</t>
  </si>
  <si>
    <t>Gov't GG ES no 3 depalpur</t>
  </si>
  <si>
    <t>Depalpur City 105</t>
  </si>
  <si>
    <t>Tahira Nasim</t>
  </si>
  <si>
    <t>GGES DEPUTY WALA CHAK NO 34</t>
  </si>
  <si>
    <t>Deputy Wala chak No 34</t>
  </si>
  <si>
    <t>Deputy wala chak no 34 tehsil shahkot dist nankana Sahib</t>
  </si>
  <si>
    <t>Najma Nafees</t>
  </si>
  <si>
    <t>GGES DERA ALI MUHAMMAD SHAH</t>
  </si>
  <si>
    <t>gges dera ali muhammad shah</t>
  </si>
  <si>
    <t>Kishwar Fatima</t>
  </si>
  <si>
    <t>GGES DERA BAGHAL SINGH</t>
  </si>
  <si>
    <t>Dera Bhagel Sing</t>
  </si>
  <si>
    <t>E/s dera baghail Singh 120 /r.b</t>
  </si>
  <si>
    <t>Dera Baghail Singh 120/rb</t>
  </si>
  <si>
    <t>Bhullair 119/rb</t>
  </si>
  <si>
    <t>Fauzia Kauser</t>
  </si>
  <si>
    <t>GGES DERA FARIDI</t>
  </si>
  <si>
    <t>Baxu Bhatr</t>
  </si>
  <si>
    <t>basti Dera faridi</t>
  </si>
  <si>
    <t>Dera Faridi</t>
  </si>
  <si>
    <t>Jhok Gulab Shah</t>
  </si>
  <si>
    <t>Mussarat Qamar</t>
  </si>
  <si>
    <t>GGES DERA JARA</t>
  </si>
  <si>
    <t>Dera Jara tehsil sahiwal district Sargodha.</t>
  </si>
  <si>
    <t>Najma Bashir</t>
  </si>
  <si>
    <t>GGES DERA MALLA SINGH</t>
  </si>
  <si>
    <t>GGES Dera Malla Singh Tehsil,District Sheikhupura</t>
  </si>
  <si>
    <t>Shabnam Qadri</t>
  </si>
  <si>
    <t>GGES DERA MANAK</t>
  </si>
  <si>
    <t>geegay</t>
  </si>
  <si>
    <t>Dara Manak</t>
  </si>
  <si>
    <t>Salma Perveen</t>
  </si>
  <si>
    <t>GGES DERA MUHAMMAD ISMAIL</t>
  </si>
  <si>
    <t>Chak 36/p</t>
  </si>
  <si>
    <t>GGES Dera Muhammad Ismail,chak 36/p,post office bagh-o-bahar,khanpur</t>
  </si>
  <si>
    <t>Iqra Khalid</t>
  </si>
  <si>
    <t>GGES DERA MUHAMMADI MULTAN</t>
  </si>
  <si>
    <t>Deramuhammadi</t>
  </si>
  <si>
    <t>gg es basti dera muhammadi near bahawalpur bypass multan</t>
  </si>
  <si>
    <t>Aisha Aziz</t>
  </si>
  <si>
    <t>GGES DERA NABI PUR</t>
  </si>
  <si>
    <t>FEROZWALA-II - FEMALE</t>
  </si>
  <si>
    <t>post office khanpur dera nabi pur tehsil Ferozwala distt skp</t>
  </si>
  <si>
    <t>Dera Nabi Pur</t>
  </si>
  <si>
    <t>Nusrat Bano</t>
  </si>
  <si>
    <t>GGES DERA NAZIR CHAH LAKH</t>
  </si>
  <si>
    <t>Chak No 33 Tda</t>
  </si>
  <si>
    <t>chak No 33 Tda chahlakha</t>
  </si>
  <si>
    <t>Chah Lakha</t>
  </si>
  <si>
    <t>GGES DERA NUMBAR DARAN WALA</t>
  </si>
  <si>
    <t>SULTAN KHEL NO.1-FEMALE</t>
  </si>
  <si>
    <t>p/o makrwal sultankhel,tehsil isakhel</t>
  </si>
  <si>
    <t>Zangikhel</t>
  </si>
  <si>
    <t>Misbah Sahrish</t>
  </si>
  <si>
    <t>GGES DERA SHAMAS</t>
  </si>
  <si>
    <t>Dera Shamas</t>
  </si>
  <si>
    <t>KLPRoad , RYK</t>
  </si>
  <si>
    <t>Kot Mahdi Shah</t>
  </si>
  <si>
    <t>GGES DERA SINGOWALLIAN</t>
  </si>
  <si>
    <t>Dera Singowalian</t>
  </si>
  <si>
    <t>Dera singowalian</t>
  </si>
  <si>
    <t>Rakh Minara</t>
  </si>
  <si>
    <t>Madiha Kanwal</t>
  </si>
  <si>
    <t>GGES DEV KALAN LINK FEROZ PUR ROAD</t>
  </si>
  <si>
    <t>Dav Kalan</t>
  </si>
  <si>
    <t>govt girls elementary school dav kalan link feroz pur road</t>
  </si>
  <si>
    <t>Naseema Abbasi</t>
  </si>
  <si>
    <t>GGES DEV SAMAJ ROAD, LAHORE</t>
  </si>
  <si>
    <t>dev samaaj road Lahore</t>
  </si>
  <si>
    <t>Sunat Nagar</t>
  </si>
  <si>
    <t>Farida  Rafique</t>
  </si>
  <si>
    <t>GGES DEWAL</t>
  </si>
  <si>
    <t>village Dewal Teh Fateh jang Distt Attock</t>
  </si>
  <si>
    <t>RIZWANA BIBI</t>
  </si>
  <si>
    <t>GGES DHAB SUCHA SINGH</t>
  </si>
  <si>
    <t>Dhab Such a Singh</t>
  </si>
  <si>
    <t>dhab sucha singh</t>
  </si>
  <si>
    <t>Matt Wala</t>
  </si>
  <si>
    <t>Nazli Naz</t>
  </si>
  <si>
    <t>GGES DHABAN KALAN</t>
  </si>
  <si>
    <t>Dhaban Kalan</t>
  </si>
  <si>
    <t>Dhaban kalan  chak no 13</t>
  </si>
  <si>
    <t>Shabana Shamim</t>
  </si>
  <si>
    <t>GGES DHABOOLA</t>
  </si>
  <si>
    <t>Dhaboola</t>
  </si>
  <si>
    <t>GGES dhaboola</t>
  </si>
  <si>
    <t>Rehana Shafi</t>
  </si>
  <si>
    <t>GGES DHADHAMBAR</t>
  </si>
  <si>
    <t>Dhadhumber</t>
  </si>
  <si>
    <t>GGES Dhadhumber Teh &amp; Distt rawalpindi sub office chakri</t>
  </si>
  <si>
    <t>dhadhumber</t>
  </si>
  <si>
    <t>chakri</t>
  </si>
  <si>
    <t>Sumira Maqbool</t>
  </si>
  <si>
    <t>GGES DHADHAR</t>
  </si>
  <si>
    <t>KHABAKI (FEMALE)</t>
  </si>
  <si>
    <t>Amina Iqbal</t>
  </si>
  <si>
    <t>water-supply</t>
  </si>
  <si>
    <t>GGES DHAK</t>
  </si>
  <si>
    <t>villege post office dhak tehsil &amp; district</t>
  </si>
  <si>
    <t>Yasmeen Kausar</t>
  </si>
  <si>
    <t>GGES DHAK KHUSHAB</t>
  </si>
  <si>
    <t>KHUSHAB (FEMALE)</t>
  </si>
  <si>
    <t>Khushab</t>
  </si>
  <si>
    <t>mohallah namadgiran khushab</t>
  </si>
  <si>
    <t>Mc Khushab</t>
  </si>
  <si>
    <t>Siddiqa Amin</t>
  </si>
  <si>
    <t>GGES DHAKALA</t>
  </si>
  <si>
    <t>Dhakala</t>
  </si>
  <si>
    <t>dhakala</t>
  </si>
  <si>
    <t>Shabana Nazeer</t>
  </si>
  <si>
    <t>GGES DHAKRAN WALI</t>
  </si>
  <si>
    <t>Dhakranwali</t>
  </si>
  <si>
    <t>Chakori Bhilowal</t>
  </si>
  <si>
    <t>Madiha Saeed</t>
  </si>
  <si>
    <t>GGES DHAKUM PURA</t>
  </si>
  <si>
    <t>Dhakam Pura</t>
  </si>
  <si>
    <t>dhakam pura muridke</t>
  </si>
  <si>
    <t>Naseem Niaz</t>
  </si>
  <si>
    <t>GGES DHAKWAN SHAHPUR</t>
  </si>
  <si>
    <t>Dhakwan</t>
  </si>
  <si>
    <t>Dhakwan p/o khass teh .shahpur distt.sgd</t>
  </si>
  <si>
    <t>Khawajabad</t>
  </si>
  <si>
    <t>Sahrash Nosheen</t>
  </si>
  <si>
    <t>GGES DHALKAKA</t>
  </si>
  <si>
    <t>Dhal kakka</t>
  </si>
  <si>
    <t>Dhal Kakka</t>
  </si>
  <si>
    <t>Sana Gulzar</t>
  </si>
  <si>
    <t>GGES DHALLA KOT LAKHPAT</t>
  </si>
  <si>
    <t>Dhalla Kotlakhpat</t>
  </si>
  <si>
    <t>ggms dhalla liaqat abad .near albadar dispensary ..post office Ismail nagar .qainchi chungi amer sidhu.Lahore.</t>
  </si>
  <si>
    <t>Dhalla Liaqatabad Kotlakhpat</t>
  </si>
  <si>
    <t>Bahar Colony</t>
  </si>
  <si>
    <t>motor on govt watet.</t>
  </si>
  <si>
    <t>GGES DHALLA SHARIF</t>
  </si>
  <si>
    <t>Dhalla Sharif</t>
  </si>
  <si>
    <t>Dhalla Sharif post office Lala pur</t>
  </si>
  <si>
    <t>Chak Choudary</t>
  </si>
  <si>
    <t>Nazma Sharif</t>
  </si>
  <si>
    <t>GGES DHAMONKAY</t>
  </si>
  <si>
    <t>Dhamonkey</t>
  </si>
  <si>
    <t>dhamonkey</t>
  </si>
  <si>
    <t>Ishrat Mehmoona</t>
  </si>
  <si>
    <t>GGES DHAMTHAL</t>
  </si>
  <si>
    <t>village dhamthal, p.o karianwala</t>
  </si>
  <si>
    <t>Rasheeda aslam</t>
  </si>
  <si>
    <t>GGES DHAN SINGH</t>
  </si>
  <si>
    <t>MCD 11-FEMALE</t>
  </si>
  <si>
    <t>Dhan Singh</t>
  </si>
  <si>
    <t>GGMElementry School Dhan Singh Tehsil Minchin abad</t>
  </si>
  <si>
    <t>Dhan Singj</t>
  </si>
  <si>
    <t>Qaimpur Jhangi</t>
  </si>
  <si>
    <t>GGES DHANA(SNE)</t>
  </si>
  <si>
    <t>Dhana</t>
  </si>
  <si>
    <t>dhana</t>
  </si>
  <si>
    <t>Nargis Begum</t>
  </si>
  <si>
    <t>GGES DHANWADDY</t>
  </si>
  <si>
    <t>Dhanwaddy</t>
  </si>
  <si>
    <t>village Dhanwaddy</t>
  </si>
  <si>
    <t>ADEELA NASEER</t>
  </si>
  <si>
    <t>GGES DHARABI</t>
  </si>
  <si>
    <t>Dharabi</t>
  </si>
  <si>
    <t>vpo dharabi</t>
  </si>
  <si>
    <t>Najam-un-nisa</t>
  </si>
  <si>
    <t>GGES DHARAG MIANA</t>
  </si>
  <si>
    <t>Dharag Miana</t>
  </si>
  <si>
    <t>Village dharag miana tehsil &amp; district narowal</t>
  </si>
  <si>
    <t>Ayesha Zafar</t>
  </si>
  <si>
    <t>GGES DHARAKARI</t>
  </si>
  <si>
    <t>DAULAT NAGER-II-FEMALE</t>
  </si>
  <si>
    <t>Dharekary</t>
  </si>
  <si>
    <t>village dharekary P.O daulat nagar teh District Gujrat</t>
  </si>
  <si>
    <t>Peroshah</t>
  </si>
  <si>
    <t>Tazeem Kousar</t>
  </si>
  <si>
    <t>GGES DHARAM PURA CHAK NO. 11</t>
  </si>
  <si>
    <t>Govt girls elementary school dharam pura Chak no 11</t>
  </si>
  <si>
    <t>DHARAM PURA</t>
  </si>
  <si>
    <t>RATTI Tibbi</t>
  </si>
  <si>
    <t>Isma Kanwal</t>
  </si>
  <si>
    <t>GGES DHAREKAN KHURD</t>
  </si>
  <si>
    <t>Dharekan khurd</t>
  </si>
  <si>
    <t>Dharekan Khurd</t>
  </si>
  <si>
    <t>Dharekan Kala</t>
  </si>
  <si>
    <t>Nazish Nawaz</t>
  </si>
  <si>
    <t>GGES DHARI</t>
  </si>
  <si>
    <t>CHAKRI -FEMALE</t>
  </si>
  <si>
    <t>Dhari</t>
  </si>
  <si>
    <t>po dheri</t>
  </si>
  <si>
    <t>Dheri</t>
  </si>
  <si>
    <t>Shaista Batool</t>
  </si>
  <si>
    <t>water pump neighbour</t>
  </si>
  <si>
    <t>GGES DHARI RAI DITTA</t>
  </si>
  <si>
    <t>GALI JAGEER - FEMALE</t>
  </si>
  <si>
    <t>Dhari Ray Ditta</t>
  </si>
  <si>
    <t>vpo dhari Ray ditta tehsil Fatehjang jang distt attock</t>
  </si>
  <si>
    <t>GGES DHARKALIAN</t>
  </si>
  <si>
    <t>KAPOR PUR - FEMALE</t>
  </si>
  <si>
    <t>Dharkali</t>
  </si>
  <si>
    <t>gges dharkalian</t>
  </si>
  <si>
    <t>Dharkalian</t>
  </si>
  <si>
    <t>Kaporpur</t>
  </si>
  <si>
    <t>Afia Zafar</t>
  </si>
  <si>
    <t>GGES DHARO WALI NO. 33/RB</t>
  </si>
  <si>
    <t>Dharowli</t>
  </si>
  <si>
    <t>dharowali chak no 33 teh shahkot distt nankana sahib</t>
  </si>
  <si>
    <t>Dharowali Chak No 33</t>
  </si>
  <si>
    <t>Nazam Pura Chak 80</t>
  </si>
  <si>
    <t>Nazia Allah Ditta</t>
  </si>
  <si>
    <t>GGES DHAROWAL</t>
  </si>
  <si>
    <t>Dharowal</t>
  </si>
  <si>
    <t>Jassoki</t>
  </si>
  <si>
    <t>Humara Batool</t>
  </si>
  <si>
    <t>GGES DHARUKNA</t>
  </si>
  <si>
    <t>Dhurkna</t>
  </si>
  <si>
    <t>vpo dhurkna tehsil kallar kahar district chakwal</t>
  </si>
  <si>
    <t>GGES DHBA HARMAL</t>
  </si>
  <si>
    <t>CHINJI-FEMALE</t>
  </si>
  <si>
    <t>Dhiba Harmal</t>
  </si>
  <si>
    <t>Dhiba harmal p.o thoha mehram khan ,talagang,chakwal</t>
  </si>
  <si>
    <t>Thoha Mehram Khan</t>
  </si>
  <si>
    <t>Thoha Mehram Khan II</t>
  </si>
  <si>
    <t>GGES DHEENDA</t>
  </si>
  <si>
    <t>LALAMUSA III - FEMALE</t>
  </si>
  <si>
    <t>Dheenda</t>
  </si>
  <si>
    <t>dheenda.  p/o...lalamusa gujrat kharian</t>
  </si>
  <si>
    <t>Munaza Bibi</t>
  </si>
  <si>
    <t>GGES DHEER VIRKAN</t>
  </si>
  <si>
    <t>DHAIR VIRKAN</t>
  </si>
  <si>
    <t>GGES DHAIR VIRKAN,P/O Budha Goraya,Nowshera Virkan,Gujranwala</t>
  </si>
  <si>
    <t>Mari Bhinderan</t>
  </si>
  <si>
    <t>Sara Shoaib</t>
  </si>
  <si>
    <t>GGES DHEERI WAL</t>
  </si>
  <si>
    <t>Dhriwal</t>
  </si>
  <si>
    <t>gges dhariwal</t>
  </si>
  <si>
    <t>Sumaira Shaheen</t>
  </si>
  <si>
    <t>GGES DHEERKAY</t>
  </si>
  <si>
    <t>Dheerkay</t>
  </si>
  <si>
    <t>GGES DHEERKAY LHR CANT</t>
  </si>
  <si>
    <t>Shazmina Shujaat Ali</t>
  </si>
  <si>
    <t>GGES DHEERKAY KALAN</t>
  </si>
  <si>
    <t>GUJRAT V - FEMALE</t>
  </si>
  <si>
    <t>Dheerkay kalan</t>
  </si>
  <si>
    <t>GGES Dheerkay kalan gujrat</t>
  </si>
  <si>
    <t>Dheerky kalan</t>
  </si>
  <si>
    <t>Mashal Shahzadi</t>
  </si>
  <si>
    <t>GGES DHELLI</t>
  </si>
  <si>
    <t>Dhelli</t>
  </si>
  <si>
    <t>village dhelli p/o talwandi bhindran</t>
  </si>
  <si>
    <t>Maryam Javed</t>
  </si>
  <si>
    <t>GGES DHENSER PAIN</t>
  </si>
  <si>
    <t>Dhansar Paeen</t>
  </si>
  <si>
    <t>village dhansar Paeen p/o same tehsil kamoke  district  gujeranwala</t>
  </si>
  <si>
    <t>Noor Muzamal</t>
  </si>
  <si>
    <t>GGES DHER SHAHDARA</t>
  </si>
  <si>
    <t>dhair shahdara town lahore</t>
  </si>
  <si>
    <t>Dhair</t>
  </si>
  <si>
    <t>Majeed Park</t>
  </si>
  <si>
    <t>Nasreen Ashfaq</t>
  </si>
  <si>
    <t>GGES DHER UMID ALI SHAH</t>
  </si>
  <si>
    <t>Sadia Rabnawaz</t>
  </si>
  <si>
    <t>GGES DHER YARU WALA</t>
  </si>
  <si>
    <t>Gges dher yaruwala</t>
  </si>
  <si>
    <t>Khursheed Begum</t>
  </si>
  <si>
    <t>GGES DHERI KOT</t>
  </si>
  <si>
    <t>DEHRI KOT</t>
  </si>
  <si>
    <t>GGES DEHRI KOT</t>
  </si>
  <si>
    <t>SURG SALAR</t>
  </si>
  <si>
    <t>FAKHAR UN NISA</t>
  </si>
  <si>
    <t>GGES DHERO WAL</t>
  </si>
  <si>
    <t>LAKHIWAL - FEMALE</t>
  </si>
  <si>
    <t>Dherowal</t>
  </si>
  <si>
    <t>dherowal tehsil sahiwal, distt. sargodha</t>
  </si>
  <si>
    <t>Thati Lambi</t>
  </si>
  <si>
    <t>Rabia Jabbar</t>
  </si>
  <si>
    <t>GGES DHERO WALI</t>
  </si>
  <si>
    <t>Dhero Wali</t>
  </si>
  <si>
    <t>GGES dhero wali grw</t>
  </si>
  <si>
    <t>Nadala Sanduwan</t>
  </si>
  <si>
    <t>Habiba</t>
  </si>
  <si>
    <t>GGES DHIBBA</t>
  </si>
  <si>
    <t>Kotshams</t>
  </si>
  <si>
    <t>vpo kotshams,Teh.lawa,distt,chakwal</t>
  </si>
  <si>
    <t>Niaz Begum</t>
  </si>
  <si>
    <t>GGES DHIBBA KARSIAL CHAKRALA MIANWALI</t>
  </si>
  <si>
    <t>Dhibba Karsial</t>
  </si>
  <si>
    <t>VPO Dhibba Karsial Tehsil &amp; District Mianwali</t>
  </si>
  <si>
    <t>Tania Kanwal</t>
  </si>
  <si>
    <t>GGES DHINGH SHAH</t>
  </si>
  <si>
    <t>Dhing Shah</t>
  </si>
  <si>
    <t>Govt Girls E/S Dhing Shah</t>
  </si>
  <si>
    <t>Rehana Shahzadi</t>
  </si>
  <si>
    <t>GGES DHIR PIR MUHAMMAD</t>
  </si>
  <si>
    <t>Dhair Muhammad</t>
  </si>
  <si>
    <t>GGES Dhair Pir Muhammad</t>
  </si>
  <si>
    <t>Dhair Pir Muhammad</t>
  </si>
  <si>
    <t>Blangan</t>
  </si>
  <si>
    <t>Shamsa Riaz</t>
  </si>
  <si>
    <t>GGES DHOBI GHATT</t>
  </si>
  <si>
    <t>Santpura</t>
  </si>
  <si>
    <t>sanatpura st no 5</t>
  </si>
  <si>
    <t>Sanatpura</t>
  </si>
  <si>
    <t>Ishrat Shamshad</t>
  </si>
  <si>
    <t>GGES DHODAY WALI</t>
  </si>
  <si>
    <t>RANSIWAL - FEMALE</t>
  </si>
  <si>
    <t>Dhoday Wali</t>
  </si>
  <si>
    <t>Dhoday wali</t>
  </si>
  <si>
    <t>Mahar Shareef</t>
  </si>
  <si>
    <t>Nusrat Abdul Majeed</t>
  </si>
  <si>
    <t>GGES DHOK ABDULLAH</t>
  </si>
  <si>
    <t>Dhoke Abdullah</t>
  </si>
  <si>
    <t>village dhoke abdullah p/o baragowah</t>
  </si>
  <si>
    <t>Nagial</t>
  </si>
  <si>
    <t>Saima Akhter</t>
  </si>
  <si>
    <t>GGES DHOK ALI KHAN CHAKRALA MIANWALI</t>
  </si>
  <si>
    <t>Village &amp; Post Office Dhok Ali Khan Tehsil &amp; District Mianwali</t>
  </si>
  <si>
    <t>Dhok Ali Khan</t>
  </si>
  <si>
    <t>GGES DHOK AWAN DAKHLI</t>
  </si>
  <si>
    <t>GGES DHOK AWAN DAKHLI RATTA TEH.KALLAR KAHAR DIST. CHAKWAL</t>
  </si>
  <si>
    <t>Dhok Awan</t>
  </si>
  <si>
    <t>MC Kallar Kahar</t>
  </si>
  <si>
    <t>GGES DHOK BAGHA CHAKRALA</t>
  </si>
  <si>
    <t>BAN HAFIZ JEE -FEMALE</t>
  </si>
  <si>
    <t>GGES DHOKE BAGHA MARKAZ BAN HAFIZ GEE</t>
  </si>
  <si>
    <t>Dhoke BAGHA CHAKRALA</t>
  </si>
  <si>
    <t>Ban Hafiz Gee</t>
  </si>
  <si>
    <t>Atiqa Batool</t>
  </si>
  <si>
    <t>GGES DHOK BAZA</t>
  </si>
  <si>
    <t>Dhok baza</t>
  </si>
  <si>
    <t>GGES Dhok baza</t>
  </si>
  <si>
    <t>Pira fatehal</t>
  </si>
  <si>
    <t>Rashda Memoona</t>
  </si>
  <si>
    <t>GGES DHOK BIDDER</t>
  </si>
  <si>
    <t>Dhok Bidder</t>
  </si>
  <si>
    <t>village post office Dhok bidder tehsil district jhelum</t>
  </si>
  <si>
    <t>Saba Mushtaq</t>
  </si>
  <si>
    <t>GGES DHOK DABRIP/O DHOK DABARI CHAKWAL</t>
  </si>
  <si>
    <t>DULLAH-FEMALE</t>
  </si>
  <si>
    <t>Dhoke Dabri</t>
  </si>
  <si>
    <t>VPO Dhoke Dabri</t>
  </si>
  <si>
    <t>GGES DHOK ETBAR</t>
  </si>
  <si>
    <t>Gattal</t>
  </si>
  <si>
    <t>vpo gattal tehsil Lawa distt Chakwal</t>
  </si>
  <si>
    <t>GGES DHOK GAMA</t>
  </si>
  <si>
    <t>Dhok Gama</t>
  </si>
  <si>
    <t>dhok Gama</t>
  </si>
  <si>
    <t>Sobia Mehmood</t>
  </si>
  <si>
    <t>GGES DHOK GHIAN</t>
  </si>
  <si>
    <t>Dhok Ghian</t>
  </si>
  <si>
    <t>govt girls elementary school Dhok Ghian</t>
  </si>
  <si>
    <t>Nagina bibi</t>
  </si>
  <si>
    <t>GGES DHOK GHULAM HUSSAIN</t>
  </si>
  <si>
    <t>CHAKWAL1-FEMALE</t>
  </si>
  <si>
    <t>gges dk Ghulam Hussain Chakwal</t>
  </si>
  <si>
    <t>Farah Rehna</t>
  </si>
  <si>
    <t>GGES DHOK HASSU</t>
  </si>
  <si>
    <t>Dk Hassu</t>
  </si>
  <si>
    <t>Govt Girls Elementry School Dk Hassu</t>
  </si>
  <si>
    <t>Hassu</t>
  </si>
  <si>
    <t>Bolian Wal</t>
  </si>
  <si>
    <t>Kausar Shaheen</t>
  </si>
  <si>
    <t>GGES DHOK HASUE</t>
  </si>
  <si>
    <t>Dhoke Hashu</t>
  </si>
  <si>
    <t>GGES Dhoke Hashu</t>
  </si>
  <si>
    <t>Tazeem Akhtar</t>
  </si>
  <si>
    <t>GGES DHOK KALA KHAN</t>
  </si>
  <si>
    <t>Dhoke Kala Khan</t>
  </si>
  <si>
    <t>gges dhoke kala khan chaklala scheme 3 rwp</t>
  </si>
  <si>
    <t>Dhoke Munshi</t>
  </si>
  <si>
    <t>Majeeda Imran</t>
  </si>
  <si>
    <t>tanker</t>
  </si>
  <si>
    <t>GGES DHOK MAIL</t>
  </si>
  <si>
    <t>PICHNAND-FEMALE</t>
  </si>
  <si>
    <t>Dhoke Mail</t>
  </si>
  <si>
    <t>Govt girls elmntry school dhoke mail u c kotgula tehsil lawa</t>
  </si>
  <si>
    <t>Kotgula</t>
  </si>
  <si>
    <t>GGES DHOK MAIRA</t>
  </si>
  <si>
    <t>LANGAR - FEMALE</t>
  </si>
  <si>
    <t>dhoke maira po chura shareef teh jand district attock</t>
  </si>
  <si>
    <t>Dhoke Maira</t>
  </si>
  <si>
    <t>Iqbal Fatima</t>
  </si>
  <si>
    <t>GGES DHOK MANGTAL NO.2</t>
  </si>
  <si>
    <t>PIR WADHAI - FEMALE</t>
  </si>
  <si>
    <t>Dhok mangtal booring road Rawalpindi</t>
  </si>
  <si>
    <t>Mangtal</t>
  </si>
  <si>
    <t>Dhok Mangtal</t>
  </si>
  <si>
    <t>Maryam Naz</t>
  </si>
  <si>
    <t>GGES DHOK MIAN JEVEN</t>
  </si>
  <si>
    <t>Khalsa Andan</t>
  </si>
  <si>
    <t>village  and post office. dhok mian jewan. tehsil sohawa. distt jhelum</t>
  </si>
  <si>
    <t>Dhok Mian Jewan</t>
  </si>
  <si>
    <t>Nabeela Zafar</t>
  </si>
  <si>
    <t>motor</t>
  </si>
  <si>
    <t>GGES DHOK MIANI CHAKRALA MIANWALI</t>
  </si>
  <si>
    <t>NAMAL JUNABI-FEMALE</t>
  </si>
  <si>
    <t>Dhok miani</t>
  </si>
  <si>
    <t>Dhok Miani</t>
  </si>
  <si>
    <t>GGES DHOK MUGHLAN (MALIK MALA)</t>
  </si>
  <si>
    <t>GHOUR GHUSHTI - FEMALE</t>
  </si>
  <si>
    <t>Dhok Mughlan</t>
  </si>
  <si>
    <t>dhok mughlan uc malak mala</t>
  </si>
  <si>
    <t>GGES DHOK MUNAWAR KHAN</t>
  </si>
  <si>
    <t>gges dhk munawar vpo pira fathial</t>
  </si>
  <si>
    <t>Farkhanda Ashraf</t>
  </si>
  <si>
    <t>GGES DHOK MUREED</t>
  </si>
  <si>
    <t>VPO DHOKE MUREED RAWALPINDI</t>
  </si>
  <si>
    <t>GGES DHOK NURAL</t>
  </si>
  <si>
    <t>TAMMAN</t>
  </si>
  <si>
    <t>GGES NOORAL Vill&amp;Po Tamman</t>
  </si>
  <si>
    <t>Dhok Nooral</t>
  </si>
  <si>
    <t>SAMINA IQBAL</t>
  </si>
  <si>
    <t>GGES DHOK NURYAL</t>
  </si>
  <si>
    <t>TALAGANG-FEMALE</t>
  </si>
  <si>
    <t>tehi</t>
  </si>
  <si>
    <t>govt girls elementary school nuryal dakhli tehi vPO tehi talagang</t>
  </si>
  <si>
    <t>dhok nuryal</t>
  </si>
  <si>
    <t>Shahida Nasreen</t>
  </si>
  <si>
    <t>GGES DHOK PADHAL</t>
  </si>
  <si>
    <t>DINA - FEMALE</t>
  </si>
  <si>
    <t>Dhok Padhal</t>
  </si>
  <si>
    <t>village and post office dhok padhal tehsil Dina District jhelu</t>
  </si>
  <si>
    <t>GGES DHOK SARFARAZ</t>
  </si>
  <si>
    <t>VPO DHOKE SARFARAZ JAND ATTOCK</t>
  </si>
  <si>
    <t>DHOKE SARFARAZ</t>
  </si>
  <si>
    <t>GGES DHOK SATALA CHAKRALA MIANWALI</t>
  </si>
  <si>
    <t>dhok satala</t>
  </si>
  <si>
    <t>Dhok Satala</t>
  </si>
  <si>
    <t>Sobia Khan</t>
  </si>
  <si>
    <t>GGES DHOK SHER ZAMAN</t>
  </si>
  <si>
    <t>Hameed</t>
  </si>
  <si>
    <t>vpo hameed tehsil hozro district attock</t>
  </si>
  <si>
    <t>Zakira Najeem</t>
  </si>
  <si>
    <t>GGES DHOK TAHLIAN</t>
  </si>
  <si>
    <t>Dhok Tahlian</t>
  </si>
  <si>
    <t>vpo Dhok Tahlian</t>
  </si>
  <si>
    <t>Mehmooda Begum</t>
  </si>
  <si>
    <t>GGES DHOK TARIAR</t>
  </si>
  <si>
    <t>TEHI</t>
  </si>
  <si>
    <t>Talagang</t>
  </si>
  <si>
    <t>Umtul Qadeer Sajida</t>
  </si>
  <si>
    <t>GGES DHOK USSREE</t>
  </si>
  <si>
    <t>Usri</t>
  </si>
  <si>
    <t>usri vpo thoha mehram khan</t>
  </si>
  <si>
    <t>Thoha Mehrm Khan</t>
  </si>
  <si>
    <t>GGES DHOKRI</t>
  </si>
  <si>
    <t>village dhokri tehsil fatehjang dist attock</t>
  </si>
  <si>
    <t>Ajjuwala</t>
  </si>
  <si>
    <t>Bushra Afza</t>
  </si>
  <si>
    <t>GGES DHOLA</t>
  </si>
  <si>
    <t>Dhola</t>
  </si>
  <si>
    <t>Dhola kalan</t>
  </si>
  <si>
    <t>Dhola Kalan</t>
  </si>
  <si>
    <t>Saida Sharif</t>
  </si>
  <si>
    <t>GGES DHOLAN</t>
  </si>
  <si>
    <t>dholan</t>
  </si>
  <si>
    <t>Jasti Wala Uncha</t>
  </si>
  <si>
    <t>Shamsa Azeem</t>
  </si>
  <si>
    <t>GGES DHOLAN CHAK NO. 27</t>
  </si>
  <si>
    <t>Dholan Chak 27</t>
  </si>
  <si>
    <t>dholan chak no.27</t>
  </si>
  <si>
    <t>SAIMA TABASSAM</t>
  </si>
  <si>
    <t>GGES DHOLAN CHAK NO. 7</t>
  </si>
  <si>
    <t>Dholan Chak #7</t>
  </si>
  <si>
    <t>dholan chak # 7</t>
  </si>
  <si>
    <t>Dholan Chak # 7</t>
  </si>
  <si>
    <t>Kothi Wala</t>
  </si>
  <si>
    <t>Rabia Tahir</t>
  </si>
  <si>
    <t>GGES DHOLKA COLONY</t>
  </si>
  <si>
    <t>Dholka</t>
  </si>
  <si>
    <t>GGES Dholka Colony Akrrianwala Teh Jhang.</t>
  </si>
  <si>
    <t>Akrrianwala</t>
  </si>
  <si>
    <t>Dhorewala</t>
  </si>
  <si>
    <t>Almas safdar</t>
  </si>
  <si>
    <t>GGES DHONDYAN WALA</t>
  </si>
  <si>
    <t>Dhoondianwala</t>
  </si>
  <si>
    <t>dhondianwala TEHSIL NOSHEHRA VIRKAN DISTRICT GUJRANWALA</t>
  </si>
  <si>
    <t>Dhondianwala</t>
  </si>
  <si>
    <t>Phama Sura</t>
  </si>
  <si>
    <t>Mehwish Irfan</t>
  </si>
  <si>
    <t>GGES DHOOL</t>
  </si>
  <si>
    <t>village dhool</t>
  </si>
  <si>
    <t>Kot Mehmood</t>
  </si>
  <si>
    <t>Raheela Kauser</t>
  </si>
  <si>
    <t>GGES DHOOL CHOHAR</t>
  </si>
  <si>
    <t>Dhool Chohar</t>
  </si>
  <si>
    <t>dhool chohar</t>
  </si>
  <si>
    <t>GGES DHOOL KADHI</t>
  </si>
  <si>
    <t>Dhool kadhi</t>
  </si>
  <si>
    <t>P/0 ,Dhool kadhi sahiwl sargodha</t>
  </si>
  <si>
    <t>Dhool Kadhi</t>
  </si>
  <si>
    <t>Lakhiwal</t>
  </si>
  <si>
    <t>Naheed Kausar</t>
  </si>
  <si>
    <t>GGES DHOOL KHURD</t>
  </si>
  <si>
    <t>Dhool Khurd</t>
  </si>
  <si>
    <t>Dhool Khurd dinga road gujrat</t>
  </si>
  <si>
    <t>GGES DHORI</t>
  </si>
  <si>
    <t>post office dhori bhalwal district sargodha</t>
  </si>
  <si>
    <t>Yousra Mariam</t>
  </si>
  <si>
    <t>GGES DHOULAR</t>
  </si>
  <si>
    <t>Dhaular</t>
  </si>
  <si>
    <t>vpo dholar</t>
  </si>
  <si>
    <t>Dholar</t>
  </si>
  <si>
    <t>Shirin Batool</t>
  </si>
  <si>
    <t>GGES DHROOR MUSLIM</t>
  </si>
  <si>
    <t>Dharor Muslim</t>
  </si>
  <si>
    <t>dharor muslim</t>
  </si>
  <si>
    <t>Shamshad Zubair</t>
  </si>
  <si>
    <t>GGES DHUDHY THALL</t>
  </si>
  <si>
    <t>Dhudhi thall</t>
  </si>
  <si>
    <t>G g e s Dhudhi thal</t>
  </si>
  <si>
    <t>Dhudhi Thal</t>
  </si>
  <si>
    <t>Mumtaz Begum</t>
  </si>
  <si>
    <t>GGES DHUDIALA</t>
  </si>
  <si>
    <t>DOMALA - FEMALE</t>
  </si>
  <si>
    <t>Dhadiala</t>
  </si>
  <si>
    <t>govt elementary school dhadiala</t>
  </si>
  <si>
    <t>GGES DHULYIANA (Under NGO)</t>
  </si>
  <si>
    <t>Dhulyiana</t>
  </si>
  <si>
    <t>GGES dhulyiana</t>
  </si>
  <si>
    <t>Asifa Rehman</t>
  </si>
  <si>
    <t>GGES DHUNNI KALAN</t>
  </si>
  <si>
    <t>dhunni kalan</t>
  </si>
  <si>
    <t>v&amp;p/o dhunni kalan teh.phalia distt. mandi bhau din</t>
  </si>
  <si>
    <t>Shahzadi Umm-ul-Banin</t>
  </si>
  <si>
    <t>GGES DIN PUR</t>
  </si>
  <si>
    <t>po misali school din pur</t>
  </si>
  <si>
    <t>Din Pur</t>
  </si>
  <si>
    <t>Mrs Farzana Naz</t>
  </si>
  <si>
    <t>GGES DIN PUR KALAN</t>
  </si>
  <si>
    <t>SHAKARGARH (SOUTH)-FEMALE</t>
  </si>
  <si>
    <t>Din pur Kalan</t>
  </si>
  <si>
    <t>din pur kala</t>
  </si>
  <si>
    <t>Din Pur Kalan</t>
  </si>
  <si>
    <t>Shakakargarh</t>
  </si>
  <si>
    <t>GGES DIN PUR OLD</t>
  </si>
  <si>
    <t>dIN PUR</t>
  </si>
  <si>
    <t>DIN PUR OLD, TEHSIL KAROR LAL EASON DISTRICT LAYYAH.</t>
  </si>
  <si>
    <t>DIN PUR OLD</t>
  </si>
  <si>
    <t>kalsoom akhter</t>
  </si>
  <si>
    <t>GGES DIN PUR SHARIF</t>
  </si>
  <si>
    <t>chak no99np</t>
  </si>
  <si>
    <t>g g es dinpursharif</t>
  </si>
  <si>
    <t>dinpursharif</t>
  </si>
  <si>
    <t>Munaza Kouser</t>
  </si>
  <si>
    <t>GGES DINAN BISHNOIAN</t>
  </si>
  <si>
    <t>Dinan Wala</t>
  </si>
  <si>
    <t>Dinan Bishnoian</t>
  </si>
  <si>
    <t>ZaibunNisa</t>
  </si>
  <si>
    <t>GGES DINGA</t>
  </si>
  <si>
    <t>DINGA I - FEMALE</t>
  </si>
  <si>
    <t>GGES dinga no 1</t>
  </si>
  <si>
    <t>Qudsia Chaudhary</t>
  </si>
  <si>
    <t>GGES DINGAH NARAIN PUR</t>
  </si>
  <si>
    <t>Dingah Narain Pur</t>
  </si>
  <si>
    <t>Govt girls E/s Dingah narain pur</t>
  </si>
  <si>
    <t>Aqsa Abid</t>
  </si>
  <si>
    <t>GGES DOBURJI ARAIAN</t>
  </si>
  <si>
    <t>gges doburji araian sialkot</t>
  </si>
  <si>
    <t>GGES DOBURJI MALIAN</t>
  </si>
  <si>
    <t>Doburji Mallian</t>
  </si>
  <si>
    <t>doburji mallian p.o fateh garh tehsil-o-distt. Sialkot</t>
  </si>
  <si>
    <t>Hamza Gaous</t>
  </si>
  <si>
    <t>Shaista</t>
  </si>
  <si>
    <t>GGES DOCTOR MUHAMMAD SHAFI MANKERA</t>
  </si>
  <si>
    <t>Mankera</t>
  </si>
  <si>
    <t>dera  DOCTOR MUHAMMAD SHAFI TEHSIL MANKERA DISTRICT BHAKAKR</t>
  </si>
  <si>
    <t>Dera Mohammad  Shafi Mankera</t>
  </si>
  <si>
    <t>mC MANKERA</t>
  </si>
  <si>
    <t>Nergus Siddique</t>
  </si>
  <si>
    <t>GGES DOCTOR WALA</t>
  </si>
  <si>
    <t>Doctor Wala</t>
  </si>
  <si>
    <t>GGES Doctor wala</t>
  </si>
  <si>
    <t>GGES DOGACH</t>
  </si>
  <si>
    <t>Dogach</t>
  </si>
  <si>
    <t>Bata pur dogach Lahore</t>
  </si>
  <si>
    <t>Asmat Hanif</t>
  </si>
  <si>
    <t>GGES DOGACH, BARKI ROAD LAHORE</t>
  </si>
  <si>
    <t>Dogaitch</t>
  </si>
  <si>
    <t>Dogaitch Town, Barki Road, Lahore Cantt.</t>
  </si>
  <si>
    <t>Guldshat Town</t>
  </si>
  <si>
    <t>Yasmin Chishty</t>
  </si>
  <si>
    <t>GGES DOGRAI KALAN</t>
  </si>
  <si>
    <t>Dogray Kala Jallo More</t>
  </si>
  <si>
    <t>dogray kalan jallo more lahore</t>
  </si>
  <si>
    <t>Dogray Kalan</t>
  </si>
  <si>
    <t>MS MUBAH BEENISH</t>
  </si>
  <si>
    <t>GGES DOHATA AZMAT</t>
  </si>
  <si>
    <t>dohatta azmat</t>
  </si>
  <si>
    <t>Nauthen</t>
  </si>
  <si>
    <t>Tanzeela Nawaz</t>
  </si>
  <si>
    <t>GGES DOLA PUKHTA</t>
  </si>
  <si>
    <t>Daula Pukhta</t>
  </si>
  <si>
    <t>Daula pkhta</t>
  </si>
  <si>
    <t>GGES DOLLA ARAN</t>
  </si>
  <si>
    <t>Dollaarae</t>
  </si>
  <si>
    <t>Dola Arain</t>
  </si>
  <si>
    <t>Dollaaraen</t>
  </si>
  <si>
    <t>355 Wb</t>
  </si>
  <si>
    <t>GGES DOLU BAWAREY</t>
  </si>
  <si>
    <t>DOLU BAWARAY</t>
  </si>
  <si>
    <t>DHEERANKE LALKE</t>
  </si>
  <si>
    <t>GGES DOMALA</t>
  </si>
  <si>
    <t>Domala,Narowal</t>
  </si>
  <si>
    <t>Uzma Farooq</t>
  </si>
  <si>
    <t>GGES DOMELI</t>
  </si>
  <si>
    <t>DOMELI-FEMALE</t>
  </si>
  <si>
    <t>Po village domeli teh sohawa dist jhelum</t>
  </si>
  <si>
    <t>Rukhsana nighat</t>
  </si>
  <si>
    <t>water supply system</t>
  </si>
  <si>
    <t>GGES DOONGI</t>
  </si>
  <si>
    <t>Dhongi</t>
  </si>
  <si>
    <t>dhongi sohawa</t>
  </si>
  <si>
    <t>Pail Bannay Khan</t>
  </si>
  <si>
    <t>Maroofa Sultana</t>
  </si>
  <si>
    <t>GGES DOULAT ABAD</t>
  </si>
  <si>
    <t>Doulat Abad</t>
  </si>
  <si>
    <t>Moza doultabad p/o box luddan</t>
  </si>
  <si>
    <t>Samina Riaz</t>
  </si>
  <si>
    <t>GGES DOUNA</t>
  </si>
  <si>
    <t>GGE/S:Douna ,Basti Douna near Karam Dad Qureshi, District Muzaffargarh.</t>
  </si>
  <si>
    <t>Safia Khan</t>
  </si>
  <si>
    <t>GGES DOURAN PUR</t>
  </si>
  <si>
    <t>gges, douran pur</t>
  </si>
  <si>
    <t>Douranpur</t>
  </si>
  <si>
    <t>Kotla Zareef Khan</t>
  </si>
  <si>
    <t>Muddasra rubab</t>
  </si>
  <si>
    <t>GGES DUBURJI VIRKAN</t>
  </si>
  <si>
    <t>duburji virkn</t>
  </si>
  <si>
    <t>GGES duburji virkan</t>
  </si>
  <si>
    <t>Duburji virkan</t>
  </si>
  <si>
    <t>Mari bhindaran</t>
  </si>
  <si>
    <t>GGES DUGAL</t>
  </si>
  <si>
    <t>dugal</t>
  </si>
  <si>
    <t>Shaista Tabasum</t>
  </si>
  <si>
    <t>GGES DULAM KAHLWAN</t>
  </si>
  <si>
    <t>DUGRI HARIAN - FEMALE</t>
  </si>
  <si>
    <t>Duhlam Kahlwan</t>
  </si>
  <si>
    <t>Dulam Kahlwan Post Office Khanpur Syedan Pasrur</t>
  </si>
  <si>
    <t>AQSA FIRDAUS</t>
  </si>
  <si>
    <t>GGES DULHAL</t>
  </si>
  <si>
    <t>DHU LIAL</t>
  </si>
  <si>
    <t>GOVT.GIRLS ELEMENTARY SCHOOL DHULIAL TEHSIL FATEH JANG DISTT ATTOCK</t>
  </si>
  <si>
    <t>DHULIAL</t>
  </si>
  <si>
    <t>ANSAR BIBI</t>
  </si>
  <si>
    <t>GGES DULLAN WALA</t>
  </si>
  <si>
    <t>Dullanwala</t>
  </si>
  <si>
    <t>dullanwala</t>
  </si>
  <si>
    <t>Haji Muhammad</t>
  </si>
  <si>
    <t>Riffat parveen</t>
  </si>
  <si>
    <t>GGES DUNNI</t>
  </si>
  <si>
    <t>GGES Dhunni, Kharian (Gujrat)</t>
  </si>
  <si>
    <t>Kousar Shaheen</t>
  </si>
  <si>
    <t>GGES DURAB PUR</t>
  </si>
  <si>
    <t>gges durab pur Sharqi union council #174</t>
  </si>
  <si>
    <t>Sana Niaz</t>
  </si>
  <si>
    <t>GGES DURANA LANGANA NO.2 HAJI PUR MULTAN</t>
  </si>
  <si>
    <t>GULGASHT COLONY- FEMALE</t>
  </si>
  <si>
    <t>haji pur multan</t>
  </si>
  <si>
    <t>gges durana langana multan</t>
  </si>
  <si>
    <t>dura langana</t>
  </si>
  <si>
    <t>GGES DURANI MODEL</t>
  </si>
  <si>
    <t>fatupura gujrat</t>
  </si>
  <si>
    <t>Shazia bashir</t>
  </si>
  <si>
    <t>GGES DURATTA</t>
  </si>
  <si>
    <t>Ghulama No2</t>
  </si>
  <si>
    <t>GGES Duratta</t>
  </si>
  <si>
    <t>Duratta</t>
  </si>
  <si>
    <t>GGES DUSSRI</t>
  </si>
  <si>
    <t>Dussri</t>
  </si>
  <si>
    <t>Bushra Anwar</t>
  </si>
  <si>
    <t>GGES EASON</t>
  </si>
  <si>
    <t>Easson</t>
  </si>
  <si>
    <t>easson</t>
  </si>
  <si>
    <t>Tehreem Elahi</t>
  </si>
  <si>
    <t>GGES EID GAH NO. 1 CHINIOT</t>
  </si>
  <si>
    <t>govt girls elementry school Eid gah no.1</t>
  </si>
  <si>
    <t>NA100</t>
  </si>
  <si>
    <t>Aali</t>
  </si>
  <si>
    <t>Robina Zawar</t>
  </si>
  <si>
    <t>GGES EID GHAH ABDUL HAKIM</t>
  </si>
  <si>
    <t>GGES  Eidgah  Abdulhakim</t>
  </si>
  <si>
    <t>GGES EINO BAJWA</t>
  </si>
  <si>
    <t>NIDDOKE-FEMALE</t>
  </si>
  <si>
    <t>Eino Bajwa</t>
  </si>
  <si>
    <t>GGES Eino Bajwa</t>
  </si>
  <si>
    <t>Ghota Fateh Gar</t>
  </si>
  <si>
    <t>GGES ENGLISH MODEL KHANEWAL</t>
  </si>
  <si>
    <t>khanewal kohna</t>
  </si>
  <si>
    <t>ghafoor khan road daha chok khanewal</t>
  </si>
  <si>
    <t>khanewal 1</t>
  </si>
  <si>
    <t>sahara kausar</t>
  </si>
  <si>
    <t>GGES ESA WALA</t>
  </si>
  <si>
    <t>BANGLA YASMEEN - FEMALE</t>
  </si>
  <si>
    <t>Essa Wala</t>
  </si>
  <si>
    <t>Bangla yasmeen moza essa wala ap sial</t>
  </si>
  <si>
    <t>Bngla Yasmeen</t>
  </si>
  <si>
    <t>Mahvish Batool</t>
  </si>
  <si>
    <t>GGES FADAI SHAH</t>
  </si>
  <si>
    <t>chak fidaI shah tehsil minchin abad</t>
  </si>
  <si>
    <t>GGES FAISAL COLONY</t>
  </si>
  <si>
    <t>Noory Wali</t>
  </si>
  <si>
    <t>GGES Faisal Colony Latif abad colony Rahim yar khan</t>
  </si>
  <si>
    <t>N A</t>
  </si>
  <si>
    <t>Bushra Khanam</t>
  </si>
  <si>
    <t>GGES FAISAL COLONY OKARA</t>
  </si>
  <si>
    <t>Faisal Colony</t>
  </si>
  <si>
    <t>Faisal Colony Okara</t>
  </si>
  <si>
    <t>1/4L</t>
  </si>
  <si>
    <t>NOOR ILAHI</t>
  </si>
  <si>
    <t>GGES FAITEH PUR KAMALIA</t>
  </si>
  <si>
    <t>GGESFATEH pur kamalia</t>
  </si>
  <si>
    <t>Ward No 2</t>
  </si>
  <si>
    <t>GGES FAIZ BUX</t>
  </si>
  <si>
    <t>village choke baba Faiz Bux post office bewal tehsil kallar syedan rwp</t>
  </si>
  <si>
    <t>Hafsa Bashir</t>
  </si>
  <si>
    <t>GGES FAIZ PUR</t>
  </si>
  <si>
    <t>GGE/S Faiz pur</t>
  </si>
  <si>
    <t>Shama Begum</t>
  </si>
  <si>
    <t>GGES FAIZ PUR KALAN</t>
  </si>
  <si>
    <t>Bholay Shah</t>
  </si>
  <si>
    <t>bholay shah</t>
  </si>
  <si>
    <t>ANISA QUDSIA</t>
  </si>
  <si>
    <t>GGES FAQIRIAN</t>
  </si>
  <si>
    <t>Faqirian</t>
  </si>
  <si>
    <t>gown faqirian</t>
  </si>
  <si>
    <t>Garh Qaim</t>
  </si>
  <si>
    <t>GGES FARID ABAD</t>
  </si>
  <si>
    <t>Hb192 multani bazar m.garh</t>
  </si>
  <si>
    <t>Nadira Parveen</t>
  </si>
  <si>
    <t>GGES FARID PUR</t>
  </si>
  <si>
    <t>Farid Pur</t>
  </si>
  <si>
    <t>village  farid  pur,p/o bakho bhatti,tehsil pasrur,district  sialkot</t>
  </si>
  <si>
    <t>GGES FARID PUR DOGRAN</t>
  </si>
  <si>
    <t>Farid Pur Dogran</t>
  </si>
  <si>
    <t>farid pur dogran</t>
  </si>
  <si>
    <t>30 Sp</t>
  </si>
  <si>
    <t>Zahida Saif</t>
  </si>
  <si>
    <t>GGES FARID PUR SUHAG</t>
  </si>
  <si>
    <t>Farid Pur Sohag</t>
  </si>
  <si>
    <t>GGES farid pur sohag</t>
  </si>
  <si>
    <t>Kousar Maqbool</t>
  </si>
  <si>
    <t>GGES FARID TOWN GUJRANWALA</t>
  </si>
  <si>
    <t>GUJRANWALA CITY 1 - FEMALE</t>
  </si>
  <si>
    <t>pasror road farid town gujranwala</t>
  </si>
  <si>
    <t>farid town</t>
  </si>
  <si>
    <t>Tabassum Jabeen</t>
  </si>
  <si>
    <t>GGES FAROOQ ABAD GAON</t>
  </si>
  <si>
    <t>FAROOQABAD GAON</t>
  </si>
  <si>
    <t>Tasnim kausar</t>
  </si>
  <si>
    <t>GGES FAROOQ COLONY</t>
  </si>
  <si>
    <t>Farooq Colony</t>
  </si>
  <si>
    <t>Farooq Colony Walton Lahore near Usama masjid</t>
  </si>
  <si>
    <t>Farooq Colony Walton</t>
  </si>
  <si>
    <t>Contonment</t>
  </si>
  <si>
    <t>NIGHAT NAZLI</t>
  </si>
  <si>
    <t>GGES FAROOQ PURA OLD SHUJABAD ROAD MULTAN</t>
  </si>
  <si>
    <t>Qutub Pur</t>
  </si>
  <si>
    <t>farooqpura2014@gmail.com</t>
  </si>
  <si>
    <t>Farooq Pura</t>
  </si>
  <si>
    <t>Shabana Wahid Bakhsh</t>
  </si>
  <si>
    <t>GGES FAROOQIA</t>
  </si>
  <si>
    <t>Gaddola Road, Bhakkar</t>
  </si>
  <si>
    <t>Aabida Hussain</t>
  </si>
  <si>
    <t>GGES FATEH BHAND</t>
  </si>
  <si>
    <t>Fatteh Bhandh</t>
  </si>
  <si>
    <t>VPO Fatteh Bhandh Teh. Kharian Dist.Gujrat</t>
  </si>
  <si>
    <t>GGES FATEH GARH</t>
  </si>
  <si>
    <t>Ghakhar</t>
  </si>
  <si>
    <t>GGES Fateh Garh</t>
  </si>
  <si>
    <t>GGES FATEH JANG CITY</t>
  </si>
  <si>
    <t>fateh jang</t>
  </si>
  <si>
    <t>govt girls elementary school fateh jang city teh fateh jang dist attock</t>
  </si>
  <si>
    <t>MC fateh jang</t>
  </si>
  <si>
    <t>asma zareen</t>
  </si>
  <si>
    <t>GGES FATEH KALAS</t>
  </si>
  <si>
    <t>fateh kalas</t>
  </si>
  <si>
    <t>bahuman</t>
  </si>
  <si>
    <t>GGES FATEH MUHAMMAD KALAN</t>
  </si>
  <si>
    <t>Fateh Muhammad kalan</t>
  </si>
  <si>
    <t>fateh Muhammad kalan</t>
  </si>
  <si>
    <t>Fatah Muhammad kalan</t>
  </si>
  <si>
    <t>GGES FATEH PUR AFGHANAN</t>
  </si>
  <si>
    <t>village &amp; P/o Fateh pur Afghana tehsil skg district narowal</t>
  </si>
  <si>
    <t>GGES FATEH PUR MERA</t>
  </si>
  <si>
    <t>Fateh Pur Mera</t>
  </si>
  <si>
    <t>GGES Fateh Pur Mera Tehsil Quaidabad District Khushab</t>
  </si>
  <si>
    <t>GGES FATEH PUR PERITTI</t>
  </si>
  <si>
    <t>FATEH PUR PERITTI</t>
  </si>
  <si>
    <t>Moza Fateh Pur peritti</t>
  </si>
  <si>
    <t>Fateh Pur Peritti</t>
  </si>
  <si>
    <t>Sumaira Jabeen</t>
  </si>
  <si>
    <t>GGES FATEH REHAN</t>
  </si>
  <si>
    <t>Fatah Rehan</t>
  </si>
  <si>
    <t>post office ayan nagar kalan kala khatai road,fateh rehan</t>
  </si>
  <si>
    <t>Fateh Rehan</t>
  </si>
  <si>
    <t>Laban Wala</t>
  </si>
  <si>
    <t>GGES FATEH SHAH</t>
  </si>
  <si>
    <t>village p/o Dher Mond Dhoke Fateh Shah Teh.Talagang District Chakwal</t>
  </si>
  <si>
    <t>GGES FATEH WALA MULTAN</t>
  </si>
  <si>
    <t>Bazdar Wala</t>
  </si>
  <si>
    <t>GGES FATAH WALA</t>
  </si>
  <si>
    <t>Fatah Wala</t>
  </si>
  <si>
    <t>Rehana khurshid hashmi</t>
  </si>
  <si>
    <t>GGES FATEH WALI</t>
  </si>
  <si>
    <t>Fateh Wali</t>
  </si>
  <si>
    <t>Sabo badhyar</t>
  </si>
  <si>
    <t>GGES FATIMA JINNAH COLONY</t>
  </si>
  <si>
    <t>Fatima jinnah</t>
  </si>
  <si>
    <t>GGES Fatima Jinah colony Sargodha</t>
  </si>
  <si>
    <t>71 NB</t>
  </si>
  <si>
    <t>Surriya Tehsin</t>
  </si>
  <si>
    <t>GGES FATIMA JINNAH KAMOKE</t>
  </si>
  <si>
    <t>Line par mohalla salamat pura kmk</t>
  </si>
  <si>
    <t>Bushra Sadiq</t>
  </si>
  <si>
    <t>filter plant</t>
  </si>
  <si>
    <t>GGES FATOOHI WALA</t>
  </si>
  <si>
    <t>Fatoohi Wala</t>
  </si>
  <si>
    <t>Village fatoohi wala T/D kasur</t>
  </si>
  <si>
    <t>Kashifa Raza</t>
  </si>
  <si>
    <t>GGES FATOWAL SALARIAN</t>
  </si>
  <si>
    <t>Fatowal sulehrian</t>
  </si>
  <si>
    <t>village Fatowal p o dhudu chack Tahsil shakargarh District Narowal</t>
  </si>
  <si>
    <t>Fatowal</t>
  </si>
  <si>
    <t>Dhuduchack 84</t>
  </si>
  <si>
    <t>yasmeen arshad</t>
  </si>
  <si>
    <t>GGES FATTO WALL</t>
  </si>
  <si>
    <t>Peer Fateh Darya</t>
  </si>
  <si>
    <t>basti fattowal jdw</t>
  </si>
  <si>
    <t>Fattowal</t>
  </si>
  <si>
    <t>Beenish Hameed</t>
  </si>
  <si>
    <t>GGES FATTOKE</t>
  </si>
  <si>
    <t>village Fattoke, POB Badomalhi, Teh&amp;Dis. Narowal</t>
  </si>
  <si>
    <t>Fareeha Mukhtar</t>
  </si>
  <si>
    <t>GGES FAZAL PURA</t>
  </si>
  <si>
    <t>GGES FAZAL PURA MANOO ABAD NEAR RAILWAY TRACK</t>
  </si>
  <si>
    <t>fazal pura</t>
  </si>
  <si>
    <t>Drohar muslim</t>
  </si>
  <si>
    <t>um-e-hani</t>
  </si>
  <si>
    <t>GGES FAZAL SHAH, SARAI SIDHU</t>
  </si>
  <si>
    <t>Fazal Shah</t>
  </si>
  <si>
    <t>moza fazal shah</t>
  </si>
  <si>
    <t>Sadaf Aslam</t>
  </si>
  <si>
    <t>GGES FAZILA KACH 2</t>
  </si>
  <si>
    <t>FAZALA-FEMALE</t>
  </si>
  <si>
    <t>Basti Fazla Marki</t>
  </si>
  <si>
    <t>GGES FEROZ PUR CHISHTIAN</t>
  </si>
  <si>
    <t>Feroz Pur Chishtian</t>
  </si>
  <si>
    <t>feriz pur chishtian</t>
  </si>
  <si>
    <t>Feroz Pur Chishtian15</t>
  </si>
  <si>
    <t>Amina Zamaan</t>
  </si>
  <si>
    <t>GGES FEROZ PUR MULTAN</t>
  </si>
  <si>
    <t>feroz pur</t>
  </si>
  <si>
    <t>Rabia Batool</t>
  </si>
  <si>
    <t>GGES FEROZKAY NAGRA</t>
  </si>
  <si>
    <t>Feroz Kay Nagra</t>
  </si>
  <si>
    <t>Feroz Kay Nagra teh pasrur distt sialkot</t>
  </si>
  <si>
    <t>Adamke Nagra</t>
  </si>
  <si>
    <t>GGES FIM KASSAR</t>
  </si>
  <si>
    <t>fim kassar</t>
  </si>
  <si>
    <t>vPO FIM KASSAR TEHSIL AND DISTT CHAKWAL</t>
  </si>
  <si>
    <t>siral</t>
  </si>
  <si>
    <t>TANVEER FATIMA</t>
  </si>
  <si>
    <t>GGES GABBAR ARAIN</t>
  </si>
  <si>
    <t>post office gabbar arain.ali pur district muzaffar garh</t>
  </si>
  <si>
    <t>SAFIA JAMSHAID</t>
  </si>
  <si>
    <t>GGES GADDA</t>
  </si>
  <si>
    <t>Gadda</t>
  </si>
  <si>
    <t>village Gadda post office kot fateh khan Tehsil fateh Jang district attock</t>
  </si>
  <si>
    <t>Sohaila Shaheen</t>
  </si>
  <si>
    <t>GGES GADDI NO. 2</t>
  </si>
  <si>
    <t>gadi janubi</t>
  </si>
  <si>
    <t>moh jafran wala janubi</t>
  </si>
  <si>
    <t>bohar</t>
  </si>
  <si>
    <t>Bushra Shehnaz</t>
  </si>
  <si>
    <t>GGES GADDOKi</t>
  </si>
  <si>
    <t>Gaddoki</t>
  </si>
  <si>
    <t>Ibrahima abad</t>
  </si>
  <si>
    <t>FArzana kausar</t>
  </si>
  <si>
    <t>GGES GADHU KALAN</t>
  </si>
  <si>
    <t>JOKALIAN -FEMALE</t>
  </si>
  <si>
    <t>GADHU KALAN</t>
  </si>
  <si>
    <t>GGES GADHU KALAN Teh.Phalia Dist. MANDI BAHA UD DIN</t>
  </si>
  <si>
    <t>NRANG</t>
  </si>
  <si>
    <t>SAIRA KHATOON</t>
  </si>
  <si>
    <t>GGES GADI WALA NO. 2</t>
  </si>
  <si>
    <t>chah Gadi Wala jam pur road pul shorÃ¬a dgkhan</t>
  </si>
  <si>
    <t>Gadi Wala</t>
  </si>
  <si>
    <t>Khaki</t>
  </si>
  <si>
    <t>FOUZIA RIAZ</t>
  </si>
  <si>
    <t>GGES GAGA KALAN</t>
  </si>
  <si>
    <t>Gaga Kalan</t>
  </si>
  <si>
    <t>gaga kalan</t>
  </si>
  <si>
    <t>GGES GAGEY WALI</t>
  </si>
  <si>
    <t>Gagaywali</t>
  </si>
  <si>
    <t>gagaywali,Nizam pur,Gujranwala</t>
  </si>
  <si>
    <t>Nazish Ikram</t>
  </si>
  <si>
    <t>GGES GAGGA CHAK NO 29</t>
  </si>
  <si>
    <t>Gagga Chak29</t>
  </si>
  <si>
    <t>gagga chak 29</t>
  </si>
  <si>
    <t>Gagga Chak 29</t>
  </si>
  <si>
    <t>Bhopay Wal</t>
  </si>
  <si>
    <t>Zubaid Ishaq</t>
  </si>
  <si>
    <t>GGES GAGGAR KALAN</t>
  </si>
  <si>
    <t>GARH MAHAL-FEMALE</t>
  </si>
  <si>
    <t>Gaggar Kalan</t>
  </si>
  <si>
    <t>village gaggar kalan tehsil dina distt jhelum</t>
  </si>
  <si>
    <t>Tayyba Parveen</t>
  </si>
  <si>
    <t>GGES GAGI SYEDAN</t>
  </si>
  <si>
    <t>PHULRAY SYEDAN-FEMALE</t>
  </si>
  <si>
    <t>Gagi Syedan</t>
  </si>
  <si>
    <t>vpo Gagi Syedan,Teh.Sohawa,Dist.Jhelum</t>
  </si>
  <si>
    <t>Phulry Syedan</t>
  </si>
  <si>
    <t>GGES GAGOO SHARIF</t>
  </si>
  <si>
    <t>Gagoo</t>
  </si>
  <si>
    <t>gges gagoo shareef tehsi dgk district dgkhan</t>
  </si>
  <si>
    <t>Gagoo Sharef</t>
  </si>
  <si>
    <t>GGES GAHI MUMAR</t>
  </si>
  <si>
    <t>Gahi Mammar</t>
  </si>
  <si>
    <t>GGES Gahi Mammar</t>
  </si>
  <si>
    <t>Abida Zahoor</t>
  </si>
  <si>
    <t>GGES GAJAR GOLA</t>
  </si>
  <si>
    <t>Gajar Gola</t>
  </si>
  <si>
    <t>GGES Gajar GOla</t>
  </si>
  <si>
    <t>Jhatanwali</t>
  </si>
  <si>
    <t>GGES GAJU MATTA</t>
  </si>
  <si>
    <t>Gajjumatta</t>
  </si>
  <si>
    <t>Gajjumatta Kahna Nau Lahore</t>
  </si>
  <si>
    <t>Talat Nasim</t>
  </si>
  <si>
    <t>GGES GAKHAR ADMAL</t>
  </si>
  <si>
    <t>ghakhar admal</t>
  </si>
  <si>
    <t>village ghakhar admal P/O sadiot tehsil kallar syedan distt rawalpindi</t>
  </si>
  <si>
    <t>ghazanabad</t>
  </si>
  <si>
    <t>naila qurban</t>
  </si>
  <si>
    <t>GGES GAKHAR NO.1</t>
  </si>
  <si>
    <t>gges gakkhar  No 1 Peer kot road gakkhar</t>
  </si>
  <si>
    <t>gakkhar</t>
  </si>
  <si>
    <t>Riffat Qamar</t>
  </si>
  <si>
    <t>GGES GANDAKAS</t>
  </si>
  <si>
    <t>AHMDAL - FEMALE</t>
  </si>
  <si>
    <t>Gandakass</t>
  </si>
  <si>
    <t>vpo ganadakas</t>
  </si>
  <si>
    <t>Aadrish Saeed</t>
  </si>
  <si>
    <t>GGES GANDHI OTAR</t>
  </si>
  <si>
    <t>GGES Gandhi ottar p/o Kot Radha Kishen, Tehsil Pattoki, Distt.Kasur</t>
  </si>
  <si>
    <t>Gandhi Ottar</t>
  </si>
  <si>
    <t>Balqis Akhtar</t>
  </si>
  <si>
    <t>GGES GANGAN WALA</t>
  </si>
  <si>
    <t>Ganganwala</t>
  </si>
  <si>
    <t>vill Ganganwala PO Chakri Rawalpindi</t>
  </si>
  <si>
    <t>Saadia Altaf</t>
  </si>
  <si>
    <t>GGES GANGU JUMMA</t>
  </si>
  <si>
    <t>Gangu Jumma</t>
  </si>
  <si>
    <t>post office village gangu jumma tehsil taxila distt rwp</t>
  </si>
  <si>
    <t>Anisa</t>
  </si>
  <si>
    <t>GGES GANWAIN SHUJABAD</t>
  </si>
  <si>
    <t>moza ganwain tehsil shujabad</t>
  </si>
  <si>
    <t>GGES GARAH JAN MUHAMMAD</t>
  </si>
  <si>
    <t>GGES GARAH JAN MUHAMMAD Tehsil Karor District Layyah</t>
  </si>
  <si>
    <t>Garah Jan Muhammad</t>
  </si>
  <si>
    <t>Sumaira Manzoor</t>
  </si>
  <si>
    <t>GGES GARAR BARYAR</t>
  </si>
  <si>
    <t>Garar baryar</t>
  </si>
  <si>
    <t>garar baryar p.o.kalaswala</t>
  </si>
  <si>
    <t>Pejoke</t>
  </si>
  <si>
    <t>Anam Rani</t>
  </si>
  <si>
    <t>GGES GARH MORE</t>
  </si>
  <si>
    <t>G M Raja</t>
  </si>
  <si>
    <t>Garh more</t>
  </si>
  <si>
    <t>Garh More</t>
  </si>
  <si>
    <t>G M Rajs</t>
  </si>
  <si>
    <t>Rabia Huma</t>
  </si>
  <si>
    <t>GGES GARH QAIM</t>
  </si>
  <si>
    <t>Garhqaim</t>
  </si>
  <si>
    <t>tehseel. malakwal.dist.M.B.DIN.P/O MONA DEPOT</t>
  </si>
  <si>
    <t>Ume Kalsum</t>
  </si>
  <si>
    <t>GGES GARHI</t>
  </si>
  <si>
    <t>vpo garhi tehsil jand district attock</t>
  </si>
  <si>
    <t>Gul E Rehna</t>
  </si>
  <si>
    <t>GGES GARHI AWAN</t>
  </si>
  <si>
    <t>Shirf Pura</t>
  </si>
  <si>
    <t>shirf pura hafizabad</t>
  </si>
  <si>
    <t>shirf pura</t>
  </si>
  <si>
    <t>Sajeela Younas</t>
  </si>
  <si>
    <t>GGES GARMALA</t>
  </si>
  <si>
    <t>Bhoon</t>
  </si>
  <si>
    <t>village garmala p.o bhoon teh kahuta distt rwp</t>
  </si>
  <si>
    <t>Garmala</t>
  </si>
  <si>
    <t>GGES GARMULA VIRKAN</t>
  </si>
  <si>
    <t>garmula virkan</t>
  </si>
  <si>
    <t>tasneem kausar</t>
  </si>
  <si>
    <t>GGES GARRAY WALA</t>
  </si>
  <si>
    <t>SHAM KOT - FEMALE</t>
  </si>
  <si>
    <t>Garay wala ,P/O Usman wala, Teh  Chunian Distt Kasur.</t>
  </si>
  <si>
    <t>Kul</t>
  </si>
  <si>
    <t>Ruqia Hassan</t>
  </si>
  <si>
    <t>GGES GAWALA COLONY</t>
  </si>
  <si>
    <t>Govt Girls Elementary school Gawala Colony Tehsil Model Town</t>
  </si>
  <si>
    <t>Rachkchandri</t>
  </si>
  <si>
    <t>Rehana Musarrat</t>
  </si>
  <si>
    <t>GGES GEHLAN CHAK NO 9</t>
  </si>
  <si>
    <t>gehlan chak 9</t>
  </si>
  <si>
    <t>gehlan chak 9 pattoki</t>
  </si>
  <si>
    <t>Kothi Wala chak 7</t>
  </si>
  <si>
    <t>GGES GHAFOOR ABAD GHAFOOR ABAD</t>
  </si>
  <si>
    <t>chak no. 10 np</t>
  </si>
  <si>
    <t>mohallah ghafoor abad, sadiqabad</t>
  </si>
  <si>
    <t>muncipal commitee</t>
  </si>
  <si>
    <t>Mc Sadiqabad B</t>
  </si>
  <si>
    <t>purchase water</t>
  </si>
  <si>
    <t>GGES GHAKHAR</t>
  </si>
  <si>
    <t>JHANG - FEMALE</t>
  </si>
  <si>
    <t>Gakhar</t>
  </si>
  <si>
    <t>gges gakhar</t>
  </si>
  <si>
    <t>Dharik</t>
  </si>
  <si>
    <t>Uzma Musarrat</t>
  </si>
  <si>
    <t>GGES GHALWAN</t>
  </si>
  <si>
    <t>GGES Ghalwan 2 near union council office ghalwan</t>
  </si>
  <si>
    <t>GGES GHANDHO WAL</t>
  </si>
  <si>
    <t>Ghandowal</t>
  </si>
  <si>
    <t>gges Ghandowal</t>
  </si>
  <si>
    <t>Nadia Arooj</t>
  </si>
  <si>
    <t>GGES GHANDIAN</t>
  </si>
  <si>
    <t>Ghandian</t>
  </si>
  <si>
    <t>Shahida  Parveen</t>
  </si>
  <si>
    <t>GGES GHANDRAN CHAK NO.86/RB</t>
  </si>
  <si>
    <t>86 Rb</t>
  </si>
  <si>
    <t>GGES Ghandran chak 86 rb</t>
  </si>
  <si>
    <t>Ghandran</t>
  </si>
  <si>
    <t>Kot Nizam Deen</t>
  </si>
  <si>
    <t>GGES GHANG SHARIF</t>
  </si>
  <si>
    <t>Ghngsharif</t>
  </si>
  <si>
    <t>village Ghang Sharif lahore</t>
  </si>
  <si>
    <t>Ghang Sharif</t>
  </si>
  <si>
    <t>Jia Bagga</t>
  </si>
  <si>
    <t>Amna Mudassar</t>
  </si>
  <si>
    <t>GGES GHANGWAL</t>
  </si>
  <si>
    <t>Ghangwal</t>
  </si>
  <si>
    <t>Shaista Hassan</t>
  </si>
  <si>
    <t>GGES GHANOOLA</t>
  </si>
  <si>
    <t>Ghanoola</t>
  </si>
  <si>
    <t>GMES ghanoola dak khana khaas tehsil bhalwal district sargodha</t>
  </si>
  <si>
    <t>Chak 18NB</t>
  </si>
  <si>
    <t>Hira Farid</t>
  </si>
  <si>
    <t>GGES GHARBI BASAL</t>
  </si>
  <si>
    <t>Basl</t>
  </si>
  <si>
    <t>vpo basal</t>
  </si>
  <si>
    <t>Nadia Yasmin</t>
  </si>
  <si>
    <t>GGES GHAREEB COLONY JAUHARABAD</t>
  </si>
  <si>
    <t>JAUHARABAD (FEMALE)</t>
  </si>
  <si>
    <t>Govt.Girls Elementary school Ghraib colony Jauharabad</t>
  </si>
  <si>
    <t>MC Jauharabad</t>
  </si>
  <si>
    <t>Farhana Jameel</t>
  </si>
  <si>
    <t>GGES GHARI BEGHAR</t>
  </si>
  <si>
    <t>Ghari Beghar</t>
  </si>
  <si>
    <t>GGES Ghari beghar</t>
  </si>
  <si>
    <t>Rizwana Irum</t>
  </si>
  <si>
    <t>GGES GHARIALA CHAK NO. 28</t>
  </si>
  <si>
    <t>GGCMES Gharyala Waltoha chak 28</t>
  </si>
  <si>
    <t>Gharyala Waltoha Chak 28</t>
  </si>
  <si>
    <t>Wan Adhan</t>
  </si>
  <si>
    <t>Rukhsana Munawar</t>
  </si>
  <si>
    <t>GGES GHARIB ABAD, JAHANIAN</t>
  </si>
  <si>
    <t>BLOCK 6 GHARIBABAD</t>
  </si>
  <si>
    <t>GHARIBABAD</t>
  </si>
  <si>
    <t>MC JAHANIAN</t>
  </si>
  <si>
    <t>Khalida Rashid</t>
  </si>
  <si>
    <t>GGES GHARTAL</t>
  </si>
  <si>
    <t>Ghartal</t>
  </si>
  <si>
    <t>Ghartal Tehsil Sambrial sialkot</t>
  </si>
  <si>
    <t>GGES GHAYYA WALA</t>
  </si>
  <si>
    <t>AHMAD NAGER 2 - FEMALE</t>
  </si>
  <si>
    <t>Ghayyawala</t>
  </si>
  <si>
    <t>Govt Girls Elementary School Ghayawala</t>
  </si>
  <si>
    <t>Ladhywala</t>
  </si>
  <si>
    <t>Tanzila Sakhawat</t>
  </si>
  <si>
    <t>GGES GHAZI ANDROON</t>
  </si>
  <si>
    <t>Ghazi Androon</t>
  </si>
  <si>
    <t>GGES  Ghazi Androon</t>
  </si>
  <si>
    <t>Faiza Rafique</t>
  </si>
  <si>
    <t>GGES GHAZI COLONY</t>
  </si>
  <si>
    <t>Gadai Garbi</t>
  </si>
  <si>
    <t>ghazi colony dera ghazi khan</t>
  </si>
  <si>
    <t>Dera Ghazi Khan</t>
  </si>
  <si>
    <t>Sakeena Abbas</t>
  </si>
  <si>
    <t>GGES GHAZI GHAT</t>
  </si>
  <si>
    <t>Bait Uttra</t>
  </si>
  <si>
    <t>govt.girls elementary school Ghazi ghat moza bait uttra</t>
  </si>
  <si>
    <t>Surriya Munawar</t>
  </si>
  <si>
    <t>GGES GHAZI PUR JALALPUR PIRWALA</t>
  </si>
  <si>
    <t>ghazi pur</t>
  </si>
  <si>
    <t>Shaheen Nawaz</t>
  </si>
  <si>
    <t>GGES GHAZIWAL KALAN</t>
  </si>
  <si>
    <t>Ghaziwal Kalan</t>
  </si>
  <si>
    <t>GGES Gaziwal Kalan</t>
  </si>
  <si>
    <t>Gaziwal Kalan</t>
  </si>
  <si>
    <t>Musarrat Zaki</t>
  </si>
  <si>
    <t>GGES GHAZYAL</t>
  </si>
  <si>
    <t>Ghazial</t>
  </si>
  <si>
    <t>village Ghazial teh &amp; distt Chakwal</t>
  </si>
  <si>
    <t>Gulnaz Hayat</t>
  </si>
  <si>
    <t>GGES GHEERERA</t>
  </si>
  <si>
    <t>Gharera</t>
  </si>
  <si>
    <t>village gharera post office gharera</t>
  </si>
  <si>
    <t>Jalapur Sobtian</t>
  </si>
  <si>
    <t>Zamir Fatima</t>
  </si>
  <si>
    <t>GGES GHEHAL PUR</t>
  </si>
  <si>
    <t>post office utra sandeela teh jatoi distt muzaffargarh</t>
  </si>
  <si>
    <t>Basti Makwal</t>
  </si>
  <si>
    <t>Shumaila Razzaq</t>
  </si>
  <si>
    <t>GGES GHELLA KALAN</t>
  </si>
  <si>
    <t>Ghella Kalan</t>
  </si>
  <si>
    <t>GGES Gheela kalan</t>
  </si>
  <si>
    <t>Syeda Atiya Habib</t>
  </si>
  <si>
    <t>GGES GHIK BUDHAL</t>
  </si>
  <si>
    <t>MOHRA NOORI -FEMALE</t>
  </si>
  <si>
    <t>vill&amp;p.o. Ghick Budhal Teh. Gujar Khan Distt. Rawalpindi</t>
  </si>
  <si>
    <t>khatoon begum</t>
  </si>
  <si>
    <t>GGES GHOI NO. 8</t>
  </si>
  <si>
    <t>Ghoi</t>
  </si>
  <si>
    <t>village Gohi post office sehr bagla teh Murree dist Rawalpindi</t>
  </si>
  <si>
    <t>Gohi</t>
  </si>
  <si>
    <t>GGES GHOOKAH</t>
  </si>
  <si>
    <t>GHOOKA-FEMALE</t>
  </si>
  <si>
    <t>basti Hassan Ali Lar</t>
  </si>
  <si>
    <t>GGES GHORAY SHAH</t>
  </si>
  <si>
    <t>Ghorey Shah</t>
  </si>
  <si>
    <t>GGES Ghorey Shah Lahore</t>
  </si>
  <si>
    <t>Hassan Park</t>
  </si>
  <si>
    <t>Zill-e Huma</t>
  </si>
  <si>
    <t>GGES GHOUS PUR</t>
  </si>
  <si>
    <t>ghouspur</t>
  </si>
  <si>
    <t>Tahira  Naseem Akhter</t>
  </si>
  <si>
    <t>GGES GHULAM ALI</t>
  </si>
  <si>
    <t>Bunga Machi</t>
  </si>
  <si>
    <t>basti ghulam Ali p\o bunga Machi mcd</t>
  </si>
  <si>
    <t>Nasreen Allah Rakha</t>
  </si>
  <si>
    <t>GGES GHULAM MUHAMMAD ABAD NO. 2</t>
  </si>
  <si>
    <t>G M Abad No 2</t>
  </si>
  <si>
    <t>g m abad no 2</t>
  </si>
  <si>
    <t>Gm Abad No 2</t>
  </si>
  <si>
    <t>100 Jb</t>
  </si>
  <si>
    <t>GGES GHULAMN NO 1</t>
  </si>
  <si>
    <t>post office ghulaman</t>
  </si>
  <si>
    <t>Ghulamn</t>
  </si>
  <si>
    <t>Amber Saleem</t>
  </si>
  <si>
    <t>GGES GHULEY KEY BAGHELAY</t>
  </si>
  <si>
    <t>RAVI TOWN-FEMALE</t>
  </si>
  <si>
    <t>Ghuley Key Baughly</t>
  </si>
  <si>
    <t>GGES Ghuley Key Baghelay</t>
  </si>
  <si>
    <t>Ghuley Key Baughely Baghely</t>
  </si>
  <si>
    <t>Mehvish Habib</t>
  </si>
  <si>
    <t>GGES GHUMAN</t>
  </si>
  <si>
    <t>GGMS GHUMAN  p/o Shadan lound  Markaz Kala</t>
  </si>
  <si>
    <t>Mamoona Batool</t>
  </si>
  <si>
    <t>GGES GHUMAN KAY</t>
  </si>
  <si>
    <t>Ghumman Kay</t>
  </si>
  <si>
    <t>Tasleem kasur</t>
  </si>
  <si>
    <t>GGES GHUMMAN KALAN</t>
  </si>
  <si>
    <t>Ghumma Kalan</t>
  </si>
  <si>
    <t>ghumman kalan</t>
  </si>
  <si>
    <t>Bath Kalan</t>
  </si>
  <si>
    <t>Misbah Aleem</t>
  </si>
  <si>
    <t>GGES GHUNDI</t>
  </si>
  <si>
    <t>GHUNDI-FEMALE</t>
  </si>
  <si>
    <t>GGE/S Ghundi Post Office Ghundi Tehsil and District Mianwali</t>
  </si>
  <si>
    <t>Shaista Naheed</t>
  </si>
  <si>
    <t>GGES GHUNGRILA</t>
  </si>
  <si>
    <t>VPO Ghungrilla Tehsil Gujar Khan</t>
  </si>
  <si>
    <t>Saba Fakhri</t>
  </si>
  <si>
    <t>GGES GID PUR</t>
  </si>
  <si>
    <t>gid pur</t>
  </si>
  <si>
    <t>Gid Pur</t>
  </si>
  <si>
    <t>Gulzar Yasmeen</t>
  </si>
  <si>
    <t>GGES GILL WALA</t>
  </si>
  <si>
    <t>Ladhy Wala Cheema</t>
  </si>
  <si>
    <t>Gill wala , ahmad nagar</t>
  </si>
  <si>
    <t>sofia shafiq</t>
  </si>
  <si>
    <t>GGES GILLAN WALA</t>
  </si>
  <si>
    <t>government girls elementary school</t>
  </si>
  <si>
    <t>GGES GINAN WALA CHAK NO. 21/RB</t>
  </si>
  <si>
    <t>guninwala chak21 rb</t>
  </si>
  <si>
    <t>Guninwala</t>
  </si>
  <si>
    <t>Marah Balocha</t>
  </si>
  <si>
    <t>Mehwish Tariq</t>
  </si>
  <si>
    <t>GGES GIRDI</t>
  </si>
  <si>
    <t>Narran Sydan Khel</t>
  </si>
  <si>
    <t>Arranged</t>
  </si>
  <si>
    <t>GGES GODHO</t>
  </si>
  <si>
    <t>Godho</t>
  </si>
  <si>
    <t>Village &amp; P.O Godho Tehsil Taxila</t>
  </si>
  <si>
    <t>Garhi Afghan</t>
  </si>
  <si>
    <t>Nagina Gulzar</t>
  </si>
  <si>
    <t>GGES GOGERA KHAS</t>
  </si>
  <si>
    <t>GGES GOHAR CHAK NO.8</t>
  </si>
  <si>
    <t>Gohar Chak 8</t>
  </si>
  <si>
    <t>GOHAR CHAK NO 8</t>
  </si>
  <si>
    <t>Dew Sail</t>
  </si>
  <si>
    <t>GGES GOHAR SHARIF</t>
  </si>
  <si>
    <t>govt girls elementry school gohar</t>
  </si>
  <si>
    <t>Gohar Sharif</t>
  </si>
  <si>
    <t>Aabida Nasreen</t>
  </si>
  <si>
    <t>GGES GOHAR WALA</t>
  </si>
  <si>
    <t>Bakhar Noon</t>
  </si>
  <si>
    <t>basti gohar wala moza bakhar noon kot adu  muzaffargarh</t>
  </si>
  <si>
    <t>Gohar Wala</t>
  </si>
  <si>
    <t>Amina Ashiq</t>
  </si>
  <si>
    <t>GGES GOHAWA</t>
  </si>
  <si>
    <t>Gohawa</t>
  </si>
  <si>
    <t>gohawa Lahore cantt</t>
  </si>
  <si>
    <t>Contonmant Board</t>
  </si>
  <si>
    <t>Mahvish Zafer</t>
  </si>
  <si>
    <t>GGES GOHRHA</t>
  </si>
  <si>
    <t>Gorha</t>
  </si>
  <si>
    <t>GGES GOLAY WALI</t>
  </si>
  <si>
    <t>Golaywali, tehsil quaudabad, district khushab</t>
  </si>
  <si>
    <t>Salma Ameer</t>
  </si>
  <si>
    <t>GGES GOLEEN</t>
  </si>
  <si>
    <t>Goleen</t>
  </si>
  <si>
    <t>goleen</t>
  </si>
  <si>
    <t>Azra Bi Bi</t>
  </si>
  <si>
    <t>GGES GOLPUR</t>
  </si>
  <si>
    <t>P. D. KHAN-FEMALE</t>
  </si>
  <si>
    <t>Golpur</t>
  </si>
  <si>
    <t>gges golpur</t>
  </si>
  <si>
    <t>Gul Yasmeen</t>
  </si>
  <si>
    <t>GGES GONDAL</t>
  </si>
  <si>
    <t>Halka Patwar</t>
  </si>
  <si>
    <t>GGES gondal attock</t>
  </si>
  <si>
    <t>Waqar Un Nisa</t>
  </si>
  <si>
    <t>GGES GONDALAN WALA</t>
  </si>
  <si>
    <t>GGES GONDLANWALA</t>
  </si>
  <si>
    <t>Gondlanwala</t>
  </si>
  <si>
    <t>Ammara Gohar</t>
  </si>
  <si>
    <t>GGES GOPEY RAW CHAK 42</t>
  </si>
  <si>
    <t>Gopay Ra</t>
  </si>
  <si>
    <t>gopay ra</t>
  </si>
  <si>
    <t>Sheikum</t>
  </si>
  <si>
    <t>Saiqa Khalil</t>
  </si>
  <si>
    <t>GGES GOPI RAI</t>
  </si>
  <si>
    <t>Village Gopi Rai, P.O.Thabal,Tehsil &amp; District Sheikhupura</t>
  </si>
  <si>
    <t>Alia Afzal</t>
  </si>
  <si>
    <t>GGES GORALI</t>
  </si>
  <si>
    <t>GUJRAT-VIII-FEMALE</t>
  </si>
  <si>
    <t>village Gorali Teh&amp; Distt Gujrat</t>
  </si>
  <si>
    <t>Nighat Batool</t>
  </si>
  <si>
    <t>GGES GORISTANI WALA</t>
  </si>
  <si>
    <t>Mutafriq Chahan</t>
  </si>
  <si>
    <t>GGES Goristani wala p/o choti zaree</t>
  </si>
  <si>
    <t>Goristani Wala</t>
  </si>
  <si>
    <t>Munazza Sikandar</t>
  </si>
  <si>
    <t>GGES GOTH GHANNI</t>
  </si>
  <si>
    <t>Goth Ghani</t>
  </si>
  <si>
    <t>Khanuwali</t>
  </si>
  <si>
    <t>zahida arshad</t>
  </si>
  <si>
    <t>GGES GOTH LAL BAHAWALPUR</t>
  </si>
  <si>
    <t>Goth Lal</t>
  </si>
  <si>
    <t>Basti Goth lal</t>
  </si>
  <si>
    <t>Mari Sheikh Shujra</t>
  </si>
  <si>
    <t>Attia Rasool</t>
  </si>
  <si>
    <t>GGES GUARDIAN ANGELS</t>
  </si>
  <si>
    <t>Waris Pura</t>
  </si>
  <si>
    <t>Govt Girls Elementary School Guardian Angel Waris Pura Faisalabad</t>
  </si>
  <si>
    <t>Barkat Pura</t>
  </si>
  <si>
    <t>Night Jahan</t>
  </si>
  <si>
    <t>GGES GUCHLI VIRK</t>
  </si>
  <si>
    <t>Ghuchli Virkan</t>
  </si>
  <si>
    <t>Ghuchli Virk Narang</t>
  </si>
  <si>
    <t>Afzala ishaq</t>
  </si>
  <si>
    <t>GGES GUJA</t>
  </si>
  <si>
    <t>Gujja Nashaib</t>
  </si>
  <si>
    <t>govt.girls elemetary school gujja</t>
  </si>
  <si>
    <t>GGES GUJAR WALA NO. 1</t>
  </si>
  <si>
    <t>CHURHATTA-FEMALE</t>
  </si>
  <si>
    <t>Chuhatta</t>
  </si>
  <si>
    <t>basti gujar wala</t>
  </si>
  <si>
    <t>Gujar Wala</t>
  </si>
  <si>
    <t>Churhatta Shumali</t>
  </si>
  <si>
    <t>BUSHRA YASMIN</t>
  </si>
  <si>
    <t>GGES GUJJAR NO 2</t>
  </si>
  <si>
    <t>GUJJAR-FEMALE</t>
  </si>
  <si>
    <t>village.P/O gujjar tehsil pind dadan khan</t>
  </si>
  <si>
    <t>uzma rashid</t>
  </si>
  <si>
    <t>GGES GUJRANWALA SHAHPUR</t>
  </si>
  <si>
    <t>Government GIrls elementary school GUJRANWALA</t>
  </si>
  <si>
    <t>Yasmeen Fatima</t>
  </si>
  <si>
    <t>GGES GUL DERA DERA BAKHA</t>
  </si>
  <si>
    <t>Gul Dera</t>
  </si>
  <si>
    <t>G G E / S GULL DERA</t>
  </si>
  <si>
    <t>Dera Bakha</t>
  </si>
  <si>
    <t>Nasreen  Akhtar</t>
  </si>
  <si>
    <t>GGES Gulam Sarwar British Home Colony, Rwp Cantt</t>
  </si>
  <si>
    <t>Peerwadia</t>
  </si>
  <si>
    <t>street on 14 briish home rwp cantt</t>
  </si>
  <si>
    <t>British Home</t>
  </si>
  <si>
    <t>Samina Bano</t>
  </si>
  <si>
    <t>GGES GULLAN KHEL</t>
  </si>
  <si>
    <t>SWANCE-FEMALE</t>
  </si>
  <si>
    <t>Gullen Khel</t>
  </si>
  <si>
    <t>g g e m s gullen  khel</t>
  </si>
  <si>
    <t>Packi Shah Mardan</t>
  </si>
  <si>
    <t>FARHAT JABEEN</t>
  </si>
  <si>
    <t>GGES GULLOKE</t>
  </si>
  <si>
    <t>KALI SUBA - FEMALE</t>
  </si>
  <si>
    <t>Gulloki</t>
  </si>
  <si>
    <t>gulloki teh kamoki distt Gujranwala</t>
  </si>
  <si>
    <t>Asma Akram</t>
  </si>
  <si>
    <t>GGES GULMERI WALA</t>
  </si>
  <si>
    <t>Gulmireewala</t>
  </si>
  <si>
    <t>Gulmiree</t>
  </si>
  <si>
    <t>Shams Un Nihar</t>
  </si>
  <si>
    <t>GGES GULPUR HITHAR</t>
  </si>
  <si>
    <t>basti gullpur</t>
  </si>
  <si>
    <t>Rafia Munawar</t>
  </si>
  <si>
    <t>GGES GULPUR TALBANI</t>
  </si>
  <si>
    <t>Gulpur TALBANI</t>
  </si>
  <si>
    <t>BWP</t>
  </si>
  <si>
    <t>Gulpur  TALBANI</t>
  </si>
  <si>
    <t>Syed Imam  Shah</t>
  </si>
  <si>
    <t>TANWEER KOSAR</t>
  </si>
  <si>
    <t>GGES GULSHAN PURA KOTMOMIN</t>
  </si>
  <si>
    <t>Uppi</t>
  </si>
  <si>
    <t>haveli Gulshanpura  moza uppi  tensile kotmomin district sargodha</t>
  </si>
  <si>
    <t>Haveli Gulshanpura</t>
  </si>
  <si>
    <t>Chak 19 SB</t>
  </si>
  <si>
    <t>Sumara Shamshad</t>
  </si>
  <si>
    <t>GGES GUNGO WAL</t>
  </si>
  <si>
    <t>Gungowal</t>
  </si>
  <si>
    <t>gungowa tehsil depalpur</t>
  </si>
  <si>
    <t>Dharmawala</t>
  </si>
  <si>
    <t>Sadaf Shakoor</t>
  </si>
  <si>
    <t>GGES GURA MUNG</t>
  </si>
  <si>
    <t>Guramang</t>
  </si>
  <si>
    <t>po dewan e hazori vill gurahmang teh sohawa distt jhelum</t>
  </si>
  <si>
    <t>Pail Banny Khan</t>
  </si>
  <si>
    <t>GGES GURU NANAK ICHHRA LAHORE</t>
  </si>
  <si>
    <t>Ahata Molchand</t>
  </si>
  <si>
    <t>Govt girls middle school guru Nanak ichhra ahata molchand</t>
  </si>
  <si>
    <t>Yasmin akhtar</t>
  </si>
  <si>
    <t>GGES GURUMANGET NAU ABAD</t>
  </si>
  <si>
    <t>HAIR - FEMALE</t>
  </si>
  <si>
    <t>Grumangat Nauabad</t>
  </si>
  <si>
    <t>GGES Grumangat Nauabad Lahore.</t>
  </si>
  <si>
    <t>Dhalluki</t>
  </si>
  <si>
    <t>Sumaira sarwar</t>
  </si>
  <si>
    <t>GGES HABIB COLONY STREET NO. 7</t>
  </si>
  <si>
    <t>Kot Daria</t>
  </si>
  <si>
    <t>street no7.habib colony ryk</t>
  </si>
  <si>
    <t>Habib Colony</t>
  </si>
  <si>
    <t>Noshaba Farooqi</t>
  </si>
  <si>
    <t>GGES HABIB PURA</t>
  </si>
  <si>
    <t>KAMOKE CITY 2 - FEMALE</t>
  </si>
  <si>
    <t>Habib Pura</t>
  </si>
  <si>
    <t>gges habib pura kamoke</t>
  </si>
  <si>
    <t>Zahra Butool Rizvi</t>
  </si>
  <si>
    <t>GGES HADALA</t>
  </si>
  <si>
    <t>Hadala</t>
  </si>
  <si>
    <t>village hadala PO dhudial tehsile and district chakwal</t>
  </si>
  <si>
    <t>Abida Mussarat</t>
  </si>
  <si>
    <t>GGES HADALI</t>
  </si>
  <si>
    <t>hadali sialkot</t>
  </si>
  <si>
    <t>JOGO</t>
  </si>
  <si>
    <t>zoobya naseem masood</t>
  </si>
  <si>
    <t>GGES HAFAT MADAR</t>
  </si>
  <si>
    <t>Haft Maddar</t>
  </si>
  <si>
    <t>Haft maddar</t>
  </si>
  <si>
    <t>Sehrish Riaz</t>
  </si>
  <si>
    <t>GGES HAFIZ ABAD</t>
  </si>
  <si>
    <t>QAIMPUR</t>
  </si>
  <si>
    <t>HAFIZ ABAD</t>
  </si>
  <si>
    <t>SHAH PUR</t>
  </si>
  <si>
    <t>Sabiha Begum</t>
  </si>
  <si>
    <t>GGES HAIBAT WALA</t>
  </si>
  <si>
    <t>Kharal Azim</t>
  </si>
  <si>
    <t>ada kharal azim p/o Kot sultan</t>
  </si>
  <si>
    <t>Kokab Farzana</t>
  </si>
  <si>
    <t>GGES HAIDER ABAD NO.1 NAWAN SHEHR</t>
  </si>
  <si>
    <t>G.g.middle school chk haidrabad no.1</t>
  </si>
  <si>
    <t>chk haidrabad</t>
  </si>
  <si>
    <t>SADIA PARVEEN</t>
  </si>
  <si>
    <t>GGES HAIDER ABAD NO.2 NAWAN SHEHR</t>
  </si>
  <si>
    <t>nawan shehr chakhaiderabad</t>
  </si>
  <si>
    <t>Aneela Sana</t>
  </si>
  <si>
    <t>GGES HAIDER GHAZI</t>
  </si>
  <si>
    <t>Tibba Sharqi</t>
  </si>
  <si>
    <t>pull hazara ddp tehsil kot adu dist m.garh</t>
  </si>
  <si>
    <t>Pull Hazara</t>
  </si>
  <si>
    <t>DDP</t>
  </si>
  <si>
    <t>Kiran Zafar</t>
  </si>
  <si>
    <t>GGES HAIDER SHAH WALA</t>
  </si>
  <si>
    <t>Haidershah Wala</t>
  </si>
  <si>
    <t>govt girls elementary school haydershah wala</t>
  </si>
  <si>
    <t>IQBAL FATIMA</t>
  </si>
  <si>
    <t>GGES HAIHLA WATOWAN PAKPATTAN</t>
  </si>
  <si>
    <t>Hela Wattwaon</t>
  </si>
  <si>
    <t>gges hela wattwaon</t>
  </si>
  <si>
    <t>Hellawatwaon</t>
  </si>
  <si>
    <t>Helawattwaon</t>
  </si>
  <si>
    <t>Iram Hashim</t>
  </si>
  <si>
    <t>GGES HAIL BAJWAN</t>
  </si>
  <si>
    <t>village hail bajwan p/o phuklian tehsil and district sialkot</t>
  </si>
  <si>
    <t>Hail Bajwan</t>
  </si>
  <si>
    <t>Wadhgran</t>
  </si>
  <si>
    <t>Nadia Perveen</t>
  </si>
  <si>
    <t>GGES HAIRO GHARBI</t>
  </si>
  <si>
    <t>Hairo Gharbi</t>
  </si>
  <si>
    <t>hairo gharbi</t>
  </si>
  <si>
    <t>Saqiba Rahim</t>
  </si>
  <si>
    <t>GGES HAJI CHAND VILLAGE</t>
  </si>
  <si>
    <t>moza haji chand village, mandi ahmadabad</t>
  </si>
  <si>
    <t>Haji Chand Village</t>
  </si>
  <si>
    <t>Boonga Ameer Singh</t>
  </si>
  <si>
    <t>Syeda Saba Ijaz</t>
  </si>
  <si>
    <t>GGES HAJI KOT</t>
  </si>
  <si>
    <t>haji kot SHAHDARA</t>
  </si>
  <si>
    <t>haji kot</t>
  </si>
  <si>
    <t>javed park</t>
  </si>
  <si>
    <t>Ayesha Shaiq</t>
  </si>
  <si>
    <t>GGES HAJI SHAH</t>
  </si>
  <si>
    <t>SURG - FEMALE</t>
  </si>
  <si>
    <t>government girl elementary school haji shah p.o haji shah</t>
  </si>
  <si>
    <t>Zaria Begam</t>
  </si>
  <si>
    <t>GGES HAJI YAR MUHAMMAD JHORA</t>
  </si>
  <si>
    <t>Sohiya Thal</t>
  </si>
  <si>
    <t>GGES HAJI YAR MUHAMMAD JHORAR</t>
  </si>
  <si>
    <t>samina yasmeen</t>
  </si>
  <si>
    <t>GGES HAJWAIRI TOWN</t>
  </si>
  <si>
    <t>Hajwery Town</t>
  </si>
  <si>
    <t>Hajwery Town Faisalabad</t>
  </si>
  <si>
    <t>Maai Di Jhuggi</t>
  </si>
  <si>
    <t>GGES HAKOOMAT GARH</t>
  </si>
  <si>
    <t>Hakoomat Garh</t>
  </si>
  <si>
    <t>Nasreen Nasir</t>
  </si>
  <si>
    <t>GGES HALLAH SYEDAN</t>
  </si>
  <si>
    <t>Hallah Syedan</t>
  </si>
  <si>
    <t>hallah syedan p/o bara ghar</t>
  </si>
  <si>
    <t>Uzma Jafar</t>
  </si>
  <si>
    <t>GGES HAMBOKAY</t>
  </si>
  <si>
    <t>HAMBOKEY</t>
  </si>
  <si>
    <t>Majra Kalan</t>
  </si>
  <si>
    <t>Electric Water Cooler and Hand Pump</t>
  </si>
  <si>
    <t>GGES HAMOKA</t>
  </si>
  <si>
    <t>Govt girls elementary school hamoka</t>
  </si>
  <si>
    <t>GGES HAMZA GHOUS</t>
  </si>
  <si>
    <t>Hamza Ghous Sialkot</t>
  </si>
  <si>
    <t>Hamza Ghous</t>
  </si>
  <si>
    <t>Samina Idrees</t>
  </si>
  <si>
    <t>GGES HANDAL</t>
  </si>
  <si>
    <t>HANDAL</t>
  </si>
  <si>
    <t>HANDAL POST OFFICE KRK,TEHSIL KRK,KADUR</t>
  </si>
  <si>
    <t>Shakeel Fatima</t>
  </si>
  <si>
    <t>GGES HANIF NAGAR</t>
  </si>
  <si>
    <t>Hanif Nagar</t>
  </si>
  <si>
    <t>Phularwan Wazirkay</t>
  </si>
  <si>
    <t>GGES HANJAR WAL CHAK NO. 31</t>
  </si>
  <si>
    <t>Hanjerwal</t>
  </si>
  <si>
    <t>GGES Hanjerwal Chak no 31</t>
  </si>
  <si>
    <t>Hanjerwal Chak No 31</t>
  </si>
  <si>
    <t>Surriya kalsoom</t>
  </si>
  <si>
    <t>GGES HANSO WALA</t>
  </si>
  <si>
    <t>Hansowala</t>
  </si>
  <si>
    <t>hansowala</t>
  </si>
  <si>
    <t>GGES HAQ SIALKOT</t>
  </si>
  <si>
    <t>Goverment.Haq Girl Elementry School,Maharaja Road,Sialkot</t>
  </si>
  <si>
    <t>Karim Pura</t>
  </si>
  <si>
    <t>GGES HARAKA</t>
  </si>
  <si>
    <t>village and po harraka</t>
  </si>
  <si>
    <t>Zahida Riasat</t>
  </si>
  <si>
    <t>GGES HARDO BANDO KEY</t>
  </si>
  <si>
    <t>HERDOBANDOK</t>
  </si>
  <si>
    <t>HERDOBANDOKAY</t>
  </si>
  <si>
    <t>BANDOKAY</t>
  </si>
  <si>
    <t>MUREEDKAY</t>
  </si>
  <si>
    <t>Aqeela Kousar</t>
  </si>
  <si>
    <t>GGES HARDO LADHEKE</t>
  </si>
  <si>
    <t>Ladhky</t>
  </si>
  <si>
    <t>gges herdo ladhky</t>
  </si>
  <si>
    <t>Herdo Ladhky</t>
  </si>
  <si>
    <t>farah naz</t>
  </si>
  <si>
    <t>GGES HARI CHAND</t>
  </si>
  <si>
    <t>Malik Wahin</t>
  </si>
  <si>
    <t>basti hari chand</t>
  </si>
  <si>
    <t>Hari Chand</t>
  </si>
  <si>
    <t>Mobeen Kousar</t>
  </si>
  <si>
    <t>GGES HARIA WALA</t>
  </si>
  <si>
    <t>Harriawala</t>
  </si>
  <si>
    <t>Harriawala gujrat</t>
  </si>
  <si>
    <t>Sumeera Yaqub</t>
  </si>
  <si>
    <t>GGES HARNAL</t>
  </si>
  <si>
    <t>harnal</t>
  </si>
  <si>
    <t>teh.g.khan post office harnal</t>
  </si>
  <si>
    <t>mandra</t>
  </si>
  <si>
    <t>GGES HARPAL</t>
  </si>
  <si>
    <t>Harpal</t>
  </si>
  <si>
    <t>GGES Harpal P/O Mehrajkey Teh pasrur District sialkot</t>
  </si>
  <si>
    <t>Bajragaree</t>
  </si>
  <si>
    <t>Razia Rafique</t>
  </si>
  <si>
    <t>GGES HASAN KHAN</t>
  </si>
  <si>
    <t>CHUND BHARWANA-FEMALE</t>
  </si>
  <si>
    <t>Hasan Khan</t>
  </si>
  <si>
    <t>hasan khan chund bharwana jhang</t>
  </si>
  <si>
    <t>Maryam Dilshad</t>
  </si>
  <si>
    <t>GGES HASHMAT MIRALI, MOHALLA KOTHEY WALA, SARAI SIDHU</t>
  </si>
  <si>
    <t>hashmat mirali</t>
  </si>
  <si>
    <t>gges hashmat mirali chah kothey wala</t>
  </si>
  <si>
    <t>Jannat  Bibi</t>
  </si>
  <si>
    <t>GGES HASNA</t>
  </si>
  <si>
    <t>HASNA</t>
  </si>
  <si>
    <t>GOVT GIRLS ELEMENTRY SCHOOL  hasna teh.chunian distt.kasur</t>
  </si>
  <si>
    <t>Hasna</t>
  </si>
  <si>
    <t>Dhuttay</t>
  </si>
  <si>
    <t>GGES HASNANA</t>
  </si>
  <si>
    <t>Ali abad moza hasnana jhang</t>
  </si>
  <si>
    <t>AZRA JABEEN</t>
  </si>
  <si>
    <t>GGES HASNOTE</t>
  </si>
  <si>
    <t>vpo hasnote tehsil and district jhelum</t>
  </si>
  <si>
    <t>Nakka Khurad</t>
  </si>
  <si>
    <t>Firdous Hanif</t>
  </si>
  <si>
    <t>GGES HASSAN</t>
  </si>
  <si>
    <t>V.P.O Hassan, D/T M.B.Din.</t>
  </si>
  <si>
    <t>Hafiza Samra Yasmin</t>
  </si>
  <si>
    <t>GGES HASSAN ABDAL NO.1</t>
  </si>
  <si>
    <t>Hassan abdal</t>
  </si>
  <si>
    <t>Nasim Akhter</t>
  </si>
  <si>
    <t>GGES HASSAN ARAIN</t>
  </si>
  <si>
    <t>HASSAN ARAIN</t>
  </si>
  <si>
    <t>HASSAN ARAIN, PO QABOOLA, ARIFWALA, PAKPATTAN</t>
  </si>
  <si>
    <t>GGES HASSAN COLONY</t>
  </si>
  <si>
    <t>hassan colony</t>
  </si>
  <si>
    <t>Rahim Yar Khan</t>
  </si>
  <si>
    <t>Hassan Colony</t>
  </si>
  <si>
    <t>Safina Hayat</t>
  </si>
  <si>
    <t>GGES HASSAN MODEL, KHANEWAL</t>
  </si>
  <si>
    <t>Vard No 3</t>
  </si>
  <si>
    <t>Govt. girls hassan model middle school, khanewal</t>
  </si>
  <si>
    <t>Khanewal City</t>
  </si>
  <si>
    <t>Sargana House</t>
  </si>
  <si>
    <t>Safia Qaisar</t>
  </si>
  <si>
    <t>GGES HASSAN SHAH</t>
  </si>
  <si>
    <t>Sukha Shah</t>
  </si>
  <si>
    <t>GGES Hassan Shah tehsil daryakhan district bhakkar</t>
  </si>
  <si>
    <t>Angra Dagger</t>
  </si>
  <si>
    <t>Misbah niaz</t>
  </si>
  <si>
    <t>GGES HASSAR</t>
  </si>
  <si>
    <t>Hassar</t>
  </si>
  <si>
    <t>Village Hassar Tehsil Hassanabdal District Attock</t>
  </si>
  <si>
    <t>Kot Sundki</t>
  </si>
  <si>
    <t>GGES HASTAL</t>
  </si>
  <si>
    <t>Hastal</t>
  </si>
  <si>
    <t>GGES hastal vilage hastal po thoa bahadur teh&amp;distrct chakwal</t>
  </si>
  <si>
    <t>Azra Batool</t>
  </si>
  <si>
    <t>GGES HATCHER</t>
  </si>
  <si>
    <t>Hatcher</t>
  </si>
  <si>
    <t>government girls elementary school hatcher</t>
  </si>
  <si>
    <t>hatcher</t>
  </si>
  <si>
    <t>nagal buchar</t>
  </si>
  <si>
    <t>Rzwana yasmine</t>
  </si>
  <si>
    <t>GGES HATHEJI</t>
  </si>
  <si>
    <t>p/o hatheji</t>
  </si>
  <si>
    <t>Sana Eram</t>
  </si>
  <si>
    <t>GGES HATHIANA</t>
  </si>
  <si>
    <t>Hathiana</t>
  </si>
  <si>
    <t>Pati Kar Pal Singh</t>
  </si>
  <si>
    <t>Sajida Naheed</t>
  </si>
  <si>
    <t>GGES HAVELI BALAQA SINGH</t>
  </si>
  <si>
    <t>THEH SHEIKHUM - FEMALE</t>
  </si>
  <si>
    <t>Balaqa Singh</t>
  </si>
  <si>
    <t>HAVELI BALAQA SINGH KASUR</t>
  </si>
  <si>
    <t>Her Do Sahari</t>
  </si>
  <si>
    <t>Azra Builqes</t>
  </si>
  <si>
    <t>GGES HAVELI LAL</t>
  </si>
  <si>
    <t>mauza haveli lal. teh &amp;distt. jhang</t>
  </si>
  <si>
    <t>Aneela Nawaz</t>
  </si>
  <si>
    <t>GGES HAVELI MAJOKA</t>
  </si>
  <si>
    <t>haveli Majoka tesil sahiwal district sargodha</t>
  </si>
  <si>
    <t>Haveli Majoka</t>
  </si>
  <si>
    <t>GGES HAVELI NASEER KHAN</t>
  </si>
  <si>
    <t>basti arain haveli naseer khan</t>
  </si>
  <si>
    <t>GGES HAYAT KHAN WALA SHUJA ABAD</t>
  </si>
  <si>
    <t>Basti Mitho</t>
  </si>
  <si>
    <t>Hayat khan wala, moza basti mitho shrqi, tehsil shuja bad, district multan.</t>
  </si>
  <si>
    <t>Hayat Khan Wala</t>
  </si>
  <si>
    <t>Robina Kareem</t>
  </si>
  <si>
    <t>GGES HAZRAT WALA</t>
  </si>
  <si>
    <t>PIR BAKSH SHARQI</t>
  </si>
  <si>
    <t>HAZRAT WALA</t>
  </si>
  <si>
    <t>Aqsa Nawaz</t>
  </si>
  <si>
    <t>GGES HEAD FAQURIAN</t>
  </si>
  <si>
    <t>Head Faqirian</t>
  </si>
  <si>
    <t>Miana Gondal</t>
  </si>
  <si>
    <t>Nabila Liaqat</t>
  </si>
  <si>
    <t>GGES HEAD MUHAMMAD ABAD (Azad Colony)</t>
  </si>
  <si>
    <t>Mangowal</t>
  </si>
  <si>
    <t>GGES HEAD MUHAMMAD ABAD</t>
  </si>
  <si>
    <t>Head Muhammad Abad</t>
  </si>
  <si>
    <t>Hafiza Mehwish Kanwal</t>
  </si>
  <si>
    <t>GGES HEAD RASOOL</t>
  </si>
  <si>
    <t>Head Rasul</t>
  </si>
  <si>
    <t>GES Head Rasul VPO Head Rasul, Canal Colony Head Rasul</t>
  </si>
  <si>
    <t>Sultana Razia</t>
  </si>
  <si>
    <t>GGES HERDO SEHOLE MUSLIM</t>
  </si>
  <si>
    <t>Herdo Sehole Muslim</t>
  </si>
  <si>
    <t>GGES Hardo Sehole Muslim Tehsil Murridke</t>
  </si>
  <si>
    <t>Herdo sehole Muslim</t>
  </si>
  <si>
    <t>Abeer Imtiaz</t>
  </si>
  <si>
    <t>GGES HERLAN WALI</t>
  </si>
  <si>
    <t>Herlanwali</t>
  </si>
  <si>
    <t>GGES harlanwali</t>
  </si>
  <si>
    <t>Harlanwali</t>
  </si>
  <si>
    <t>Robina Malik</t>
  </si>
  <si>
    <t>GGES HERNOLI ADDA KHAS</t>
  </si>
  <si>
    <t>Adda khass   harnoli</t>
  </si>
  <si>
    <t>Shamas Abdul Ghafoor</t>
  </si>
  <si>
    <t>GGES HERNOLI NO. 1</t>
  </si>
  <si>
    <t>harnoli,tehsil piplan.dist.mianwali</t>
  </si>
  <si>
    <t>Ghazala Parveen</t>
  </si>
  <si>
    <t>GGES HERPOKEY</t>
  </si>
  <si>
    <t>Herpoki</t>
  </si>
  <si>
    <t>herpoki teh kamoke distt Gujranwala</t>
  </si>
  <si>
    <t>Madiha Bashir</t>
  </si>
  <si>
    <t>GGES HOON HAMWALA</t>
  </si>
  <si>
    <t>village hoon teh &amp; dist.jhelum</t>
  </si>
  <si>
    <t>Mehreen Tariq</t>
  </si>
  <si>
    <t>GGES HOOT WALA NO 1</t>
  </si>
  <si>
    <t>HOOT WALA - FEMALE</t>
  </si>
  <si>
    <t>bsti hveli amern</t>
  </si>
  <si>
    <t>Havei Ameen</t>
  </si>
  <si>
    <t>Saher Bukhari</t>
  </si>
  <si>
    <t>GGES HOTTA</t>
  </si>
  <si>
    <t>Hotta</t>
  </si>
  <si>
    <t>Chak Hotta,Tehsil &amp; District Pakpattan Sharif</t>
  </si>
  <si>
    <t>Tahira Abbasi</t>
  </si>
  <si>
    <t>GGES HUMAK</t>
  </si>
  <si>
    <t>Humak</t>
  </si>
  <si>
    <t>village &amp;P. o Humak. Tehsil Fateh jang. District Attock</t>
  </si>
  <si>
    <t>Riffat Shahnaz</t>
  </si>
  <si>
    <t>GGES HUNDO GUJAR</t>
  </si>
  <si>
    <t>Handu Gujjar</t>
  </si>
  <si>
    <t>Village handu gujjar</t>
  </si>
  <si>
    <t>Lakh Dair</t>
  </si>
  <si>
    <t>Asma Asghar Ali</t>
  </si>
  <si>
    <t>GGES HUNJRAI KALAN</t>
  </si>
  <si>
    <t>Hunjrai Kalan</t>
  </si>
  <si>
    <t>Hunjrai kalan</t>
  </si>
  <si>
    <t>zahida kausar</t>
  </si>
  <si>
    <t>GGES HUSSAIN COLONY</t>
  </si>
  <si>
    <t>GGES HUSSAIN COLONY CTN</t>
  </si>
  <si>
    <t>Hussain COLONY</t>
  </si>
  <si>
    <t>GGES HUSSAIN SHAH</t>
  </si>
  <si>
    <t>GGE/S hussain shah teh. shahpur distric sargodha post offc wadhi</t>
  </si>
  <si>
    <t>SEHRISH ISMAIL</t>
  </si>
  <si>
    <t>GGES HUSSEKI</t>
  </si>
  <si>
    <t>PARANEKI - FEMALE</t>
  </si>
  <si>
    <t>Husseke</t>
  </si>
  <si>
    <t>husseke</t>
  </si>
  <si>
    <t>Tamseela Rani</t>
  </si>
  <si>
    <t>GGES HYDER NAGER</t>
  </si>
  <si>
    <t>MUHAMMAD DAHA - FEMALE</t>
  </si>
  <si>
    <t>Choudhry</t>
  </si>
  <si>
    <t>gges basti hyder nagar</t>
  </si>
  <si>
    <t>Hyder Nagar</t>
  </si>
  <si>
    <t>M Daha</t>
  </si>
  <si>
    <t>GGES IBRAHIM PUR, NAWAN SHEHR</t>
  </si>
  <si>
    <t>Ibrahimpur</t>
  </si>
  <si>
    <t>govt girlls m/s lbrahimpur teh.kabirwala</t>
  </si>
  <si>
    <t>Ibrahimp</t>
  </si>
  <si>
    <t>Falaknaz</t>
  </si>
  <si>
    <t>GGES ICHHAR</t>
  </si>
  <si>
    <t>SHAHPUR CITY - FEMALE</t>
  </si>
  <si>
    <t>Ichhar</t>
  </si>
  <si>
    <t>g.g.e.s.ichhar</t>
  </si>
  <si>
    <t>Salim Abad</t>
  </si>
  <si>
    <t>Asima Naheed</t>
  </si>
  <si>
    <t>GGES IHSAN PUR, NAWAN SHEHR</t>
  </si>
  <si>
    <t>govt girls e/s ehsan pur markz mongawala teh kanirwala</t>
  </si>
  <si>
    <t>Mankot</t>
  </si>
  <si>
    <t>Shazia Fatima</t>
  </si>
  <si>
    <t>GGES IMRAN ABAD</t>
  </si>
  <si>
    <t>gges imran abad</t>
  </si>
  <si>
    <t>Azra Tasneem</t>
  </si>
  <si>
    <t>GGES IMTIAZ MODEL T.T.SINGH</t>
  </si>
  <si>
    <t>Jhang Road t.t Singh</t>
  </si>
  <si>
    <t>City Toba Tek Singh</t>
  </si>
  <si>
    <t>GGES INAYAT ALI WALA</t>
  </si>
  <si>
    <t>basti inayat Ali moza Ali pur kanju tehsil kahror pacca zila lodhran</t>
  </si>
  <si>
    <t>Inayat Ali</t>
  </si>
  <si>
    <t>mamoona tahira</t>
  </si>
  <si>
    <t>GGES INDUSTRIAL STATE SHER SHAH ROAD MULTAN</t>
  </si>
  <si>
    <t>Jungle Bhera</t>
  </si>
  <si>
    <t>chah Ratey Wala p obox industrial estate  sher shah road multa</t>
  </si>
  <si>
    <t>Chah Ratey Wala</t>
  </si>
  <si>
    <t>Mamuna Anjum</t>
  </si>
  <si>
    <t>GGES IQBAL CHANNAR</t>
  </si>
  <si>
    <t>Bhinda Kharji</t>
  </si>
  <si>
    <t>Govt.Girls High School Iqbal Channar basti Falak munir</t>
  </si>
  <si>
    <t>Khanu Walu</t>
  </si>
  <si>
    <t>Farida Naeem</t>
  </si>
  <si>
    <t>GGES IQBAL GUJRANWALA</t>
  </si>
  <si>
    <t>Gill Road Gujrwnwala</t>
  </si>
  <si>
    <t>hameed  colony Street #4 Gill Road gujrwnwala</t>
  </si>
  <si>
    <t>Gill Road</t>
  </si>
  <si>
    <t>rozina rafee</t>
  </si>
  <si>
    <t>GGES IRRIGATION WORKSHOP COLONY BHALWAL</t>
  </si>
  <si>
    <t>Irrigation Workshop Colony Bhalwal</t>
  </si>
  <si>
    <t>g,g elementary model school  irrigation Workshop Colony Bhalwal</t>
  </si>
  <si>
    <t>GGES ISA KHEL</t>
  </si>
  <si>
    <t>Isakhel</t>
  </si>
  <si>
    <t>mohallashahisakhel</t>
  </si>
  <si>
    <t>GGES ISLAM GUNJI KHEWRA</t>
  </si>
  <si>
    <t>GGES Islam ganj Khewra tehsil Pind Dadan Khan Distt. Jhelum</t>
  </si>
  <si>
    <t>Nadia Afzal</t>
  </si>
  <si>
    <t>GGES ISLAM NAGAR</t>
  </si>
  <si>
    <t>GGES ISLAM NAGAR CHAK 81</t>
  </si>
  <si>
    <t>Islam Nagar81RB</t>
  </si>
  <si>
    <t>Islam Nagar81RB District nankana Sahib</t>
  </si>
  <si>
    <t>Islam Nagar 81RB</t>
  </si>
  <si>
    <t>Rasulpur 82RB</t>
  </si>
  <si>
    <t>Shamsa Nasreen</t>
  </si>
  <si>
    <t>GGES ISLAM NAGAR NO 1</t>
  </si>
  <si>
    <t>district pakpattan tehsil arifwala village islam nagar</t>
  </si>
  <si>
    <t>Aqsa Riaz</t>
  </si>
  <si>
    <t>GGES ISLAM PUR</t>
  </si>
  <si>
    <t>GGES Islam pur renala khurd</t>
  </si>
  <si>
    <t>Tabassum Shahnaz</t>
  </si>
  <si>
    <t>GGES ISLAM PURA</t>
  </si>
  <si>
    <t>Islam pura</t>
  </si>
  <si>
    <t>GGES ISLMPURA</t>
  </si>
  <si>
    <t>GGES ISLAM PURA GOJRA</t>
  </si>
  <si>
    <t>Islam Pura Gojra</t>
  </si>
  <si>
    <t>G.G.E/S islam pura gojra</t>
  </si>
  <si>
    <t>ISLAMPURA</t>
  </si>
  <si>
    <t>Naila Ghani</t>
  </si>
  <si>
    <t>GGES ISLAM PURA HAROON ABAD</t>
  </si>
  <si>
    <t>Mohallah islampura faqirwali</t>
  </si>
  <si>
    <t>Faqirwali no 1</t>
  </si>
  <si>
    <t>Musarrat perveen</t>
  </si>
  <si>
    <t>GGES ISLAM PURA JARANWALA</t>
  </si>
  <si>
    <t>Jaranwala</t>
  </si>
  <si>
    <t>islampura jaranwala</t>
  </si>
  <si>
    <t>Najma Firdous</t>
  </si>
  <si>
    <t>GGES ISLAM PURA NO.1 KAMALIA</t>
  </si>
  <si>
    <t>City Kamalia</t>
  </si>
  <si>
    <t>GGES ISLAMPURA KAMALIA</t>
  </si>
  <si>
    <t>MC KAMALIA</t>
  </si>
  <si>
    <t>Sanam Latif</t>
  </si>
  <si>
    <t>GGES ISLAMIA COLONY</t>
  </si>
  <si>
    <t>Pursan</t>
  </si>
  <si>
    <t>katcha sadiq Abad road islamia colony near millat bakery ryk</t>
  </si>
  <si>
    <t>IslamiacolonY</t>
  </si>
  <si>
    <t>naheed kousar</t>
  </si>
  <si>
    <t>GGES ISLAMIA JUNIOR MODEL SHERAN WALA GATE</t>
  </si>
  <si>
    <t>Sheranwala Gate</t>
  </si>
  <si>
    <t>GGES ISLAMIA JUNIOR MODEL SHERANWALA GATE LAHORE</t>
  </si>
  <si>
    <t>Azam Cloth Market</t>
  </si>
  <si>
    <t>GGES ISLAMIA MODEL MIDDLE SCHOOL, RAILWAY ROAD, LAHORE</t>
  </si>
  <si>
    <t>Branderth Road</t>
  </si>
  <si>
    <t>railway road</t>
  </si>
  <si>
    <t>Lhr</t>
  </si>
  <si>
    <t>Sare Sultan</t>
  </si>
  <si>
    <t>Mst Rizwana Kokab</t>
  </si>
  <si>
    <t>GGES ITTEHAD COLONY</t>
  </si>
  <si>
    <t>government girls elementary school ittehad colony multan near baba qamar din mazar</t>
  </si>
  <si>
    <t>Gulgasht</t>
  </si>
  <si>
    <t>Sarwat Majeed</t>
  </si>
  <si>
    <t>GGES J AND K SIALKOT</t>
  </si>
  <si>
    <t>CANTT. - FEMALE</t>
  </si>
  <si>
    <t>Water Works</t>
  </si>
  <si>
    <t>Abbot Road, Sialkot</t>
  </si>
  <si>
    <t>Abbot Road</t>
  </si>
  <si>
    <t>GGES JABANA</t>
  </si>
  <si>
    <t>AEO (W) LALIAN NO.08</t>
  </si>
  <si>
    <t>JABANA</t>
  </si>
  <si>
    <t>JABANA tehsil lalian</t>
  </si>
  <si>
    <t>GGES JABBAR MIANA</t>
  </si>
  <si>
    <t>Jabbar Miana</t>
  </si>
  <si>
    <t>village jabbar miana  post offfice jabbar miana teh$distt rwp</t>
  </si>
  <si>
    <t>Reema Mushtaq</t>
  </si>
  <si>
    <t>GGES JABBI SHAH DILAWAR</t>
  </si>
  <si>
    <t>jabbi shah Dilawar</t>
  </si>
  <si>
    <t>jabbi shah dilawar GGES</t>
  </si>
  <si>
    <t>jabbi shah dilawar</t>
  </si>
  <si>
    <t>Shafqat Riaz</t>
  </si>
  <si>
    <t>GGES JABBOMAIL</t>
  </si>
  <si>
    <t>RAJA JANG - FEMALE</t>
  </si>
  <si>
    <t>Jabbomail</t>
  </si>
  <si>
    <t>Muza Jabbomail p/o Rajajang kasur</t>
  </si>
  <si>
    <t>Shazia Malik</t>
  </si>
  <si>
    <t>GGES JACHA MOMDOT</t>
  </si>
  <si>
    <t>KALLAR SYEDAN - FEMALE</t>
  </si>
  <si>
    <t>gges jocha mamdot _teh:kallar saydan _Dist:RWP</t>
  </si>
  <si>
    <t>Kallar syedan</t>
  </si>
  <si>
    <t>Sabila Altaf</t>
  </si>
  <si>
    <t>GGES JADA CHANDIA</t>
  </si>
  <si>
    <t>Jada chandia</t>
  </si>
  <si>
    <t>GGES Jada chandia post office basira</t>
  </si>
  <si>
    <t>New Shah Wala</t>
  </si>
  <si>
    <t>Azra Yasmeen</t>
  </si>
  <si>
    <t>GGES JADAY WALA</t>
  </si>
  <si>
    <t>jaday wala manzoor abad mehmood kot</t>
  </si>
  <si>
    <t>Khalida Bashir</t>
  </si>
  <si>
    <t>GGES JAGGAL</t>
  </si>
  <si>
    <t>Jaggal</t>
  </si>
  <si>
    <t>village jagal p.o dilawarpur</t>
  </si>
  <si>
    <t>Sidra Yousaf</t>
  </si>
  <si>
    <t>GGES JAGGAT PUR</t>
  </si>
  <si>
    <t>Punjgrin</t>
  </si>
  <si>
    <t>khoji sial Ian near us office jagat pur</t>
  </si>
  <si>
    <t>Jagat Pur</t>
  </si>
  <si>
    <t>Sajida Rehman</t>
  </si>
  <si>
    <t>GGES JAGO WALA NOW</t>
  </si>
  <si>
    <t>Jagowala New</t>
  </si>
  <si>
    <t>GGES Jagowala New, Tehsil N.V, District Gujranwala</t>
  </si>
  <si>
    <t>Phamma Saraye</t>
  </si>
  <si>
    <t>Hafza Sidra Abbas</t>
  </si>
  <si>
    <t>GGES JAGTTA</t>
  </si>
  <si>
    <t>JAGTA</t>
  </si>
  <si>
    <t>GOVT.GIRLS.ELEMENTARY SCHOOL JAGTA</t>
  </si>
  <si>
    <t>UZMA AZIZ</t>
  </si>
  <si>
    <t>GGES JAHAN KHAN</t>
  </si>
  <si>
    <t>Basti jahan khan p/0 ss din DGKhan</t>
  </si>
  <si>
    <t>Jahan Khan</t>
  </si>
  <si>
    <t>Riffat Amin</t>
  </si>
  <si>
    <t>GGES JAHAN PUR</t>
  </si>
  <si>
    <t>Dakh khana khas basti jahan pur</t>
  </si>
  <si>
    <t>Bushra Irshad</t>
  </si>
  <si>
    <t>GGES JAHAN PUR MAKHDOOM PUR, KABIRWALA</t>
  </si>
  <si>
    <t>Kothi Ajml Khan</t>
  </si>
  <si>
    <t>Gulnaz Fahmeed</t>
  </si>
  <si>
    <t>GGES JAHNGIR ABAD</t>
  </si>
  <si>
    <t>GGES JAHANGIRABAD. DEPALPUR. OKARA</t>
  </si>
  <si>
    <t>faridpur suhag</t>
  </si>
  <si>
    <t>Mehwish Fareed Zafar</t>
  </si>
  <si>
    <t>GGES JAID CHAK NO. 16</t>
  </si>
  <si>
    <t>J Chalk</t>
  </si>
  <si>
    <t>jaid chalk #16 tehsil safdrabad zila sheikhupura</t>
  </si>
  <si>
    <t>Jaid Chalk#16</t>
  </si>
  <si>
    <t>Deorhi</t>
  </si>
  <si>
    <t>Kalsoom Zaibi</t>
  </si>
  <si>
    <t>hand pump,filter water</t>
  </si>
  <si>
    <t>GGES JAIDKEY</t>
  </si>
  <si>
    <t>MANGAT UNCHA - FEMALE</t>
  </si>
  <si>
    <t>jaidke</t>
  </si>
  <si>
    <t>dhunni</t>
  </si>
  <si>
    <t>umekalsoom</t>
  </si>
  <si>
    <t>GGES JAITH PUR</t>
  </si>
  <si>
    <t>JAITHPUR</t>
  </si>
  <si>
    <t>JAITHPUR P/O HUJRA SHAH MUQEEM TEHSIL DEPALPUR DISTRICT OKARA</t>
  </si>
  <si>
    <t>JAITPUR</t>
  </si>
  <si>
    <t>Zarina Bi Bi</t>
  </si>
  <si>
    <t>GGES JAJIAL</t>
  </si>
  <si>
    <t>GGES Jajial</t>
  </si>
  <si>
    <t>Andleeb Afzal</t>
  </si>
  <si>
    <t>GGES JAJJA KALAN</t>
  </si>
  <si>
    <t>Jajja Kalan</t>
  </si>
  <si>
    <t>jajka kalan,pattoki,kasur</t>
  </si>
  <si>
    <t>Sry Nosjhehra</t>
  </si>
  <si>
    <t>GGES JAJJAL</t>
  </si>
  <si>
    <t>jajjal</t>
  </si>
  <si>
    <t>Shaista Saleem</t>
  </si>
  <si>
    <t>GGES JAKKAR</t>
  </si>
  <si>
    <t>JAKKAR</t>
  </si>
  <si>
    <t>VPO JAKKAR TEHSIL &amp; DISTRICT JHELUM</t>
  </si>
  <si>
    <t>CHAK JAMAL</t>
  </si>
  <si>
    <t>Shaheena Kousar</t>
  </si>
  <si>
    <t>GGES JALADI WAHIN KEHROR PACCA</t>
  </si>
  <si>
    <t>HASIL WALA - FEMALE</t>
  </si>
  <si>
    <t>Jhanbi wahin</t>
  </si>
  <si>
    <t>basti jaladi wahin</t>
  </si>
  <si>
    <t>Jaldi Wahin</t>
  </si>
  <si>
    <t>Sha Pur Phl</t>
  </si>
  <si>
    <t>Shahana Lal</t>
  </si>
  <si>
    <t>GGES JALAL ABAD MUZAFFAR ABAD</t>
  </si>
  <si>
    <t>MUZAFFAR ABAD - FEMALE</t>
  </si>
  <si>
    <t>jalalabad muzaffarabad multan</t>
  </si>
  <si>
    <t>Jakhar Pur</t>
  </si>
  <si>
    <t>TANZEELA SABIR</t>
  </si>
  <si>
    <t>GGES JALAL JAMMOON POST OFFICE MARI HAZARA</t>
  </si>
  <si>
    <t>Jalal Jammu</t>
  </si>
  <si>
    <t>gges jlal jammu post office mari hazara tehsil arifwala distrct pakpattn</t>
  </si>
  <si>
    <t>Sumaira Ahmad</t>
  </si>
  <si>
    <t>GGES JALAL PUR</t>
  </si>
  <si>
    <t>Shakargarh North</t>
  </si>
  <si>
    <t>moza jalalpur post office tarkhana mureeda tehsil shakarghar</t>
  </si>
  <si>
    <t>Jalalpur</t>
  </si>
  <si>
    <t>Anees Fatima</t>
  </si>
  <si>
    <t>GGES JALAL PUR JADEED</t>
  </si>
  <si>
    <t>Jalalpurjadeed</t>
  </si>
  <si>
    <t>jahanabad</t>
  </si>
  <si>
    <t>saba mujeeb</t>
  </si>
  <si>
    <t>GGES JALAL PURA</t>
  </si>
  <si>
    <t>Jalalpura Lahore</t>
  </si>
  <si>
    <t>Jalalpura raiwind lahore</t>
  </si>
  <si>
    <t>Jhodho Dheer</t>
  </si>
  <si>
    <t>Rashida Noshab</t>
  </si>
  <si>
    <t>GGES JALALABAD</t>
  </si>
  <si>
    <t>jalalabad shumali multan</t>
  </si>
  <si>
    <t>GGES JALALIA</t>
  </si>
  <si>
    <t>Jalalia</t>
  </si>
  <si>
    <t>Village Jalalia tehsil Hazro distt Attock</t>
  </si>
  <si>
    <t>SHAKEELA ANDLEEB</t>
  </si>
  <si>
    <t>GGES JALALPUR BHATTIAN (ALAM PURA)</t>
  </si>
  <si>
    <t>Alampura</t>
  </si>
  <si>
    <t>muhallah alampura jalapur bhattian</t>
  </si>
  <si>
    <t>GGES JALL SHUMALI</t>
  </si>
  <si>
    <t>jall shumali tehsil piplan district mianwali</t>
  </si>
  <si>
    <t>GGES JALLAH MUKHDOM</t>
  </si>
  <si>
    <t>Jallah mukhdoom</t>
  </si>
  <si>
    <t>Jallah Mukhdoom</t>
  </si>
  <si>
    <t>Anees Rani</t>
  </si>
  <si>
    <t>GGES JALLAH PHORE, ABDUL HAKIM</t>
  </si>
  <si>
    <t>Jllah Pahore</t>
  </si>
  <si>
    <t>G G E.S  jallah pahoor  Abdul Hakeem Tehsil  kabiir walla disst  khanewal</t>
  </si>
  <si>
    <t>Jallah Pahore</t>
  </si>
  <si>
    <t>Shahfadat Kandlla</t>
  </si>
  <si>
    <t>GGES JALLAY WALA</t>
  </si>
  <si>
    <t>Jallay Wala</t>
  </si>
  <si>
    <t>Jallay wala the.Lalian</t>
  </si>
  <si>
    <t>Jallay Waka</t>
  </si>
  <si>
    <t>GGES JALPANA</t>
  </si>
  <si>
    <t>govt girls e/s jalpana</t>
  </si>
  <si>
    <t>Mrs Sajida Parveen</t>
  </si>
  <si>
    <t>GGES JALWAL</t>
  </si>
  <si>
    <t>vpo jalwal teh jand distt attock</t>
  </si>
  <si>
    <t>Nafeesa Naz</t>
  </si>
  <si>
    <t>GGES JALYARI BHI KHAN</t>
  </si>
  <si>
    <t>Jalyari Bhi Khan</t>
  </si>
  <si>
    <t>Dhoke Ganjian Post Office Mandra Tehsil Gujar Khan district Rawalpindi</t>
  </si>
  <si>
    <t>IBTASAM MALIK</t>
  </si>
  <si>
    <t>GGES JAM AZEEM NAHAYA</t>
  </si>
  <si>
    <t>Ghafoor Abad</t>
  </si>
  <si>
    <t>Moza ghafoor Abad uc Noor wala</t>
  </si>
  <si>
    <t>Jam Azeem  Nehaya</t>
  </si>
  <si>
    <t>Sobia Siddiqui</t>
  </si>
  <si>
    <t>GGES JAM GHULAM ABBAS</t>
  </si>
  <si>
    <t>g.g e/s jam ghulam abbas</t>
  </si>
  <si>
    <t>Fakhira Naeem</t>
  </si>
  <si>
    <t>GGES JAM KHADIM HUSSAIN</t>
  </si>
  <si>
    <t>basti mallah moza malik pur  markaz  tmp tehsil lqp</t>
  </si>
  <si>
    <t>Jan Pur</t>
  </si>
  <si>
    <t>GGES JAMAL KAY TRAGGER, NAWAN SHEHR</t>
  </si>
  <si>
    <t>Jamalkay</t>
  </si>
  <si>
    <t>G G m/s jamalkay</t>
  </si>
  <si>
    <t>Safia Unbreen</t>
  </si>
  <si>
    <t>GGES JAMAL PUR SYEDAN</t>
  </si>
  <si>
    <t>GGES Jamal pur Syedan Teh Dist Gujrat</t>
  </si>
  <si>
    <t>Moin Ud Din Pur</t>
  </si>
  <si>
    <t>Farhat Shakra</t>
  </si>
  <si>
    <t>GGES JAMIA MADNIA</t>
  </si>
  <si>
    <t>Allama Iqbal road okara</t>
  </si>
  <si>
    <t>Sheikh Basti Okara</t>
  </si>
  <si>
    <t>Okara City  6</t>
  </si>
  <si>
    <t>FARHAT SHAHEEN</t>
  </si>
  <si>
    <t>GGES JAMIAT PUR</t>
  </si>
  <si>
    <t>Jamiat Pur</t>
  </si>
  <si>
    <t>jamiat pur p.o ahmed pur teh.sahiwal dist.sargodha</t>
  </si>
  <si>
    <t>Nighat Nasreen</t>
  </si>
  <si>
    <t>GGES JAMO BOLA</t>
  </si>
  <si>
    <t>jamo bola</t>
  </si>
  <si>
    <t>vill jamobola teh &amp; dist gujrat</t>
  </si>
  <si>
    <t>jamobola</t>
  </si>
  <si>
    <t>ghakhra</t>
  </si>
  <si>
    <t>Rafia Ejaz</t>
  </si>
  <si>
    <t>GGES JAMPUR NO. 4</t>
  </si>
  <si>
    <t>Govt Girls Elementary School No 4</t>
  </si>
  <si>
    <t>TATAR WAlA</t>
  </si>
  <si>
    <t>JAMPUR GARBI</t>
  </si>
  <si>
    <t>Mrs Naseera Begum</t>
  </si>
  <si>
    <t>GGES JAMSHER CHAK NO 24</t>
  </si>
  <si>
    <t>Jamsher Chak 24</t>
  </si>
  <si>
    <t>g g e s jamsher chak 24</t>
  </si>
  <si>
    <t>Awan Chak 39</t>
  </si>
  <si>
    <t>GGES JAND MEHLU</t>
  </si>
  <si>
    <t>Jand mehlu</t>
  </si>
  <si>
    <t>village n post office jand mehlu, tehsil Gujar Khan, district Rawalpindi</t>
  </si>
  <si>
    <t>Nazima Shaheen</t>
  </si>
  <si>
    <t>GGES JAND SHARIF</t>
  </si>
  <si>
    <t>Jandsharif</t>
  </si>
  <si>
    <t>village jandsharif po gulyana TEHSIL KHARIAN  district gujrat</t>
  </si>
  <si>
    <t>Gulyana</t>
  </si>
  <si>
    <t>Najma khalil</t>
  </si>
  <si>
    <t>GGES JANDALA RAIKA</t>
  </si>
  <si>
    <t>Jandala Raika</t>
  </si>
  <si>
    <t>Mulhal Muglan</t>
  </si>
  <si>
    <t>GGES JANDOO</t>
  </si>
  <si>
    <t>Haitoo</t>
  </si>
  <si>
    <t>p/o Saeed wala, jandoo</t>
  </si>
  <si>
    <t>Jandoo</t>
  </si>
  <si>
    <t>Sabin Haider</t>
  </si>
  <si>
    <t>GGES JANDYALA</t>
  </si>
  <si>
    <t>village jandyala</t>
  </si>
  <si>
    <t>Jandyala</t>
  </si>
  <si>
    <t>Aysha Amin</t>
  </si>
  <si>
    <t>GGES JANGLA</t>
  </si>
  <si>
    <t>JANGLA</t>
  </si>
  <si>
    <t>Govt Girls Elementry School Jangla Teh Pindi Gheb Attock</t>
  </si>
  <si>
    <t>GHAREEB WALL</t>
  </si>
  <si>
    <t>Naghmana Bibi</t>
  </si>
  <si>
    <t>GGES JANGO RARYALA</t>
  </si>
  <si>
    <t>Jango</t>
  </si>
  <si>
    <t>P/O kot basira village jango tehsil and dist jhelum</t>
  </si>
  <si>
    <t>Raryala Jango</t>
  </si>
  <si>
    <t>Sumaira Rafiq</t>
  </si>
  <si>
    <t>GGES JANJATTAY</t>
  </si>
  <si>
    <t>Janjatey</t>
  </si>
  <si>
    <t>village janjatey adda plot raiwind road Lahore</t>
  </si>
  <si>
    <t>Jiabgga</t>
  </si>
  <si>
    <t>SAMIA KHURAM</t>
  </si>
  <si>
    <t>GGES JANJVANI GHARBI</t>
  </si>
  <si>
    <t>Kutki Beruni</t>
  </si>
  <si>
    <t>janjwani gharbi.   po. kotki. beruni Isakhel. Mianwali</t>
  </si>
  <si>
    <t>Janjvani Gharbi</t>
  </si>
  <si>
    <t>Fatima Jabeen</t>
  </si>
  <si>
    <t>GGES JANNU MUSTAQIL</t>
  </si>
  <si>
    <t>jannu</t>
  </si>
  <si>
    <t>Jannu Mustaqil</t>
  </si>
  <si>
    <t>GGES JANOO WALA</t>
  </si>
  <si>
    <t>Janoo Wala</t>
  </si>
  <si>
    <t>gghs janoo wala</t>
  </si>
  <si>
    <t>Manzoor Bibi</t>
  </si>
  <si>
    <t>GGES JASIK</t>
  </si>
  <si>
    <t>Jasik</t>
  </si>
  <si>
    <t>government girls elementary school jasik,vpo chround, Mandi bahauddin.</t>
  </si>
  <si>
    <t>GGES JASSIAN</t>
  </si>
  <si>
    <t>Jassian</t>
  </si>
  <si>
    <t>Govt Girls Elementary school  Jassian</t>
  </si>
  <si>
    <t>Sheenbagh</t>
  </si>
  <si>
    <t>Samina Baby</t>
  </si>
  <si>
    <t>GGES JASSO KANWAIN, SARAI SIDHU</t>
  </si>
  <si>
    <t>JASSO KANWAIN</t>
  </si>
  <si>
    <t>GGES JASSO KANWAIN</t>
  </si>
  <si>
    <t>GGES JASSO KEY DHON</t>
  </si>
  <si>
    <t>Jasso Kay Dhon</t>
  </si>
  <si>
    <t>Jasso Kay Dhoon</t>
  </si>
  <si>
    <t>GGES Jaso Kaydhon</t>
  </si>
  <si>
    <t>Pandat Manfolpurpur</t>
  </si>
  <si>
    <t>GGES JASSORAN</t>
  </si>
  <si>
    <t>jassoran</t>
  </si>
  <si>
    <t>Mussarat un Nisa</t>
  </si>
  <si>
    <t>GGES JASWAL</t>
  </si>
  <si>
    <t>Government Girls Elementary School Jaswal</t>
  </si>
  <si>
    <t>Maryam  Khan</t>
  </si>
  <si>
    <t>GGES JASWANT NAGAR, MALKA ABAD, KHANEWAL</t>
  </si>
  <si>
    <t>Kot Ala singh</t>
  </si>
  <si>
    <t>G G Elementary School Jaswant Nagar Malikabad kwl</t>
  </si>
  <si>
    <t>City kwl</t>
  </si>
  <si>
    <t>GGES JATOI WALA</t>
  </si>
  <si>
    <t>Darhama</t>
  </si>
  <si>
    <t>jatoi wala, markaz (haji ghazi) dg khan</t>
  </si>
  <si>
    <t>Jatoi wala</t>
  </si>
  <si>
    <t>Farhat Yasmin</t>
  </si>
  <si>
    <t>GGES JATRIA KALAN</t>
  </si>
  <si>
    <t>Jatrian Kalan</t>
  </si>
  <si>
    <t>gges jatrian kalan daak khan</t>
  </si>
  <si>
    <t>Jatria Kalan</t>
  </si>
  <si>
    <t>Ganja</t>
  </si>
  <si>
    <t>GGES JEETO GALA</t>
  </si>
  <si>
    <t>Jeeto Gala</t>
  </si>
  <si>
    <t>jeeto gala narang</t>
  </si>
  <si>
    <t>Memoona Iftikhar</t>
  </si>
  <si>
    <t>GGES JEHANGIR PARK LAHORE CANTT</t>
  </si>
  <si>
    <t>liaqut town</t>
  </si>
  <si>
    <t>chungi Amer sidhu liaqut town</t>
  </si>
  <si>
    <t>chungi amer sidhu</t>
  </si>
  <si>
    <t>Baba farid colony</t>
  </si>
  <si>
    <t>ishrat naheed</t>
  </si>
  <si>
    <t>GGES JEVAN PURA KALAN</t>
  </si>
  <si>
    <t>Jevan Pura Kalan</t>
  </si>
  <si>
    <t>sheikhupura</t>
  </si>
  <si>
    <t>Kudlati</t>
  </si>
  <si>
    <t>Shahzadi Kouser</t>
  </si>
  <si>
    <t>GGES JEWAN GORYIA</t>
  </si>
  <si>
    <t>Jewan goraya teh muridky distt skp</t>
  </si>
  <si>
    <t>Jewan Goraya</t>
  </si>
  <si>
    <t>Gharyal</t>
  </si>
  <si>
    <t>Shumaila Kaouser</t>
  </si>
  <si>
    <t>GGES JHAM WALA</t>
  </si>
  <si>
    <t>AHMAD NAGER 3 - FEMALE</t>
  </si>
  <si>
    <t>Jham Wala</t>
  </si>
  <si>
    <t>jham wala p.o same tehsil wazirabad distt grw</t>
  </si>
  <si>
    <t>Taslim Insaf</t>
  </si>
  <si>
    <t>GGES JHAMAT SHUMALI</t>
  </si>
  <si>
    <t>jhamat shumali</t>
  </si>
  <si>
    <t>Zahida Bashir</t>
  </si>
  <si>
    <t>GGES JHAMAT WALA</t>
  </si>
  <si>
    <t>DULLEY WALA - FEMALE</t>
  </si>
  <si>
    <t>Mohala Jhamtan wala duly wala</t>
  </si>
  <si>
    <t>Dulywala</t>
  </si>
  <si>
    <t>MC Dully Wala</t>
  </si>
  <si>
    <t>Samia Yasmeen</t>
  </si>
  <si>
    <t>GGES JHANDEER ABAD</t>
  </si>
  <si>
    <t>basti jhandeer abad mouza allurid tehsil kot addu</t>
  </si>
  <si>
    <t>Jhandir Abad</t>
  </si>
  <si>
    <t>GGES JHANG</t>
  </si>
  <si>
    <t>vill. jhang  p/o. mukhwal teh. zafarwal dist Narowal</t>
  </si>
  <si>
    <t>Nagwal</t>
  </si>
  <si>
    <t>nazia shabbir</t>
  </si>
  <si>
    <t>GGES JHANG ABDULLAH SHAH</t>
  </si>
  <si>
    <t>jhang abdullah shah</t>
  </si>
  <si>
    <t>jhang abdullah shah mandi ahmad abad depalpur</t>
  </si>
  <si>
    <t>bhela gulab singh</t>
  </si>
  <si>
    <t>Saira Rao</t>
  </si>
  <si>
    <t>GGES JHANGAR</t>
  </si>
  <si>
    <t>Jhangar Be or Kahuta RWP</t>
  </si>
  <si>
    <t>Jhangar</t>
  </si>
  <si>
    <t>Beenish Maskin</t>
  </si>
  <si>
    <t>GGES JHARIYAN WALA MUZA MADINA MULTAN</t>
  </si>
  <si>
    <t>GGES Jhariyan wala Multan</t>
  </si>
  <si>
    <t>GGES JHARKI</t>
  </si>
  <si>
    <t>Jharaki</t>
  </si>
  <si>
    <t>vill and p/o jharaki</t>
  </si>
  <si>
    <t>Jhrakai</t>
  </si>
  <si>
    <t>Hinza Amjad</t>
  </si>
  <si>
    <t>GGES JHARKIL</t>
  </si>
  <si>
    <t>jharkil tehsil noorpur thal</t>
  </si>
  <si>
    <t>Sadia Islam</t>
  </si>
  <si>
    <t>GGES JHATOKAY</t>
  </si>
  <si>
    <t>Jhatokey</t>
  </si>
  <si>
    <t>Govt.girls elementary school jhtokey</t>
  </si>
  <si>
    <t>Dhulam Khalwan</t>
  </si>
  <si>
    <t>Shakila Parveen</t>
  </si>
  <si>
    <t>GGES JHENDA NAU</t>
  </si>
  <si>
    <t>Jheena Nau</t>
  </si>
  <si>
    <t>jheenda nau chak no 523</t>
  </si>
  <si>
    <t>Jheenda Nau</t>
  </si>
  <si>
    <t>Makki460</t>
  </si>
  <si>
    <t>Zakia Begum</t>
  </si>
  <si>
    <t>GGES JHOK GHANDO WALI</t>
  </si>
  <si>
    <t>Mandi Faizabad</t>
  </si>
  <si>
    <t>Govt Girls E/s Jhok ghando wali</t>
  </si>
  <si>
    <t>Jhok Ghando Wali</t>
  </si>
  <si>
    <t>Buchuki Par</t>
  </si>
  <si>
    <t>Safia Yousaf</t>
  </si>
  <si>
    <t>GGES JHOK GHULAB SHAH</t>
  </si>
  <si>
    <t>Jhoke ghulab shah</t>
  </si>
  <si>
    <t>Basti Jhoke ghulab shah</t>
  </si>
  <si>
    <t>Jhoke Ghulab Shah</t>
  </si>
  <si>
    <t>Kishwar Nadia</t>
  </si>
  <si>
    <t>GGES JHOK WAHIN BANGLA ANHAAR KEHROR PACCA</t>
  </si>
  <si>
    <t>GGE/S JHOKE WAHIN BANGLA ANHAAR KAHROR PACCA</t>
  </si>
  <si>
    <t>Bangla Anhaar</t>
  </si>
  <si>
    <t>Gulnaz Akhtar</t>
  </si>
  <si>
    <t>GGES JHOKE DAYA</t>
  </si>
  <si>
    <t>Jhoke Daya</t>
  </si>
  <si>
    <t>jhoke daya dak khana khas Tehsil jhang</t>
  </si>
  <si>
    <t>Baneeta Zahra</t>
  </si>
  <si>
    <t>GGES JHOKE QALANDAR BUKHSH</t>
  </si>
  <si>
    <t>PUNJ GIRAIN-FEMALE</t>
  </si>
  <si>
    <t>R/o p/ o jhoke qalandar Bakhsh</t>
  </si>
  <si>
    <t>Jhoke Qalandar Bakhsh</t>
  </si>
  <si>
    <t>GGES JHOKE SHAIRA</t>
  </si>
  <si>
    <t>Sahlan</t>
  </si>
  <si>
    <t>Gges Basti Jhoke shaira tehsil and distt Bahawalpur</t>
  </si>
  <si>
    <t>Basti Jhoke Shaira</t>
  </si>
  <si>
    <t>Shehnaz Anjum</t>
  </si>
  <si>
    <t>GGES JHORAN</t>
  </si>
  <si>
    <t>Jhuran</t>
  </si>
  <si>
    <t>p/o fateh pur kamal</t>
  </si>
  <si>
    <t>Basti Thakal Arain</t>
  </si>
  <si>
    <t>Misbah sarfraz</t>
  </si>
  <si>
    <t>GGES JHUGIAN BAJA SINGH</t>
  </si>
  <si>
    <t>Ali HUSSAINABAD</t>
  </si>
  <si>
    <t>Ali Hussainabad Maraka Multan Road Lahore</t>
  </si>
  <si>
    <t>Nagina Munir Butt</t>
  </si>
  <si>
    <t>GGES JHUJ KALAN</t>
  </si>
  <si>
    <t>jhuj kalal</t>
  </si>
  <si>
    <t>jhuj kalan</t>
  </si>
  <si>
    <t>jhujh kalan</t>
  </si>
  <si>
    <t>rahat shoukat</t>
  </si>
  <si>
    <t>GGES JHUJH KHURD</t>
  </si>
  <si>
    <t>Jhujh Khurd</t>
  </si>
  <si>
    <t>jhujh khurd</t>
  </si>
  <si>
    <t>Jhujh Kalan</t>
  </si>
  <si>
    <t>saba tariq khan</t>
  </si>
  <si>
    <t>GGES JIND-WANGA</t>
  </si>
  <si>
    <t>MITHWAN-FEMALE</t>
  </si>
  <si>
    <t>JANDWANGA</t>
  </si>
  <si>
    <t>JAND WANGA</t>
  </si>
  <si>
    <t>Samreen Qadir</t>
  </si>
  <si>
    <t>GGES JINNAH COLONY, ABDUL HAKIM</t>
  </si>
  <si>
    <t>GGMS jinnah colony abdulhakim.</t>
  </si>
  <si>
    <t>Naveeda Yasmeen</t>
  </si>
  <si>
    <t>GGES JINNAH ISLAMIA MOHNI ROAD</t>
  </si>
  <si>
    <t>BILAL GANJ</t>
  </si>
  <si>
    <t>mohni road lahore</t>
  </si>
  <si>
    <t>Peer Maki</t>
  </si>
  <si>
    <t>Farah Rafique</t>
  </si>
  <si>
    <t>GGES JINNAH ISLAMIA SANAT NAGAR</t>
  </si>
  <si>
    <t>Sant Nagar</t>
  </si>
  <si>
    <t>Ganga street house no 58 sant nagar lahore</t>
  </si>
  <si>
    <t>Safia Tabassum</t>
  </si>
  <si>
    <t>GGES JOGIAN WALA</t>
  </si>
  <si>
    <t>basti lakhi wali moh.bhabhrana jhang</t>
  </si>
  <si>
    <t>Basti Lakhi Wali</t>
  </si>
  <si>
    <t>WARD NO</t>
  </si>
  <si>
    <t>Ghazala Nasreen</t>
  </si>
  <si>
    <t>GGES JOIAN</t>
  </si>
  <si>
    <t>RASOOL PUR - FEMALE</t>
  </si>
  <si>
    <t>Joian</t>
  </si>
  <si>
    <t>vill Joian P O Umran Wali Teh Sialkot  Distt Sialkot</t>
  </si>
  <si>
    <t>GGES JOOTA KASSI NO.2, NAWAN SHEHR</t>
  </si>
  <si>
    <t>Joota Kassi</t>
  </si>
  <si>
    <t>Joota kassi</t>
  </si>
  <si>
    <t>Fouzia Rubina</t>
  </si>
  <si>
    <t>GGES JORA HITHAR</t>
  </si>
  <si>
    <t>joura</t>
  </si>
  <si>
    <t>Gohar Hittar</t>
  </si>
  <si>
    <t>Ruby Tahira</t>
  </si>
  <si>
    <t>GGES JOURIAN KALAN</t>
  </si>
  <si>
    <t>Jourian kalan</t>
  </si>
  <si>
    <t>GGES Jourian kalan</t>
  </si>
  <si>
    <t>GGES JOURIAN KHURD</t>
  </si>
  <si>
    <t>Jourian Khurd</t>
  </si>
  <si>
    <t>p/o Jourian kalan vill.Jourian Kurd teh&amp;dist  sialkot</t>
  </si>
  <si>
    <t>Jourian Kalan</t>
  </si>
  <si>
    <t>Asma Rafiq</t>
  </si>
  <si>
    <t>GGES JOYA OTTAR</t>
  </si>
  <si>
    <t>Joiya Ottar</t>
  </si>
  <si>
    <t>joiya ottar</t>
  </si>
  <si>
    <t>Olakh</t>
  </si>
  <si>
    <t>GGES JOYIA</t>
  </si>
  <si>
    <t>Joyia</t>
  </si>
  <si>
    <t>G.G.E/S Joyia markaz joyia</t>
  </si>
  <si>
    <t>GGES JOYIAN WALA</t>
  </si>
  <si>
    <t>Joyanwala</t>
  </si>
  <si>
    <t>village joyanwala tehsil muridke district sheikhupura</t>
  </si>
  <si>
    <t>Saba Sarwar</t>
  </si>
  <si>
    <t>GGES JR.MODEL 1ST SHIFT AWAN TOWN</t>
  </si>
  <si>
    <t>Awan Town</t>
  </si>
  <si>
    <t>madina colony kharak</t>
  </si>
  <si>
    <t>Non</t>
  </si>
  <si>
    <t>GGES JULKAY</t>
  </si>
  <si>
    <t>Jhulkay</t>
  </si>
  <si>
    <t>jhulkay post office kahna nau.lahore</t>
  </si>
  <si>
    <t>Saraich</t>
  </si>
  <si>
    <t>Syeda Musharraf Un Nisa</t>
  </si>
  <si>
    <t>GGES JUMMAT MUGHAL</t>
  </si>
  <si>
    <t>jhammat Mughal</t>
  </si>
  <si>
    <t>MUNEEBA MUNIR</t>
  </si>
  <si>
    <t>GGES JUMRA CITY II</t>
  </si>
  <si>
    <t>CHAK JHUMRA</t>
  </si>
  <si>
    <t>GGES #2 MUHALLA MUHAMMAD PURA JHUMRA</t>
  </si>
  <si>
    <t>MUHAMMAD PURA</t>
  </si>
  <si>
    <t>JHUMRA</t>
  </si>
  <si>
    <t>GGES JUNIOR MODEL</t>
  </si>
  <si>
    <t>MIANWALI URBAN-FEMALE</t>
  </si>
  <si>
    <t>Junior model school near hockey stadium mianwali city</t>
  </si>
  <si>
    <t>Yaro  Khel</t>
  </si>
  <si>
    <t>GGES JUNIOR MODEL AWAN TOWN 2nd SHIFT LAHORE</t>
  </si>
  <si>
    <t>Niaz Baig</t>
  </si>
  <si>
    <t>Govt.Girls Junior Model Middle School 2nd shift Awan Town Lahore.</t>
  </si>
  <si>
    <t>Zakia Ameer</t>
  </si>
  <si>
    <t>GGES JUNIOR MODEL DINA</t>
  </si>
  <si>
    <t>Dina</t>
  </si>
  <si>
    <t>Old  habib bank  street  Dina</t>
  </si>
  <si>
    <t>Old  HBL Street  Dina</t>
  </si>
  <si>
    <t>Dina1</t>
  </si>
  <si>
    <t>Fakhar Un Nisa</t>
  </si>
  <si>
    <t>GGES JUNIOR MODEL GOWALMANDI</t>
  </si>
  <si>
    <t>Gowal Mandi</t>
  </si>
  <si>
    <t>Govt. Islamia junior model school gowalmandi street 24 raja ram street</t>
  </si>
  <si>
    <t>GGES JUNIOR MODEL GULFISHAN COLONY</t>
  </si>
  <si>
    <t>Gulfishancolony</t>
  </si>
  <si>
    <t>GGES junior model gulfishan colony</t>
  </si>
  <si>
    <t>Shazia Gulnaz</t>
  </si>
  <si>
    <t>GGES JUNIOR MODEL PUNJAB MEDICAL COLLEGE</t>
  </si>
  <si>
    <t>PMC</t>
  </si>
  <si>
    <t>GGES PMC COLONY FAISALABAD</t>
  </si>
  <si>
    <t>BOLY DI JUGHI</t>
  </si>
  <si>
    <t>IBRAT SHAMIM</t>
  </si>
  <si>
    <t>GGES JUNIOR MODEL SHORKOT CITY</t>
  </si>
  <si>
    <t>Shor Kot</t>
  </si>
  <si>
    <t>GGES junior model shor kot city</t>
  </si>
  <si>
    <t>Aisha Ameer</t>
  </si>
  <si>
    <t>GGES JUNIOR MUSLIM MODEL NO.1 URDU BAZAR</t>
  </si>
  <si>
    <t>new anarkali</t>
  </si>
  <si>
    <t>40  urdu bazar lahore</t>
  </si>
  <si>
    <t>Mrs Shazia Riasat</t>
  </si>
  <si>
    <t>GGES K.M. ANDROON LOHARI GATE LAHORE</t>
  </si>
  <si>
    <t>Govt K.M girls middle school inside lohari gate lahore</t>
  </si>
  <si>
    <t>Lohari Gate</t>
  </si>
  <si>
    <t>Ghazala Rasheed</t>
  </si>
  <si>
    <t>GGES KABIR PUR</t>
  </si>
  <si>
    <t>Kabir Pur</t>
  </si>
  <si>
    <t>GGES KABIRPURBASTI SHAH PUR</t>
  </si>
  <si>
    <t>GGES KABLI</t>
  </si>
  <si>
    <t>Kabli</t>
  </si>
  <si>
    <t>Moza Kabli, near Thana Massan, Jhang</t>
  </si>
  <si>
    <t>Shahneela Akhtar</t>
  </si>
  <si>
    <t>GGES KACHA</t>
  </si>
  <si>
    <t>kachha</t>
  </si>
  <si>
    <t>gGES KACHHA VILLAGE LAHORE</t>
  </si>
  <si>
    <t>HALLOKI</t>
  </si>
  <si>
    <t>Qamarunisa</t>
  </si>
  <si>
    <t>GGES KACHA MIAN WALI</t>
  </si>
  <si>
    <t>BANGLA ICHHA - FEMALE</t>
  </si>
  <si>
    <t>Kacha Mianwali</t>
  </si>
  <si>
    <t>GGES Kacha mian wali tehsil rojhan district rajanpur</t>
  </si>
  <si>
    <t>Kacha Mianwali 2</t>
  </si>
  <si>
    <t>Zehra Maqsoom</t>
  </si>
  <si>
    <t>GGES KACHA PAKKA</t>
  </si>
  <si>
    <t>Kacha Pakka</t>
  </si>
  <si>
    <t>moza Kacha pakka shah yakka road depalpur</t>
  </si>
  <si>
    <t>Kacha pakka</t>
  </si>
  <si>
    <t>GGES KACHI ABADI RAILWAY COLONY</t>
  </si>
  <si>
    <t>Kachi Abadi Railway Colony Faisalabad</t>
  </si>
  <si>
    <t>Kachi Abadi</t>
  </si>
  <si>
    <t>GGES KACHI MUHAMMAD KHAN</t>
  </si>
  <si>
    <t>Kachi Muhammad Khan</t>
  </si>
  <si>
    <t>kachi Muhammad khan markaz tranda Muhammad panah tehsil lqp</t>
  </si>
  <si>
    <t>Sehrish Malik</t>
  </si>
  <si>
    <t>GGES KACHI WANGA</t>
  </si>
  <si>
    <t>Kachi Wanga</t>
  </si>
  <si>
    <t>Basti kachi wanga tahsil taunsa Dictrict D.G khan</t>
  </si>
  <si>
    <t>Mudsera Majeed</t>
  </si>
  <si>
    <t>GGES KAEESASY</t>
  </si>
  <si>
    <t>THATHA JAHAD AMEER WALA - FEMALE</t>
  </si>
  <si>
    <t>Kassesay</t>
  </si>
  <si>
    <t>GGES kassesay</t>
  </si>
  <si>
    <t>iffat ara</t>
  </si>
  <si>
    <t>GGES KAHANIAN WALA</t>
  </si>
  <si>
    <t>Kaniwala</t>
  </si>
  <si>
    <t>kaniawala deara sahian skp</t>
  </si>
  <si>
    <t>Kaniawala</t>
  </si>
  <si>
    <t>Syeda IIjaz Sakina</t>
  </si>
  <si>
    <t>GGES KAHNA KOHNA</t>
  </si>
  <si>
    <t>Khana Kohna</t>
  </si>
  <si>
    <t>khana kohna</t>
  </si>
  <si>
    <t>Kahna Kohna</t>
  </si>
  <si>
    <t>Asma Zia</t>
  </si>
  <si>
    <t>GGES KAHNA NAU NO.2</t>
  </si>
  <si>
    <t>Kahna Nau</t>
  </si>
  <si>
    <t>govt girls middle school kahna nau no.2 Lahore</t>
  </si>
  <si>
    <t>Kahna Nau Lahore</t>
  </si>
  <si>
    <t>GGES KAHOOT</t>
  </si>
  <si>
    <t>kahoot</t>
  </si>
  <si>
    <t>vpo kahoot tehsil Kaler Kaher district Chakwal</t>
  </si>
  <si>
    <t>Kahoot</t>
  </si>
  <si>
    <t>Aqeela Begum</t>
  </si>
  <si>
    <t>GGES KAHUTA</t>
  </si>
  <si>
    <t>channi bazar near zulaikha hospital kahuta</t>
  </si>
  <si>
    <t>MC 1</t>
  </si>
  <si>
    <t>Dr. Ruqia Bibi</t>
  </si>
  <si>
    <t>GGES KAILON KALAN</t>
  </si>
  <si>
    <t>Kelon Kalan</t>
  </si>
  <si>
    <t>kailon kalan</t>
  </si>
  <si>
    <t>Bahadar Pura</t>
  </si>
  <si>
    <t>Tafseer Fatima</t>
  </si>
  <si>
    <t>GGES KAIR WARA</t>
  </si>
  <si>
    <t>Kairwara</t>
  </si>
  <si>
    <t>G.G.E.kairwara</t>
  </si>
  <si>
    <t>Jodh Singh</t>
  </si>
  <si>
    <t>Sheraza Arbab Akhter</t>
  </si>
  <si>
    <t>GGES KAK CHOUDHARY</t>
  </si>
  <si>
    <t>Kak Choudhary</t>
  </si>
  <si>
    <t>GGE/ school kak choudhary</t>
  </si>
  <si>
    <t>GHAZALA ROOHI</t>
  </si>
  <si>
    <t>GGES KAKRAHI</t>
  </si>
  <si>
    <t>Kakrai</t>
  </si>
  <si>
    <t>Vill &amp; P.O.: Kakrai, Teh: Murree, Distt: Rwp</t>
  </si>
  <si>
    <t>Gehl</t>
  </si>
  <si>
    <t>Saima</t>
  </si>
  <si>
    <t>GGES KALA KHAMBRA</t>
  </si>
  <si>
    <t>Kala Khambra</t>
  </si>
  <si>
    <t>village kala khambra post office Gohadpur Sialkot.</t>
  </si>
  <si>
    <t>Balanwala</t>
  </si>
  <si>
    <t>GGES KALA KHATAI</t>
  </si>
  <si>
    <t>Kala Khatai</t>
  </si>
  <si>
    <t>village kala khatai p/o same tehsil mdk skp</t>
  </si>
  <si>
    <t>Shehwar Allah Rakha</t>
  </si>
  <si>
    <t>GGES KALA SHADIAN</t>
  </si>
  <si>
    <t>QADIRABAD - FEMALE</t>
  </si>
  <si>
    <t>Kalashadian</t>
  </si>
  <si>
    <t>vpo  Qadirabad</t>
  </si>
  <si>
    <t>Nasreen   Kausar</t>
  </si>
  <si>
    <t>GGES KALA SHAH KAKU GAON</t>
  </si>
  <si>
    <t>Kala Gaon</t>
  </si>
  <si>
    <t>kala gaon</t>
  </si>
  <si>
    <t>Shamkay</t>
  </si>
  <si>
    <t>Amtul Qadoos</t>
  </si>
  <si>
    <t>GGES KALAIR UNCHA</t>
  </si>
  <si>
    <t>Kalair Uncha</t>
  </si>
  <si>
    <t>post office Ali Pur chatha, kalair uncha, tehsil wazirabad, district Gujranwala</t>
  </si>
  <si>
    <t>Verpal Chatha</t>
  </si>
  <si>
    <t>Farida Yaqoob</t>
  </si>
  <si>
    <t>GGES KALAKAY NAGRA</t>
  </si>
  <si>
    <t>Adam ka nagra</t>
  </si>
  <si>
    <t>kaleka nagra</t>
  </si>
  <si>
    <t>Adam ka nagr</t>
  </si>
  <si>
    <t>Faryal Mazhar</t>
  </si>
  <si>
    <t>GGES KALAS GAMA</t>
  </si>
  <si>
    <t>MOKAL - FEMALE</t>
  </si>
  <si>
    <t>Kalas Gama</t>
  </si>
  <si>
    <t>kalas gama</t>
  </si>
  <si>
    <t>Nosheen Latif</t>
  </si>
  <si>
    <t>GGES KALASAN HAMEED</t>
  </si>
  <si>
    <t>Kalassen Hamid</t>
  </si>
  <si>
    <t>GGES Kalasan Hamid Distt, Okara</t>
  </si>
  <si>
    <t>Kalasan Hamid</t>
  </si>
  <si>
    <t>KALASAN HAMID</t>
  </si>
  <si>
    <t>Zaitoon Fatima</t>
  </si>
  <si>
    <t>GGES KALASSAN PARAMAL(Under NGO)</t>
  </si>
  <si>
    <t>Kalassan Paramal</t>
  </si>
  <si>
    <t>GGES Kalassan paramal</t>
  </si>
  <si>
    <t>Fouzia Kiran</t>
  </si>
  <si>
    <t>GGES KALAY OTTAR</t>
  </si>
  <si>
    <t>Kalay Ottar</t>
  </si>
  <si>
    <t>govt girls elementry school kalay ottar</t>
  </si>
  <si>
    <t>Kotli Rai Abu Bakar</t>
  </si>
  <si>
    <t>Shama</t>
  </si>
  <si>
    <t>GGES KALAY PATHAN</t>
  </si>
  <si>
    <t>Kalay Pathan</t>
  </si>
  <si>
    <t>Tubewe Iqbal khan moza kalay pathan, PO 19KB, ARIFWALA, PAKPATTAN</t>
  </si>
  <si>
    <t>Kaly Pathan</t>
  </si>
  <si>
    <t>Aziza Bashir</t>
  </si>
  <si>
    <t>GGES KALI DILI</t>
  </si>
  <si>
    <t>Kalidilli</t>
  </si>
  <si>
    <t>gges kalidilli teh jand district attock</t>
  </si>
  <si>
    <t>Afshan Ehsan</t>
  </si>
  <si>
    <t>GGES KALIAL</t>
  </si>
  <si>
    <t>GGES Kalyal Adyala Road</t>
  </si>
  <si>
    <t>NARGIS PARVEEN</t>
  </si>
  <si>
    <t>GGES KALKHANA</t>
  </si>
  <si>
    <t>Kalkhana</t>
  </si>
  <si>
    <t>kalkhana</t>
  </si>
  <si>
    <t>Attia Rehman</t>
  </si>
  <si>
    <t>GGES KALLAR SYEDAN</t>
  </si>
  <si>
    <t>Asifa Batool</t>
  </si>
  <si>
    <t>GGES KALLAR WALA</t>
  </si>
  <si>
    <t>Muhammad  Parhar  PARHAR</t>
  </si>
  <si>
    <t>basti kallarwala, moza Muhammad Parhar tehsil and district muzaffargar</t>
  </si>
  <si>
    <t>Kallarwala</t>
  </si>
  <si>
    <t>Nohin Wali</t>
  </si>
  <si>
    <t>Samina Bukhari</t>
  </si>
  <si>
    <t>GGES KALLAR WALI NO. 2</t>
  </si>
  <si>
    <t>gges kallar wali no .2  basti malka bad</t>
  </si>
  <si>
    <t>Malka Bad</t>
  </si>
  <si>
    <t>GGES KALLUR KOT CITY</t>
  </si>
  <si>
    <t>kallur kot</t>
  </si>
  <si>
    <t>Kallur Kot Urban</t>
  </si>
  <si>
    <t>GGES KALLUR KOT GHARBI</t>
  </si>
  <si>
    <t>Muhallah madni eid gah kallur kot</t>
  </si>
  <si>
    <t>Urban K Kot</t>
  </si>
  <si>
    <t>Seemab Yousaf</t>
  </si>
  <si>
    <t>GGES KALOWAL</t>
  </si>
  <si>
    <t>Kolowal village. tehsil Malakwal. Mandibahaudin</t>
  </si>
  <si>
    <t>Tayyaba Shaukat</t>
  </si>
  <si>
    <t>GGES KALSIAN</t>
  </si>
  <si>
    <t>GGES kalsian Bhattian</t>
  </si>
  <si>
    <t>Kalsian Bhattian</t>
  </si>
  <si>
    <t>Cheena</t>
  </si>
  <si>
    <t>Shazma Aslam</t>
  </si>
  <si>
    <t>GGES KALU CHAK</t>
  </si>
  <si>
    <t>Kalu Chak</t>
  </si>
  <si>
    <t>kalu chak post office bhand garan teh. kharian distt. gujrat</t>
  </si>
  <si>
    <t>GGES KALU WAL</t>
  </si>
  <si>
    <t>Kaluwal</t>
  </si>
  <si>
    <t>village kaluwal po Bharata teh Dina district Jhelum</t>
  </si>
  <si>
    <t>KALUWAL</t>
  </si>
  <si>
    <t>Naila Jabeen</t>
  </si>
  <si>
    <t>GGES KALWAL</t>
  </si>
  <si>
    <t>g g e/s kalwal tehsil kalur kot dist bhakkar</t>
  </si>
  <si>
    <t>GGES KALYAN PUR BALA</t>
  </si>
  <si>
    <t>village ,p/o miani,tehsil bhera</t>
  </si>
  <si>
    <t>Kalyanpur Bala</t>
  </si>
  <si>
    <t>GGES KALYAR</t>
  </si>
  <si>
    <t>Kalyar</t>
  </si>
  <si>
    <t>GGES kalyar Farooka</t>
  </si>
  <si>
    <t>Fareeda Kazmi</t>
  </si>
  <si>
    <t>GGES KAMAL JUNIOR MODEL URDU BAZAR LAHORE</t>
  </si>
  <si>
    <t>Data Gunj Baksh</t>
  </si>
  <si>
    <t>Govt kamal Jr.M/M paisa akhbar Urdu bazar</t>
  </si>
  <si>
    <t>New anarkali</t>
  </si>
  <si>
    <t>GGES KAMAL PUR</t>
  </si>
  <si>
    <t>Basti Kamal Pur Khan Garh</t>
  </si>
  <si>
    <t>sade Wahin</t>
  </si>
  <si>
    <t>GGES KAMAL PUR CHAK NO.183/RB</t>
  </si>
  <si>
    <t>183Rb</t>
  </si>
  <si>
    <t>kamalpur chak #183R.b</t>
  </si>
  <si>
    <t>Zeba Hashmy</t>
  </si>
  <si>
    <t>GGES KAMAL PUR MUSSA</t>
  </si>
  <si>
    <t>KAMAL PUR  MUSA</t>
  </si>
  <si>
    <t>Village and P/O Kamal  Pur  Mussa</t>
  </si>
  <si>
    <t>Kamal Pur  Mussa</t>
  </si>
  <si>
    <t>Kamal  Pur Mussa</t>
  </si>
  <si>
    <t>GGES KAMALA PUR JATIAL</t>
  </si>
  <si>
    <t>GGE/S kamal pur jatiyal</t>
  </si>
  <si>
    <t>Noor Shah Gillani</t>
  </si>
  <si>
    <t>Zahida Saeed</t>
  </si>
  <si>
    <t>GGES KAMO GIL</t>
  </si>
  <si>
    <t>Kamon Gil</t>
  </si>
  <si>
    <t>kamon gil</t>
  </si>
  <si>
    <t>Lamby Jagir</t>
  </si>
  <si>
    <t>Rukhsana Anwar</t>
  </si>
  <si>
    <t>GGES KAMOON MALHI</t>
  </si>
  <si>
    <t>Kamon Malhi</t>
  </si>
  <si>
    <t>Govt girls elementary school kamon malhi</t>
  </si>
  <si>
    <t>Salma waheed</t>
  </si>
  <si>
    <t>GGES KAMRA FATEH JANG</t>
  </si>
  <si>
    <t>VPO  Kamra, tehsil fateh jang, distt attock.</t>
  </si>
  <si>
    <t>Robina Bibi</t>
  </si>
  <si>
    <t>GGES KAMRA SHARQI</t>
  </si>
  <si>
    <t>Kamra Sharqi</t>
  </si>
  <si>
    <t>kamra sharqi</t>
  </si>
  <si>
    <t>Moniqa Shafique</t>
  </si>
  <si>
    <t>GGES KANDAIR</t>
  </si>
  <si>
    <t>basti chokran moza kandair</t>
  </si>
  <si>
    <t>Chokran</t>
  </si>
  <si>
    <t>Bahadur Pur</t>
  </si>
  <si>
    <t>GGES KANDH SHARIF</t>
  </si>
  <si>
    <t>government girls elementary school kandh sharif</t>
  </si>
  <si>
    <t>Basti Kandh Sharif</t>
  </si>
  <si>
    <t>Tahira Basit</t>
  </si>
  <si>
    <t>GGES KANDOO KHARA</t>
  </si>
  <si>
    <t>kandu khara</t>
  </si>
  <si>
    <t>Saliqa Dilnawaz</t>
  </si>
  <si>
    <t>GGES KANDOO RANGAR</t>
  </si>
  <si>
    <t>kandoo Rangar Tehsil chunain</t>
  </si>
  <si>
    <t>Kandoo RANGAR</t>
  </si>
  <si>
    <t>Kandoo Khara</t>
  </si>
  <si>
    <t>Iffat Riaz</t>
  </si>
  <si>
    <t>GGES KANERAY WALA</t>
  </si>
  <si>
    <t>Shakerbela</t>
  </si>
  <si>
    <t>GGES kneray wala</t>
  </si>
  <si>
    <t>Kneray Wala</t>
  </si>
  <si>
    <t>Ghairay Whain</t>
  </si>
  <si>
    <t>Sadia Andleeb</t>
  </si>
  <si>
    <t>GGES KANG CHANAN</t>
  </si>
  <si>
    <t>Kang Chanan</t>
  </si>
  <si>
    <t>Gakhara Kalan</t>
  </si>
  <si>
    <t>Fayyaz Akhter</t>
  </si>
  <si>
    <t>GGES KANGAR NO.1</t>
  </si>
  <si>
    <t>GULYANA-FEMALE</t>
  </si>
  <si>
    <t>Thaakra</t>
  </si>
  <si>
    <t>P.O kangar Teh gujar khan Dist Rwp</t>
  </si>
  <si>
    <t>Kangar</t>
  </si>
  <si>
    <t>GGES KANGNI WALA</t>
  </si>
  <si>
    <t>patwari wali galileo kangniwala</t>
  </si>
  <si>
    <t>Hashmi colony</t>
  </si>
  <si>
    <t>Mahnaz Fatima</t>
  </si>
  <si>
    <t>GGES KANI VIRD CHAK NO. 2</t>
  </si>
  <si>
    <t>kani</t>
  </si>
  <si>
    <t>kani virid ch 2 tehsil pattoki.distt kasur</t>
  </si>
  <si>
    <t>kani virid</t>
  </si>
  <si>
    <t>mawra kaleem</t>
  </si>
  <si>
    <t>GGES KANIAL</t>
  </si>
  <si>
    <t>Kanial</t>
  </si>
  <si>
    <t>vpo kanial</t>
  </si>
  <si>
    <t>Ruqia Afzal</t>
  </si>
  <si>
    <t>GGES KANJOOR (CHHAB)</t>
  </si>
  <si>
    <t>Nara Tarf Nara</t>
  </si>
  <si>
    <t>vpo kanjoor tehsil jand attock</t>
  </si>
  <si>
    <t>Kanjor</t>
  </si>
  <si>
    <t>GGES KANNAT</t>
  </si>
  <si>
    <t>kanhat</t>
  </si>
  <si>
    <t>village kanhat po pichnand</t>
  </si>
  <si>
    <t>pichnand</t>
  </si>
  <si>
    <t>GGES KANOHA</t>
  </si>
  <si>
    <t>Kanoha</t>
  </si>
  <si>
    <t>village and p/o kanoha tehsil kallar syedan district Rawalpindi</t>
  </si>
  <si>
    <t>Noreen Shahnaz</t>
  </si>
  <si>
    <t>GGES KANWAN WALI CHAK 166/RB</t>
  </si>
  <si>
    <t>Kanwanwali</t>
  </si>
  <si>
    <t>kanwanwali</t>
  </si>
  <si>
    <t>Kanwanwai</t>
  </si>
  <si>
    <t>Nathowala</t>
  </si>
  <si>
    <t>GGES KANWAY WALA</t>
  </si>
  <si>
    <t>Kanwain Wala</t>
  </si>
  <si>
    <t>Vill Kanwain Wala Teh Lalian District Chiniot</t>
  </si>
  <si>
    <t>Nadia fatima</t>
  </si>
  <si>
    <t>GGES KANYAT KHALIL</t>
  </si>
  <si>
    <t>NIRALI - FEMALE</t>
  </si>
  <si>
    <t>Kanyat Khalil45</t>
  </si>
  <si>
    <t>kanyat khalil</t>
  </si>
  <si>
    <t>Saima Rubab</t>
  </si>
  <si>
    <t>GGES KAPER SHAH</t>
  </si>
  <si>
    <t>Kaper Shah</t>
  </si>
  <si>
    <t>Kaper Shah Mamoori</t>
  </si>
  <si>
    <t>Sahrish Kanwal</t>
  </si>
  <si>
    <t>GGES KARAM SHAH, SARAI SIDHU</t>
  </si>
  <si>
    <t>Karamshah</t>
  </si>
  <si>
    <t>govt girls middle school karamshah</t>
  </si>
  <si>
    <t>GGES KARBATH</t>
  </si>
  <si>
    <t>Govt girls middle school karbath lahore</t>
  </si>
  <si>
    <t>Karbath</t>
  </si>
  <si>
    <t>Hair</t>
  </si>
  <si>
    <t>Saira Noshaba Jabeen</t>
  </si>
  <si>
    <t>GGES KARHAI</t>
  </si>
  <si>
    <t>Karahi</t>
  </si>
  <si>
    <t>vpo karahi teh and dist rwp</t>
  </si>
  <si>
    <t>Perial</t>
  </si>
  <si>
    <t>Sehrish Javed</t>
  </si>
  <si>
    <t>GGES KARI WALA</t>
  </si>
  <si>
    <t>GGES Kariwala</t>
  </si>
  <si>
    <t>GGES KARIM PARK</t>
  </si>
  <si>
    <t>Karim Park</t>
  </si>
  <si>
    <t>govt girls middle school Karim park block 3</t>
  </si>
  <si>
    <t>53 Karim Park</t>
  </si>
  <si>
    <t>Bushra Nazir Ahmad</t>
  </si>
  <si>
    <t>GGES KARIM WAH</t>
  </si>
  <si>
    <t>basti qadir abad mouza karim wah vehari</t>
  </si>
  <si>
    <t>Karim wah</t>
  </si>
  <si>
    <t>Imrana Jabeen</t>
  </si>
  <si>
    <t>GGES KARL</t>
  </si>
  <si>
    <t>Karl</t>
  </si>
  <si>
    <t>Village karl p/o kottli sattian district rawalpindi</t>
  </si>
  <si>
    <t>Tmc</t>
  </si>
  <si>
    <t>Ammara Zulfiqar</t>
  </si>
  <si>
    <t>GGES KARNANA</t>
  </si>
  <si>
    <t>Gges village karnana, post office khas, tehsil kharian district gujrat</t>
  </si>
  <si>
    <t>zohra akhtar</t>
  </si>
  <si>
    <t>GGES KAROOLI</t>
  </si>
  <si>
    <t>GGES karooli</t>
  </si>
  <si>
    <t>Karooli</t>
  </si>
  <si>
    <t>Tehseen Akhtar</t>
  </si>
  <si>
    <t>GGES KARTAR PURA CHAK NO. 177/RB</t>
  </si>
  <si>
    <t>Kartarpur 177</t>
  </si>
  <si>
    <t>Ram Gharh Nodha</t>
  </si>
  <si>
    <t>Saima Rafeeq</t>
  </si>
  <si>
    <t>filtered water from plant</t>
  </si>
  <si>
    <t>GGES KARUNB BALOCH</t>
  </si>
  <si>
    <t>Karunb Kaswal</t>
  </si>
  <si>
    <t>p/o and village karunb baloch teh gujar khan distt rwp</t>
  </si>
  <si>
    <t>Karunb Baloch</t>
  </si>
  <si>
    <t>Jahngi Jalal</t>
  </si>
  <si>
    <t>Saadia Fatima</t>
  </si>
  <si>
    <t>GGES KARWAL</t>
  </si>
  <si>
    <t>karwal</t>
  </si>
  <si>
    <t>Jlala Shreef</t>
  </si>
  <si>
    <t>FATIMA HAYAT</t>
  </si>
  <si>
    <t>GGES KASHMIR BADAMI BAGH</t>
  </si>
  <si>
    <t>Badami Bagh Lhr</t>
  </si>
  <si>
    <t>farooq gunj lhr</t>
  </si>
  <si>
    <t>Farooq Gunj Lhr</t>
  </si>
  <si>
    <t>Usman Gunj</t>
  </si>
  <si>
    <t>Chanda Parveen</t>
  </si>
  <si>
    <t>GGES KASHMIR COLONY NO 1 QILA CHANDA</t>
  </si>
  <si>
    <t>Kashmir Colony No1</t>
  </si>
  <si>
    <t>Govt Girls Elementary School Kashmir Colony No.1,qila chanc</t>
  </si>
  <si>
    <t>Beyroni Khyali</t>
  </si>
  <si>
    <t>Munazza Rani</t>
  </si>
  <si>
    <t>GGES KASLIAN</t>
  </si>
  <si>
    <t>Kaslian</t>
  </si>
  <si>
    <t>G G E School kaslian</t>
  </si>
  <si>
    <t>Farida</t>
  </si>
  <si>
    <t>GGES KASO WALA</t>
  </si>
  <si>
    <t>JANDUKE GORAYA - FEMALE</t>
  </si>
  <si>
    <t>v.p.o kassowala teh.daska distt.sialkot</t>
  </si>
  <si>
    <t>Malo Mehey</t>
  </si>
  <si>
    <t>Nazia Abdulghani</t>
  </si>
  <si>
    <t>GGES KAT GANGA SINGH</t>
  </si>
  <si>
    <t>Kat Ganga Singh</t>
  </si>
  <si>
    <t>kat ganga singh po madrissa bwn</t>
  </si>
  <si>
    <t>Sobia Karim</t>
  </si>
  <si>
    <t>GGES KATAY KHAIL</t>
  </si>
  <si>
    <t>katay khail dhokri</t>
  </si>
  <si>
    <t>Meher Asma Bano</t>
  </si>
  <si>
    <t>GGES KATH</t>
  </si>
  <si>
    <t>village kath p/o dullywala tehsil darya khan</t>
  </si>
  <si>
    <t>Kath</t>
  </si>
  <si>
    <t>GGES KATHEEL HOON</t>
  </si>
  <si>
    <t>Katheel Hoon</t>
  </si>
  <si>
    <t>VILLAGE KATHEEL HOON P. O KATHEEL HOON TEH KAHUTA DISTT RAWALPINDI</t>
  </si>
  <si>
    <t>Misbah Hanif</t>
  </si>
  <si>
    <t>GGES KATIMAR</t>
  </si>
  <si>
    <t>Katimar</t>
  </si>
  <si>
    <t>sabiha amir</t>
  </si>
  <si>
    <t>GGES KATTIAN WALA</t>
  </si>
  <si>
    <t>Kattianwala</t>
  </si>
  <si>
    <t>kattianwala Chak no.167/RB,Tehsil Shahkot,District Nankana Sahib</t>
  </si>
  <si>
    <t>Asia Maqbool</t>
  </si>
  <si>
    <t>GGES KAWIN BALAQA SINGH</t>
  </si>
  <si>
    <t>Kanwain</t>
  </si>
  <si>
    <t>kanwain biaqa singh</t>
  </si>
  <si>
    <t>Kanwain Bilaqa Singh</t>
  </si>
  <si>
    <t>Kanwain Malian</t>
  </si>
  <si>
    <t>GGES KEERIAN WALI NO. 1 (MUHAMMAD NAGAR NO.1)</t>
  </si>
  <si>
    <t>M Nagar-1</t>
  </si>
  <si>
    <t>Muhammad Nagar-1</t>
  </si>
  <si>
    <t>Asiya Perveen</t>
  </si>
  <si>
    <t>GGES KERIAN WALI</t>
  </si>
  <si>
    <t>Kerianwali</t>
  </si>
  <si>
    <t>gges  keerianwsli farooq abad</t>
  </si>
  <si>
    <t>Jatri Kohna</t>
  </si>
  <si>
    <t>Rukhsana Jabeen</t>
  </si>
  <si>
    <t>GGES KETANE WALA KUNDIAN</t>
  </si>
  <si>
    <t>KUNDIAN CITY-FEMALE</t>
  </si>
  <si>
    <t>GGES keetan wala kundian</t>
  </si>
  <si>
    <t>Afreen kausar</t>
  </si>
  <si>
    <t>GGES KHADIM ABAD</t>
  </si>
  <si>
    <t>khadimabad</t>
  </si>
  <si>
    <t>GGES KHADIMABAD</t>
  </si>
  <si>
    <t>Mahmooda Riffat</t>
  </si>
  <si>
    <t>GGES KHADRIALLA</t>
  </si>
  <si>
    <t>Khadrialla</t>
  </si>
  <si>
    <t>VPO Khadrialla</t>
  </si>
  <si>
    <t>Simbli</t>
  </si>
  <si>
    <t>GGES KHAI HITTAR</t>
  </si>
  <si>
    <t>khai Hithar P/O khudian khas</t>
  </si>
  <si>
    <t>GGES KHAIREY KALAN</t>
  </si>
  <si>
    <t>NABI PUR PIRAN-FEMALE</t>
  </si>
  <si>
    <t>khiaray kalan</t>
  </si>
  <si>
    <t>GGES KHAJI WALA</t>
  </si>
  <si>
    <t>Khajji Wala</t>
  </si>
  <si>
    <t>khajji Wala tehsil kahror pacca</t>
  </si>
  <si>
    <t>Noqabil Wah</t>
  </si>
  <si>
    <t>Rakhshanda Ibrahim</t>
  </si>
  <si>
    <t>GGES KHAJOOR WALA</t>
  </si>
  <si>
    <t>Khajoorwala</t>
  </si>
  <si>
    <t>Village khajoorwala p/o hujra sha muqeem</t>
  </si>
  <si>
    <t>Mehwish Noor</t>
  </si>
  <si>
    <t>GGES KHAJULA</t>
  </si>
  <si>
    <t>Khajoola</t>
  </si>
  <si>
    <t>khajoola</t>
  </si>
  <si>
    <t>Nasira Jabeen</t>
  </si>
  <si>
    <t>GGES KHAKHI PUNJANI SHUJABAD</t>
  </si>
  <si>
    <t>Govt girls elementry school khakhi punjani shujabad</t>
  </si>
  <si>
    <t>Khakhi Punjani</t>
  </si>
  <si>
    <t>Tasleem Somra</t>
  </si>
  <si>
    <t>GGES KHAKI LAKHI</t>
  </si>
  <si>
    <t>LAKHI LAKHI</t>
  </si>
  <si>
    <t>Dak'khana khas khaki Lakhi</t>
  </si>
  <si>
    <t>Khaki LAKHI</t>
  </si>
  <si>
    <t>Iram Shaheen</t>
  </si>
  <si>
    <t>GGES KHALID ENGLISH MEDIUM BHERA</t>
  </si>
  <si>
    <t>City Bhera</t>
  </si>
  <si>
    <t>Gali Churion Wali Nizd Peer Khaki Bhera</t>
  </si>
  <si>
    <t>MC Bhera</t>
  </si>
  <si>
    <t>Khudija Begum</t>
  </si>
  <si>
    <t>GGES KHALIL ABAD</t>
  </si>
  <si>
    <t>Narri dhumraya</t>
  </si>
  <si>
    <t>basti khalil abad narri dhumraya post office khas kot chutta district dera ghazi khan</t>
  </si>
  <si>
    <t>Basti khalil Abad</t>
  </si>
  <si>
    <t>Balqees Baigum</t>
  </si>
  <si>
    <t>GGES KHAMBA</t>
  </si>
  <si>
    <t>Govt Girls Elementary School Khamba Lahore</t>
  </si>
  <si>
    <t>Ali Razaabad</t>
  </si>
  <si>
    <t>Farzana Sajjad</t>
  </si>
  <si>
    <t>GGES KHAMBRAN WALA</t>
  </si>
  <si>
    <t>KAPOOR WALI - FEMALE</t>
  </si>
  <si>
    <t>Khambranwala</t>
  </si>
  <si>
    <t>Sami Saiqa</t>
  </si>
  <si>
    <t>GGES KHAN DA KHOO</t>
  </si>
  <si>
    <t>Jess</t>
  </si>
  <si>
    <t>Khan da khoo</t>
  </si>
  <si>
    <t>Khan Da Khoo</t>
  </si>
  <si>
    <t>Shah Pur Phul</t>
  </si>
  <si>
    <t>GGES KHAN JAJJA</t>
  </si>
  <si>
    <t>QILA KALAR WALA - FEMALE</t>
  </si>
  <si>
    <t>Khan Jajja</t>
  </si>
  <si>
    <t>village khan jajja tehsil pasrur district Sialkot Pakistan</t>
  </si>
  <si>
    <t>Amreen Ghafoor</t>
  </si>
  <si>
    <t>GGES KHAN MUSALMAN</t>
  </si>
  <si>
    <t>Khan Musalman</t>
  </si>
  <si>
    <t>khan Musalman</t>
  </si>
  <si>
    <t>Fareeha Ghazal</t>
  </si>
  <si>
    <t>GGES KHAN PIYARA</t>
  </si>
  <si>
    <t>Khan Piyara</t>
  </si>
  <si>
    <t>GGES KHAN PIYARA P/O MOREMINABAD, Teh. KAMOKI Distt. GUJRANWALA</t>
  </si>
  <si>
    <t>KHAN PIYARA</t>
  </si>
  <si>
    <t>DHILLANWALI</t>
  </si>
  <si>
    <t>Sofia Bano</t>
  </si>
  <si>
    <t>GGES KHAN PUR</t>
  </si>
  <si>
    <t>khanpur school</t>
  </si>
  <si>
    <t>Kanpur</t>
  </si>
  <si>
    <t>Shehnaz Kousar</t>
  </si>
  <si>
    <t>GGES KHAN PUR WADHAR</t>
  </si>
  <si>
    <t>khanpur</t>
  </si>
  <si>
    <t>GGES khanpur wadhra.tehsil shahpur . district sargdha</t>
  </si>
  <si>
    <t>khanpur wadhra</t>
  </si>
  <si>
    <t>Aqeela batool</t>
  </si>
  <si>
    <t>GGES KHAN WALA</t>
  </si>
  <si>
    <t>Kalluwan Wala</t>
  </si>
  <si>
    <t>p/o awana wala village khano wala teh.esa khel wainwali</t>
  </si>
  <si>
    <t>Khano Wala</t>
  </si>
  <si>
    <t>Shazia Batool</t>
  </si>
  <si>
    <t>GGES KHANA NEPAL</t>
  </si>
  <si>
    <t>Khana Nepal</t>
  </si>
  <si>
    <t>Khana Nepal Village</t>
  </si>
  <si>
    <t>Arrayan</t>
  </si>
  <si>
    <t>Mahjabeen Tabassum</t>
  </si>
  <si>
    <t>GGES KHANAM HUSAINABAD</t>
  </si>
  <si>
    <t>Hussnain Abad</t>
  </si>
  <si>
    <t>st #5 hussnain abad lhr cantt</t>
  </si>
  <si>
    <t>Rehana Ashraf</t>
  </si>
  <si>
    <t>GGES KHANDAN KHAIRPUR TAMEWALI</t>
  </si>
  <si>
    <t>Khand Lorayyan</t>
  </si>
  <si>
    <t>KHANDAN khairpur tamewali bahawal pur</t>
  </si>
  <si>
    <t>Robina Saleem</t>
  </si>
  <si>
    <t>GGES KHANDOWA</t>
  </si>
  <si>
    <t>Khandoa</t>
  </si>
  <si>
    <t>gges khandoa  tehsil kallar kahar distt chakwal</t>
  </si>
  <si>
    <t>Khairpur</t>
  </si>
  <si>
    <t>underground water pump</t>
  </si>
  <si>
    <t>GGES KHANGARH</t>
  </si>
  <si>
    <t>gt road khan garh</t>
  </si>
  <si>
    <t>Fouzia Ejaz</t>
  </si>
  <si>
    <t>GGES KHANJAR</t>
  </si>
  <si>
    <t>KHANJAR</t>
  </si>
  <si>
    <t>KHANJAR P.O BHAKA BHATTIAN</t>
  </si>
  <si>
    <t>Ruqia Fatima</t>
  </si>
  <si>
    <t>GGES KHANNA</t>
  </si>
  <si>
    <t>Khanna</t>
  </si>
  <si>
    <t>khanna</t>
  </si>
  <si>
    <t>Ghorsayal</t>
  </si>
  <si>
    <t>Asia Ramzan</t>
  </si>
  <si>
    <t>GGES KHANOANA</t>
  </si>
  <si>
    <t>Khanoana</t>
  </si>
  <si>
    <t>mouza khanuana</t>
  </si>
  <si>
    <t>GGES KHANPUR SAHWA</t>
  </si>
  <si>
    <t>Khanpur Sehwan</t>
  </si>
  <si>
    <t>Khanpur Sehwan, PO Bara Ghar, Tehsil and District Nankana Sahib.</t>
  </si>
  <si>
    <t>Chaindpur</t>
  </si>
  <si>
    <t>Abida Shehzaadi</t>
  </si>
  <si>
    <t>GGES KHANWALI</t>
  </si>
  <si>
    <t>Village and postoffice Khanwali teh and Distt Gujrat</t>
  </si>
  <si>
    <t>Rukhsana</t>
  </si>
  <si>
    <t>GGES KHAPRALA</t>
  </si>
  <si>
    <t>khaprala</t>
  </si>
  <si>
    <t>village khaprala tehsil pasrur disst sialkot</t>
  </si>
  <si>
    <t>Nabeela Gul</t>
  </si>
  <si>
    <t>GGES KHARA</t>
  </si>
  <si>
    <t>KARYAL - FEMALE</t>
  </si>
  <si>
    <t>village khara tehsil noshra virkan</t>
  </si>
  <si>
    <t>Amna Sadaf</t>
  </si>
  <si>
    <t>GGES KHARAIPER CHAK NO. 10</t>
  </si>
  <si>
    <t>Kharaiper CH 10</t>
  </si>
  <si>
    <t>kharaiper CH 10</t>
  </si>
  <si>
    <t>Tarady Wala CH 13</t>
  </si>
  <si>
    <t>Nusrat perveen</t>
  </si>
  <si>
    <t>GGES KHARAL AZIM</t>
  </si>
  <si>
    <t>Werrer Thal</t>
  </si>
  <si>
    <t>GGES KHARAL AZEEM BASTI RARRIYAN</t>
  </si>
  <si>
    <t>Kot Sultan2</t>
  </si>
  <si>
    <t>Aqila Bano Do Ghulam Hussain</t>
  </si>
  <si>
    <t>GGES KHARAL AZIM IBRAHIM WALA</t>
  </si>
  <si>
    <t>Ahmad Yar Rid</t>
  </si>
  <si>
    <t>ibrahim numberdar wala</t>
  </si>
  <si>
    <t>Chah Abbas Wala</t>
  </si>
  <si>
    <t>Kauser Shaheen</t>
  </si>
  <si>
    <t>GGES KHARAL KALAN (under NGO)</t>
  </si>
  <si>
    <t>Kharl Kalan</t>
  </si>
  <si>
    <t>kharl kalan uc 109</t>
  </si>
  <si>
    <t>GGES KHARAR BUZDAR</t>
  </si>
  <si>
    <t>GGES kharar middle school kharar buzdar</t>
  </si>
  <si>
    <t>GGES KHARLI</t>
  </si>
  <si>
    <t>Kharli</t>
  </si>
  <si>
    <t>kharli,pob,noorpur,sethi ,k.k,chakwal</t>
  </si>
  <si>
    <t>GGES KHAWAR CHAK NO 214 RB</t>
  </si>
  <si>
    <t>Hassanpura</t>
  </si>
  <si>
    <t>Govt khawar GES 214 RB Hassanpura</t>
  </si>
  <si>
    <t>214 RB</t>
  </si>
  <si>
    <t>GGES KHAWASPUR</t>
  </si>
  <si>
    <t>khawaspur</t>
  </si>
  <si>
    <t>Saima Ibraheem</t>
  </si>
  <si>
    <t>GGES KHAYYAN</t>
  </si>
  <si>
    <t>Khayyan</t>
  </si>
  <si>
    <t>vpo khayyan</t>
  </si>
  <si>
    <t>Ranseekey</t>
  </si>
  <si>
    <t>Nyla Abbas</t>
  </si>
  <si>
    <t>GGES KHEMGARH</t>
  </si>
  <si>
    <t>Khaim Garh</t>
  </si>
  <si>
    <t>khaim garh p/o sadiq nagar bahawal nagar</t>
  </si>
  <si>
    <t>Razia Qadir</t>
  </si>
  <si>
    <t>GGES KHERO KOT</t>
  </si>
  <si>
    <t>Khero Koot</t>
  </si>
  <si>
    <t>khairoo koot Bhera</t>
  </si>
  <si>
    <t>Sobia Shabnum</t>
  </si>
  <si>
    <t>GGES KHETOLA</t>
  </si>
  <si>
    <t>KARORE - FEMALE</t>
  </si>
  <si>
    <t>village kethola Teh.kotli Sattian district rwp</t>
  </si>
  <si>
    <t>Kethola</t>
  </si>
  <si>
    <t>Saba Jabeen</t>
  </si>
  <si>
    <t>spring</t>
  </si>
  <si>
    <t>GGES KHETRAN WALA</t>
  </si>
  <si>
    <t>Khetranwala</t>
  </si>
  <si>
    <t>Govt.Girls Elementry school khetranwala opposite Dera khuram maqbul jundwala road P/O Dunga Bunga BWN</t>
  </si>
  <si>
    <t>Zubaida Rafique</t>
  </si>
  <si>
    <t>GGES KHICHI KALAN</t>
  </si>
  <si>
    <t>Kichi Kalan</t>
  </si>
  <si>
    <t>gges kichi kalan bhakkar</t>
  </si>
  <si>
    <t>Mrs Aziz Bhatti</t>
  </si>
  <si>
    <t>GGES KHIZAR ABAD</t>
  </si>
  <si>
    <t>Surriya Khizar</t>
  </si>
  <si>
    <t>GGES KHOKHAR</t>
  </si>
  <si>
    <t>Village khokhar tehsil pasrur district sialkot</t>
  </si>
  <si>
    <t>GGES KHOKHAR CHAK NO 25</t>
  </si>
  <si>
    <t>khokhar chak 25 Tehsil pattoki District kasur</t>
  </si>
  <si>
    <t>Khokhar Chak 25</t>
  </si>
  <si>
    <t>Nagina Firduas</t>
  </si>
  <si>
    <t>GGES KHOKHER KE</t>
  </si>
  <si>
    <t>Khokharkee</t>
  </si>
  <si>
    <t>GGES KHOKHARKEE GRW</t>
  </si>
  <si>
    <t>KHOKHARKEE</t>
  </si>
  <si>
    <t>Yasmeen Khanam</t>
  </si>
  <si>
    <t>GGES KHOL MIRZEKA</t>
  </si>
  <si>
    <t>GGES Mirzeka</t>
  </si>
  <si>
    <t>GGES KHONAN GHERBI</t>
  </si>
  <si>
    <t>vill khunan gharbi p.o kunjah Teh&amp;Dist Gujrat</t>
  </si>
  <si>
    <t>Khunan Gharbi</t>
  </si>
  <si>
    <t>Nagrianwali</t>
  </si>
  <si>
    <t>Shama Nawaz</t>
  </si>
  <si>
    <t>GGES KHORI ALAM</t>
  </si>
  <si>
    <t>Khori Alam</t>
  </si>
  <si>
    <t>Khori Alam p/o: khori Alam, teh. Kharian</t>
  </si>
  <si>
    <t>Fata Bhand</t>
  </si>
  <si>
    <t>GGES KHUDA</t>
  </si>
  <si>
    <t>village khudda teh Hassan abdall dis attock</t>
  </si>
  <si>
    <t>Sumaira Gull</t>
  </si>
  <si>
    <t>GGES KHUDA BAKHASH DULO WALA</t>
  </si>
  <si>
    <t>Dullu Nashaib</t>
  </si>
  <si>
    <t>Govt. Girls elementary school khuda bukhsh Dullo wala</t>
  </si>
  <si>
    <t>Chah Khuda Bukhsh</t>
  </si>
  <si>
    <t>naghma ahmed</t>
  </si>
  <si>
    <t>GGES KHUDIAN CHAK NO 41</t>
  </si>
  <si>
    <t>Khudian</t>
  </si>
  <si>
    <t>GGES khudian chak 41</t>
  </si>
  <si>
    <t>Afifa Shafique</t>
  </si>
  <si>
    <t>GGES KHUJJAR</t>
  </si>
  <si>
    <t>Kujjer</t>
  </si>
  <si>
    <t>Noukher Nou</t>
  </si>
  <si>
    <t>Rizwana Yasmeen</t>
  </si>
  <si>
    <t>GGES KHUKHA</t>
  </si>
  <si>
    <t>SOHAN - FEMALE</t>
  </si>
  <si>
    <t>VPO Khukha Tehsil Dina District Jhelum</t>
  </si>
  <si>
    <t>Amber Yaqub</t>
  </si>
  <si>
    <t>Boring pump</t>
  </si>
  <si>
    <t>GGES KHUMB KHURD</t>
  </si>
  <si>
    <t>Khumb Khurd</t>
  </si>
  <si>
    <t>VPO khumb khurd  tehsil and Distt mandi bahauddin</t>
  </si>
  <si>
    <t>Kadher</t>
  </si>
  <si>
    <t>Kiran Ashraf</t>
  </si>
  <si>
    <t>GGES KHUNIAN</t>
  </si>
  <si>
    <t>KHADIOT - FEMALE</t>
  </si>
  <si>
    <t>village &amp; p/o khuian  Tehsil kahuta District  Rawalpindi</t>
  </si>
  <si>
    <t>GGES KHURAM CHURERA</t>
  </si>
  <si>
    <t>KHURAM CHORERA</t>
  </si>
  <si>
    <t>Asma Asif</t>
  </si>
  <si>
    <t>GGES KHURRAM PUR</t>
  </si>
  <si>
    <t>basti khurampur</t>
  </si>
  <si>
    <t>Ayesha sarwar rana</t>
  </si>
  <si>
    <t>GGES KHURSHID MOZANG</t>
  </si>
  <si>
    <t>Govt.Khurshid Girls Middle School Begum road Mozang Lahore.</t>
  </si>
  <si>
    <t>GGES KHUSAR</t>
  </si>
  <si>
    <t>Khusr</t>
  </si>
  <si>
    <t>village khusar Teh phalia district M b. din</t>
  </si>
  <si>
    <t>Kneez Zahra</t>
  </si>
  <si>
    <t>GGES KILAY KHEL</t>
  </si>
  <si>
    <t>KILEAY KHEL-FEMALE</t>
  </si>
  <si>
    <t>Piplan</t>
  </si>
  <si>
    <t>GGES killeykhail Piplan</t>
  </si>
  <si>
    <t>piplan</t>
  </si>
  <si>
    <t>MC Piplan</t>
  </si>
  <si>
    <t>GGES KIRI BAHATT CHAK NO.181/RB</t>
  </si>
  <si>
    <t>kiri bahatt</t>
  </si>
  <si>
    <t>Sobia Chaudry</t>
  </si>
  <si>
    <t>GGES KIROL</t>
  </si>
  <si>
    <t>Kirool</t>
  </si>
  <si>
    <t>kala khati road kirool</t>
  </si>
  <si>
    <t>Shafqat Akber</t>
  </si>
  <si>
    <t>GGES KIRPAL PUR</t>
  </si>
  <si>
    <t>govt girls primary school kirpal pur post office jhariwala</t>
  </si>
  <si>
    <t>ManiMani Wala</t>
  </si>
  <si>
    <t>Shabana Kanwal</t>
  </si>
  <si>
    <t>GGES KIRYAL KHURD</t>
  </si>
  <si>
    <t>Karyal Khurd</t>
  </si>
  <si>
    <t>karyal khurd</t>
  </si>
  <si>
    <t>Karyal Kalan</t>
  </si>
  <si>
    <t>Hajrah Bibi</t>
  </si>
  <si>
    <t>GGES KISHAN GARH</t>
  </si>
  <si>
    <t>Kishn Grrh</t>
  </si>
  <si>
    <t>kishn garh</t>
  </si>
  <si>
    <t>Talat Riaz</t>
  </si>
  <si>
    <t>GGES KLLIANWALA</t>
  </si>
  <si>
    <t>Mehwish Shoukat</t>
  </si>
  <si>
    <t>GGES KOHLIA</t>
  </si>
  <si>
    <t>Kohlia</t>
  </si>
  <si>
    <t>kohlia</t>
  </si>
  <si>
    <t>Safia Qadeer</t>
  </si>
  <si>
    <t>GGES KOHLU</t>
  </si>
  <si>
    <t>Koulo</t>
  </si>
  <si>
    <t>govt. girls elementary school kaka koulo tehsil wazirabad</t>
  </si>
  <si>
    <t>GGES KOHRIAN</t>
  </si>
  <si>
    <t>Kohrian</t>
  </si>
  <si>
    <t>Barki kohrian lahore cantt</t>
  </si>
  <si>
    <t>Danish Sheraz</t>
  </si>
  <si>
    <t>GGES KOKIAL KHURD</t>
  </si>
  <si>
    <t>Kokyal Khurd</t>
  </si>
  <si>
    <t>Kokyal khurd p/o Barra pind</t>
  </si>
  <si>
    <t>Kousar Hameed</t>
  </si>
  <si>
    <t>GGES KOLIAN SHAH HUSSAIN</t>
  </si>
  <si>
    <t>Kolian Shah Hussain post office Dinga</t>
  </si>
  <si>
    <t>Samina shaheen</t>
  </si>
  <si>
    <t>GGES KONDI</t>
  </si>
  <si>
    <t>Govt Girls elementary school Kondi District Lodhran</t>
  </si>
  <si>
    <t>Miss Tahira Perveen</t>
  </si>
  <si>
    <t>GGES KOONAT</t>
  </si>
  <si>
    <t>Koont</t>
  </si>
  <si>
    <t>village koont tehsil gujar Khan district Rawalpindi</t>
  </si>
  <si>
    <t>Syyed</t>
  </si>
  <si>
    <t>GGES KORA KHAN</t>
  </si>
  <si>
    <t>SHEIKH GURDAH</t>
  </si>
  <si>
    <t>BABI</t>
  </si>
  <si>
    <t>Najma Shaheen</t>
  </si>
  <si>
    <t>GGES KOREY KOT</t>
  </si>
  <si>
    <t>MIDH RANJHA-I - FEMALE</t>
  </si>
  <si>
    <t>Koreykoot</t>
  </si>
  <si>
    <t>koreykoot</t>
  </si>
  <si>
    <t>Ruqia Bibi</t>
  </si>
  <si>
    <t>GGES KOREY WALA</t>
  </si>
  <si>
    <t>Koray Wala Lodhran City</t>
  </si>
  <si>
    <t>Koray Wala</t>
  </si>
  <si>
    <t>koray wala</t>
  </si>
  <si>
    <t>Yasmin Siddique</t>
  </si>
  <si>
    <t>GGES KOREY WALA MULTAN</t>
  </si>
  <si>
    <t>taraf mubarik 2</t>
  </si>
  <si>
    <t>korey wala</t>
  </si>
  <si>
    <t>Korey Wala</t>
  </si>
  <si>
    <t>Usmana Bad</t>
  </si>
  <si>
    <t>Musarat Perveen</t>
  </si>
  <si>
    <t>GGES KORU MAGASI WALA</t>
  </si>
  <si>
    <t>Sumranashaib</t>
  </si>
  <si>
    <t>koromagassi wala layyah</t>
  </si>
  <si>
    <t>Koromajassi</t>
  </si>
  <si>
    <t>GGES KOT  DAUD</t>
  </si>
  <si>
    <t>Miratha</t>
  </si>
  <si>
    <t>GGE/S Kot Daud near pull gajri wala</t>
  </si>
  <si>
    <t>Pull Gajri Wala</t>
  </si>
  <si>
    <t>GGES KOT AGHA SAKHAWAT</t>
  </si>
  <si>
    <t>Chk Haiderbd</t>
  </si>
  <si>
    <t>ggesko agha sakhwat</t>
  </si>
  <si>
    <t>Chk Haiderabad</t>
  </si>
  <si>
    <t>Chk Hiderabad</t>
  </si>
  <si>
    <t>MUNZA BATOOL</t>
  </si>
  <si>
    <t>GGES KOT ALLAH DITTA</t>
  </si>
  <si>
    <t>Kot Allah Ditta</t>
  </si>
  <si>
    <t>Kot Allah Ditta, tahsil &amp; district Nankana Sahib</t>
  </si>
  <si>
    <t>Morrah</t>
  </si>
  <si>
    <t>Fazilat</t>
  </si>
  <si>
    <t>GGES KOT AZAM</t>
  </si>
  <si>
    <t>Kotazam</t>
  </si>
  <si>
    <t>gges kotazam shirin wala kpt</t>
  </si>
  <si>
    <t>Nadia Mahar</t>
  </si>
  <si>
    <t>GGES KOT AZAM KHAN</t>
  </si>
  <si>
    <t>kot azam khan</t>
  </si>
  <si>
    <t>Irfana Yasmin</t>
  </si>
  <si>
    <t>GGES KOT BAHADAR</t>
  </si>
  <si>
    <t>KOT BAHADAR - FEMALE</t>
  </si>
  <si>
    <t>kot bahadar</t>
  </si>
  <si>
    <t>GGES KOT BAHADAR JANOOBI</t>
  </si>
  <si>
    <t>Kot Bahadar Janoobi</t>
  </si>
  <si>
    <t>Kot Araiyan</t>
  </si>
  <si>
    <t>MC 18 Hazari</t>
  </si>
  <si>
    <t>Rabia kousar</t>
  </si>
  <si>
    <t>GGES KOT BARKAT ALI, TULAMBA</t>
  </si>
  <si>
    <t>Kot Barkat Ali</t>
  </si>
  <si>
    <t>GGES, Mauza Kot Barkat Ali Khan, Teh. Mian Channu, Distt. Khanewal</t>
  </si>
  <si>
    <t>GGES KOT BARY KHAN</t>
  </si>
  <si>
    <t>Kot Baray Khan GRW</t>
  </si>
  <si>
    <t>Ali pur road village kot baray khan gujranwala</t>
  </si>
  <si>
    <t>uzma yasmin</t>
  </si>
  <si>
    <t>GGES KOT BEERBAL, KHANEWAL</t>
  </si>
  <si>
    <t>Kot Birbal</t>
  </si>
  <si>
    <t>kot birbal khanewal</t>
  </si>
  <si>
    <t>Colony No 3</t>
  </si>
  <si>
    <t>Khanewal V</t>
  </si>
  <si>
    <t>Firdous Alam</t>
  </si>
  <si>
    <t>GGES KOT BHUBHAR</t>
  </si>
  <si>
    <t>Bhubbar</t>
  </si>
  <si>
    <t>Government Girls high School kot bhubbar</t>
  </si>
  <si>
    <t>Kot Bhubbar</t>
  </si>
  <si>
    <t>Paca  sidhar</t>
  </si>
  <si>
    <t>Haleema Begum</t>
  </si>
  <si>
    <t>GGES KOT BILAL</t>
  </si>
  <si>
    <t>Kot Bilal</t>
  </si>
  <si>
    <t>ggeskot Bilal Noshehra virkaan Gujranwala</t>
  </si>
  <si>
    <t>Ghumman Wala</t>
  </si>
  <si>
    <t>Rukhsana Sultan</t>
  </si>
  <si>
    <t>GGES KOT CHIAN</t>
  </si>
  <si>
    <t>Pindi Bawrey</t>
  </si>
  <si>
    <t>Saba Rana</t>
  </si>
  <si>
    <t>GGES KOT CHUDHRIAN</t>
  </si>
  <si>
    <t>VPO KOT CHAUDHRIAN TEH AND DISTRICT CHAKWAL</t>
  </si>
  <si>
    <t>MARYAM IZHAR</t>
  </si>
  <si>
    <t>GGES KOT DARA</t>
  </si>
  <si>
    <t>kot laley wala</t>
  </si>
  <si>
    <t>Kot Laley Wala</t>
  </si>
  <si>
    <t>Sana Akbar</t>
  </si>
  <si>
    <t>GGES KOT DARAN</t>
  </si>
  <si>
    <t>SEHJOKEY - FEMALE</t>
  </si>
  <si>
    <t>Kot Daran</t>
  </si>
  <si>
    <t>Govt. girls E/S kot daran sambrial</t>
  </si>
  <si>
    <t>Kot daran</t>
  </si>
  <si>
    <t>Allay Wali</t>
  </si>
  <si>
    <t>Firdous</t>
  </si>
  <si>
    <t>GGES KOT DARRI AZEEM KHAN</t>
  </si>
  <si>
    <t>GGES DARI AZEEM KHAN</t>
  </si>
  <si>
    <t>Rehana Mushtaq</t>
  </si>
  <si>
    <t>GGES KOT DINA</t>
  </si>
  <si>
    <t>G G E/S Kotdina</t>
  </si>
  <si>
    <t>village kotdina p/o sambrial teh. sambrial distt. sialkot</t>
  </si>
  <si>
    <t>Kotdina</t>
  </si>
  <si>
    <t>Lubna Munir</t>
  </si>
  <si>
    <t>GGES KOT DUNI CHAND GT ROAD</t>
  </si>
  <si>
    <t>Kot Duni Chand</t>
  </si>
  <si>
    <t>kot duni chand</t>
  </si>
  <si>
    <t>Handoo Gujar</t>
  </si>
  <si>
    <t>Maria Iftikhar</t>
  </si>
  <si>
    <t>water filter</t>
  </si>
  <si>
    <t>GGES KOT FAZLA</t>
  </si>
  <si>
    <t>KOT FAZLA</t>
  </si>
  <si>
    <t>village kot fazla</t>
  </si>
  <si>
    <t>Kot Fazla</t>
  </si>
  <si>
    <t>Robina Asmat</t>
  </si>
  <si>
    <t>GGES KOT GOHAR MUHAMMAD, SARAI SIDHU</t>
  </si>
  <si>
    <t>Kot Gohar</t>
  </si>
  <si>
    <t>kot ghar Mohammad sarai sidhu road choparhatta</t>
  </si>
  <si>
    <t>Chah Chiragh Deen</t>
  </si>
  <si>
    <t>Khurram Khadim RANA</t>
  </si>
  <si>
    <t>GGES KOT GORA</t>
  </si>
  <si>
    <t>Kot Gora</t>
  </si>
  <si>
    <t>post office kot Gora TENSILE AND District hafizabad</t>
  </si>
  <si>
    <t>Sacar Kalan</t>
  </si>
  <si>
    <t>Tasneem akhter</t>
  </si>
  <si>
    <t>GGES KOT GUJRAN P/O KOT GUJRAN</t>
  </si>
  <si>
    <t>Basti kot gujran</t>
  </si>
  <si>
    <t>Kot Gujran</t>
  </si>
  <si>
    <t>Gulnaz Hussain</t>
  </si>
  <si>
    <t>GGES KOT HARA</t>
  </si>
  <si>
    <t>Kaliyanwala</t>
  </si>
  <si>
    <t>Aqsa Arshad</t>
  </si>
  <si>
    <t>GGES KOT IFTIKHAR HUSSAIN, SARAI SIDHU</t>
  </si>
  <si>
    <t>Sandianwala</t>
  </si>
  <si>
    <t>p o sandianwala tensil kabirwala distt khanewal</t>
  </si>
  <si>
    <t>Farah Diba</t>
  </si>
  <si>
    <t>GGES KOT ISHAQ</t>
  </si>
  <si>
    <t>Government girls E/S Kot Ishaq tehsil and District hafizabad</t>
  </si>
  <si>
    <t>Riffat I Tahira</t>
  </si>
  <si>
    <t>GGES KOT ISLAM</t>
  </si>
  <si>
    <t>kot islam</t>
  </si>
  <si>
    <t>Nawal Mubeen</t>
  </si>
  <si>
    <t>GGES KOT JAFAR</t>
  </si>
  <si>
    <t>Kot Jaffar</t>
  </si>
  <si>
    <t>Village kot jaffar, p/o gunianwala tehsil Wazirabad, district gujranwala</t>
  </si>
  <si>
    <t>Amina Firdous</t>
  </si>
  <si>
    <t>GGES KOT JEHANA NAUL</t>
  </si>
  <si>
    <t>Jehana Noul</t>
  </si>
  <si>
    <t>kot jehana noul</t>
  </si>
  <si>
    <t>Kot Jehana Noul</t>
  </si>
  <si>
    <t>Farzana Asmat</t>
  </si>
  <si>
    <t>GGES KOT KALIAN</t>
  </si>
  <si>
    <t>Kot Kalian</t>
  </si>
  <si>
    <t>kot kalian</t>
  </si>
  <si>
    <t>Sadaf Akbar</t>
  </si>
  <si>
    <t>GGES KOT KARAM KHAN</t>
  </si>
  <si>
    <t>Kot Karam Khan</t>
  </si>
  <si>
    <t>Tahira Khanam</t>
  </si>
  <si>
    <t>GGES KOT KASHI RAM</t>
  </si>
  <si>
    <t>Kot Kashi Ram</t>
  </si>
  <si>
    <t>Pindi Bawaray</t>
  </si>
  <si>
    <t>nusrat arjumand</t>
  </si>
  <si>
    <t>GGES KOT KASHU</t>
  </si>
  <si>
    <t>Kot Kashu</t>
  </si>
  <si>
    <t>village kot kashu tehsil nohera virkan district gujrnwala</t>
  </si>
  <si>
    <t>Sadia Ramzan</t>
  </si>
  <si>
    <t>GGES KOT KAY</t>
  </si>
  <si>
    <t>G.g.E.s kotkayteh hazro distt Attock</t>
  </si>
  <si>
    <t>Sadiq Sultana</t>
  </si>
  <si>
    <t>GGES KOT KHALIQ</t>
  </si>
  <si>
    <t>Kot Khaliq</t>
  </si>
  <si>
    <t>kot khaliq p/o kohlowala tehsil &amp; district Gujranwala</t>
  </si>
  <si>
    <t>asma noreen</t>
  </si>
  <si>
    <t>GGES KOT KHAN</t>
  </si>
  <si>
    <t>PUBBER WALA - FEMALE</t>
  </si>
  <si>
    <t>Kot khan</t>
  </si>
  <si>
    <t>mouza kot khan p/o same</t>
  </si>
  <si>
    <t>Mauza Kotkhan</t>
  </si>
  <si>
    <t>GGES KOT KHAN BAHADUR</t>
  </si>
  <si>
    <t>Kot Khan Bahadar</t>
  </si>
  <si>
    <t>kot khan bahadar</t>
  </si>
  <si>
    <t>Gulnaz Bano</t>
  </si>
  <si>
    <t>GGES KOT KHUDA BUKSH</t>
  </si>
  <si>
    <t>Aljamia Islamia</t>
  </si>
  <si>
    <t>Kot Khuda Baksh</t>
  </si>
  <si>
    <t>Qaboola</t>
  </si>
  <si>
    <t>Sharifa Bano</t>
  </si>
  <si>
    <t>GGES KOT KOURA</t>
  </si>
  <si>
    <t>VERIO - FEMALE</t>
  </si>
  <si>
    <t>Kot koura</t>
  </si>
  <si>
    <t>po box kot koura teh&amp; district sialkot</t>
  </si>
  <si>
    <t>Kot Koura</t>
  </si>
  <si>
    <t>Aliya sarfraz</t>
  </si>
  <si>
    <t>GGES KOT LAL SHAH</t>
  </si>
  <si>
    <t>Kot Lal Shah</t>
  </si>
  <si>
    <t>basti kot lal shah tehsil and district lodhran</t>
  </si>
  <si>
    <t>GGES KOT MALANA, ABDUL HAKIM</t>
  </si>
  <si>
    <t>Kot Malana</t>
  </si>
  <si>
    <t>Moza Hussain Abad Awal Teh Kabir Wala Disst Khanewal</t>
  </si>
  <si>
    <t>Hussein Abad Awal</t>
  </si>
  <si>
    <t>Safia Bagum</t>
  </si>
  <si>
    <t>GGES KOT MANDIAN WALA</t>
  </si>
  <si>
    <t>GGES  Kot Mandianwala p/o Chowni Sulehrian, teh. &amp; distt. Sialkot</t>
  </si>
  <si>
    <t>Pragpur</t>
  </si>
  <si>
    <t>GGES KOT MARI</t>
  </si>
  <si>
    <t>Kot Mari</t>
  </si>
  <si>
    <t>kot mari p/o lala pur tehsil noshera virkan</t>
  </si>
  <si>
    <t>Chak Chaudry</t>
  </si>
  <si>
    <t>Tabah Arshad</t>
  </si>
  <si>
    <t>GGES KOT MEHTAB KHAN</t>
  </si>
  <si>
    <t>Kot Mehtab Khan</t>
  </si>
  <si>
    <t>Kot mehtab khan tehsil kot radha kishen</t>
  </si>
  <si>
    <t>Chheena Arla</t>
  </si>
  <si>
    <t>GGES KOT MIANA</t>
  </si>
  <si>
    <t>Kotmiana</t>
  </si>
  <si>
    <t>Hina  Feroz</t>
  </si>
  <si>
    <t>GGES KOT MOHAMMAD YAR</t>
  </si>
  <si>
    <t>GGE School Kot Muhammad Yar</t>
  </si>
  <si>
    <t>Sajida Sultan</t>
  </si>
  <si>
    <t>GGES KOT MUHAMMAD YAR LAKHIN</t>
  </si>
  <si>
    <t>Kot M Yar Lakhian</t>
  </si>
  <si>
    <t>GGES kot M Yar lakhian</t>
  </si>
  <si>
    <t>Iqra Ijaz</t>
  </si>
  <si>
    <t>GGES KOT MURAD</t>
  </si>
  <si>
    <t>Kot murad</t>
  </si>
  <si>
    <t>REHANA KAUSAR</t>
  </si>
  <si>
    <t>GGES KOT MUSA</t>
  </si>
  <si>
    <t>Kot Musa Khan</t>
  </si>
  <si>
    <t>kot musa khan</t>
  </si>
  <si>
    <t>GGES KOT MUTTA</t>
  </si>
  <si>
    <t>Kot Mutta</t>
  </si>
  <si>
    <t>Kot mutta</t>
  </si>
  <si>
    <t>Keeranwala</t>
  </si>
  <si>
    <t>Hafiza Mehwish Mubeen</t>
  </si>
  <si>
    <t>GGES KOT NAMDAR</t>
  </si>
  <si>
    <t>BUCHEKI - FEMALE</t>
  </si>
  <si>
    <t>kot namdar tehsil and district nankana sahib</t>
  </si>
  <si>
    <t>Saima Ashraf</t>
  </si>
  <si>
    <t>GGES KOT NAZIR</t>
  </si>
  <si>
    <t>Kot Nazeer</t>
  </si>
  <si>
    <t>gges kot nazeer</t>
  </si>
  <si>
    <t>Zainab Khatoon</t>
  </si>
  <si>
    <t>GGES KOT PANAH</t>
  </si>
  <si>
    <t>Kot Panah</t>
  </si>
  <si>
    <t>Kot panah</t>
  </si>
  <si>
    <t>Umm E Farwa</t>
  </si>
  <si>
    <t>GGES KOT PIR SADAT</t>
  </si>
  <si>
    <t>Kot Peer</t>
  </si>
  <si>
    <t>KOT PEER saadat lodhran</t>
  </si>
  <si>
    <t>KOT PEER saadat</t>
  </si>
  <si>
    <t>TEHSEEN AYESHA</t>
  </si>
  <si>
    <t>GGES KOT QAZI</t>
  </si>
  <si>
    <t>LALIAN MARKAZ NO.04 - FEMALE</t>
  </si>
  <si>
    <t>kot qazi</t>
  </si>
  <si>
    <t>moza kot qazi tehsil lalian district chiniot</t>
  </si>
  <si>
    <t>hest khewa</t>
  </si>
  <si>
    <t>Saliha Sharif</t>
  </si>
  <si>
    <t>GGES KOT QUTAB DIN</t>
  </si>
  <si>
    <t>Kot Qutab Din</t>
  </si>
  <si>
    <t>kot qutab din</t>
  </si>
  <si>
    <t>GGES KOT RADA KISHAN NO. 3</t>
  </si>
  <si>
    <t>KOT  RADHA Kishen KISHEN</t>
  </si>
  <si>
    <t>GGES NO. 3 KOT RADHA KISHEN  MANSINGH RD</t>
  </si>
  <si>
    <t>krk</t>
  </si>
  <si>
    <t>NASIM NAZ D/O MUHAMMAD HAYAT</t>
  </si>
  <si>
    <t>GGES KOT RAFIQ</t>
  </si>
  <si>
    <t>Kamoki</t>
  </si>
  <si>
    <t>in front of church Kot rafiique kamoki</t>
  </si>
  <si>
    <t>Kot Rafiique</t>
  </si>
  <si>
    <t>Kot Rafique</t>
  </si>
  <si>
    <t>GGES KOT RAJA</t>
  </si>
  <si>
    <t>Kotraja</t>
  </si>
  <si>
    <t>gges kotraja</t>
  </si>
  <si>
    <t>Shanaz Sher</t>
  </si>
  <si>
    <t>GGES KOT RAMDAS</t>
  </si>
  <si>
    <t>Kot Ramdas</t>
  </si>
  <si>
    <t>village kot Ramada tehsil daska</t>
  </si>
  <si>
    <t>Goindky</t>
  </si>
  <si>
    <t>GGES KOT RANJEET</t>
  </si>
  <si>
    <t>Kot Ranjeet</t>
  </si>
  <si>
    <t>kot ranjeet</t>
  </si>
  <si>
    <t>Umme Kalsoom</t>
  </si>
  <si>
    <t>GGES KOT SADAT</t>
  </si>
  <si>
    <t>chak kot sadat</t>
  </si>
  <si>
    <t>Kot Sadat</t>
  </si>
  <si>
    <t>Iqra Sana</t>
  </si>
  <si>
    <t>GGES KOT SANT RAM</t>
  </si>
  <si>
    <t>Kot Sant Ram</t>
  </si>
  <si>
    <t>GGES Kot Sant Ram</t>
  </si>
  <si>
    <t>Nabi Pur Peeran</t>
  </si>
  <si>
    <t>GGES KOT SHAH MOHAMMAD</t>
  </si>
  <si>
    <t>Kot Shah Muhammad</t>
  </si>
  <si>
    <t>Kot shah Muhammad tehsil &amp; district gujranwala</t>
  </si>
  <si>
    <t>Ubaida Rauf</t>
  </si>
  <si>
    <t>GGES KOT SHAH MUSHTAQ</t>
  </si>
  <si>
    <t>Kot shah mushtaq</t>
  </si>
  <si>
    <t>GGES kot shah mushtaq</t>
  </si>
  <si>
    <t>Phularwan vzr K</t>
  </si>
  <si>
    <t>FArkhanda Shafiq</t>
  </si>
  <si>
    <t>GGES KOT SHAHAN</t>
  </si>
  <si>
    <t>gges kot shahan</t>
  </si>
  <si>
    <t>kot shahan</t>
  </si>
  <si>
    <t>lohianwala</t>
  </si>
  <si>
    <t>Misbah Kiran</t>
  </si>
  <si>
    <t>GGES KOT SHER KHAN</t>
  </si>
  <si>
    <t>Kot Sher Khan</t>
  </si>
  <si>
    <t>Govt girls elementary school Kot Sheir Khan</t>
  </si>
  <si>
    <t>Musarrat Rasool Hashmi</t>
  </si>
  <si>
    <t>GGES KOT SHER MOHAMMAD</t>
  </si>
  <si>
    <t>Mondi Lar</t>
  </si>
  <si>
    <t>kot sher Muhammad moza mondi lar p.o mari Allah bachaya khanpur disst.RYK</t>
  </si>
  <si>
    <t>Samra Javed</t>
  </si>
  <si>
    <t>GGES KOT SULTAN PUR</t>
  </si>
  <si>
    <t>Kot Sultan Pur</t>
  </si>
  <si>
    <t>kot sultan pur</t>
  </si>
  <si>
    <t>GGES KOT UMMAR</t>
  </si>
  <si>
    <t>Kot Ummar</t>
  </si>
  <si>
    <t>village kot ummar</t>
  </si>
  <si>
    <t>Chak Shadi</t>
  </si>
  <si>
    <t>Samira Faiz</t>
  </si>
  <si>
    <t>GGES KOTAL QAZI</t>
  </si>
  <si>
    <t>Kothi Qureshi</t>
  </si>
  <si>
    <t>GGES Kotla Qazi Layyah</t>
  </si>
  <si>
    <t>Arifa Jabeen</t>
  </si>
  <si>
    <t>GGES KOTHA KALLAN</t>
  </si>
  <si>
    <t>Pothohar</t>
  </si>
  <si>
    <t>GGES kotha kallan</t>
  </si>
  <si>
    <t>Kotha Kallan</t>
  </si>
  <si>
    <t>Nadia Shaheen</t>
  </si>
  <si>
    <t>ARL water supply</t>
  </si>
  <si>
    <t>GGES KOTHI SULTAN MAHMOOD BHANGOO</t>
  </si>
  <si>
    <t>GGES Kothi Sultan Bhangoo</t>
  </si>
  <si>
    <t>Rustam Wala</t>
  </si>
  <si>
    <t>GGES KOTIAM</t>
  </si>
  <si>
    <t>Kotiam</t>
  </si>
  <si>
    <t>vill and post ofc kotyam tehsile dina distt jhelum</t>
  </si>
  <si>
    <t>Khukah</t>
  </si>
  <si>
    <t>Huma Mazhar</t>
  </si>
  <si>
    <t>GGES KOTLA AFGHANAN</t>
  </si>
  <si>
    <t>Kotla Afghanan</t>
  </si>
  <si>
    <t>kotla afghanan post office kanjrur tehsil shakargarh distt. narowal</t>
  </si>
  <si>
    <t>Fozia Afzal</t>
  </si>
  <si>
    <t>GGES KOTLA ANDROON</t>
  </si>
  <si>
    <t>Kotla androon</t>
  </si>
  <si>
    <t>kotla androon</t>
  </si>
  <si>
    <t>Sahan wala</t>
  </si>
  <si>
    <t>Abidah  Shaheen</t>
  </si>
  <si>
    <t>GGES KOTLA DEEWAN</t>
  </si>
  <si>
    <t>KOTLA DEWAN</t>
  </si>
  <si>
    <t>KOTLA DEWAN GGCMES</t>
  </si>
  <si>
    <t>GGES KOTLA HASSAN SHAH</t>
  </si>
  <si>
    <t>Gyamal</t>
  </si>
  <si>
    <t>GGES kotla hassan shah</t>
  </si>
  <si>
    <t>Kotla Hassan Shah</t>
  </si>
  <si>
    <t>Umar Kot</t>
  </si>
  <si>
    <t>Marina Khan</t>
  </si>
  <si>
    <t>GGES KOTLA HAYAT</t>
  </si>
  <si>
    <t>Kotla Hayat</t>
  </si>
  <si>
    <t>G.G.E/S kotla hayat bsti syad talib hussain shah</t>
  </si>
  <si>
    <t>Bsti Syad Talib Hussain Shah</t>
  </si>
  <si>
    <t>Chowk Bhadur Pur</t>
  </si>
  <si>
    <t>Amna Safdar</t>
  </si>
  <si>
    <t>GGES KOTLA KAHALWAN 44/RB</t>
  </si>
  <si>
    <t>Kotla Kahlwan</t>
  </si>
  <si>
    <t>GGES kotla kahlwan 44RB</t>
  </si>
  <si>
    <t>Zonish Arshad</t>
  </si>
  <si>
    <t>GGES KOTLA MAHARAN</t>
  </si>
  <si>
    <t>Kotlamaharan</t>
  </si>
  <si>
    <t>kotlamaharan p/of Multani wala</t>
  </si>
  <si>
    <t>Bushra Iram</t>
  </si>
  <si>
    <t>GGES KOTLA MALAM</t>
  </si>
  <si>
    <t>Malam</t>
  </si>
  <si>
    <t>GGES model elementary school kotla malam</t>
  </si>
  <si>
    <t>Kotla Malam</t>
  </si>
  <si>
    <t>SAMIA SULTANA</t>
  </si>
  <si>
    <t>GGES KOTLA SADAT NEAR SADIQ ABAD MULTAN</t>
  </si>
  <si>
    <t>KOTLA SADAT</t>
  </si>
  <si>
    <t>GGE/s Kotla sadat near Sadiq Abad Bosan Road Multan</t>
  </si>
  <si>
    <t>MADINA</t>
  </si>
  <si>
    <t>Shaista Perveen Zaidi</t>
  </si>
  <si>
    <t>GGES KOTLA SARANG KHAN</t>
  </si>
  <si>
    <t>kotla sarang khan</t>
  </si>
  <si>
    <t>Kotla sarang khan</t>
  </si>
  <si>
    <t>Chakori shair ghazi</t>
  </si>
  <si>
    <t>Syeda Fozia Munawar Bukhari</t>
  </si>
  <si>
    <t>GGES KOTLA SHER MUHAMMAD</t>
  </si>
  <si>
    <t>Kotla sher Mohmmad</t>
  </si>
  <si>
    <t>government girls  e/s kotla sher mohmmad</t>
  </si>
  <si>
    <t>Kotla Sher Mohmmad</t>
  </si>
  <si>
    <t>Sikhani Wala</t>
  </si>
  <si>
    <t>GGES KOTLA SYDAN</t>
  </si>
  <si>
    <t>Kotla Sydan</t>
  </si>
  <si>
    <t>village kotla saydan tehsil shahpur district sargodha</t>
  </si>
  <si>
    <t>Ghulam Ruqia</t>
  </si>
  <si>
    <t>GGES KOTLI AFGHANAN</t>
  </si>
  <si>
    <t>Kotli Afghanan</t>
  </si>
  <si>
    <t>GGES Kotli Afghanan</t>
  </si>
  <si>
    <t>Mong</t>
  </si>
  <si>
    <t>Mariam Fatima</t>
  </si>
  <si>
    <t>GGES KOTLI BAJWA PLOT</t>
  </si>
  <si>
    <t>Kotly Bajwa Plot</t>
  </si>
  <si>
    <t>GGES kotly bajwa plot teh and district Narowal</t>
  </si>
  <si>
    <t>Saima Shafi</t>
  </si>
  <si>
    <t>GGES KOTLI BAQIR SHAH</t>
  </si>
  <si>
    <t>kotli baqir shah</t>
  </si>
  <si>
    <t>Dosa</t>
  </si>
  <si>
    <t>Mussarat Fatima</t>
  </si>
  <si>
    <t>GGES KOTLI DIL BAGHRAI</t>
  </si>
  <si>
    <t>Kotli Dilbagh Ray</t>
  </si>
  <si>
    <t>kotli dilbagh ray</t>
  </si>
  <si>
    <t>Amara Shaukat</t>
  </si>
  <si>
    <t>GGES KOTLI GUL MUHAMMAD</t>
  </si>
  <si>
    <t>G G elementary school kotli gull muhammaf</t>
  </si>
  <si>
    <t>Kotli Gull Muhammad</t>
  </si>
  <si>
    <t>Shamaila Sharif</t>
  </si>
  <si>
    <t>GGES KOTLI HER NRAIN</t>
  </si>
  <si>
    <t>KOTLI HERNARAIN</t>
  </si>
  <si>
    <t>KOTLI HERNARAIN POST OFFICE CHOWNI SULEHRIAN TEHSIL &amp; DISTRICT SIALKOT</t>
  </si>
  <si>
    <t>DHEERA SANDHA</t>
  </si>
  <si>
    <t>Farkhanda Asghar</t>
  </si>
  <si>
    <t>GGES KOTLI LOHARAN EAST</t>
  </si>
  <si>
    <t>KOTLI LOHARAN EAST</t>
  </si>
  <si>
    <t>KOTLI LOHARAN</t>
  </si>
  <si>
    <t>Mussarat Begum</t>
  </si>
  <si>
    <t>GGES KOTLI MOHARAN</t>
  </si>
  <si>
    <t>Kotli Moharan</t>
  </si>
  <si>
    <t>village kotli moharan vpo satrah tehsil kamonki dist.gujranwala</t>
  </si>
  <si>
    <t>Dhainsar Pain</t>
  </si>
  <si>
    <t>Asma Rauf</t>
  </si>
  <si>
    <t>GGES KOTLI MUGHLAN</t>
  </si>
  <si>
    <t>Kotli Mughlan</t>
  </si>
  <si>
    <t>kotli mughlan Gujranwala</t>
  </si>
  <si>
    <t>kishwar naheed</t>
  </si>
  <si>
    <t>GGES KOTLI NAGRA</t>
  </si>
  <si>
    <t>Kotli Nagra</t>
  </si>
  <si>
    <t>Dak khana Mandiala Tega, Tehsil Kamoki, GRW</t>
  </si>
  <si>
    <t>Chak Ramdas Nau</t>
  </si>
  <si>
    <t>Tahira Fazal</t>
  </si>
  <si>
    <t>GGES KOTLI NOSHERA</t>
  </si>
  <si>
    <t>Kotlinoshehra</t>
  </si>
  <si>
    <t>village kotlinoshehra p/o wadala sundhwan the daska</t>
  </si>
  <si>
    <t>Azra Sajid</t>
  </si>
  <si>
    <t>GGES KOTLI PATHANAN</t>
  </si>
  <si>
    <t>kotly pathana Po khas tehsil district kasur</t>
  </si>
  <si>
    <t>kotly pathana kasur</t>
  </si>
  <si>
    <t>kotly pathana</t>
  </si>
  <si>
    <t>sheikh ummad kohna</t>
  </si>
  <si>
    <t>SAMINA ILYAS</t>
  </si>
  <si>
    <t>GGES KOTLI QAZI</t>
  </si>
  <si>
    <t>Kotli Qazi</t>
  </si>
  <si>
    <t>kotli Qazi</t>
  </si>
  <si>
    <t>Sabahat Asghar</t>
  </si>
  <si>
    <t>GGES KOTLI RAY ABU BAKAR</t>
  </si>
  <si>
    <t>kotli rai abu bakar</t>
  </si>
  <si>
    <t>zunaira farooq</t>
  </si>
  <si>
    <t>GGES KOTLI RUSTAM</t>
  </si>
  <si>
    <t>Kotli Rustam</t>
  </si>
  <si>
    <t>kotli rustam mohalla rasheed colony ghali 1 gujranwala</t>
  </si>
  <si>
    <t>kotli rustam</t>
  </si>
  <si>
    <t>shahida nasreen</t>
  </si>
  <si>
    <t>GGES KOTLI SAHIAN</t>
  </si>
  <si>
    <t>Kotli Sahisn</t>
  </si>
  <si>
    <t>kotli sahian</t>
  </si>
  <si>
    <t>Kotli Sahian</t>
  </si>
  <si>
    <t>Ghulam Hajera</t>
  </si>
  <si>
    <t>GGES KOTLI SAID AMIR</t>
  </si>
  <si>
    <t>Kotli Said Amir</t>
  </si>
  <si>
    <t>kotli said amir p/o zahoora teh/distt sialkot</t>
  </si>
  <si>
    <t>asma binet</t>
  </si>
  <si>
    <t>GGES KOTLI SYEDAN</t>
  </si>
  <si>
    <t>Govt Girls elementry school kotly syedan</t>
  </si>
  <si>
    <t>Kotly Syedan</t>
  </si>
  <si>
    <t>Hooria Zafar</t>
  </si>
  <si>
    <t>GGES KOTLY BAGHWAN</t>
  </si>
  <si>
    <t>Kotly  Bhagwan</t>
  </si>
  <si>
    <t>Gges  kotly bhawan</t>
  </si>
  <si>
    <t>Kotly Bhagwan</t>
  </si>
  <si>
    <t>fatima mustansar</t>
  </si>
  <si>
    <t>GGES KOTWAR</t>
  </si>
  <si>
    <t>SHEIKHUPURA-XIII - FEMALE</t>
  </si>
  <si>
    <t>Kotwar</t>
  </si>
  <si>
    <t>kotwar</t>
  </si>
  <si>
    <t>Mangal Singh Wala</t>
  </si>
  <si>
    <t>Amna Khadam</t>
  </si>
  <si>
    <t>GGES KOULO WALA</t>
  </si>
  <si>
    <t>post office same village kolowala</t>
  </si>
  <si>
    <t>Matto Bhaik</t>
  </si>
  <si>
    <t>ume Farwa</t>
  </si>
  <si>
    <t>GGES KROLL WAR</t>
  </si>
  <si>
    <t>Karol War</t>
  </si>
  <si>
    <t>Karol war</t>
  </si>
  <si>
    <t>Rizwana Akbar</t>
  </si>
  <si>
    <t>GGES KUDLATHI</t>
  </si>
  <si>
    <t>kudlathi, hazro, attock</t>
  </si>
  <si>
    <t>Musa</t>
  </si>
  <si>
    <t>GGES KUDNA</t>
  </si>
  <si>
    <t>Basti kudna post office mehmodkot city</t>
  </si>
  <si>
    <t>Kudna</t>
  </si>
  <si>
    <t>Ruqia Ismat</t>
  </si>
  <si>
    <t>GGES KUL BAJWA</t>
  </si>
  <si>
    <t>Kull Bajwa</t>
  </si>
  <si>
    <t>Kull Bajwa, Tehsil Pasroor, Distt Sialkot.</t>
  </si>
  <si>
    <t>Saleha Tahir</t>
  </si>
  <si>
    <t>GGES KULAB NO.2</t>
  </si>
  <si>
    <t>Basti Kot sipra Dak Khana KULAB</t>
  </si>
  <si>
    <t>Kot Sipra</t>
  </si>
  <si>
    <t>KULAB</t>
  </si>
  <si>
    <t>Ayesha Ashraf</t>
  </si>
  <si>
    <t>GGES KULAK</t>
  </si>
  <si>
    <t>Kulak</t>
  </si>
  <si>
    <t>village kulak post office raryala tehsil kharian district Gujrat</t>
  </si>
  <si>
    <t>Ansa Khanam</t>
  </si>
  <si>
    <t>GGES KULEYWAL SYEDAN</t>
  </si>
  <si>
    <t>Kullaywal</t>
  </si>
  <si>
    <t>kulaywal syedan teh.kharian distt Gujrat</t>
  </si>
  <si>
    <t>Kullaywal Syedan</t>
  </si>
  <si>
    <t>Raisa Naaz</t>
  </si>
  <si>
    <t>GGES KULIYAN</t>
  </si>
  <si>
    <t>Kuliyan</t>
  </si>
  <si>
    <t>Kuliyan shahpur</t>
  </si>
  <si>
    <t>Kuliyan Shahpur</t>
  </si>
  <si>
    <t>Fareeha Nasreen</t>
  </si>
  <si>
    <t>GGES KUND</t>
  </si>
  <si>
    <t>GGES KUND MALKANI, SARAI SIDHU</t>
  </si>
  <si>
    <t>Kund Malkani</t>
  </si>
  <si>
    <t>ggms kund malkani</t>
  </si>
  <si>
    <t>Chak Flak Sher</t>
  </si>
  <si>
    <t>Nafeesa Perveen</t>
  </si>
  <si>
    <t>GGES KUNG BUDDHA</t>
  </si>
  <si>
    <t>Kung Buddha</t>
  </si>
  <si>
    <t>vill. kung buddha P/O kung buddha, teh. &amp; dist. Gujrat</t>
  </si>
  <si>
    <t>Toqir Zahra</t>
  </si>
  <si>
    <t>GGES KURAR</t>
  </si>
  <si>
    <t>Gges village kurar post office mangoki virkan tehsil Noshehra virkan district Gujranwala</t>
  </si>
  <si>
    <t>Hardo Ratali</t>
  </si>
  <si>
    <t>Iqra Saifullah</t>
  </si>
  <si>
    <t>GGES KURIDOLAL</t>
  </si>
  <si>
    <t>Kuri Dolal</t>
  </si>
  <si>
    <t>village and post office kuri dolal tehsil gujar khan dist rawalpindi</t>
  </si>
  <si>
    <t>GGES KURL KEY MINARA</t>
  </si>
  <si>
    <t>Kurlkay Minara</t>
  </si>
  <si>
    <t>village kurlkay minara P.o same sheikhupora.</t>
  </si>
  <si>
    <t>Arifa Perveen</t>
  </si>
  <si>
    <t>GGES KURPALKA JAUHARABAD</t>
  </si>
  <si>
    <t>kurpalka</t>
  </si>
  <si>
    <t>Hussan Pur Tiwana</t>
  </si>
  <si>
    <t>GGES KUTHIALA</t>
  </si>
  <si>
    <t>Kuthiala</t>
  </si>
  <si>
    <t>gges  kuthiala</t>
  </si>
  <si>
    <t>Mehwish Ansar</t>
  </si>
  <si>
    <t>GGES KUTHIALA KHURD</t>
  </si>
  <si>
    <t>Kuthiala Khurd Tehsil malikwal Distt M.B.Din</t>
  </si>
  <si>
    <t>Kuthiala Khurd</t>
  </si>
  <si>
    <t>Wara Alam Shah</t>
  </si>
  <si>
    <t>Sidra Safdar</t>
  </si>
  <si>
    <t>GGES KUTIA FARM</t>
  </si>
  <si>
    <t>Kuttia Farm</t>
  </si>
  <si>
    <t>village kuttia farm p/o sadiqabad abad</t>
  </si>
  <si>
    <t>Tanveer Afshan</t>
  </si>
  <si>
    <t>GGES LADHAR 116 RB</t>
  </si>
  <si>
    <t>Ladhar chak no 116/RB Sangla Hill</t>
  </si>
  <si>
    <t>Naheed Kokab</t>
  </si>
  <si>
    <t>GGES LADHAY WALA GORAYA</t>
  </si>
  <si>
    <t>Ladhy Wala Goraya</t>
  </si>
  <si>
    <t>Ghazala Tariq</t>
  </si>
  <si>
    <t>GGES LADHEYWAL</t>
  </si>
  <si>
    <t>Ladhywal</t>
  </si>
  <si>
    <t>ladhywal</t>
  </si>
  <si>
    <t>Koay Ki Bhawal</t>
  </si>
  <si>
    <t>Shama Munawar</t>
  </si>
  <si>
    <t>GGES LADIAN</t>
  </si>
  <si>
    <t>Ladian</t>
  </si>
  <si>
    <t>vpo ladian tehsil kharian distric gujrat</t>
  </si>
  <si>
    <t>Bhurach</t>
  </si>
  <si>
    <t>Samina Nazir</t>
  </si>
  <si>
    <t>GGES LAGHARI</t>
  </si>
  <si>
    <t>v&amp;po laghari teh nur pur dist khushab</t>
  </si>
  <si>
    <t>Jura Kalan</t>
  </si>
  <si>
    <t>GGES LAGWAL</t>
  </si>
  <si>
    <t>Lagwal</t>
  </si>
  <si>
    <t>Bra Pind</t>
  </si>
  <si>
    <t>Rahat Perveen</t>
  </si>
  <si>
    <t>GGES LAHORI</t>
  </si>
  <si>
    <t>Basti hot lahori</t>
  </si>
  <si>
    <t>Basti Hot</t>
  </si>
  <si>
    <t>GGES LAK BADHAR WEST</t>
  </si>
  <si>
    <t>maal wala lak badhar</t>
  </si>
  <si>
    <t>Maal Wala</t>
  </si>
  <si>
    <t>GGES LAKHANI</t>
  </si>
  <si>
    <t>LAKHANI-FEMALE</t>
  </si>
  <si>
    <t>p/o lakhani.teh taunsa</t>
  </si>
  <si>
    <t>misbah asmat</t>
  </si>
  <si>
    <t>by canes</t>
  </si>
  <si>
    <t>GGES LAKHO DHER CHAK NO. 48</t>
  </si>
  <si>
    <t>Lakho Dher ch 48</t>
  </si>
  <si>
    <t>Lakho Dher Ch48</t>
  </si>
  <si>
    <t>Zahida Fardoos</t>
  </si>
  <si>
    <t>GGES LAKHWAL</t>
  </si>
  <si>
    <t>gges lakhwal</t>
  </si>
  <si>
    <t>Naheeda Yasmin</t>
  </si>
  <si>
    <t>GGES LAKRA KALAN</t>
  </si>
  <si>
    <t>Lakra Kalan</t>
  </si>
  <si>
    <t>lakra kalan</t>
  </si>
  <si>
    <t>Tanveer Kauser</t>
  </si>
  <si>
    <t>GGES LAL GARH</t>
  </si>
  <si>
    <t>HARRAND - FEMALE</t>
  </si>
  <si>
    <t>Lal Garh</t>
  </si>
  <si>
    <t>lal garh</t>
  </si>
  <si>
    <t>Harand</t>
  </si>
  <si>
    <t>Ayesha Riaz</t>
  </si>
  <si>
    <t>GGES LALA</t>
  </si>
  <si>
    <t>lala</t>
  </si>
  <si>
    <t>Shamas U Nisa</t>
  </si>
  <si>
    <t>GGES LALA PUR</t>
  </si>
  <si>
    <t>Lala Pur</t>
  </si>
  <si>
    <t>village Lala pur nowshera virkan Disst Gujranwala</t>
  </si>
  <si>
    <t>MattoBhikay</t>
  </si>
  <si>
    <t>Rahila Naz</t>
  </si>
  <si>
    <t>GGES LALA ZAR</t>
  </si>
  <si>
    <t>Mahtle Wala</t>
  </si>
  <si>
    <t>G.G/E School Lalazr A.P Sial</t>
  </si>
  <si>
    <t>A P Sial</t>
  </si>
  <si>
    <t>Shakila Akhtar</t>
  </si>
  <si>
    <t>GGES LALIAN</t>
  </si>
  <si>
    <t>lalian Tehsil Shakargarg District Narowal</t>
  </si>
  <si>
    <t>Riffat Naheed</t>
  </si>
  <si>
    <t>GGES LALO WALI</t>
  </si>
  <si>
    <t>Lalu  Wali</t>
  </si>
  <si>
    <t>g g e  s  lalu wali</t>
  </si>
  <si>
    <t>Lulu  Wali</t>
  </si>
  <si>
    <t>Lulu  Wall</t>
  </si>
  <si>
    <t>Raheela Mumtaz</t>
  </si>
  <si>
    <t>GGES LALOO WALA NO. 1</t>
  </si>
  <si>
    <t>Laloo Wala</t>
  </si>
  <si>
    <t>basti Fareed Nagar tehsil khan pur district  RYKhan</t>
  </si>
  <si>
    <t>Basti Fareed Nagar</t>
  </si>
  <si>
    <t>Zubaida Parveen</t>
  </si>
  <si>
    <t>GGES LALYANI</t>
  </si>
  <si>
    <t>Lalyani</t>
  </si>
  <si>
    <t>village LALYANI  P.O gujar khan  distt.rawalpindi</t>
  </si>
  <si>
    <t>GGES LAMBAN WALI</t>
  </si>
  <si>
    <t>elementary wing female</t>
  </si>
  <si>
    <t>GGE/S lambanwali</t>
  </si>
  <si>
    <t>lambanwali</t>
  </si>
  <si>
    <t>butranwali</t>
  </si>
  <si>
    <t>Arshia Gulzar</t>
  </si>
  <si>
    <t>GGES LANGAH</t>
  </si>
  <si>
    <t>village  and post office  langah teh and distt Chakwal</t>
  </si>
  <si>
    <t>nagina shaheen</t>
  </si>
  <si>
    <t>GGES LANGAR SARAI</t>
  </si>
  <si>
    <t>Langer Sarai</t>
  </si>
  <si>
    <t>Basti langer sarai</t>
  </si>
  <si>
    <t>Ambreena Atta</t>
  </si>
  <si>
    <t>GGES LANGER</t>
  </si>
  <si>
    <t>BAHTER - FEMALE</t>
  </si>
  <si>
    <t>Langar</t>
  </si>
  <si>
    <t>village langar, Teh Fateh Jang, distt attock</t>
  </si>
  <si>
    <t>Dhareak</t>
  </si>
  <si>
    <t>Iram Nisaa</t>
  </si>
  <si>
    <t>GGES LANGER MAKHDOOM</t>
  </si>
  <si>
    <t>AEO (W) LALIAN NO.11</t>
  </si>
  <si>
    <t>Langar makhdoom</t>
  </si>
  <si>
    <t>Moza Langar Makhdoom Tehsil Laliyan</t>
  </si>
  <si>
    <t>Langar Makhdoom</t>
  </si>
  <si>
    <t>Langar Makhoom</t>
  </si>
  <si>
    <t>Aasma Khan</t>
  </si>
  <si>
    <t>GGES LANGER WALA</t>
  </si>
  <si>
    <t>Kharee Sanawan</t>
  </si>
  <si>
    <t>basti haji pur mouza kahiri sinawan</t>
  </si>
  <si>
    <t>Darig</t>
  </si>
  <si>
    <t>NAHEED HAMID</t>
  </si>
  <si>
    <t>GGES LANGIAN</t>
  </si>
  <si>
    <t>GGES langian post office kot naina</t>
  </si>
  <si>
    <t>GGES LANGOWAL CHAK 28/RB</t>
  </si>
  <si>
    <t>Langowal</t>
  </si>
  <si>
    <t>G.G.E/school Longowal 28 /R.B</t>
  </si>
  <si>
    <t>Longowal Chak 28/RB</t>
  </si>
  <si>
    <t>GGES LAR JANOBI</t>
  </si>
  <si>
    <t>bait kaitch shumaili</t>
  </si>
  <si>
    <t>lar janubi bait kaitch</t>
  </si>
  <si>
    <t>lar janubi</t>
  </si>
  <si>
    <t>bait kaitch shumali</t>
  </si>
  <si>
    <t>ruqia shakoor</t>
  </si>
  <si>
    <t>GGES LARAN</t>
  </si>
  <si>
    <t>Hasil Lar</t>
  </si>
  <si>
    <t>hasil lar basti laran</t>
  </si>
  <si>
    <t>Mahand Sharif</t>
  </si>
  <si>
    <t>Dilshad Akhtar</t>
  </si>
  <si>
    <t>GGES LARI (LANGER)</t>
  </si>
  <si>
    <t>Choora Sharif</t>
  </si>
  <si>
    <t>dhoke larri village and post office choora sharif  tehsil jand distt attock</t>
  </si>
  <si>
    <t>Choora Sharuf</t>
  </si>
  <si>
    <t>Sadia Muhammad Khan</t>
  </si>
  <si>
    <t>GGES LASKANI WALA</t>
  </si>
  <si>
    <t>GGMS LASKANI WALA KAROR LAL EASON</t>
  </si>
  <si>
    <t>Nahida Parveen</t>
  </si>
  <si>
    <t>GGES LASOORI</t>
  </si>
  <si>
    <t>Dandha Wala</t>
  </si>
  <si>
    <t>basti lasori</t>
  </si>
  <si>
    <t>Lasori</t>
  </si>
  <si>
    <t>Farhana Kamal</t>
  </si>
  <si>
    <t>GGES LASORI KALAN</t>
  </si>
  <si>
    <t>Lasoori Kalan</t>
  </si>
  <si>
    <t>lasoori kalan</t>
  </si>
  <si>
    <t>Saira Tariq</t>
  </si>
  <si>
    <t>GGES LAWARI WALA</t>
  </si>
  <si>
    <t>Laweriwala</t>
  </si>
  <si>
    <t>laweriwala p/o khas tehsil wzirabad district gujranwala</t>
  </si>
  <si>
    <t>pakiza sadeeq</t>
  </si>
  <si>
    <t>GGES LEGHARI COLONY</t>
  </si>
  <si>
    <t>leghari colony</t>
  </si>
  <si>
    <t>GGES Legahri colony, legahri colony Sadiqabad</t>
  </si>
  <si>
    <t>MC sadiq abad -c</t>
  </si>
  <si>
    <t>GGES LEHAL</t>
  </si>
  <si>
    <t>Lehal</t>
  </si>
  <si>
    <t>lehal p\o box kanjror</t>
  </si>
  <si>
    <t>Lahal</t>
  </si>
  <si>
    <t>Kanjror</t>
  </si>
  <si>
    <t>Fozia Anwar</t>
  </si>
  <si>
    <t>GGES LEHRI</t>
  </si>
  <si>
    <t>p.o lehri village lehri</t>
  </si>
  <si>
    <t>Tallat Perveen</t>
  </si>
  <si>
    <t>GGES LIAQAT PURA</t>
  </si>
  <si>
    <t>GGESLIAQATPURA</t>
  </si>
  <si>
    <t>43wb</t>
  </si>
  <si>
    <t>Ward</t>
  </si>
  <si>
    <t>Abida Naseem</t>
  </si>
  <si>
    <t>GGES LISHARI</t>
  </si>
  <si>
    <t>basti LISHARI</t>
  </si>
  <si>
    <t>LISHARI</t>
  </si>
  <si>
    <t>Uzma Farid</t>
  </si>
  <si>
    <t>GGES LODHRAY</t>
  </si>
  <si>
    <t>Lodhray</t>
  </si>
  <si>
    <t>G.G.E.S LODHRAY TEHSIL AND DISTT.SIALKOT</t>
  </si>
  <si>
    <t>Hafiza Maria Khanem</t>
  </si>
  <si>
    <t>GGES LOHARKAY</t>
  </si>
  <si>
    <t>MALI PUR - FEMALE</t>
  </si>
  <si>
    <t>Loharkey</t>
  </si>
  <si>
    <t>loharkey</t>
  </si>
  <si>
    <t>Malipur</t>
  </si>
  <si>
    <t>Saubia Tabassam</t>
  </si>
  <si>
    <t>GGES LOHRIKI</t>
  </si>
  <si>
    <t>village Lorhiki</t>
  </si>
  <si>
    <t>Lorhiki</t>
  </si>
  <si>
    <t>Botala Sharem Singh</t>
  </si>
  <si>
    <t>GGES LOOMARI</t>
  </si>
  <si>
    <t>loomari</t>
  </si>
  <si>
    <t>kanduwal saray</t>
  </si>
  <si>
    <t>Shahida Shabbir</t>
  </si>
  <si>
    <t>GGES LORAI</t>
  </si>
  <si>
    <t>Lorai</t>
  </si>
  <si>
    <t>GGESLORAI</t>
  </si>
  <si>
    <t>Madina Syedan</t>
  </si>
  <si>
    <t>Attia Kokab</t>
  </si>
  <si>
    <t>GGES LOSER SHARFOO</t>
  </si>
  <si>
    <t>P.O.Box Losar Sharfoo G T Road Taxila</t>
  </si>
  <si>
    <t>BUSHRA RASOOL</t>
  </si>
  <si>
    <t>Bore.,</t>
  </si>
  <si>
    <t>GGES LOW INCOME SCHEME NO.2 MODEL TOWN</t>
  </si>
  <si>
    <t>ModelTown</t>
  </si>
  <si>
    <t>F</t>
  </si>
  <si>
    <t>GGES LOWER CHALAWARA</t>
  </si>
  <si>
    <t>Chalawara</t>
  </si>
  <si>
    <t>Vill lower chalawara p/o chalawara</t>
  </si>
  <si>
    <t>Nazira Bibi</t>
  </si>
  <si>
    <t>GGES LUB THATHOO</t>
  </si>
  <si>
    <t>lub thathoo</t>
  </si>
  <si>
    <t>Lub thathoo</t>
  </si>
  <si>
    <t>Raheela Talib</t>
  </si>
  <si>
    <t>GGES LUDHE KAY UCCHAY</t>
  </si>
  <si>
    <t>Ladheke Uncha</t>
  </si>
  <si>
    <t>ladheke uncha near raiwand Lahore</t>
  </si>
  <si>
    <t>Ladhay K Uncha</t>
  </si>
  <si>
    <t>Rabiah Zia</t>
  </si>
  <si>
    <t>connection from filter plant</t>
  </si>
  <si>
    <t>GGES LUKHMIR DHUDI</t>
  </si>
  <si>
    <t>BWN.6-FEMALE</t>
  </si>
  <si>
    <t>Jalwala road roday wali kaat</t>
  </si>
  <si>
    <t>Roday Wali Kaat</t>
  </si>
  <si>
    <t>Fateh Kot</t>
  </si>
  <si>
    <t>irfana tabassum</t>
  </si>
  <si>
    <t>GGES LUND</t>
  </si>
  <si>
    <t>Lund</t>
  </si>
  <si>
    <t>g g e s lund vpo lund teh fateh jang district attock</t>
  </si>
  <si>
    <t>Attia  Rubab</t>
  </si>
  <si>
    <t>GGES LUNDI NASHEB</t>
  </si>
  <si>
    <t>Lundi Nasheb</t>
  </si>
  <si>
    <t>moza lundi nasheb dak khana hassan shah darykhan</t>
  </si>
  <si>
    <t>Angra</t>
  </si>
  <si>
    <t>Shaista Niazi</t>
  </si>
  <si>
    <t>GGES LUQMAN BHAGTANWALA</t>
  </si>
  <si>
    <t>GGES luqman</t>
  </si>
  <si>
    <t>Aymen Qayyum</t>
  </si>
  <si>
    <t>GGES MAAN</t>
  </si>
  <si>
    <t>ggesmaan gujranwala</t>
  </si>
  <si>
    <t>Qilla Mian Sing</t>
  </si>
  <si>
    <t>Asifa Arshad</t>
  </si>
  <si>
    <t>GGES MAAN KOT, NAWAN SHEHR</t>
  </si>
  <si>
    <t>Maankot</t>
  </si>
  <si>
    <t>GGES Mankot mongawala</t>
  </si>
  <si>
    <t>Yasmin Robi</t>
  </si>
  <si>
    <t>GGES MACHARRALA</t>
  </si>
  <si>
    <t>machrala wahndo Kamonki</t>
  </si>
  <si>
    <t>tahira yasmeen</t>
  </si>
  <si>
    <t>GGES MACHHORA</t>
  </si>
  <si>
    <t>machora p/o sarsal</t>
  </si>
  <si>
    <t>Chiryawla</t>
  </si>
  <si>
    <t>GGES MACHI KHOKHAR</t>
  </si>
  <si>
    <t>Machi Khokhar</t>
  </si>
  <si>
    <t>Ballan Wala</t>
  </si>
  <si>
    <t>TEHSEENA QAMAR</t>
  </si>
  <si>
    <t>GGES MACHIA</t>
  </si>
  <si>
    <t>Machia</t>
  </si>
  <si>
    <t>vill and p.o. machia</t>
  </si>
  <si>
    <t>rubina kausar</t>
  </si>
  <si>
    <t>boor</t>
  </si>
  <si>
    <t>GGES MACHIAL</t>
  </si>
  <si>
    <t>BHURBAN - FEMALE</t>
  </si>
  <si>
    <t>Machial</t>
  </si>
  <si>
    <t>vill &amp; post office Machial lower dewal tehsil murree district rawalpindi</t>
  </si>
  <si>
    <t>Machyal</t>
  </si>
  <si>
    <t>Anum Naz</t>
  </si>
  <si>
    <t>GGES MACHRALA</t>
  </si>
  <si>
    <t>Warburton</t>
  </si>
  <si>
    <t>Qaisra Sajjad</t>
  </si>
  <si>
    <t>GGES MACHYANA</t>
  </si>
  <si>
    <t>Govt.Girls Elementary school Machiana markaz kot shakir</t>
  </si>
  <si>
    <t>7/1Thal Janobi</t>
  </si>
  <si>
    <t>GGES MAD NOOR KOT SAMABA</t>
  </si>
  <si>
    <t>Mud Kora</t>
  </si>
  <si>
    <t>GGES Mud Noor Kot Samaba</t>
  </si>
  <si>
    <t>Mud Noor</t>
  </si>
  <si>
    <t>Zahida Muneer</t>
  </si>
  <si>
    <t>GGES MADAD KHEL</t>
  </si>
  <si>
    <t>ABBA KHEL NO.1-FEMALE</t>
  </si>
  <si>
    <t>Lalu Khel</t>
  </si>
  <si>
    <t>Village Madad Khel, Mianwali</t>
  </si>
  <si>
    <t>Madad khel</t>
  </si>
  <si>
    <t>Nosheen Gul</t>
  </si>
  <si>
    <t>GGES MADAN CHAK</t>
  </si>
  <si>
    <t>Madan Chak</t>
  </si>
  <si>
    <t>Chak Chaudhary</t>
  </si>
  <si>
    <t>Sadia Nazar</t>
  </si>
  <si>
    <t>GGES MADAR</t>
  </si>
  <si>
    <t>Madar</t>
  </si>
  <si>
    <t>village madar</t>
  </si>
  <si>
    <t>GGES MADDU KHALIL</t>
  </si>
  <si>
    <t>Maddu khalil</t>
  </si>
  <si>
    <t>Papnakha</t>
  </si>
  <si>
    <t>Seemab Rana</t>
  </si>
  <si>
    <t>GGES MADHAANI WALA</t>
  </si>
  <si>
    <t>MCD 10-FEMALE</t>
  </si>
  <si>
    <t>Madhani Wala</t>
  </si>
  <si>
    <t>chak madhaniwala</t>
  </si>
  <si>
    <t>Mutwala</t>
  </si>
  <si>
    <t>Ayesha Khalid</t>
  </si>
  <si>
    <t>GGES MADHU LAL HUSSAIN (OLD NAME SAEEDA MODEL)</t>
  </si>
  <si>
    <t>baghbanpura lahore</t>
  </si>
  <si>
    <t>Madhu Lal Hussain</t>
  </si>
  <si>
    <t>Rukhsana Saleem</t>
  </si>
  <si>
    <t>GGES MADINA COLONY HAFIZABAD</t>
  </si>
  <si>
    <t>Govt girls elementary school Madina Colony</t>
  </si>
  <si>
    <t>Hafizabas</t>
  </si>
  <si>
    <t>Tayyba Irshad</t>
  </si>
  <si>
    <t>GGES MADRAS TUL BINNAT SHISHANWALA GATE, GUJRAT</t>
  </si>
  <si>
    <t>govt girls elementary school madrisa tul binat sheshan walla gate gujrat</t>
  </si>
  <si>
    <t>Noreen Akhtar</t>
  </si>
  <si>
    <t>GGES MAGHAL</t>
  </si>
  <si>
    <t>Maghal</t>
  </si>
  <si>
    <t>vpo maghal tehsil choa saiden shah distt chakwal</t>
  </si>
  <si>
    <t>Dulmial</t>
  </si>
  <si>
    <t>Ghulam Sabiha</t>
  </si>
  <si>
    <t>GGES MAHANAT DARSHAN</t>
  </si>
  <si>
    <t>Darshan</t>
  </si>
  <si>
    <t>Mahanat Darshen Teh.Depalpur Distt.Okara</t>
  </si>
  <si>
    <t>Zahida Sultana</t>
  </si>
  <si>
    <t>GGES MAHAND SHAREE</t>
  </si>
  <si>
    <t>mahand sharif</t>
  </si>
  <si>
    <t>GGh/s mahand sharif</t>
  </si>
  <si>
    <t>GGES MAHAS JANUBI CHAK 286/RB</t>
  </si>
  <si>
    <t>Mehais Jnobi</t>
  </si>
  <si>
    <t>mehais jnobi286 the sangla hill district banana sahib</t>
  </si>
  <si>
    <t>Mehais Janobi</t>
  </si>
  <si>
    <t>Azra Tasnim</t>
  </si>
  <si>
    <t>GGES MAHLO WALA</t>
  </si>
  <si>
    <t>village and post office mehlowala</t>
  </si>
  <si>
    <t>Zubaida Sadiq</t>
  </si>
  <si>
    <t>GGES MAHMOOD ABAD QASIM PUR COLONY MULTAN</t>
  </si>
  <si>
    <t>Gulshan Faiz Colony Qasim Pur</t>
  </si>
  <si>
    <t>Gulshan Faiz Colony</t>
  </si>
  <si>
    <t>Gulshan 5 Faiz</t>
  </si>
  <si>
    <t>Azra Nasreen</t>
  </si>
  <si>
    <t>GGES MAHNAY WALA</t>
  </si>
  <si>
    <t>CHAK NO.184/TDA SHUMALI-FEMALE</t>
  </si>
  <si>
    <t>Dagar Aoulakh</t>
  </si>
  <si>
    <t>PoliceHelpline 183 tda dagar Aoulakh mahny wala</t>
  </si>
  <si>
    <t>Dagger Aoulakh</t>
  </si>
  <si>
    <t>Shehnaz Bilqees</t>
  </si>
  <si>
    <t>GGES MAHNIAN WALA CHAK 14</t>
  </si>
  <si>
    <t>mahnianwala</t>
  </si>
  <si>
    <t>mahnianwala chak No 14</t>
  </si>
  <si>
    <t>Mahnianwala</t>
  </si>
  <si>
    <t>Nawa Pind</t>
  </si>
  <si>
    <t>Uzma Kalsoom</t>
  </si>
  <si>
    <t>GGES MAHOORA</t>
  </si>
  <si>
    <t>Mahoora</t>
  </si>
  <si>
    <t>vill.mahoora p/o.gagan teh.fateh jang dist.attock</t>
  </si>
  <si>
    <t>AJAIB SULTANA</t>
  </si>
  <si>
    <t>GGES MAHRAM SIAL</t>
  </si>
  <si>
    <t>mahram sial p/o haveli bahadur shah</t>
  </si>
  <si>
    <t>Maria Saleem</t>
  </si>
  <si>
    <t>GGES MAINGEN</t>
  </si>
  <si>
    <t>GGES MAINGAN</t>
  </si>
  <si>
    <t>Rahila Nazli</t>
  </si>
  <si>
    <t>GGES MAIRA AIMA PO KALLAR KAHAR</t>
  </si>
  <si>
    <t>Maira Aima</t>
  </si>
  <si>
    <t>GGES MAIRA AIMA PO\Teh kallar kahar District chakwal</t>
  </si>
  <si>
    <t>Salma Rehman</t>
  </si>
  <si>
    <t>GGES MAIRA VILLAGE</t>
  </si>
  <si>
    <t>GGES Maira Village Tehsil Kahuta District Rawalpindi</t>
  </si>
  <si>
    <t>Rashida Fatima</t>
  </si>
  <si>
    <t>GGES MAJOKKA</t>
  </si>
  <si>
    <t>majoka</t>
  </si>
  <si>
    <t>QAMAR BATOOL</t>
  </si>
  <si>
    <t>GGES MAJRA</t>
  </si>
  <si>
    <t>MIR PUR-FEMALE</t>
  </si>
  <si>
    <t>majra</t>
  </si>
  <si>
    <t>Ghumtala</t>
  </si>
  <si>
    <t>Kausar Manzoor</t>
  </si>
  <si>
    <t>GGES MAKHAN BELA</t>
  </si>
  <si>
    <t>Makhan bela</t>
  </si>
  <si>
    <t>gges makhan bela</t>
  </si>
  <si>
    <t>Tayyaba Anam</t>
  </si>
  <si>
    <t>GGES MAKHAN WALA</t>
  </si>
  <si>
    <t>Muhallah karim abad, basti sandila, p/o shah jamal</t>
  </si>
  <si>
    <t>BASTI SANDEELA</t>
  </si>
  <si>
    <t>Aalia Muneer</t>
  </si>
  <si>
    <t>GGES MAKI DHOK</t>
  </si>
  <si>
    <t>MAKI DHOAK</t>
  </si>
  <si>
    <t>VILLAGE &amp; PO MAIKI DHOAK,TEHSIL FATEH JANG</t>
  </si>
  <si>
    <t>MAIKI DHOAK</t>
  </si>
  <si>
    <t>Shakeela Nasir</t>
  </si>
  <si>
    <t>from well out side of school</t>
  </si>
  <si>
    <t>GGES MAKIAL</t>
  </si>
  <si>
    <t>Makial</t>
  </si>
  <si>
    <t>Bhag Bhari</t>
  </si>
  <si>
    <t>GGES MAKIANA</t>
  </si>
  <si>
    <t>Makiana</t>
  </si>
  <si>
    <t>Vpo Makiana,Tehsil &amp; District Gujrat</t>
  </si>
  <si>
    <t>Uzma Tassawar</t>
  </si>
  <si>
    <t>GGES MAKKAR WALA</t>
  </si>
  <si>
    <t>Lal Meer</t>
  </si>
  <si>
    <t>BASTI KIKRI WALA,NALA SARDAR MARKAZ KOT ADDU 2</t>
  </si>
  <si>
    <t>Basti Kikri Wala</t>
  </si>
  <si>
    <t>GGES MAKORAY WALA</t>
  </si>
  <si>
    <t>Makoray wala</t>
  </si>
  <si>
    <t>Farzana Yasmin</t>
  </si>
  <si>
    <t>GGES MAL AWAN</t>
  </si>
  <si>
    <t>Mal Awan</t>
  </si>
  <si>
    <t>Village &amp; P/O Mal Awan ,Teh Gujar Khan</t>
  </si>
  <si>
    <t>Change Bangial</t>
  </si>
  <si>
    <t>Aneela Siddique</t>
  </si>
  <si>
    <t>GGES MAL FATYANA</t>
  </si>
  <si>
    <t>SHEIKH BURHAN-FEMALE</t>
  </si>
  <si>
    <t>Malfatyana</t>
  </si>
  <si>
    <t>moza malfatyana</t>
  </si>
  <si>
    <t>MalfaTyana</t>
  </si>
  <si>
    <t>GGES MAL LALU PASRUR</t>
  </si>
  <si>
    <t>PASRUR - FEMALE</t>
  </si>
  <si>
    <t>Mal-la-lu</t>
  </si>
  <si>
    <t>Mal-la-lu pasrur</t>
  </si>
  <si>
    <t>Pasrur 1</t>
  </si>
  <si>
    <t>SAIMA ANWAR</t>
  </si>
  <si>
    <t>GGES MALAKWAL</t>
  </si>
  <si>
    <t>dak khana road, Malakwal</t>
  </si>
  <si>
    <t>Malakwal ll</t>
  </si>
  <si>
    <t>Uzma Afzal</t>
  </si>
  <si>
    <t>GGES MALHA</t>
  </si>
  <si>
    <t>Mala</t>
  </si>
  <si>
    <t>Govt. Girls Elementary School Mala</t>
  </si>
  <si>
    <t>Sakror</t>
  </si>
  <si>
    <t>Adiba Dilawar</t>
  </si>
  <si>
    <t>GGES MALIK ARAIN WALA</t>
  </si>
  <si>
    <t>BASEERA- FEMALE</t>
  </si>
  <si>
    <t>Pirhar Shrqi</t>
  </si>
  <si>
    <t>GGES malik araen wala. near superior group of colleges kot adu.</t>
  </si>
  <si>
    <t>chah mjtho wala</t>
  </si>
  <si>
    <t>MC KotAddu</t>
  </si>
  <si>
    <t>Saeeda Khatoon</t>
  </si>
  <si>
    <t>GGES MALIK GARHI SHAHU LAHORE</t>
  </si>
  <si>
    <t>Takia Sunayara katchi abadi Allama Iqbal road Lahore</t>
  </si>
  <si>
    <t>Habib-ul-lah Road</t>
  </si>
  <si>
    <t>GGES MALIK MANZOOR AHMAD</t>
  </si>
  <si>
    <t>Baharkhakhi</t>
  </si>
  <si>
    <t>baharkhakhi</t>
  </si>
  <si>
    <t>Malik Manzoor Ahmed</t>
  </si>
  <si>
    <t>Noshaba Rasool</t>
  </si>
  <si>
    <t>GGES MALIK PUR KHURD</t>
  </si>
  <si>
    <t>village maliokpur post office koankh tehsil Gujrat</t>
  </si>
  <si>
    <t>Santal</t>
  </si>
  <si>
    <t>Asiya Younas</t>
  </si>
  <si>
    <t>GGES MALIK PUR NARANG MANDI</t>
  </si>
  <si>
    <t>NASREEN AKHTER</t>
  </si>
  <si>
    <t>GGES MALIK WAHID BUX</t>
  </si>
  <si>
    <t>Rahmu</t>
  </si>
  <si>
    <t>basti nazar daakhana Adam sohba tehsil sadiq abad district rahim yar khan</t>
  </si>
  <si>
    <t>Basti Nazar</t>
  </si>
  <si>
    <t>Ranjhey Khan</t>
  </si>
  <si>
    <t>Sadia Aziz</t>
  </si>
  <si>
    <t>GGES MALLANA DAGGAR</t>
  </si>
  <si>
    <t>Malana Daggar</t>
  </si>
  <si>
    <t>Daggar Noon</t>
  </si>
  <si>
    <t>Waseema Yasin</t>
  </si>
  <si>
    <t>GGES MALLHU CHHIT</t>
  </si>
  <si>
    <t>malluchitt</t>
  </si>
  <si>
    <t>GGES Malluchitt</t>
  </si>
  <si>
    <t>Malluchitt</t>
  </si>
  <si>
    <t>Sayedanwali</t>
  </si>
  <si>
    <t>Faiza Khalid</t>
  </si>
  <si>
    <t>GGES MALLO KI</t>
  </si>
  <si>
    <t>Malluki</t>
  </si>
  <si>
    <t>G G E S Malluki</t>
  </si>
  <si>
    <t>Rama Thaman</t>
  </si>
  <si>
    <t>Fouzia Perveen</t>
  </si>
  <si>
    <t>GGES MALLOT SATTIAN</t>
  </si>
  <si>
    <t>mallot sattian</t>
  </si>
  <si>
    <t>Haleema Sadia</t>
  </si>
  <si>
    <t>GGES MALWAL</t>
  </si>
  <si>
    <t>village malwal post office nalli</t>
  </si>
  <si>
    <t>Nalli</t>
  </si>
  <si>
    <t>Rehana Noor</t>
  </si>
  <si>
    <t>GGES MAMDOT</t>
  </si>
  <si>
    <t>village mamdot tehsil talagang district chakwal</t>
  </si>
  <si>
    <t>Nakka Kahoot</t>
  </si>
  <si>
    <t>Ghazala Naheed Kousar</t>
  </si>
  <si>
    <t>GGES MAMOORI</t>
  </si>
  <si>
    <t>government girls elementary school mamoori dera ghazi Khan</t>
  </si>
  <si>
    <t>Zakia Parveen</t>
  </si>
  <si>
    <t>GGES MANAK</t>
  </si>
  <si>
    <t>RAIWIND - FEMALE</t>
  </si>
  <si>
    <t>MANAK</t>
  </si>
  <si>
    <t>VILLAGE MANAK</t>
  </si>
  <si>
    <t>SABA JAVAID</t>
  </si>
  <si>
    <t>GGES MANDA KHEL</t>
  </si>
  <si>
    <t>Mandakhel</t>
  </si>
  <si>
    <t>mandakhel.tehsil Isakhel.district mianwali</t>
  </si>
  <si>
    <t>Tehseen Ghafoor</t>
  </si>
  <si>
    <t>GGES MANDAY SHAH</t>
  </si>
  <si>
    <t>Jhandeer Duraija Sharqi</t>
  </si>
  <si>
    <t>maoza jhndeer duraija sharqi po sinawan teh kotaddu distt.muzaffar garh</t>
  </si>
  <si>
    <t>Monday Shah</t>
  </si>
  <si>
    <t>GGES MANDIALA MIR SHIKARAN</t>
  </si>
  <si>
    <t>village Mandiala Mir Shikaran, P.O. Kot Shera, Gujranwala.</t>
  </si>
  <si>
    <t>Mandiala Mir Shikaran</t>
  </si>
  <si>
    <t>nagina rubab rizvi</t>
  </si>
  <si>
    <t>GGES MANDIALA VIRKAN</t>
  </si>
  <si>
    <t>GGES MANDIALA WARAICH</t>
  </si>
  <si>
    <t>Mandiala Warriach</t>
  </si>
  <si>
    <t>G.G.E.S Mandela Warriach Gujranwala</t>
  </si>
  <si>
    <t>Irshad Naqvi</t>
  </si>
  <si>
    <t>GGES MANDIAWALA</t>
  </si>
  <si>
    <t>mandianwala  ch 19</t>
  </si>
  <si>
    <t>Bhai Kot</t>
  </si>
  <si>
    <t>Nusrat Nasreen</t>
  </si>
  <si>
    <t>GGES MANDIR</t>
  </si>
  <si>
    <t>Mandir</t>
  </si>
  <si>
    <t>village and po mandir tehsil kharian district gujrat</t>
  </si>
  <si>
    <t>Dhorla</t>
  </si>
  <si>
    <t>Fiaz Akhtar</t>
  </si>
  <si>
    <t>GGES MANDWANI</t>
  </si>
  <si>
    <t>berote mandwani p/o kot qaisrani</t>
  </si>
  <si>
    <t>Mandwani</t>
  </si>
  <si>
    <t>Berote Mandwani</t>
  </si>
  <si>
    <t>Nimra Farooq</t>
  </si>
  <si>
    <t>GGES MANGA</t>
  </si>
  <si>
    <t>GGES Manga</t>
  </si>
  <si>
    <t>Farida Bi Bi</t>
  </si>
  <si>
    <t>GGES MANGA DOGRAN</t>
  </si>
  <si>
    <t>govt girls elementry school manga dogran</t>
  </si>
  <si>
    <t>manga dogran</t>
  </si>
  <si>
    <t>jatri kohna</t>
  </si>
  <si>
    <t>AREEJ KANWAL</t>
  </si>
  <si>
    <t>GGES MANGANI</t>
  </si>
  <si>
    <t>Mangni</t>
  </si>
  <si>
    <t>village mangni p.o Bhagtanwala sargodha</t>
  </si>
  <si>
    <t>Rukhsana Khurshid</t>
  </si>
  <si>
    <t>GGES MANGEWALI</t>
  </si>
  <si>
    <t>GGES mangaywali teh lawa</t>
  </si>
  <si>
    <t>Noshad Akhtar</t>
  </si>
  <si>
    <t>GGES MANGHAT UNCHA</t>
  </si>
  <si>
    <t>mangat uncha</t>
  </si>
  <si>
    <t>Chak Chattah</t>
  </si>
  <si>
    <t>GGES MANGIAN</t>
  </si>
  <si>
    <t>Mangian</t>
  </si>
  <si>
    <t>GGES Mangian</t>
  </si>
  <si>
    <t>GGES MANGORTHA GHARBI</t>
  </si>
  <si>
    <t>MANGROTHA-FEMALE</t>
  </si>
  <si>
    <t>GGES Mangrotha gharbi</t>
  </si>
  <si>
    <t>GGES MANHAN (ARAIN WALA)</t>
  </si>
  <si>
    <t>manhan</t>
  </si>
  <si>
    <t>GGES MANHAN</t>
  </si>
  <si>
    <t>basti manhan</t>
  </si>
  <si>
    <t>shaikh umar</t>
  </si>
  <si>
    <t>Safia shawana</t>
  </si>
  <si>
    <t>GGES MANJHOTA</t>
  </si>
  <si>
    <t>village manjotha p/o qazian tehsil gujar Khan district Rawalpindi</t>
  </si>
  <si>
    <t>Romana Gulbhar</t>
  </si>
  <si>
    <t>GGES MANKIALA MUSLIM</t>
  </si>
  <si>
    <t>suppiali bangial</t>
  </si>
  <si>
    <t>v.p.o maniala muslim tehsil gujar khan</t>
  </si>
  <si>
    <t>mankiala muslim</t>
  </si>
  <si>
    <t>Isma Rani</t>
  </si>
  <si>
    <t>GGES MANSOOR PUR</t>
  </si>
  <si>
    <t>mansorpur</t>
  </si>
  <si>
    <t>mansorpur uc jhanpur</t>
  </si>
  <si>
    <t>dera diwan</t>
  </si>
  <si>
    <t>jhan pur</t>
  </si>
  <si>
    <t>Abida Tanveer</t>
  </si>
  <si>
    <t>GGES MANZAR ABAD, SARAI SIDHU</t>
  </si>
  <si>
    <t>barjh sargana</t>
  </si>
  <si>
    <t>chak manzarabad p/o sarai sidhu</t>
  </si>
  <si>
    <t>manzarabad</t>
  </si>
  <si>
    <t>Barjh Sargana</t>
  </si>
  <si>
    <t>atia naseer</t>
  </si>
  <si>
    <t>GGES MANZOOR ABAD</t>
  </si>
  <si>
    <t>82 Np</t>
  </si>
  <si>
    <t>GGES Manzor Abad P/O kogsamba</t>
  </si>
  <si>
    <t>Manzor Abad</t>
  </si>
  <si>
    <t>Mrs Fatima Bukhari</t>
  </si>
  <si>
    <t>GGES MANZOOR ABAD NO.1</t>
  </si>
  <si>
    <t>Gajjuhatta</t>
  </si>
  <si>
    <t>Basti Manzoorabad,  near higher secondary school,shujabad.</t>
  </si>
  <si>
    <t>Zoya Zafar</t>
  </si>
  <si>
    <t>GGES MAQAM-E-HAYAT</t>
  </si>
  <si>
    <t>Muqam E Hayat</t>
  </si>
  <si>
    <t>maqam-e-hayat</t>
  </si>
  <si>
    <t>Nazaira Ahmed</t>
  </si>
  <si>
    <t>GGES MAQBOOL SHAHEED ABAD</t>
  </si>
  <si>
    <t>Maqbool shahid Abad</t>
  </si>
  <si>
    <t>Govt Girls Elementary school  Maqbool Shahid Abad More e</t>
  </si>
  <si>
    <t>Maqbool Shahid Abad</t>
  </si>
  <si>
    <t>GGES MAQSOOD PUR</t>
  </si>
  <si>
    <t>RANG PUR- FEMALE</t>
  </si>
  <si>
    <t>Maqsood Pur</t>
  </si>
  <si>
    <t>GGES MAQSOOD pur</t>
  </si>
  <si>
    <t>Fiza Jabeen</t>
  </si>
  <si>
    <t>GGES MARAKA QUARTER</t>
  </si>
  <si>
    <t>maraka quarter</t>
  </si>
  <si>
    <t>Marka</t>
  </si>
  <si>
    <t>Farakh Naz</t>
  </si>
  <si>
    <t>GGES MARAKA VILLAGE</t>
  </si>
  <si>
    <t>Govt girls middle school maraka village</t>
  </si>
  <si>
    <t>Nabila Fardous</t>
  </si>
  <si>
    <t>GGES MARAR CHAK NO. 41/RB</t>
  </si>
  <si>
    <t>marar chak no 41/rB</t>
  </si>
  <si>
    <t>Govt Girls Elementary school marar chak no 41/rB</t>
  </si>
  <si>
    <t>Sehrish Mustafa</t>
  </si>
  <si>
    <t>GGES MARDOWAL</t>
  </si>
  <si>
    <t>GGE/S Mardowal(Shakargarh)</t>
  </si>
  <si>
    <t>GGES MARH BHANGWAN</t>
  </si>
  <si>
    <t>marh bhangowan tehsil sharaqpur district sheikhupura</t>
  </si>
  <si>
    <t>Marh Bhangowan</t>
  </si>
  <si>
    <t>Tanveer Kousar</t>
  </si>
  <si>
    <t>GGES MARI</t>
  </si>
  <si>
    <t>MARI</t>
  </si>
  <si>
    <t>VPO MARI,TEH&amp;DISTT CHAKWAL</t>
  </si>
  <si>
    <t>BHIKARI KALAN</t>
  </si>
  <si>
    <t>Sadia Bilqis</t>
  </si>
  <si>
    <t>GGES MARI BAGHO KHAN</t>
  </si>
  <si>
    <t>GGES MARIABHAGU KHAN</t>
  </si>
  <si>
    <t>GGES MARI CITY</t>
  </si>
  <si>
    <t>gges mari city district mianwali</t>
  </si>
  <si>
    <t>GGES MARI KHURD</t>
  </si>
  <si>
    <t>mari khurd tehsil noshera virkan district gujranwala</t>
  </si>
  <si>
    <t>Rabail Kousar</t>
  </si>
  <si>
    <t>GGES MARI MIAN SAHIB</t>
  </si>
  <si>
    <t>Mari Mian sahib</t>
  </si>
  <si>
    <t>GGCME School Mari mian sahib bwn MARI MIAN SAHIB</t>
  </si>
  <si>
    <t>GGES MARI QASIM SHAH BAHAWALPUR</t>
  </si>
  <si>
    <t>mari qasum shah</t>
  </si>
  <si>
    <t>Jhqngi Wala 23</t>
  </si>
  <si>
    <t>Farzana Noor</t>
  </si>
  <si>
    <t>GGES MARI SAHU, KABIRWALA</t>
  </si>
  <si>
    <t>Mari Sahoo</t>
  </si>
  <si>
    <t>village Mari Sahoo tehsil Kabir Wala district khanewal</t>
  </si>
  <si>
    <t>Romana akhtar</t>
  </si>
  <si>
    <t>GGES MARI THAKRAN</t>
  </si>
  <si>
    <t>Elementary school Mari Thakran</t>
  </si>
  <si>
    <t>Sana Ikhlaq</t>
  </si>
  <si>
    <t>GGES MARI WALA</t>
  </si>
  <si>
    <t>chah mari wala</t>
  </si>
  <si>
    <t>mari wala</t>
  </si>
  <si>
    <t>Mc Kot Addu</t>
  </si>
  <si>
    <t>Fozia Dost Muhammad</t>
  </si>
  <si>
    <t>GGES MARJAL</t>
  </si>
  <si>
    <t>Marjal</t>
  </si>
  <si>
    <t>GGES Marjal Tehsil Zafarwal District Narowal</t>
  </si>
  <si>
    <t>Marara</t>
  </si>
  <si>
    <t>Zahida kalsoom</t>
  </si>
  <si>
    <t>GGES MARKHAL</t>
  </si>
  <si>
    <t>vpo budhial  tehsil talagang district chakwal</t>
  </si>
  <si>
    <t>Farhat Nasreen</t>
  </si>
  <si>
    <t>GGES MAROOF</t>
  </si>
  <si>
    <t>8/D Maroof</t>
  </si>
  <si>
    <t>GGES Maroof Basir Pur</t>
  </si>
  <si>
    <t>Naiem Kouser</t>
  </si>
  <si>
    <t>GGES MAROOLA SHARIF</t>
  </si>
  <si>
    <t>Maroola SHARIF</t>
  </si>
  <si>
    <t>Moza Maroola Sharif</t>
  </si>
  <si>
    <t>Maroola Sharif</t>
  </si>
  <si>
    <t>Lahkan</t>
  </si>
  <si>
    <t>GGES MARRAHAN WALI</t>
  </si>
  <si>
    <t>marhan wali</t>
  </si>
  <si>
    <t>basti marhan wali pOB / marhan wali</t>
  </si>
  <si>
    <t>roshan shah</t>
  </si>
  <si>
    <t>Saira kanwal</t>
  </si>
  <si>
    <t>GGES MARRIR HASAN</t>
  </si>
  <si>
    <t>Dhok Chiraghdin</t>
  </si>
  <si>
    <t>GGES MARIR HASSAN SITUATED IN DHOK CHIRAGH DIN RWP</t>
  </si>
  <si>
    <t>RWP</t>
  </si>
  <si>
    <t>CANTT WARD 2</t>
  </si>
  <si>
    <t>Shazia Yasmeen</t>
  </si>
  <si>
    <t>GGES MARYALA</t>
  </si>
  <si>
    <t>vpo maryala , teh: jand, distt,: attock</t>
  </si>
  <si>
    <t>Shabana Riaz</t>
  </si>
  <si>
    <t>GGES MARZI PURA</t>
  </si>
  <si>
    <t>Y0saf Block</t>
  </si>
  <si>
    <t>gges marzi pura</t>
  </si>
  <si>
    <t>Ward Nmbr 4</t>
  </si>
  <si>
    <t>Musarrat parveen</t>
  </si>
  <si>
    <t>GGES MASAIKEY WALI</t>
  </si>
  <si>
    <t>Msaikeywali</t>
  </si>
  <si>
    <t>GGES MASAIKEWALI POST OFFICE KOT BARY KHAN TEH AND DISTT.GUJRANWALA</t>
  </si>
  <si>
    <t>GGES MASANDA VIRKAN</t>
  </si>
  <si>
    <t>Noshera virkan</t>
  </si>
  <si>
    <t>masanda virkan district gujranwala</t>
  </si>
  <si>
    <t>Masanda virkan</t>
  </si>
  <si>
    <t>Sadaf Bashir</t>
  </si>
  <si>
    <t>GGES MASOOD ABAD</t>
  </si>
  <si>
    <t>Nishat Colony Maghee Road Chakwal</t>
  </si>
  <si>
    <t>Chakwal City</t>
  </si>
  <si>
    <t>Sadia Haleema</t>
  </si>
  <si>
    <t>GGES MASOOM PUR KHURD</t>
  </si>
  <si>
    <t>Masoom Pur Khurd</t>
  </si>
  <si>
    <t>Village Masoom pur khurd p/o Masoom pur kalan Teh Sara I Alamgir Dist Gujrat</t>
  </si>
  <si>
    <t>Masoom Pur</t>
  </si>
  <si>
    <t>Muddasar parveen</t>
  </si>
  <si>
    <t>GGES MASROOR</t>
  </si>
  <si>
    <t>Masroor</t>
  </si>
  <si>
    <t>village masroor tehsile skg district narowal</t>
  </si>
  <si>
    <t>Nusrat Jabeen</t>
  </si>
  <si>
    <t>GGES MASTOI WALA</t>
  </si>
  <si>
    <t>Basti Mastoi Wala mouza Qasim Wala post office kotla mughla tehsil Jampur District Rajanpur</t>
  </si>
  <si>
    <t>Alvina Khalid</t>
  </si>
  <si>
    <t>GGES MATHRA DAAS</t>
  </si>
  <si>
    <t>Mathradas</t>
  </si>
  <si>
    <t>GGES MATHRADAS</t>
  </si>
  <si>
    <t>kawain malian</t>
  </si>
  <si>
    <t>Malika Shahzadi</t>
  </si>
  <si>
    <t>GGES MATI ROYA</t>
  </si>
  <si>
    <t>Bhamoo Wala</t>
  </si>
  <si>
    <t>Basti Matti Roya Moza Bhamoo Wala Tehsil &amp; District BWN</t>
  </si>
  <si>
    <t>Matti Roya</t>
  </si>
  <si>
    <t>Rukhsana Kokab</t>
  </si>
  <si>
    <t>GGES MATTAKE</t>
  </si>
  <si>
    <t>Mattake</t>
  </si>
  <si>
    <t>Village Mattake, tehsil: pindi bhattian, district: hafizabd</t>
  </si>
  <si>
    <t>Hifsah Mahreen</t>
  </si>
  <si>
    <t>GGES MATTI TAL MULTAN</t>
  </si>
  <si>
    <t>Government  girls elementary school mattital multan saddar</t>
  </si>
  <si>
    <t>Basti Mattital</t>
  </si>
  <si>
    <t>Mattital</t>
  </si>
  <si>
    <t>GGES MATTO BHAIKE</t>
  </si>
  <si>
    <t>Mattu Bhaikey</t>
  </si>
  <si>
    <t>mattu bhaikey tehsil nowshere  virkan district gujranwala</t>
  </si>
  <si>
    <t>Rubina Kouser</t>
  </si>
  <si>
    <t>GGES MATUA</t>
  </si>
  <si>
    <t>Village &amp; P.O. Matua Tehsil Gujar Khan District Rawalpindi</t>
  </si>
  <si>
    <t>Noshaba Raza</t>
  </si>
  <si>
    <t>GGES MAUZA MAGHAR</t>
  </si>
  <si>
    <t>Maghar</t>
  </si>
  <si>
    <t>Basti khan purian moza maghar no1</t>
  </si>
  <si>
    <t>Magher 1</t>
  </si>
  <si>
    <t>Nora RATH</t>
  </si>
  <si>
    <t>Razia Allah Ditta</t>
  </si>
  <si>
    <t>GGES MAWAZ WALA</t>
  </si>
  <si>
    <t>Mawaz Wala, Mochh</t>
  </si>
  <si>
    <t>Mawaz Wala</t>
  </si>
  <si>
    <t>Rizwana Nosheen</t>
  </si>
  <si>
    <t>GGES MC 2ND SHIFT MUHAMMAD ABAD SATIANA ROAD</t>
  </si>
  <si>
    <t>Muhammadabad</t>
  </si>
  <si>
    <t>street# 5mahammad abad satiana road fsd</t>
  </si>
  <si>
    <t>Muhamadabad</t>
  </si>
  <si>
    <t>Nusrat Hashmat</t>
  </si>
  <si>
    <t>GGES MC 3-G, KHANEWAL</t>
  </si>
  <si>
    <t>near allied bank chak shahana raod kwl</t>
  </si>
  <si>
    <t>Kwl City</t>
  </si>
  <si>
    <t>Kwl</t>
  </si>
  <si>
    <t>Safia Bibi H T</t>
  </si>
  <si>
    <t>GGES MC ABBASI MILLS AREA</t>
  </si>
  <si>
    <t>Govt  E/ s  Mc Abbasia Mills R y k</t>
  </si>
  <si>
    <t>Mc Rahim Yar Khan</t>
  </si>
  <si>
    <t>Zabihaakhter</t>
  </si>
  <si>
    <t>GGES MC ABBOT ROAD SIALKOT</t>
  </si>
  <si>
    <t>Abbot road</t>
  </si>
  <si>
    <t>Riffat Yasmeen</t>
  </si>
  <si>
    <t>GGES MC AHMED PURA</t>
  </si>
  <si>
    <t>Ahmadpura</t>
  </si>
  <si>
    <t>Mohallah Ahmadpura Sheikhupura</t>
  </si>
  <si>
    <t>Filtered water cooler</t>
  </si>
  <si>
    <t>GGES MC AL-JEELAN MULTAN</t>
  </si>
  <si>
    <t>LOHARI GATE - FEMALE</t>
  </si>
  <si>
    <t>GGES MC Al-Jillan school suraj kund road Multan</t>
  </si>
  <si>
    <t>Al Jillan Town</t>
  </si>
  <si>
    <t>Gulzaib Colony</t>
  </si>
  <si>
    <t>GGES MC AMIN ABAD</t>
  </si>
  <si>
    <t>govt mcgirls elementary school aminabad rasheed chowk samanabad faisalabad</t>
  </si>
  <si>
    <t>City Faisalabad</t>
  </si>
  <si>
    <t>Samnabad</t>
  </si>
  <si>
    <t>MISBAH KANWAL</t>
  </si>
  <si>
    <t>GGES MC ANWAR KHAN WALA</t>
  </si>
  <si>
    <t>mc girls E/ school 224 rb anwar khan wala faisalabad</t>
  </si>
  <si>
    <t>224rb</t>
  </si>
  <si>
    <t>Sarfraz Colony</t>
  </si>
  <si>
    <t>filtered water cans</t>
  </si>
  <si>
    <t>GGES MC BASTI ZOHRI KHANPUR</t>
  </si>
  <si>
    <t>GGE\S ZAHRI near bhutto park</t>
  </si>
  <si>
    <t>Zakia Manzoor</t>
  </si>
  <si>
    <t>GGES MC BLOCK 2</t>
  </si>
  <si>
    <t>MUSLIM ABAD-FEMALE</t>
  </si>
  <si>
    <t>near Rescue1122 RYK</t>
  </si>
  <si>
    <t>31B</t>
  </si>
  <si>
    <t>GGES MC BLOCK NO.14 SARGODHA</t>
  </si>
  <si>
    <t>CORPORATION - FEMALE</t>
  </si>
  <si>
    <t>GGES MC Block 14 Sargodha</t>
  </si>
  <si>
    <t>Block 14</t>
  </si>
  <si>
    <t>MC-2</t>
  </si>
  <si>
    <t>Riffat Shaheen</t>
  </si>
  <si>
    <t>GGES MC CANAL COLONY FSD</t>
  </si>
  <si>
    <t>Clock Tower</t>
  </si>
  <si>
    <t>GOVT.MCGES Canal Colony FSD</t>
  </si>
  <si>
    <t>water dispenser</t>
  </si>
  <si>
    <t>GGES MC CENTRE, MIAN CHANNU</t>
  </si>
  <si>
    <t>circular road mian channu</t>
  </si>
  <si>
    <t>Karwan</t>
  </si>
  <si>
    <t>farhat jabeen</t>
  </si>
  <si>
    <t>GGES MC CHAKWAL</t>
  </si>
  <si>
    <t>M.C GIRLS  ELEMENTARY  SCHOOL  TALAGANG  ROAR CHAKWAL</t>
  </si>
  <si>
    <t>Abida Tabassum</t>
  </si>
  <si>
    <t>GGES MC CHINIOT</t>
  </si>
  <si>
    <t>Chiniot</t>
  </si>
  <si>
    <t>govt.girls MC E/S mohallah garah chiniot</t>
  </si>
  <si>
    <t>Garah</t>
  </si>
  <si>
    <t>Rabia Idrees</t>
  </si>
  <si>
    <t>GGES MC DASKA KOT (HAQ PURA)</t>
  </si>
  <si>
    <t>GGES MC Daska Kot haqpura</t>
  </si>
  <si>
    <t>Haqpura</t>
  </si>
  <si>
    <t>Farhat Lateef</t>
  </si>
  <si>
    <t>GGES MC DEHLI GATE MULTAN</t>
  </si>
  <si>
    <t>DOLAT GATE - FEMALE</t>
  </si>
  <si>
    <t>Jamal Pura Pir Wala</t>
  </si>
  <si>
    <t>near imam bargah Hussain abad</t>
  </si>
  <si>
    <t>Multan</t>
  </si>
  <si>
    <t>Gohar Sultan</t>
  </si>
  <si>
    <t>Musarrat Rehman Pasha</t>
  </si>
  <si>
    <t>GGES MC DHOK PARACHA</t>
  </si>
  <si>
    <t>Dhoke paracha rwp</t>
  </si>
  <si>
    <t>Dhoke Paracha</t>
  </si>
  <si>
    <t>Dhoke Kashmirian</t>
  </si>
  <si>
    <t>Amara Rafique</t>
  </si>
  <si>
    <t>GGES MC FACTORY AREA SARGODHA</t>
  </si>
  <si>
    <t>Corporation</t>
  </si>
  <si>
    <t>GGMCES factory area sgd</t>
  </si>
  <si>
    <t>GGES MC FARID GUNJ</t>
  </si>
  <si>
    <t>Farid Gunj</t>
  </si>
  <si>
    <t>st no 11,gurunanak pura</t>
  </si>
  <si>
    <t>Gurunanakpura</t>
  </si>
  <si>
    <t>Gurunanak Pura</t>
  </si>
  <si>
    <t>Adeeba Tabassum</t>
  </si>
  <si>
    <t>GGES MC FAROOQ NAGAR</t>
  </si>
  <si>
    <t>City Skp</t>
  </si>
  <si>
    <t>farooq nagar sheikhupura</t>
  </si>
  <si>
    <t>Skp</t>
  </si>
  <si>
    <t>Skp urban 2</t>
  </si>
  <si>
    <t>Qaisra Rehman</t>
  </si>
  <si>
    <t>GGES MC GHAREEB ABAD</t>
  </si>
  <si>
    <t>Sheesh Mehal Ghareeb Abad</t>
  </si>
  <si>
    <t>Sheesh Mehal'Ghareeb Abad</t>
  </si>
  <si>
    <t>Sheesh Mehal</t>
  </si>
  <si>
    <t>Farhana Naz</t>
  </si>
  <si>
    <t>GGES MC GOJRA</t>
  </si>
  <si>
    <t>gges mc gojra near jinah park gojra</t>
  </si>
  <si>
    <t>City Gojra</t>
  </si>
  <si>
    <t>SAJIDA KOUSAR</t>
  </si>
  <si>
    <t>GGES MC HAFIZABAD FUWARA CHOWK</t>
  </si>
  <si>
    <t>Fuwara Chowk</t>
  </si>
  <si>
    <t>Fuwara chowk hafizabad</t>
  </si>
  <si>
    <t>Mc City Hafizabad</t>
  </si>
  <si>
    <t>SHAGUFTA PERVEEN</t>
  </si>
  <si>
    <t>GGES MC IQBAL NAGAR FAISALABAD</t>
  </si>
  <si>
    <t>Allama Iqbal colony</t>
  </si>
  <si>
    <t>M.C.GIRLS ELEMENTARY SCHOOL IQBAL NAGAR FAISALABAD</t>
  </si>
  <si>
    <t>IQBAL NAGAR</t>
  </si>
  <si>
    <t>GGES MC ISLAM NAGAR 2 FSD</t>
  </si>
  <si>
    <t>Islamnagar</t>
  </si>
  <si>
    <t>Islamnagar Faisalabad</t>
  </si>
  <si>
    <t>Riffat Perveen</t>
  </si>
  <si>
    <t>GGES MC ISRAR COLONY</t>
  </si>
  <si>
    <t>Sheikhupura City</t>
  </si>
  <si>
    <t>data shah Jamal road israr colony skp</t>
  </si>
  <si>
    <t>Sheikhupura Urban 9</t>
  </si>
  <si>
    <t>Fozia Tabbassum</t>
  </si>
  <si>
    <t>GGES MC ISTAQLAL ABAD SARGODHA</t>
  </si>
  <si>
    <t>Istaqlalabad</t>
  </si>
  <si>
    <t>Istaqlalabad Sargodha</t>
  </si>
  <si>
    <t>GGES MC ITTEFAQ PURA MULTAN</t>
  </si>
  <si>
    <t>Ittefaq Pura</t>
  </si>
  <si>
    <t>chongi no 14 ittefaq pura multan</t>
  </si>
  <si>
    <t>Hazarian Wala</t>
  </si>
  <si>
    <t>Hina Shafique</t>
  </si>
  <si>
    <t>GGES MC JADEED NO.2 THATHI GHARBI</t>
  </si>
  <si>
    <t>mohallah thatti gharbi chiniot</t>
  </si>
  <si>
    <t>Mohallah Rajay Wali</t>
  </si>
  <si>
    <t>GGES MC JINNAH MODEL LALA MUSA</t>
  </si>
  <si>
    <t>Tanki Muhalla Lalamusa</t>
  </si>
  <si>
    <t>Humaira Iqbal</t>
  </si>
  <si>
    <t>GGES MC JUNIOR MODEL BAGH GUL BEGUM</t>
  </si>
  <si>
    <t>CDG JMM school bagh Gul begam mozang lhr</t>
  </si>
  <si>
    <t>Bhawalpur House</t>
  </si>
  <si>
    <t>Rukhsana Haider</t>
  </si>
  <si>
    <t>GGES MC JUNIOR MODEL BHATI GATE</t>
  </si>
  <si>
    <t>Bhatti Gate</t>
  </si>
  <si>
    <t>GGES MC JUNIOR MODEL BHATTI GATE</t>
  </si>
  <si>
    <t>GGES MC JUNIOR MODEL JINNAH COLONY BUSTAMI ROAD</t>
  </si>
  <si>
    <t>GGES MC junior model jinnah colony bustami road lahore</t>
  </si>
  <si>
    <t>Bastami Road</t>
  </si>
  <si>
    <t>Noshaba Luqman</t>
  </si>
  <si>
    <t>GGES MC JUNIOR MODEL MUZAFFARGARH</t>
  </si>
  <si>
    <t>Muzaffar Garh</t>
  </si>
  <si>
    <t>GGES MC Junior Model Muzaffar Garh</t>
  </si>
  <si>
    <t>Muzaffar Garh  Khursheedabad</t>
  </si>
  <si>
    <t>Sadia Niaz</t>
  </si>
  <si>
    <t>GGES MC JUNIOR MODEL PUBLIC NO. 1</t>
  </si>
  <si>
    <t>gujar khan</t>
  </si>
  <si>
    <t>Mc junior GT road gujar khan</t>
  </si>
  <si>
    <t>RIZWANA NAZLI</t>
  </si>
  <si>
    <t>GGES MC JUNIOR MODEL SAID PUR</t>
  </si>
  <si>
    <t>cdg girls middle school saidpur multan road lahore</t>
  </si>
  <si>
    <t>Khurshid Bano</t>
  </si>
  <si>
    <t>GGES MC JUNIOR MODEL SUTAR MANDI</t>
  </si>
  <si>
    <t>dah</t>
  </si>
  <si>
    <t>cdg junior model middle school sooter mandi lahore</t>
  </si>
  <si>
    <t>ravi town</t>
  </si>
  <si>
    <t>rang mehal</t>
  </si>
  <si>
    <t>Sana Rehman</t>
  </si>
  <si>
    <t>GGES MC KASHMIRI MOHALLAH SIALKOT</t>
  </si>
  <si>
    <t>GGMCES Kashmiri Mohalla, Moh Imam Sahib Sialkot</t>
  </si>
  <si>
    <t>Imam Sahib</t>
  </si>
  <si>
    <t>Yasmin Anjum</t>
  </si>
  <si>
    <t>GGES MC KHALASA COLLEGE</t>
  </si>
  <si>
    <t>GGES KHALSA COLLEGE</t>
  </si>
  <si>
    <t>Small D Ground</t>
  </si>
  <si>
    <t>Abida Naheed</t>
  </si>
  <si>
    <t>GGES MC KUMHARAN WALA MULTAN</t>
  </si>
  <si>
    <t>Kumharanwala</t>
  </si>
  <si>
    <t>near nyaz petrol pump kumharanwala</t>
  </si>
  <si>
    <t>Peer Manzoor Colony</t>
  </si>
  <si>
    <t>Mariam Saeed</t>
  </si>
  <si>
    <t>GGES MC LAYYAL PUR COLONY FSD</t>
  </si>
  <si>
    <t>Laylpurcolony  Colony No 1</t>
  </si>
  <si>
    <t>G Mc G E S Laylpurcolony no 1 fsd</t>
  </si>
  <si>
    <t>Layallpur Colony</t>
  </si>
  <si>
    <t>117jb Dahonala</t>
  </si>
  <si>
    <t>GGES MC LOHARI GATE MULTAN</t>
  </si>
  <si>
    <t>Govt. Mc girls Elementry School Lohari gate near chowk fawara multan</t>
  </si>
  <si>
    <t>Kirri Afghana</t>
  </si>
  <si>
    <t>Musarat  Khalid</t>
  </si>
  <si>
    <t>GGES MC MIANA PURA SIALKOT</t>
  </si>
  <si>
    <t>shah syedan sialkot</t>
  </si>
  <si>
    <t>Govt M.c girls E/school miana pura sialkot</t>
  </si>
  <si>
    <t>no</t>
  </si>
  <si>
    <t>shah syedan</t>
  </si>
  <si>
    <t>GGES MC MILLAT COLONY</t>
  </si>
  <si>
    <t>G  girls e/millat mc millat colony ( D type)</t>
  </si>
  <si>
    <t>Sarvat Jabeen</t>
  </si>
  <si>
    <t>GGES MC MODEL AHMADPUR EAST</t>
  </si>
  <si>
    <t>Ape</t>
  </si>
  <si>
    <t>near municipal office ape</t>
  </si>
  <si>
    <t>Marym Qureshi</t>
  </si>
  <si>
    <t>GGES MC MODEL PHALIA</t>
  </si>
  <si>
    <t>PHALIA -I- FEMALE</t>
  </si>
  <si>
    <t>Ghanian Road Phalia Ameer</t>
  </si>
  <si>
    <t>Robina Akbar</t>
  </si>
  <si>
    <t>GGES MC MOHALLAH KAMANGRAN</t>
  </si>
  <si>
    <t>Moh Kamangran</t>
  </si>
  <si>
    <t>GGMC ES Mohallah Kamangran</t>
  </si>
  <si>
    <t>Kamangran</t>
  </si>
  <si>
    <t>GGES MC MORI GATE SIALKOT</t>
  </si>
  <si>
    <t>Govt MC E/S Morigate, Schwala Park Dharowal</t>
  </si>
  <si>
    <t>Imam sahib</t>
  </si>
  <si>
    <t>Samina Rashid</t>
  </si>
  <si>
    <t>GGES MC MURREE</t>
  </si>
  <si>
    <t>Gges MC Murree Lower Bazar Murree</t>
  </si>
  <si>
    <t>Bushra Faraz</t>
  </si>
  <si>
    <t>GGES MC NAIKA PURA SIALKOT</t>
  </si>
  <si>
    <t>Mohallah Naika Pura Sialkot City</t>
  </si>
  <si>
    <t>Robina</t>
  </si>
  <si>
    <t>GGES MC NO. 1 LIBRARY RAILWAY ROAD</t>
  </si>
  <si>
    <t>Peer Kariyan</t>
  </si>
  <si>
    <t>railway road ppn</t>
  </si>
  <si>
    <t>Urban Warad 14</t>
  </si>
  <si>
    <t>GGES MC NO. 12 GHALLA MANDI SAHIWAL</t>
  </si>
  <si>
    <t>WARD NO 09</t>
  </si>
  <si>
    <t>GGES MC NO 12 GHALLA MANDI SAHIWAL</t>
  </si>
  <si>
    <t>GAOSHALA W #9</t>
  </si>
  <si>
    <t>Misbah Kousar</t>
  </si>
  <si>
    <t>GGES MC NO. 2 HAJVERI TOWN</t>
  </si>
  <si>
    <t>Govt. MC Girls Elementary school no.2 hajvery town</t>
  </si>
  <si>
    <t>Hajvery town</t>
  </si>
  <si>
    <t>Naheeda Sultana</t>
  </si>
  <si>
    <t>GGES MC NO. 2 OLD TOWN HALL PAKPATTAN</t>
  </si>
  <si>
    <t>Pakpattan</t>
  </si>
  <si>
    <t>Old Town Hall</t>
  </si>
  <si>
    <t>Town Hall</t>
  </si>
  <si>
    <t>Urban Ward 34</t>
  </si>
  <si>
    <t>Najma tajamal</t>
  </si>
  <si>
    <t>GGES MC NO.1 CHICHAWATNI</t>
  </si>
  <si>
    <t>block no.7cci</t>
  </si>
  <si>
    <t>Block no 7</t>
  </si>
  <si>
    <t>Sajila Ishaq</t>
  </si>
  <si>
    <t>GGES MC NO.2 CHICHAWATNI</t>
  </si>
  <si>
    <t>Ahmad nagger</t>
  </si>
  <si>
    <t>Govt Mc Girls Middle School no 2</t>
  </si>
  <si>
    <t>40/12-L</t>
  </si>
  <si>
    <t>Zahida Atta</t>
  </si>
  <si>
    <t>GGES MC NO.2 RAM GARH COLONY</t>
  </si>
  <si>
    <t>mughalpura</t>
  </si>
  <si>
    <t>cdggRamgarh colony</t>
  </si>
  <si>
    <t>Ramgarh colony</t>
  </si>
  <si>
    <t>Sahowari</t>
  </si>
  <si>
    <t>BUSHRA PARVEEN</t>
  </si>
  <si>
    <t>GGES MC NO.23 GUJRANWALA</t>
  </si>
  <si>
    <t>ARFAT COLONY, HAIDERY ROAD GUJRANWALA</t>
  </si>
  <si>
    <t>SEHRISH NAZ</t>
  </si>
  <si>
    <t>GGES MC NO.26 GUJRANWALA</t>
  </si>
  <si>
    <t>DhullayGRW</t>
  </si>
  <si>
    <t>Dhullay</t>
  </si>
  <si>
    <t>Tasnim Fatima</t>
  </si>
  <si>
    <t>GGES MC NO.3 CHICHAWATNI</t>
  </si>
  <si>
    <t>Block#17</t>
  </si>
  <si>
    <t>GGES MC NO.3 CCI. BLOCK#17 CCI.</t>
  </si>
  <si>
    <t>Chichawatni</t>
  </si>
  <si>
    <t>Riffat Fouzia</t>
  </si>
  <si>
    <t>GGES MC NO.3 GHULAM MUHAMMAD ABAD FSD</t>
  </si>
  <si>
    <t>GMCGE/s #3 GM Abad</t>
  </si>
  <si>
    <t>Nuzhat Jabeen</t>
  </si>
  <si>
    <t>GGES MC NO.3 GUJRANWALA</t>
  </si>
  <si>
    <t>MoH Faisalabad ST 6 GRW</t>
  </si>
  <si>
    <t>Mohalla Faislabad</t>
  </si>
  <si>
    <t>GRW City 2</t>
  </si>
  <si>
    <t>GGES MC NO.3 M BLOCK</t>
  </si>
  <si>
    <t>gges mc 3 m Block arifwala</t>
  </si>
  <si>
    <t>City Arifwala</t>
  </si>
  <si>
    <t>Fozia Naseem</t>
  </si>
  <si>
    <t>GGES MC NO.4 GUJRANWALA CITY</t>
  </si>
  <si>
    <t>GRW</t>
  </si>
  <si>
    <t>Sherana wala bag GG E M C SCHOOL NO 4 GUJRANWALA</t>
  </si>
  <si>
    <t>Sherana wala bag grw</t>
  </si>
  <si>
    <t>Bukhty wla</t>
  </si>
  <si>
    <t>Rabia Khalid</t>
  </si>
  <si>
    <t>GGES MC NO.7 GUJRANWALA</t>
  </si>
  <si>
    <t>Govt.MC e/s-7 choke dar_UL_salam basti dogran GRW.</t>
  </si>
  <si>
    <t>Grw</t>
  </si>
  <si>
    <t>3porana musawar khana</t>
  </si>
  <si>
    <t>Fozia khanam</t>
  </si>
  <si>
    <t>GGES MC NO.8 GUJRANWALA</t>
  </si>
  <si>
    <t>st aslam lone wali bakhtey wala near shairan wala bagh GT road GRW</t>
  </si>
  <si>
    <t>Purana Bhaidi Khana</t>
  </si>
  <si>
    <t>Beenish Akram</t>
  </si>
  <si>
    <t>GGES MC NOOR PURA</t>
  </si>
  <si>
    <t>Noor Pura</t>
  </si>
  <si>
    <t>Noor pura chishtian</t>
  </si>
  <si>
    <t>GGES MC NOOR-UL-AMEEN COLONY</t>
  </si>
  <si>
    <t>Noor Ul Amin Colony Skp</t>
  </si>
  <si>
    <t>GGES Noor ul Amin colony skp</t>
  </si>
  <si>
    <t>GGES MC PURANA SHEHR</t>
  </si>
  <si>
    <t>PURANA SHEHR</t>
  </si>
  <si>
    <t>GGES MC PURANA SHEHR ALMGEER ROAD SHEIKHUPURA</t>
  </si>
  <si>
    <t>muncipal committee sheikhupura</t>
  </si>
  <si>
    <t>GGES MC QASIM ABAD</t>
  </si>
  <si>
    <t>Qasimabad</t>
  </si>
  <si>
    <t>GGES MC Qasimabad Rwp</t>
  </si>
  <si>
    <t>GGES MC QASIM PUR COLONY MULTAN</t>
  </si>
  <si>
    <t>HARRAM GATE - FEMALE</t>
  </si>
  <si>
    <t>Kotla Baka</t>
  </si>
  <si>
    <t>Qasimpur colony multan</t>
  </si>
  <si>
    <t>Shumaila Ghaffar</t>
  </si>
  <si>
    <t>GGES MC RAILWAY COLONY, MIAN CHANNU</t>
  </si>
  <si>
    <t>M0hallah Eid Gah</t>
  </si>
  <si>
    <t>Got Mc middle railway colony mian channu</t>
  </si>
  <si>
    <t>Mc Mian Channu</t>
  </si>
  <si>
    <t>Naheed younas</t>
  </si>
  <si>
    <t>GGES MC RASALA NO 12</t>
  </si>
  <si>
    <t>Firdous Colony</t>
  </si>
  <si>
    <t>M C Girls Middle School Rasala ,12  Faisalabad</t>
  </si>
  <si>
    <t>Ayub Research</t>
  </si>
  <si>
    <t>GGES MC ROAD KOT KASUR</t>
  </si>
  <si>
    <t>godam haji ali road kot</t>
  </si>
  <si>
    <t>Road Kot</t>
  </si>
  <si>
    <t>shahida</t>
  </si>
  <si>
    <t>GGES MC RUKAN PURA KASUR</t>
  </si>
  <si>
    <t>GGMCES Rukan pura</t>
  </si>
  <si>
    <t>Bhasar Pura</t>
  </si>
  <si>
    <t>GGES MC SANI BANK</t>
  </si>
  <si>
    <t>Sunnybank</t>
  </si>
  <si>
    <t>Near pakistan cadet colleg sunnybank</t>
  </si>
  <si>
    <t>GGES MC SHAHAB PURA</t>
  </si>
  <si>
    <t>Shahabpura</t>
  </si>
  <si>
    <t>Govt MC Girls Elementary School Shahabpura sialkot</t>
  </si>
  <si>
    <t>Shahbpura</t>
  </si>
  <si>
    <t>GGES MC SHALIMAR TOWN</t>
  </si>
  <si>
    <t>nowala chowk near post office shalamar</t>
  </si>
  <si>
    <t>Green Park</t>
  </si>
  <si>
    <t>Syed Sobia Jamal</t>
  </si>
  <si>
    <t>GGES MC SYED ABAD FSD</t>
  </si>
  <si>
    <t>Syedabad</t>
  </si>
  <si>
    <t>st#1, syedabad. fsd.</t>
  </si>
  <si>
    <t>Ghazala Rais</t>
  </si>
  <si>
    <t>GGES MC THALI ROAD</t>
  </si>
  <si>
    <t>NORAY WALI</t>
  </si>
  <si>
    <t>GGES MC THALLI Road, RAHIM YAR KHAN</t>
  </si>
  <si>
    <t>THALLI ROAD</t>
  </si>
  <si>
    <t>MC RYKHAN</t>
  </si>
  <si>
    <t>Samra  Manzoor</t>
  </si>
  <si>
    <t>GGES MC TIBBI SHAIR KHAN MOHALLA GANJ SULTAN</t>
  </si>
  <si>
    <t>TARAF MUBARAK AWAL</t>
  </si>
  <si>
    <t>NEAR GHATA GHAR OPPOSITE RELAX HOTEL, TIBBI SHER KHAN</t>
  </si>
  <si>
    <t>AMEER ABAD</t>
  </si>
  <si>
    <t>Rabia Basri</t>
  </si>
  <si>
    <t>filteration plant, electric cooler</t>
  </si>
  <si>
    <t>GGES MC WAHDAT COLONY</t>
  </si>
  <si>
    <t>wahdat colony Multan</t>
  </si>
  <si>
    <t>Wahdat Colony</t>
  </si>
  <si>
    <t>Asma Rani</t>
  </si>
  <si>
    <t>GGES MC WARIS KHAN RWP</t>
  </si>
  <si>
    <t>Waris Khan</t>
  </si>
  <si>
    <t>Mc girls middle School waris Khan Rawalpindi</t>
  </si>
  <si>
    <t>Roshan Sittara</t>
  </si>
  <si>
    <t>GGES MC WUKLA COLONY</t>
  </si>
  <si>
    <t>BWN.3-FEMALE</t>
  </si>
  <si>
    <t>wukla Colony bwn .</t>
  </si>
  <si>
    <t>BahawalNagar</t>
  </si>
  <si>
    <t>Amir Cot</t>
  </si>
  <si>
    <t>Shazia Yousuf</t>
  </si>
  <si>
    <t>GGES MC YOUNG WALA</t>
  </si>
  <si>
    <t>Young Wala</t>
  </si>
  <si>
    <t>govt MC girls elementary school young wala</t>
  </si>
  <si>
    <t>Fareeha Nighat</t>
  </si>
  <si>
    <t>GGES MC YOUSAF ABAD</t>
  </si>
  <si>
    <t>Street no 9 main bazar Yousafabad Faisalabad</t>
  </si>
  <si>
    <t>Gulshan Ara</t>
  </si>
  <si>
    <t>GGES MC ZEESHAN PARK FSD</t>
  </si>
  <si>
    <t>Zeeshanpark</t>
  </si>
  <si>
    <t>m.c girls middle school zeeshanpark faisalaad</t>
  </si>
  <si>
    <t>Ishrat Perveen</t>
  </si>
  <si>
    <t>GGES MEDICAL COLONY BAHAWALPUR</t>
  </si>
  <si>
    <t>One Unit COLONY</t>
  </si>
  <si>
    <t>GGES Medical colony one unit Colony bwp</t>
  </si>
  <si>
    <t>One Unit Colony</t>
  </si>
  <si>
    <t>Bwp City VIII</t>
  </si>
  <si>
    <t>Kishwar Naheed</t>
  </si>
  <si>
    <t>GGES MEER PUR</t>
  </si>
  <si>
    <t>kot nazam din</t>
  </si>
  <si>
    <t>Billkist Bano</t>
  </si>
  <si>
    <t>GGES MEERAK</t>
  </si>
  <si>
    <t>Meerak</t>
  </si>
  <si>
    <t>Qudsia Firdaus</t>
  </si>
  <si>
    <t>GGES MEERAN PUR SHUMALI</t>
  </si>
  <si>
    <t>meeranpur shumali post office hajipur</t>
  </si>
  <si>
    <t>FARZANA FAREED</t>
  </si>
  <si>
    <t>GGES MEERNAY WALA</t>
  </si>
  <si>
    <t>Meernaywala</t>
  </si>
  <si>
    <t>mouza meernaywala</t>
  </si>
  <si>
    <t>Kotmapal</t>
  </si>
  <si>
    <t>Sadaf Manzoor</t>
  </si>
  <si>
    <t>GGES MEEROWAL</t>
  </si>
  <si>
    <t>Meerowal</t>
  </si>
  <si>
    <t>meerowal tehsil muridky dist skp</t>
  </si>
  <si>
    <t>Ratta Gujjran</t>
  </si>
  <si>
    <t>Tayyba Kiran</t>
  </si>
  <si>
    <t>GGES MEETA</t>
  </si>
  <si>
    <t>Meeta</t>
  </si>
  <si>
    <t>GGES Meeta</t>
  </si>
  <si>
    <t>Sial Sharif</t>
  </si>
  <si>
    <t>GGES MEGHA</t>
  </si>
  <si>
    <t>megha</t>
  </si>
  <si>
    <t>Humaira Ashraf</t>
  </si>
  <si>
    <t>GGES MEGHA ARA</t>
  </si>
  <si>
    <t>Megha Ara</t>
  </si>
  <si>
    <t>Megha Ara tehsil Sahiwal</t>
  </si>
  <si>
    <t>Kud Lathi Ara</t>
  </si>
  <si>
    <t>Shgufta Nasreen</t>
  </si>
  <si>
    <t>GGES MEHAR SHAH</t>
  </si>
  <si>
    <t>near rohiee ghee  mill pull gupal k pacca</t>
  </si>
  <si>
    <t>Darbar Mahar Shah K Pacca</t>
  </si>
  <si>
    <t>Ansar  Parveen</t>
  </si>
  <si>
    <t>GGES MEHBOOB SHAH</t>
  </si>
  <si>
    <t>Mehboob Shah</t>
  </si>
  <si>
    <t>mehboob shah</t>
  </si>
  <si>
    <t>Noraba</t>
  </si>
  <si>
    <t>Khadija Perveen</t>
  </si>
  <si>
    <t>GGES MEHDIABAD</t>
  </si>
  <si>
    <t>Mehdiabad</t>
  </si>
  <si>
    <t>village and  p/o vanike tarar tehsil and District Hafizabad</t>
  </si>
  <si>
    <t>Nuzhat Rahmat</t>
  </si>
  <si>
    <t>GGES MEHIS KALAN</t>
  </si>
  <si>
    <t>Mahais Kalan</t>
  </si>
  <si>
    <t>village mahais kalan p/o baduhmalih district and tehsil narowal</t>
  </si>
  <si>
    <t>Dhragmiana</t>
  </si>
  <si>
    <t>GGES MEHLOWALA</t>
  </si>
  <si>
    <t>LANGERKAY - FEMALE</t>
  </si>
  <si>
    <t>mehlowala narowal</t>
  </si>
  <si>
    <t>MehlowLa</t>
  </si>
  <si>
    <t>Saira Mushtaq</t>
  </si>
  <si>
    <t>GGES MEHMON WALI</t>
  </si>
  <si>
    <t>Mehmonwali</t>
  </si>
  <si>
    <t>G /G /G/ E/ S. Mehmonwali</t>
  </si>
  <si>
    <t>Mehmon Wali</t>
  </si>
  <si>
    <t>Tibi Hambo</t>
  </si>
  <si>
    <t>Shahida Illamdim</t>
  </si>
  <si>
    <t>GGES MEHMOOD KHAN WALA</t>
  </si>
  <si>
    <t>Khansar B</t>
  </si>
  <si>
    <t>khansar MEHMOOD Wala</t>
  </si>
  <si>
    <t>Khansar MEHMOOD Wala</t>
  </si>
  <si>
    <t>Irfana Qayyum</t>
  </si>
  <si>
    <t>GGES MEHMOOD MAHTAM</t>
  </si>
  <si>
    <t>Mehmood Mehtam Mahtam</t>
  </si>
  <si>
    <t>GGES Mehmood Mahtam</t>
  </si>
  <si>
    <t>Mehmood Mahtam</t>
  </si>
  <si>
    <t>Perveen Gulshan</t>
  </si>
  <si>
    <t>GGES MEHR SHAH WALI</t>
  </si>
  <si>
    <t>P/O Trag Sharif Teh Essa Khel Distt Mianwali</t>
  </si>
  <si>
    <t>Mehrshah wali</t>
  </si>
  <si>
    <t>Zainab Qasim</t>
  </si>
  <si>
    <t>GGES MEHRAY WALA</t>
  </si>
  <si>
    <t>THAIRI</t>
  </si>
  <si>
    <t>GGES MEHTA</t>
  </si>
  <si>
    <t>GGES Mehta Chiniot</t>
  </si>
  <si>
    <t>Mathrooma</t>
  </si>
  <si>
    <t>GGES MEHTASUJA</t>
  </si>
  <si>
    <t>Mehtasuja</t>
  </si>
  <si>
    <t>mehtasuja</t>
  </si>
  <si>
    <t>Mehtadujha</t>
  </si>
  <si>
    <t>Uc Mehtasuja</t>
  </si>
  <si>
    <t>Farhat Bano Kazmi</t>
  </si>
  <si>
    <t>GGES MELOWAL</t>
  </si>
  <si>
    <t>Melowal</t>
  </si>
  <si>
    <t>GGES Melowal tehsil Bhera district Sargodha</t>
  </si>
  <si>
    <t>Fateh Garah</t>
  </si>
  <si>
    <t>SAMRINA JAVED</t>
  </si>
  <si>
    <t>GGES MERA MOHRA</t>
  </si>
  <si>
    <t>Mera Mohra</t>
  </si>
  <si>
    <t>village and PO box Mera Mohra, Rawalpindi</t>
  </si>
  <si>
    <t>Ruth Alter</t>
  </si>
  <si>
    <t>GGES MERAY SHAH</t>
  </si>
  <si>
    <t>QADIR PUR-FEMALE</t>
  </si>
  <si>
    <t>Meeray Shah</t>
  </si>
  <si>
    <t>basti meeray shah</t>
  </si>
  <si>
    <t>Faiza Qadri</t>
  </si>
  <si>
    <t>GGES MERKHAKI</t>
  </si>
  <si>
    <t>Darbatta</t>
  </si>
  <si>
    <t>vpo darbatta</t>
  </si>
  <si>
    <t>Faizah Javed</t>
  </si>
  <si>
    <t>GGES METHA DANDAM</t>
  </si>
  <si>
    <t>RAHIM ABAD - FEMALE</t>
  </si>
  <si>
    <t>Basti metha Dandam dandam</t>
  </si>
  <si>
    <t>GGES metha dandam, post office AhmedPur lamma</t>
  </si>
  <si>
    <t>Basti metha dandam</t>
  </si>
  <si>
    <t>Iffat Naveed</t>
  </si>
  <si>
    <t>GGES METHA JHEDU</t>
  </si>
  <si>
    <t>GGES Mehta Jhedu Tehsil Chishtian</t>
  </si>
  <si>
    <t>Fareeha Noor</t>
  </si>
  <si>
    <t>GGES METLA</t>
  </si>
  <si>
    <t>Sadiq pur</t>
  </si>
  <si>
    <t>metla</t>
  </si>
  <si>
    <t>Metla</t>
  </si>
  <si>
    <t>Azra Bano</t>
  </si>
  <si>
    <t>GGES MEYODATTA</t>
  </si>
  <si>
    <t>Mayyodata</t>
  </si>
  <si>
    <t>Govt.Girls.Elementary .School.Mayyodata.</t>
  </si>
  <si>
    <t>Thillay Kalawn</t>
  </si>
  <si>
    <t>Shamim Kousar</t>
  </si>
  <si>
    <t>GGES MIAN ALI FAQIRAN</t>
  </si>
  <si>
    <t>govt girls elementory school mian ali faqiran</t>
  </si>
  <si>
    <t>mian ali faqiran</t>
  </si>
  <si>
    <t>Salar Bhatian</t>
  </si>
  <si>
    <t>Inayat Beghum</t>
  </si>
  <si>
    <t>GGES MIAN HAKIM</t>
  </si>
  <si>
    <t>Mian Hakim</t>
  </si>
  <si>
    <t>GGES Mian Hakim</t>
  </si>
  <si>
    <t>Shakila Aslam</t>
  </si>
  <si>
    <t>GGES MIAN HARPAL</t>
  </si>
  <si>
    <t>Mian Harpal</t>
  </si>
  <si>
    <t>Village mian harpal P/O Panj Garain bajwa Teh. Pasrur, District. Sialkot</t>
  </si>
  <si>
    <t>Aansa Mahmood</t>
  </si>
  <si>
    <t>GGES MIAN PUR</t>
  </si>
  <si>
    <t>gges mianpur via qutab pur</t>
  </si>
  <si>
    <t>Samina Sultana</t>
  </si>
  <si>
    <t>GGES MIAN PUR BAILAY WALA JALALPUR PIRWALA</t>
  </si>
  <si>
    <t>GGES mian pur belay wala Jalalpur pirwala, Multan, Pakistan</t>
  </si>
  <si>
    <t>Misbah Noreen</t>
  </si>
  <si>
    <t>GGES MIAN RASHIDA</t>
  </si>
  <si>
    <t>Mian Rasheeda</t>
  </si>
  <si>
    <t>v.p.o Mian Rasheeda tehsil fateh jang district attock</t>
  </si>
  <si>
    <t>Mian rasheeda</t>
  </si>
  <si>
    <t>GGES MIAN SHEMIR NO.2 KHANEWAL</t>
  </si>
  <si>
    <t>Rakh mian Shamir  shammir</t>
  </si>
  <si>
    <t>Rakh mian shammir</t>
  </si>
  <si>
    <t>Rakh Mian Shamir</t>
  </si>
  <si>
    <t>Chak # 14/9-R</t>
  </si>
  <si>
    <t>MUSARRAT PERVEEN</t>
  </si>
  <si>
    <t>GGES MIAN WALI</t>
  </si>
  <si>
    <t>Khana Mianwali</t>
  </si>
  <si>
    <t>village khana Mianwali teh &amp; dist nwl p/o khokharwali</t>
  </si>
  <si>
    <t>Chandrky Mangoly</t>
  </si>
  <si>
    <t>Saba Ashraf</t>
  </si>
  <si>
    <t>GGES MIAN WALI BANGLA NO.1</t>
  </si>
  <si>
    <t>GGES mianwali bangla no.1</t>
  </si>
  <si>
    <t>Saima Siddique</t>
  </si>
  <si>
    <t>GGES MIANA DULIAL</t>
  </si>
  <si>
    <t>Miana Dulial</t>
  </si>
  <si>
    <t>Po Box Daryala khaki village miana dulial gujar khan</t>
  </si>
  <si>
    <t>Sumaira Jamil</t>
  </si>
  <si>
    <t>GGES MIANI</t>
  </si>
  <si>
    <t>village miani p/o miani Teh, kallar kahar</t>
  </si>
  <si>
    <t>GGES MIANI DHERI</t>
  </si>
  <si>
    <t>Miani dheri ,post office Miani dheri, Tehsil Gujar khan Distt Rwp</t>
  </si>
  <si>
    <t>Sadia Mumtaz</t>
  </si>
  <si>
    <t>GGES MIANI TAWANGRA</t>
  </si>
  <si>
    <t>Miani Tongra Kpt</t>
  </si>
  <si>
    <t>Basti miani tongra</t>
  </si>
  <si>
    <t>Gulbahar Bano</t>
  </si>
  <si>
    <t>GGES MIANWALI SHEIKHAN</t>
  </si>
  <si>
    <t>Mianwali Sheikhan</t>
  </si>
  <si>
    <t>mianwali sheikhan</t>
  </si>
  <si>
    <t>Noreen khalique</t>
  </si>
  <si>
    <t>GGES MIDH</t>
  </si>
  <si>
    <t>Midh</t>
  </si>
  <si>
    <t>Midh shahpur</t>
  </si>
  <si>
    <t>Kandan</t>
  </si>
  <si>
    <t>GGES MILAN HANS</t>
  </si>
  <si>
    <t>WAHI SALAMAT RAY- FEMALE</t>
  </si>
  <si>
    <t>Milan Hanse</t>
  </si>
  <si>
    <t>moza milan hanse p/o juguwala</t>
  </si>
  <si>
    <t>GGES MIR PUR GUJRAN</t>
  </si>
  <si>
    <t>Mirpur Gujran</t>
  </si>
  <si>
    <t>GGES mirpur gujran tehsil shakargarh dist narowal</t>
  </si>
  <si>
    <t>Kalha</t>
  </si>
  <si>
    <t>GGES MIRAK SIAL</t>
  </si>
  <si>
    <t>GGES MIRAK SIAL TEHSIL SHORKOT DISTRICT JHANG</t>
  </si>
  <si>
    <t>Allah Yar Jota</t>
  </si>
  <si>
    <t>Saadia Malik</t>
  </si>
  <si>
    <t>GGES MIRAN PUR</t>
  </si>
  <si>
    <t>Miran pur</t>
  </si>
  <si>
    <t>MIRAN PUR  TAHSIL ROJHAN DISTRICT RAJANPUR</t>
  </si>
  <si>
    <t>MIRAN</t>
  </si>
  <si>
    <t>MIRAN PUR</t>
  </si>
  <si>
    <t>Nageen Sana</t>
  </si>
  <si>
    <t>GGES MIRJAN</t>
  </si>
  <si>
    <t>VPO Mirjan Tehsil Talagang District Chakwal</t>
  </si>
  <si>
    <t>Niraghi</t>
  </si>
  <si>
    <t>Farzana Begum</t>
  </si>
  <si>
    <t>GGES MIRZA BAHKSINKA</t>
  </si>
  <si>
    <t>Mirza Bhangsika</t>
  </si>
  <si>
    <t>Mirza bhangsika pindi bhattian</t>
  </si>
  <si>
    <t>Mirza Bhangsik</t>
  </si>
  <si>
    <t>Amina Siddique</t>
  </si>
  <si>
    <t>GGES MIRZA BHATTIAN</t>
  </si>
  <si>
    <t>Mirza Bhattian</t>
  </si>
  <si>
    <t>GGESmirza bhattian</t>
  </si>
  <si>
    <t>Thathi Behlolpur</t>
  </si>
  <si>
    <t>HAFIZA HIFSA YOUNAS</t>
  </si>
  <si>
    <t>GGES MIRZA NO.2</t>
  </si>
  <si>
    <t>mohallah tariq abad, mirza</t>
  </si>
  <si>
    <t>Munaza Sbahat</t>
  </si>
  <si>
    <t>GGES MISRAN WALA</t>
  </si>
  <si>
    <t>JALALPUR PIRWALA - FEMALE</t>
  </si>
  <si>
    <t>86/M</t>
  </si>
  <si>
    <t>Abdullah Colony Chak 86 M</t>
  </si>
  <si>
    <t>Naqsh Bandia</t>
  </si>
  <si>
    <t>Jppw City Ward</t>
  </si>
  <si>
    <t>Jameela Bibi</t>
  </si>
  <si>
    <t>GGES MISRIAL</t>
  </si>
  <si>
    <t>Misrial</t>
  </si>
  <si>
    <t>GGES Misrial</t>
  </si>
  <si>
    <t>Sidra Azhar</t>
  </si>
  <si>
    <t>GGES MISSAN ABAD</t>
  </si>
  <si>
    <t>gges missan abad zahir peer ryk</t>
  </si>
  <si>
    <t>Missan Abad 62</t>
  </si>
  <si>
    <t>Humera Jameel</t>
  </si>
  <si>
    <t>GGES MISSION HUNTER PURA</t>
  </si>
  <si>
    <t>Hunter pura</t>
  </si>
  <si>
    <t>hunter pura</t>
  </si>
  <si>
    <t>HUNTER pura</t>
  </si>
  <si>
    <t>Gohad Pur</t>
  </si>
  <si>
    <t>GGES MITHA AKOKA</t>
  </si>
  <si>
    <t>Mitha Akoka</t>
  </si>
  <si>
    <t>chak Balochan</t>
  </si>
  <si>
    <t>sana Aslam</t>
  </si>
  <si>
    <t>GGES MITHA KHATTAK</t>
  </si>
  <si>
    <t>Mitha Khattak</t>
  </si>
  <si>
    <t>Village mitha khatak p/o kalluan wala</t>
  </si>
  <si>
    <t>Mitha khatak</t>
  </si>
  <si>
    <t>Kalluan Wala</t>
  </si>
  <si>
    <t>Saba Gul</t>
  </si>
  <si>
    <t>GGES MITHA LAK DEH</t>
  </si>
  <si>
    <t>GGES mitha lak Deh</t>
  </si>
  <si>
    <t>Khalida shaheen</t>
  </si>
  <si>
    <t>GGES MITRAN PUR</t>
  </si>
  <si>
    <t>Mandifaizabad</t>
  </si>
  <si>
    <t>mithran pur mindifaizabad</t>
  </si>
  <si>
    <t>Mithran Pur</t>
  </si>
  <si>
    <t>Gnaish Pur</t>
  </si>
  <si>
    <t>Rukhsana Mansha</t>
  </si>
  <si>
    <t>GGES MOCHI KERI</t>
  </si>
  <si>
    <t>Mochi Kirri</t>
  </si>
  <si>
    <t>vill mochi kirri po lakermar tehsil jand distt  attock</t>
  </si>
  <si>
    <t>GGES MOCHI PURA BAHAWALNAGAR</t>
  </si>
  <si>
    <t>MOCHIPURA BAHAWALNAGAR</t>
  </si>
  <si>
    <t>Islam Nagr</t>
  </si>
  <si>
    <t>Baldia  BWN</t>
  </si>
  <si>
    <t>Fouzia Hameed</t>
  </si>
  <si>
    <t>GGES MOCHI WAL</t>
  </si>
  <si>
    <t>Mochiwal</t>
  </si>
  <si>
    <t>Mochiwal Tehsil Shahpur  District Sargodha</t>
  </si>
  <si>
    <t>Iqra Zahoor</t>
  </si>
  <si>
    <t>GGES MODDLE MIDDLE AWAGUT</t>
  </si>
  <si>
    <t>Govt. Girls Model Middle School Awagat Faisalabad</t>
  </si>
  <si>
    <t>Adda Awagat</t>
  </si>
  <si>
    <t>67 GB</t>
  </si>
  <si>
    <t>Rashida Nazir Rana</t>
  </si>
  <si>
    <t>GGES MODEL 13/8-R, KACHA KHUH</t>
  </si>
  <si>
    <t>13/8-R</t>
  </si>
  <si>
    <t>13/8r</t>
  </si>
  <si>
    <t>Khaliqa Bad</t>
  </si>
  <si>
    <t>GGES MODEL 4/8-AR, KACHA KHUH</t>
  </si>
  <si>
    <t>chak no 4/8AR</t>
  </si>
  <si>
    <t>Sajida Waheed</t>
  </si>
  <si>
    <t>GGES MODEL 9/9-R KOT SARGANA</t>
  </si>
  <si>
    <t>Kot Sargana</t>
  </si>
  <si>
    <t>chak no. 9/9R kot sargana</t>
  </si>
  <si>
    <t>9/9R Kot Sargana</t>
  </si>
  <si>
    <t>14/8R Gul Abad</t>
  </si>
  <si>
    <t>Rabia Rasheed</t>
  </si>
  <si>
    <t>GGES MODEL ALLAH ABAD QADEEM, KABIRWALA</t>
  </si>
  <si>
    <t>GOVT GIRLS ELEMENTARY SCHOOL ALLAH ABAD</t>
  </si>
  <si>
    <t>NABI PUR</t>
  </si>
  <si>
    <t>Nafeesa Rubab</t>
  </si>
  <si>
    <t>GGES MODEL BAGH MUNSHI LADHA.</t>
  </si>
  <si>
    <t>Shish Mehal</t>
  </si>
  <si>
    <t>Bagh Munshi Ladha Kacha Ravi Road Lahore</t>
  </si>
  <si>
    <t>Bilal Gunj</t>
  </si>
  <si>
    <t>Samina Hafeez</t>
  </si>
  <si>
    <t>GGES MODEL BAHBAL WALI</t>
  </si>
  <si>
    <t>NAROWAL (SOUTH)-FEMALE</t>
  </si>
  <si>
    <t>GGESBehbalwali</t>
  </si>
  <si>
    <t>Ghazala Yasmin</t>
  </si>
  <si>
    <t>GGES MODEL CHAK 39 GB SATIANA</t>
  </si>
  <si>
    <t>39 GB Kator</t>
  </si>
  <si>
    <t>GGES 39GB SATIANA FSD</t>
  </si>
  <si>
    <t>Naghmi Tayyab</t>
  </si>
  <si>
    <t>GGES MODEL GHAREEB ABAD</t>
  </si>
  <si>
    <t>Ghareeb Abad</t>
  </si>
  <si>
    <t>G. G.  E. S.  MODAL.  GHAREEB.   ABAD.  SKP</t>
  </si>
  <si>
    <t>GhareebAbad</t>
  </si>
  <si>
    <t>Rakh  Minara</t>
  </si>
  <si>
    <t>Azra       Bano</t>
  </si>
  <si>
    <t>GGES MODEL HAVELI MUBARAK SHAH, SARAI SIDHU</t>
  </si>
  <si>
    <t>Haveli Mubarak Shah</t>
  </si>
  <si>
    <t>chah garham wala moza haveli mubarak shah</t>
  </si>
  <si>
    <t>GGES MODEL KOT ADU DOUBLE SHIFT</t>
  </si>
  <si>
    <t>G.g M/E school double shift tibba sheher kot adu.</t>
  </si>
  <si>
    <t>GGES MODEL KOT AMEER</t>
  </si>
  <si>
    <t>kot ameer adda bijlighar</t>
  </si>
  <si>
    <t>Anza Murrium</t>
  </si>
  <si>
    <t>GGES MODEL MADRASSA-TUL-BANAT LAKE ROAD</t>
  </si>
  <si>
    <t>Mazang</t>
  </si>
  <si>
    <t>15 lake road lahore</t>
  </si>
  <si>
    <t>City Lahore</t>
  </si>
  <si>
    <t>Samina Noor</t>
  </si>
  <si>
    <t>GGES MODEL MUHAMMADI COLONY GOU SHAHLA</t>
  </si>
  <si>
    <t>Gou Shalla</t>
  </si>
  <si>
    <t>GGMMS You Shalla Bund Rd Lhr</t>
  </si>
  <si>
    <t>Kasurpura</t>
  </si>
  <si>
    <t>SUMAIRA SATTAR</t>
  </si>
  <si>
    <t>GGES MODEL OLD FRUIT MARKET 2-MORIA PUL LUNDA BAZAR</t>
  </si>
  <si>
    <t>Govt girls model middle school old fruit market</t>
  </si>
  <si>
    <t>Saraiye Sultan</t>
  </si>
  <si>
    <t>samina muzammil</t>
  </si>
  <si>
    <t>GGES MODEL SALAR SYEDAN</t>
  </si>
  <si>
    <t>Khanqa Dogran</t>
  </si>
  <si>
    <t>Salar syedan Lahore via Sargodha road</t>
  </si>
  <si>
    <t>Salar Syedan</t>
  </si>
  <si>
    <t>Misbah Jaleel</t>
  </si>
  <si>
    <t>GGES MODEL SIAL FAQIR</t>
  </si>
  <si>
    <t>Shareef Faqeer</t>
  </si>
  <si>
    <t>moza shareef faqeer post office sarai sidhu</t>
  </si>
  <si>
    <t>Shumaila Rehman</t>
  </si>
  <si>
    <t>GGES MODEL SIDHU KANWAIN, P/O SINDHIANWALA, SARAI SIDHU</t>
  </si>
  <si>
    <t>Sidhu Kanwain</t>
  </si>
  <si>
    <t>Sidhu kanwain p/o sindhia  wala</t>
  </si>
  <si>
    <t>Amna Aslam</t>
  </si>
  <si>
    <t>GGES MODEL THALLA KHURD</t>
  </si>
  <si>
    <t>Thalla Khurd</t>
  </si>
  <si>
    <t>Government Girls Elementary School Thalla  Khurd Moza chakbeli khan Rawalpindi</t>
  </si>
  <si>
    <t>Saima Kanwal</t>
  </si>
  <si>
    <t>GGES MODEL THATHA ISMAIL PUR</t>
  </si>
  <si>
    <t>Thatha Ismail Pur</t>
  </si>
  <si>
    <t>thatha ismail pur</t>
  </si>
  <si>
    <t>Asia Kouser</t>
  </si>
  <si>
    <t>GGES MOEEN ABAD</t>
  </si>
  <si>
    <t>Nawan arain</t>
  </si>
  <si>
    <t>GGES Moeen Abad  P/O Sugar Mill Jetha Bhutta Khan Pur</t>
  </si>
  <si>
    <t>Moeen Abad</t>
  </si>
  <si>
    <t>Saima perveen</t>
  </si>
  <si>
    <t>GGES MOHALLA MOHAJREEN</t>
  </si>
  <si>
    <t>Darya Khan Dagar</t>
  </si>
  <si>
    <t>GG ES moh mahajreen darya khan, main city</t>
  </si>
  <si>
    <t>Nyla Kalsoom</t>
  </si>
  <si>
    <t>GGES MOHALLAH BAGICHI</t>
  </si>
  <si>
    <t>muhallah bagichi mustafa abad kasur</t>
  </si>
  <si>
    <t>BUSHRA NASREEN</t>
  </si>
  <si>
    <t>GGES MOHALLAH CHAR HUSSAIN SHAH</t>
  </si>
  <si>
    <t>Moh charh kml</t>
  </si>
  <si>
    <t>hussain shah</t>
  </si>
  <si>
    <t>Mc Kamalia</t>
  </si>
  <si>
    <t>Ishrat Naeem</t>
  </si>
  <si>
    <t>GGES MOHALLAH KAPAYIYAN WALA</t>
  </si>
  <si>
    <t>gges moh kapiyan wala</t>
  </si>
  <si>
    <t>Hajra Bibi</t>
  </si>
  <si>
    <t>GGES MOHALLAH RASOOL PURA</t>
  </si>
  <si>
    <t>GGES MOHALA RASOOLPURA FAROOQABAD</t>
  </si>
  <si>
    <t>shahmim kousar</t>
  </si>
  <si>
    <t>GGES MOHAN</t>
  </si>
  <si>
    <t>VILLAGE MOHAN PO SALOI</t>
  </si>
  <si>
    <t>MOHAN</t>
  </si>
  <si>
    <t>BASHARAT</t>
  </si>
  <si>
    <t>SHAMSA ASIF</t>
  </si>
  <si>
    <t>GGES MOHAR SHARIF</t>
  </si>
  <si>
    <t>Farhat Jaffar</t>
  </si>
  <si>
    <t>GGES MOHLANWAL KALAN</t>
  </si>
  <si>
    <t>MOHLANWAL</t>
  </si>
  <si>
    <t>GGES MOHLANWAL kalan</t>
  </si>
  <si>
    <t>MOHLANWAL Kalan</t>
  </si>
  <si>
    <t>GGES MOHRA</t>
  </si>
  <si>
    <t>Mohra</t>
  </si>
  <si>
    <t>post office banda village mohra dakheli kali pari</t>
  </si>
  <si>
    <t>Chountra</t>
  </si>
  <si>
    <t>Aqeela Kazmi</t>
  </si>
  <si>
    <t>GGES MOHRA ALLO</t>
  </si>
  <si>
    <t>Mohra Allo</t>
  </si>
  <si>
    <t>vpo mohra Allo chakwal</t>
  </si>
  <si>
    <t>Waheeda Rehman</t>
  </si>
  <si>
    <t>GGES MOHRA AWAN</t>
  </si>
  <si>
    <t>Vpo mohra awan teh dist chakwal</t>
  </si>
  <si>
    <t>Iram Sadia</t>
  </si>
  <si>
    <t>GGES MOHRA BAKHTAN</t>
  </si>
  <si>
    <t>BESHANDOTE - FEMALE</t>
  </si>
  <si>
    <t>Mohra Bakhtan</t>
  </si>
  <si>
    <t>vpo mohra bakhtan teh kallar syedan distt rawalpindi</t>
  </si>
  <si>
    <t>Ghazanabad</t>
  </si>
  <si>
    <t>Robina  Ishtiaq</t>
  </si>
  <si>
    <t>GGES MOHRA BARA HOTTER</t>
  </si>
  <si>
    <t>JHIKA GALLI - FEMALE</t>
  </si>
  <si>
    <t>Bara Hotter</t>
  </si>
  <si>
    <t>Village Mohra Bara hotter, p/o Lower Topa, Tehsil Murree, District Rawalpindi</t>
  </si>
  <si>
    <t>Neelam Fraz</t>
  </si>
  <si>
    <t>GGES MOHRA GULSHER</t>
  </si>
  <si>
    <t>Mohra Gulsher</t>
  </si>
  <si>
    <t>village mohra gulsher p/o pindi gujran tehsil district chakwal</t>
  </si>
  <si>
    <t>Jhand Khanzada</t>
  </si>
  <si>
    <t>shahida sultana</t>
  </si>
  <si>
    <t>GGES MOHRA JHARIAN BABA KARAM</t>
  </si>
  <si>
    <t>BABAKARAM</t>
  </si>
  <si>
    <t>GGES MOHRA JARIAN BABAKARAM PO KAUNTRILA TEH GUAR KHAN</t>
  </si>
  <si>
    <t>MOHRA JARIAN</t>
  </si>
  <si>
    <t>KAUNTRILA</t>
  </si>
  <si>
    <t>Bushra Asghar</t>
  </si>
  <si>
    <t>GGES MOHRA MARI</t>
  </si>
  <si>
    <t>MOHRA MARI</t>
  </si>
  <si>
    <t>VILL MOHRA MARI PO KAUNTRILA</t>
  </si>
  <si>
    <t>Muswar Bashir</t>
  </si>
  <si>
    <t>GGES MOHRA SYEDAN</t>
  </si>
  <si>
    <t>Paharana</t>
  </si>
  <si>
    <t>Po mohrasyedan thsil murree district rawalpindi</t>
  </si>
  <si>
    <t>Charehan</t>
  </si>
  <si>
    <t>Zakhira Bibi</t>
  </si>
  <si>
    <t>GGES MOHRI KHATRAIL</t>
  </si>
  <si>
    <t>MOHRI KHATRIL</t>
  </si>
  <si>
    <t>Village and P.O. MOHRI KHATRIL Tehsil Gujarkhan Distt Rawalpindi</t>
  </si>
  <si>
    <t>Ayesha Majeed</t>
  </si>
  <si>
    <t>GGES MOHSIN HABIB ULLAH ROAD GHARHI SHAHO</t>
  </si>
  <si>
    <t>GHARHI Shahu</t>
  </si>
  <si>
    <t>gges mohsin habibullah road gharhi shahu Lahore</t>
  </si>
  <si>
    <t>Habibullah Rd</t>
  </si>
  <si>
    <t>Zaman park</t>
  </si>
  <si>
    <t>Sobia Khurshid</t>
  </si>
  <si>
    <t>GGES MOJOO KI</t>
  </si>
  <si>
    <t>mojoo ki</t>
  </si>
  <si>
    <t>mojooki</t>
  </si>
  <si>
    <t>gudar malkana</t>
  </si>
  <si>
    <t>Mamoona Shaheen</t>
  </si>
  <si>
    <t>GGES MOKHAL SANDAWAN</t>
  </si>
  <si>
    <t>Mokhal Sandhuwan  Sandhuwan</t>
  </si>
  <si>
    <t>mokhal Sandhuwan</t>
  </si>
  <si>
    <t>Mokhal Sandhuwan</t>
  </si>
  <si>
    <t>Asia Perveen</t>
  </si>
  <si>
    <t>GGES MOMAN KHURD</t>
  </si>
  <si>
    <t>Moman Khurd</t>
  </si>
  <si>
    <t>village moman khurd p/o moman kalan t/d SKT</t>
  </si>
  <si>
    <t>Mehnaz Jafri</t>
  </si>
  <si>
    <t>GGES MOMAN PURA</t>
  </si>
  <si>
    <t>Moman Pura</t>
  </si>
  <si>
    <t>ggms mominpura</t>
  </si>
  <si>
    <t>Safa Asif</t>
  </si>
  <si>
    <t>GGES MONA SYEDAN</t>
  </si>
  <si>
    <t>Mona syedan</t>
  </si>
  <si>
    <t>Govt girls Elementary school Mona syedan</t>
  </si>
  <si>
    <t>Nusrat zahra</t>
  </si>
  <si>
    <t>GGES MONDRA</t>
  </si>
  <si>
    <t>Mondra, Bara Sadaat P/O Aali Daha District Muzafargarh</t>
  </si>
  <si>
    <t>Mondra</t>
  </si>
  <si>
    <t>Sajida Zaib Un Nisa</t>
  </si>
  <si>
    <t>GGES MONGI WALI</t>
  </si>
  <si>
    <t>Mongiwali</t>
  </si>
  <si>
    <t>GGE/S Mongiwali</t>
  </si>
  <si>
    <t>Dur-e-shahwar</t>
  </si>
  <si>
    <t>GGES MOOLWAL</t>
  </si>
  <si>
    <t>Moolwal</t>
  </si>
  <si>
    <t>vpo moolwal teh &amp; distt chakwal</t>
  </si>
  <si>
    <t>RUKHSANA YASMEEN</t>
  </si>
  <si>
    <t>GGES MOONG WADH MULTAN TATEYPUR</t>
  </si>
  <si>
    <t>Mongwadh</t>
  </si>
  <si>
    <t>basti mong wadh dakhna taty pur tasil multan</t>
  </si>
  <si>
    <t>Taty Pur</t>
  </si>
  <si>
    <t>Ume Kalsoom</t>
  </si>
  <si>
    <t>GGES MORA KHURD</t>
  </si>
  <si>
    <t>GGES MORA KHURD tehsil district nankana sahib</t>
  </si>
  <si>
    <t>Mora Khurd</t>
  </si>
  <si>
    <t>Amina Mushtaq</t>
  </si>
  <si>
    <t>GGES MORAN WALA</t>
  </si>
  <si>
    <t>RASUL PUR</t>
  </si>
  <si>
    <t>BASTI WAZER ABAD P/O RASULPUR TEHSIL JAMPUR DISTRICT RAJANPUR</t>
  </si>
  <si>
    <t>WAZER ABAD</t>
  </si>
  <si>
    <t>Sabd E Gul</t>
  </si>
  <si>
    <t>GGES MORE CHAK 48/RB</t>
  </si>
  <si>
    <t>moor chak48' tehsil shahkot</t>
  </si>
  <si>
    <t>Moor Chak48</t>
  </si>
  <si>
    <t>Najma  Naheed</t>
  </si>
  <si>
    <t>GGES MOTA KALAN</t>
  </si>
  <si>
    <t>Motay</t>
  </si>
  <si>
    <t>GGES Motay Kalan.</t>
  </si>
  <si>
    <t>Motay Kalan</t>
  </si>
  <si>
    <t>GGES MOUJH GARH CHOLISTAN</t>
  </si>
  <si>
    <t>Moujgarh</t>
  </si>
  <si>
    <t>mouj garh cholistan tehsil yazman district bahawalpur</t>
  </si>
  <si>
    <t>Moujh Garh</t>
  </si>
  <si>
    <t>MUSARRAT ARSHAD</t>
  </si>
  <si>
    <t>GGES MOUZA CHANNA</t>
  </si>
  <si>
    <t>basti mouza channa</t>
  </si>
  <si>
    <t>Tranda Sawy Khan</t>
  </si>
  <si>
    <t>GGES MOUZA DHARI</t>
  </si>
  <si>
    <t>Tehri Bangla</t>
  </si>
  <si>
    <t>moza tehri bangla p/o khair pur daha tehsil ahmad pur east</t>
  </si>
  <si>
    <t>Tehri bangla</t>
  </si>
  <si>
    <t>Khair Pur Daha</t>
  </si>
  <si>
    <t>RANI AYOUB</t>
  </si>
  <si>
    <t>GGES MOUZA JALOKA</t>
  </si>
  <si>
    <t>Jaloka</t>
  </si>
  <si>
    <t>Mouza jaloka</t>
  </si>
  <si>
    <t>Hafiza Qurat Ul Ain Najam</t>
  </si>
  <si>
    <t>GGES MOUZA KHAN PUR MANZOOR COLONY</t>
  </si>
  <si>
    <t>GGES moza khanpur manzor colony near airport road khanpur</t>
  </si>
  <si>
    <t>MC-khanpur-D</t>
  </si>
  <si>
    <t>Farhat Nawaz</t>
  </si>
  <si>
    <t>GGES MOUZA KHODE</t>
  </si>
  <si>
    <t>khode</t>
  </si>
  <si>
    <t>moza khode p/o mal fatyana tehsil kamalia</t>
  </si>
  <si>
    <t>mohammad shah</t>
  </si>
  <si>
    <t>Ayesha Mazhar</t>
  </si>
  <si>
    <t>GGES MOUZA SHEIKHAN</t>
  </si>
  <si>
    <t>GGES Mouza Sheikhan, Teh Lalian  Distt Chiniot</t>
  </si>
  <si>
    <t>Mouza Sheikhan</t>
  </si>
  <si>
    <t>Sughra Hazoor</t>
  </si>
  <si>
    <t>GGES MUBARAK PUR</t>
  </si>
  <si>
    <t>gges mubarakpur</t>
  </si>
  <si>
    <t>Shamaila Mushtaq</t>
  </si>
  <si>
    <t>GGES MUBARAK PUR, KABIRWALA</t>
  </si>
  <si>
    <t>makhdoom Pur Road kabirwala</t>
  </si>
  <si>
    <t>Aisha Parveen</t>
  </si>
  <si>
    <t>GGES MUD HAJI IBRAHIM</t>
  </si>
  <si>
    <t>Kotla Ahmed</t>
  </si>
  <si>
    <t>Jafaria Colony RP</t>
  </si>
  <si>
    <t>Basti Mola Baksh Drishak</t>
  </si>
  <si>
    <t>Kotla Naser</t>
  </si>
  <si>
    <t>GGES MUD JAM DUR MUHAMMAD</t>
  </si>
  <si>
    <t>BAHAR PIR - FEMALE</t>
  </si>
  <si>
    <t>basti jewan wali</t>
  </si>
  <si>
    <t>Basti Jewan Wali</t>
  </si>
  <si>
    <t>Shehzadi Sidra</t>
  </si>
  <si>
    <t>GGES MUD KAY DHARIWAL</t>
  </si>
  <si>
    <t>Mudkay</t>
  </si>
  <si>
    <t>Mudkay Dhariwal Kot Radha Kishen</t>
  </si>
  <si>
    <t>Rifat Muneer</t>
  </si>
  <si>
    <t>GGES MUD MASTOI</t>
  </si>
  <si>
    <t>Ghanu Wali</t>
  </si>
  <si>
    <t>basti mud mastoi dok khana gammani shareef</t>
  </si>
  <si>
    <t>Mud Mastoi</t>
  </si>
  <si>
    <t>Nadia Hameed</t>
  </si>
  <si>
    <t>GGES MUD RAHIM</t>
  </si>
  <si>
    <t>Basti MudRahim, p/o Mud kaloo, tehsil Khan pur, district Rahim yar khan.</t>
  </si>
  <si>
    <t>Mud Rahim</t>
  </si>
  <si>
    <t>Zareen Tabassum</t>
  </si>
  <si>
    <t>GGES MUD WALA</t>
  </si>
  <si>
    <t>MUD WALA</t>
  </si>
  <si>
    <t>Mud Wala</t>
  </si>
  <si>
    <t>Yaki Wala</t>
  </si>
  <si>
    <t>Humera Hameed</t>
  </si>
  <si>
    <t>GGES MUFTIAN</t>
  </si>
  <si>
    <t>Muftian</t>
  </si>
  <si>
    <t>gges muftian tehsil dina distt jhelum</t>
  </si>
  <si>
    <t>Raheela Kouser</t>
  </si>
  <si>
    <t>GGES MUGHAL ABAD</t>
  </si>
  <si>
    <t>MUHALABAD</t>
  </si>
  <si>
    <t>VILLAGE MUGHALABAD PO BOHRIAN DINA JHELUM</t>
  </si>
  <si>
    <t>MUGHALABAD</t>
  </si>
  <si>
    <t>Faiza Mukhtar</t>
  </si>
  <si>
    <t>GGES MUGHOKE</t>
  </si>
  <si>
    <t>Mughoki</t>
  </si>
  <si>
    <t>mughoki tehseel pindi bhattian district 
hafizabad</t>
  </si>
  <si>
    <t>Nabila</t>
  </si>
  <si>
    <t>GGES MUHAMMAD KHAN HOTANI</t>
  </si>
  <si>
    <t>PAIGHA-FEMALE</t>
  </si>
  <si>
    <t>GGES Muhammad  Khan Hotani chah naai wala moza paigah district DGkan</t>
  </si>
  <si>
    <t>GGES MUHAMMAD NAWAZ SHAH</t>
  </si>
  <si>
    <t>basti Muhammad nawaz shah moza goth mahi lqp</t>
  </si>
  <si>
    <t>Basti Nawaz Shah</t>
  </si>
  <si>
    <t>Allaha Abad</t>
  </si>
  <si>
    <t>GGES MUHAMMAD NAWAZ WASA</t>
  </si>
  <si>
    <t>Muhammad Nawaz Wasa</t>
  </si>
  <si>
    <t>Basti m nawaz wasa</t>
  </si>
  <si>
    <t>Saadia Iqbal</t>
  </si>
  <si>
    <t>GGES MUHAMMAD PUR SANSARAN</t>
  </si>
  <si>
    <t>Muhammad Pur Sansran</t>
  </si>
  <si>
    <t>Muhammad pur sansran</t>
  </si>
  <si>
    <t>Muhammad Pur Muhammad Pur sansran</t>
  </si>
  <si>
    <t>Shahina Perveen</t>
  </si>
  <si>
    <t>GGES MUHAMMAD SHARIF</t>
  </si>
  <si>
    <t>GGES Muhammad sharif new malik pur</t>
  </si>
  <si>
    <t>Junpur</t>
  </si>
  <si>
    <t>Hafiza Aqeela Ghaffar Hashmi</t>
  </si>
  <si>
    <t>GGES MUHAMMADNI</t>
  </si>
  <si>
    <t>BARTI-FEMALE</t>
  </si>
  <si>
    <t>Bharti</t>
  </si>
  <si>
    <t>basti muhammadani kalat</t>
  </si>
  <si>
    <t>Muhammadani Kalat</t>
  </si>
  <si>
    <t>GGES MUJAHID GANGAL</t>
  </si>
  <si>
    <t>mujahid gangal</t>
  </si>
  <si>
    <t>village and po mujahid gangal rawalpindi</t>
  </si>
  <si>
    <t>basali</t>
  </si>
  <si>
    <t>GGES MUKHTAR ABAD</t>
  </si>
  <si>
    <t>kaluwala</t>
  </si>
  <si>
    <t>GGES mukhtarabad muhallah farooqabad jhang</t>
  </si>
  <si>
    <t>salma khanum</t>
  </si>
  <si>
    <t>GGES MUKHTAR COLONY</t>
  </si>
  <si>
    <t>Mukhtar Colony</t>
  </si>
  <si>
    <t>GGES MUKHTAR COLONY GRW</t>
  </si>
  <si>
    <t>MUKHTAR COLONY</t>
  </si>
  <si>
    <t>Khiali Shahpur</t>
  </si>
  <si>
    <t>JARIA ZAINAB</t>
  </si>
  <si>
    <t>GGES MULLAN MANSOOR</t>
  </si>
  <si>
    <t>Village n P/O Mullan Mansoor, Hazro Attock</t>
  </si>
  <si>
    <t>Syeda Iffat Arsalan</t>
  </si>
  <si>
    <t>GGES MUMDAL, NAWAN SHEHR</t>
  </si>
  <si>
    <t>p/o mumdal moza mumdal kabirwala khanewal</t>
  </si>
  <si>
    <t>Rabia Wahid</t>
  </si>
  <si>
    <t>GGES MUMMAN WALA</t>
  </si>
  <si>
    <t>Mamman wala</t>
  </si>
  <si>
    <t>GGES mammanwala</t>
  </si>
  <si>
    <t>Mammanwala</t>
  </si>
  <si>
    <t>Thathi Usman</t>
  </si>
  <si>
    <t>Nasim Amin</t>
  </si>
  <si>
    <t>GGES MUNAWAR MODEL RACHNA TOWN FSD</t>
  </si>
  <si>
    <t>Rachna Town</t>
  </si>
  <si>
    <t>sataina road rachna town 1 fsd</t>
  </si>
  <si>
    <t>purchasing water on daily basis</t>
  </si>
  <si>
    <t>GGES MUND</t>
  </si>
  <si>
    <t>Mand</t>
  </si>
  <si>
    <t>GGES Mand, gujrat</t>
  </si>
  <si>
    <t>GGES MUNDAY SYED</t>
  </si>
  <si>
    <t>Munday syed</t>
  </si>
  <si>
    <t>Munday Syed</t>
  </si>
  <si>
    <t>Shumila Bukhari</t>
  </si>
  <si>
    <t>GGES MUNDRANI</t>
  </si>
  <si>
    <t>mundrani</t>
  </si>
  <si>
    <t>Fouzia Nawaz</t>
  </si>
  <si>
    <t>GGES MUNIR ABAD</t>
  </si>
  <si>
    <t>durigondal</t>
  </si>
  <si>
    <t>dak khana sharifabad</t>
  </si>
  <si>
    <t>munirabad</t>
  </si>
  <si>
    <t>sharifabad</t>
  </si>
  <si>
    <t>Najma Batool</t>
  </si>
  <si>
    <t>GGES MUNIR SHAHEED COLONY KASUR</t>
  </si>
  <si>
    <t>Munir shaheed colony kasur</t>
  </si>
  <si>
    <t>Munir Shaheed Colony</t>
  </si>
  <si>
    <t>Nusrat Siraj</t>
  </si>
  <si>
    <t>GGES MUNJ WALI</t>
  </si>
  <si>
    <t>Manj Wali</t>
  </si>
  <si>
    <t>Manj Wali tehsil nowshera virkan District gujranwala</t>
  </si>
  <si>
    <t>Sadaf Asghar</t>
  </si>
  <si>
    <t>GGES MUNSHI WALA NEAR BY CHONGI NO.6</t>
  </si>
  <si>
    <t>GGE/S chah  munshi wala multan</t>
  </si>
  <si>
    <t>Officers Colony</t>
  </si>
  <si>
    <t>Farukh Zeba</t>
  </si>
  <si>
    <t>GGES MURAD PUR JANUBI</t>
  </si>
  <si>
    <t>MURAD Pur JANOBI</t>
  </si>
  <si>
    <t>basti khizra abad p/o khair pur Sadat</t>
  </si>
  <si>
    <t>Khizra Abad</t>
  </si>
  <si>
    <t>Saira Qadeer</t>
  </si>
  <si>
    <t>GGES MURAD WAL</t>
  </si>
  <si>
    <t>Muradwal</t>
  </si>
  <si>
    <t>Ggesmuradwal, po Haria, malakwal, mandi bhauddin.</t>
  </si>
  <si>
    <t>Arooj Fatima</t>
  </si>
  <si>
    <t>GGES MURADIAN</t>
  </si>
  <si>
    <t>Muradian</t>
  </si>
  <si>
    <t>post office Kot gora  village muradian tehseel and district hafizabad</t>
  </si>
  <si>
    <t>GGES MURIDKE GAON</t>
  </si>
  <si>
    <t>Muridkey</t>
  </si>
  <si>
    <t>Village  muridky  p/o farooqabad Teh/Distt Skp</t>
  </si>
  <si>
    <t>GGES MURL MARI LAHORE CANTT</t>
  </si>
  <si>
    <t>Marl Mari</t>
  </si>
  <si>
    <t>marl Mari p.o batapur shalimar lhr</t>
  </si>
  <si>
    <t>Awan  Dhai Wala</t>
  </si>
  <si>
    <t>Tehseen Sarwar Bhatti</t>
  </si>
  <si>
    <t>GGES MURREE ROAD RWP</t>
  </si>
  <si>
    <t>Dhoke Ellahi  Bakhsh</t>
  </si>
  <si>
    <t>GGES Murree Road, Dhoke Ellahi Bakhsh, Umer Road, near Committee Choke, Rawalpindi</t>
  </si>
  <si>
    <t>Mrs Waheeda Khanam</t>
  </si>
  <si>
    <t>GGES MUSA</t>
  </si>
  <si>
    <t>Govt,Girls,Elementary School Musa teh:Hazro dis/Attock</t>
  </si>
  <si>
    <t>GGES MUSA DUGGAL</t>
  </si>
  <si>
    <t>Post Office Qila Didar Singh,Tehsil &amp;  District Gujranwala</t>
  </si>
  <si>
    <t>Mariam Sultan</t>
  </si>
  <si>
    <t>GGES MUSA WALA</t>
  </si>
  <si>
    <t>Johal</t>
  </si>
  <si>
    <t>Musa Wala</t>
  </si>
  <si>
    <t>Marri Allah Bachya</t>
  </si>
  <si>
    <t>Munira Sharif</t>
  </si>
  <si>
    <t>GGES MUSA WALI</t>
  </si>
  <si>
    <t>TIBBA MEHARBAN SHAH -FEMALE</t>
  </si>
  <si>
    <t>Musawali</t>
  </si>
  <si>
    <t>musawali</t>
  </si>
  <si>
    <t>Tibahmeherbanshah</t>
  </si>
  <si>
    <t>Fariha Naz</t>
  </si>
  <si>
    <t>GGES MUSLIM CHAK</t>
  </si>
  <si>
    <t>Muslm Chak</t>
  </si>
  <si>
    <t>muslim chak gujranwala</t>
  </si>
  <si>
    <t>Muslum Chak</t>
  </si>
  <si>
    <t>Sainsra Goraya</t>
  </si>
  <si>
    <t>Faiza saeed</t>
  </si>
  <si>
    <t>GGES MUSLIM COLONY</t>
  </si>
  <si>
    <t>Muslim Colony</t>
  </si>
  <si>
    <t>Muslim colony bahawalnagar</t>
  </si>
  <si>
    <t>GGES MUSLIM JUNIOR MODEL RAJ GARH</t>
  </si>
  <si>
    <t>rajgarh road lahore</t>
  </si>
  <si>
    <t>Tehmina Iqbal</t>
  </si>
  <si>
    <t>GGES MUSLIM NAGAR</t>
  </si>
  <si>
    <t>Muslim Nagar jhang</t>
  </si>
  <si>
    <t>Muslim Nagar</t>
  </si>
  <si>
    <t>Abida Tehseen</t>
  </si>
  <si>
    <t>GGES MUSTAFA (SAW) CAMPUS, WAHI SHAH MUHAMMAD NOORPUR NAURANGA</t>
  </si>
  <si>
    <t>basti ganj-e-mochian, malik model form, noorpur</t>
  </si>
  <si>
    <t>Ganj-e-mochian</t>
  </si>
  <si>
    <t>GGES MUZAFAR PUR</t>
  </si>
  <si>
    <t>Muzafarpur</t>
  </si>
  <si>
    <t>muzafarpur</t>
  </si>
  <si>
    <t>Amber Salfi</t>
  </si>
  <si>
    <t>GGES MUZAFFAR NAU</t>
  </si>
  <si>
    <t>Muzaffar Nou</t>
  </si>
  <si>
    <t>muzaffar nou po box vanike tarar teh&amp;dist Hfd</t>
  </si>
  <si>
    <t>Kot Syed Muhammad</t>
  </si>
  <si>
    <t>Attia Riaz</t>
  </si>
  <si>
    <t>GGES NADAR SHAH</t>
  </si>
  <si>
    <t>Nadir Shah</t>
  </si>
  <si>
    <t>G.G H/S Nadir Shah</t>
  </si>
  <si>
    <t>Razia Perveen</t>
  </si>
  <si>
    <t>GGES NADO SARAI</t>
  </si>
  <si>
    <t>Nido Sarai</t>
  </si>
  <si>
    <t>village nido sara</t>
  </si>
  <si>
    <t>Chack Chaudhry</t>
  </si>
  <si>
    <t>GGES NAGORE</t>
  </si>
  <si>
    <t>GHUINKE - FEMALE</t>
  </si>
  <si>
    <t>Nagore</t>
  </si>
  <si>
    <t>govt girls Elementary school nagore</t>
  </si>
  <si>
    <t>Addha</t>
  </si>
  <si>
    <t>GGES NAGRAY DADAN</t>
  </si>
  <si>
    <t>KOTLI NAWAB - FEMALE</t>
  </si>
  <si>
    <t>Nagray Dadan</t>
  </si>
  <si>
    <t>village nagray dadan post ofice dapahi Tehsil kamoki Dist Gujranwala.</t>
  </si>
  <si>
    <t>Nangray Dadan</t>
  </si>
  <si>
    <t>Ladhe Wala Goraya</t>
  </si>
  <si>
    <t>Amtul Maqsood</t>
  </si>
  <si>
    <t>GGES NAGRI</t>
  </si>
  <si>
    <t>vill Nagri p.o. nurpur</t>
  </si>
  <si>
    <t>Rafia Andleeb</t>
  </si>
  <si>
    <t>GGES NAHAL MOHAR</t>
  </si>
  <si>
    <t>Nahal Mohar</t>
  </si>
  <si>
    <t>nahal mohar,p.o Basirpur,TehsilDepalpur,District Okara</t>
  </si>
  <si>
    <t>Mahvish Younas</t>
  </si>
  <si>
    <t>GGES NAHRIAN WALA</t>
  </si>
  <si>
    <t>KALEKE MANDI SHARQI - FEMALE</t>
  </si>
  <si>
    <t>nAHRIANWALA</t>
  </si>
  <si>
    <t>NAHRIANWALA</t>
  </si>
  <si>
    <t>hafiza Farheena Shamshair</t>
  </si>
  <si>
    <t>GGES NAI ABADI</t>
  </si>
  <si>
    <t>Nai Basti talkot</t>
  </si>
  <si>
    <t>ward # 1 sherwani colony muzaffargarh</t>
  </si>
  <si>
    <t>sherwani colony</t>
  </si>
  <si>
    <t>ZARINA SAEED</t>
  </si>
  <si>
    <t>GGES NAI ABADI HUJRA</t>
  </si>
  <si>
    <t>Hujra</t>
  </si>
  <si>
    <t>Abdullah colony</t>
  </si>
  <si>
    <t>Sadia Ilahi</t>
  </si>
  <si>
    <t>GGES NAI ABADI SAMBRIAL</t>
  </si>
  <si>
    <t>SAMBRIAL - FEMALE</t>
  </si>
  <si>
    <t>sambrial</t>
  </si>
  <si>
    <t>Mohallah dar-ul-islam near middle school sambrial</t>
  </si>
  <si>
    <t>Dar-ul-Islam</t>
  </si>
  <si>
    <t>Rashida Akhtar</t>
  </si>
  <si>
    <t>GGES NAI BASTI ABBAS PURA SHORKOT SHAHR</t>
  </si>
  <si>
    <t>A bass Pura</t>
  </si>
  <si>
    <t>shorkot</t>
  </si>
  <si>
    <t>Shorkot City</t>
  </si>
  <si>
    <t>Asifa Naz</t>
  </si>
  <si>
    <t>GGES NAI WALA CHATHA</t>
  </si>
  <si>
    <t>Naiwala Chattha</t>
  </si>
  <si>
    <t>POB naiwala chattha tehsil: wazirabad district: gujranwala</t>
  </si>
  <si>
    <t>Jattan Wali</t>
  </si>
  <si>
    <t>Hina Muzaffar</t>
  </si>
  <si>
    <t>GGES NAIN RANJHA</t>
  </si>
  <si>
    <t>Nain ranjha</t>
  </si>
  <si>
    <t>vpo Nain ranjha teh disst m.b.din</t>
  </si>
  <si>
    <t>farwa abid</t>
  </si>
  <si>
    <t>GGES NAKA AFGHAN</t>
  </si>
  <si>
    <t>Nakka Afghanan</t>
  </si>
  <si>
    <t>vpo nakka afghanan the jand Dist Attock</t>
  </si>
  <si>
    <t>GGES NAKKA KALAN</t>
  </si>
  <si>
    <t>P.O and village Naka Kalan tehsil and district Jhelum</t>
  </si>
  <si>
    <t>Sidra Mustafa</t>
  </si>
  <si>
    <t>GGES NAKWAL</t>
  </si>
  <si>
    <t>Nakwal</t>
  </si>
  <si>
    <t>Distt.Sialkot Teh.Pasrur P/O Charwa Vill.Nakwal</t>
  </si>
  <si>
    <t>Charwa</t>
  </si>
  <si>
    <t>Fatima Tul zahra</t>
  </si>
  <si>
    <t>GGES NALLI SHUMALI KHUSHAB</t>
  </si>
  <si>
    <t>Nalli Shumali</t>
  </si>
  <si>
    <t>govt girls  elementary school nalli shumali</t>
  </si>
  <si>
    <t>Nalli shumali</t>
  </si>
  <si>
    <t>GGES NAMA JINDAY KA</t>
  </si>
  <si>
    <t>GES Nama jindeka</t>
  </si>
  <si>
    <t>Nama Jindeka</t>
  </si>
  <si>
    <t>ROBINA YASMEEN</t>
  </si>
  <si>
    <t>GGES NAMAL CHAKRALA MIANWALI</t>
  </si>
  <si>
    <t>village and p/o namal</t>
  </si>
  <si>
    <t>REHMAT BiBi</t>
  </si>
  <si>
    <t>GGES NAND PUR</t>
  </si>
  <si>
    <t>Nandpur P/O Eminabad Tehsil &amp; District Gujranwala</t>
  </si>
  <si>
    <t>Rabia Busree</t>
  </si>
  <si>
    <t>GGES NAND PUR, SARAI SIDHU</t>
  </si>
  <si>
    <t>Gges nand pur</t>
  </si>
  <si>
    <t>Jasso kanwen</t>
  </si>
  <si>
    <t>Asma Iftikhar</t>
  </si>
  <si>
    <t>GGES NANDI PUR RESERCH</t>
  </si>
  <si>
    <t>Nandipur Research</t>
  </si>
  <si>
    <t>hydraulic research station nandipur Research gujranwala</t>
  </si>
  <si>
    <t>Zahida Nazir</t>
  </si>
  <si>
    <t>GGES NANGAL DONA SINGH</t>
  </si>
  <si>
    <t>Nangal Duna Sing</t>
  </si>
  <si>
    <t>nangal duna sing</t>
  </si>
  <si>
    <t>Tanzila Ishfaq</t>
  </si>
  <si>
    <t>GGES NANGAL SAHDAN</t>
  </si>
  <si>
    <t>Govt girls elementary school nangal sahdan</t>
  </si>
  <si>
    <t>Mashtah Nasrullah</t>
  </si>
  <si>
    <t>GGES NANGARH</t>
  </si>
  <si>
    <t>Nangar</t>
  </si>
  <si>
    <t>Nangar sharif post office khana nau Lahore</t>
  </si>
  <si>
    <t>Nangar Sharif</t>
  </si>
  <si>
    <t>Haloki</t>
  </si>
  <si>
    <t>GGES NARALI</t>
  </si>
  <si>
    <t>Narali</t>
  </si>
  <si>
    <t>V.P.O Narali</t>
  </si>
  <si>
    <t>Tayyaba Arif</t>
  </si>
  <si>
    <t>GGES NARANG CHAINA</t>
  </si>
  <si>
    <t>Narang Chaina</t>
  </si>
  <si>
    <t>village narang chaina</t>
  </si>
  <si>
    <t>Bhenian</t>
  </si>
  <si>
    <t>Anila Jabeen</t>
  </si>
  <si>
    <t>GGES NARHAL, KABIRWALA</t>
  </si>
  <si>
    <t>mouza narhal p/o kabirwala district khanewal</t>
  </si>
  <si>
    <t>GGES NARI JANOOBI</t>
  </si>
  <si>
    <t>nari Janubi</t>
  </si>
  <si>
    <t>Zubaida Qadir</t>
  </si>
  <si>
    <t>GGES NARRAN WALA</t>
  </si>
  <si>
    <t>Narran Wala</t>
  </si>
  <si>
    <t>narran wala district nns</t>
  </si>
  <si>
    <t>Rabia Naseer</t>
  </si>
  <si>
    <t>GGES NARRI SHUMALI KHUSHAB</t>
  </si>
  <si>
    <t>NARRI</t>
  </si>
  <si>
    <t>V.O.P NARRI SHUMALI</t>
  </si>
  <si>
    <t>NARRI SHUMALI</t>
  </si>
  <si>
    <t>Fauzia Jubeen</t>
  </si>
  <si>
    <t>GGES NARWAR</t>
  </si>
  <si>
    <t>Narwar</t>
  </si>
  <si>
    <t>Village narwar barasta wahga</t>
  </si>
  <si>
    <t>Azra Tabassum</t>
  </si>
  <si>
    <t>GGES NASEER ABAD</t>
  </si>
  <si>
    <t>street 20 near dargah tahri naseerabad</t>
  </si>
  <si>
    <t>Naseerabad</t>
  </si>
  <si>
    <t>Rubina shaheen</t>
  </si>
  <si>
    <t>GGES NASEER PUR KALAN</t>
  </si>
  <si>
    <t>Naseer Pur Kalan</t>
  </si>
  <si>
    <t>v.Naseer Pur Kalan, Tehsil Kotmomin, Distt Sargodha</t>
  </si>
  <si>
    <t>Atiya Muqadas</t>
  </si>
  <si>
    <t>GGES NASEER PUR SHUJA ABAD</t>
  </si>
  <si>
    <t>Govt. Girls middle school naseerpur tehsil shujabad</t>
  </si>
  <si>
    <t>Ejaz Akhter</t>
  </si>
  <si>
    <t>GGES NASEER WALA</t>
  </si>
  <si>
    <t>FAQEER ABAD-FEMALE</t>
  </si>
  <si>
    <t>Naseer Wala</t>
  </si>
  <si>
    <t>GGES Naseer wala</t>
  </si>
  <si>
    <t>Allu Wali</t>
  </si>
  <si>
    <t>GGES NATHAY WALA</t>
  </si>
  <si>
    <t>Nathy Wala</t>
  </si>
  <si>
    <t>GGES nathy wala</t>
  </si>
  <si>
    <t>H Asiya Wadood</t>
  </si>
  <si>
    <t>GGES NATHOKI</t>
  </si>
  <si>
    <t>village nathoki po batapur tehsil shalimar district Lahore</t>
  </si>
  <si>
    <t>Shakila Khadam</t>
  </si>
  <si>
    <t>GGES NATHU SAVIA</t>
  </si>
  <si>
    <t>GGES Nathu Sivia</t>
  </si>
  <si>
    <t>village and post office nathu sivia teh noshera virkan dist Gujranwala</t>
  </si>
  <si>
    <t>Nathu Sivia</t>
  </si>
  <si>
    <t>Argan</t>
  </si>
  <si>
    <t>Amal Akram</t>
  </si>
  <si>
    <t>GGES NATT</t>
  </si>
  <si>
    <t>Nutt</t>
  </si>
  <si>
    <t>Butala Jhanda Singh</t>
  </si>
  <si>
    <t>Amna Malik</t>
  </si>
  <si>
    <t>GGES NAUL HITHAR KHUDIAN</t>
  </si>
  <si>
    <t>Naul Hithar</t>
  </si>
  <si>
    <t>Govt. Girls Elementary School Naul Hithar</t>
  </si>
  <si>
    <t>Olakh Hithar</t>
  </si>
  <si>
    <t>Nazia Anjum</t>
  </si>
  <si>
    <t>GGES NAUL OTTAR</t>
  </si>
  <si>
    <t>Noul Otar</t>
  </si>
  <si>
    <t>got girl's elementry school olak otar</t>
  </si>
  <si>
    <t>Olak Otar</t>
  </si>
  <si>
    <t>Sadia Shoukat</t>
  </si>
  <si>
    <t>GGES NAUSHEHRA JADEED</t>
  </si>
  <si>
    <t>NAUSHERA JADEED (A) - FEMALE</t>
  </si>
  <si>
    <t>NAUSHERA JADEED</t>
  </si>
  <si>
    <t>NAUSHERA JADEED P/O JANU WALA TEHSIL APE</t>
  </si>
  <si>
    <t>SUMAIRA RAZZAQ</t>
  </si>
  <si>
    <t>GGES NAVEEDA</t>
  </si>
  <si>
    <t>Tench Bhata</t>
  </si>
  <si>
    <t>st 27 allama iqbal colony  rawalpindu</t>
  </si>
  <si>
    <t>Allama Iqbal Town</t>
  </si>
  <si>
    <t>sumaira Naqvi</t>
  </si>
  <si>
    <t>GGES NAWAB BEGUM (SUPRAY)</t>
  </si>
  <si>
    <t>Supray</t>
  </si>
  <si>
    <t>GGES Nawab begum supray</t>
  </si>
  <si>
    <t>Badoratta</t>
  </si>
  <si>
    <t>Afifa Saleh</t>
  </si>
  <si>
    <t>GGES NAWAB PURA</t>
  </si>
  <si>
    <t>Harbancepura</t>
  </si>
  <si>
    <t>gges nawabpura</t>
  </si>
  <si>
    <t>Herbunsepura</t>
  </si>
  <si>
    <t>Farhat adeeba</t>
  </si>
  <si>
    <t>water filter plant</t>
  </si>
  <si>
    <t>GGES NAWAN CHAKRALA MIANWALI</t>
  </si>
  <si>
    <t>GGES NAWAN PO Nawan</t>
  </si>
  <si>
    <t>Thamay Wali</t>
  </si>
  <si>
    <t>Rabia Nausheen</t>
  </si>
  <si>
    <t>GGES NAWAN KOT</t>
  </si>
  <si>
    <t>Dera  Gulab Sing</t>
  </si>
  <si>
    <t>GGES nawan kot skp</t>
  </si>
  <si>
    <t>Aysha Nasir</t>
  </si>
  <si>
    <t>GGES NAWAN LOK</t>
  </si>
  <si>
    <t>Nawan Lok</t>
  </si>
  <si>
    <t>Nawan Lok tehsil &amp; DISTRICT MANDIBAHAUDDIN</t>
  </si>
  <si>
    <t>Ummara Siddiqua</t>
  </si>
  <si>
    <t>GGES NAWAN PIND</t>
  </si>
  <si>
    <t>village nawan pind po gohdpur tehsil&amp;district sialkot</t>
  </si>
  <si>
    <t>Kour Pur</t>
  </si>
  <si>
    <t>Arfana Kosar</t>
  </si>
  <si>
    <t>GGES NAWAN PIND CHEEMA</t>
  </si>
  <si>
    <t>gges Nawanpind cheema</t>
  </si>
  <si>
    <t>Nawanpind Cheema</t>
  </si>
  <si>
    <t>Nazia Waqas</t>
  </si>
  <si>
    <t>GGES NAWAN SHEHR</t>
  </si>
  <si>
    <t>mutafariq chahan</t>
  </si>
  <si>
    <t>dakhana hassanabad</t>
  </si>
  <si>
    <t>nawanshahr</t>
  </si>
  <si>
    <t>shaista Leghari</t>
  </si>
  <si>
    <t>GGES NAWAN THATTA</t>
  </si>
  <si>
    <t>Hasam</t>
  </si>
  <si>
    <t>nawan thatha mandi shah jewana</t>
  </si>
  <si>
    <t>Ayesha Saeed</t>
  </si>
  <si>
    <t>GGES NAZAR WALA CHAK NO. 112/TDA</t>
  </si>
  <si>
    <t>aolukh thal jandi</t>
  </si>
  <si>
    <t>Chak no 112/TDA p/O Chak no 110/TDA tehsil karor district layyah</t>
  </si>
  <si>
    <t>chak no 112/TDA</t>
  </si>
  <si>
    <t>chak no 110/TDA</t>
  </si>
  <si>
    <t>NAJM UN NISSA</t>
  </si>
  <si>
    <t>GGES NAZIR WALA</t>
  </si>
  <si>
    <t>Pattal Gharbi</t>
  </si>
  <si>
    <t>GGES NAZEER WALA chah mapal waka</t>
  </si>
  <si>
    <t>Mapal Wala</t>
  </si>
  <si>
    <t>GGES NEW GUDARA, KABIRWALA</t>
  </si>
  <si>
    <t>New Gudara</t>
  </si>
  <si>
    <t>govt model Elementry school new Gudara school</t>
  </si>
  <si>
    <t>Adila Rehman</t>
  </si>
  <si>
    <t>GGES NEW HOUSING SCHEME</t>
  </si>
  <si>
    <t>New Housing Scheme</t>
  </si>
  <si>
    <t>govt girls elementry school houseing scheme liaquatpur</t>
  </si>
  <si>
    <t>MC Liaquatpur</t>
  </si>
  <si>
    <t>Rukhsana Firdous</t>
  </si>
  <si>
    <t>GGES NEW ISLAMIA NAFEER ABAD</t>
  </si>
  <si>
    <t>nafeerabad, shalimar town, lahore</t>
  </si>
  <si>
    <t>Nafeerabad</t>
  </si>
  <si>
    <t>RoohAfza</t>
  </si>
  <si>
    <t>GGES NEW NOSHARA</t>
  </si>
  <si>
    <t>new noshehra</t>
  </si>
  <si>
    <t>New Noshehra
Jalal Pur Jattan</t>
  </si>
  <si>
    <t>jalal pur jattan</t>
  </si>
  <si>
    <t>Yasmeen Imtiaz</t>
  </si>
  <si>
    <t>GGES NEW SARFRAZ ROAD  (JHANGI)</t>
  </si>
  <si>
    <t>Govt New Girls E/ School sarfraz road waris khan Rwp</t>
  </si>
  <si>
    <t>Ammar Pura</t>
  </si>
  <si>
    <t>Saleema Akhtar</t>
  </si>
  <si>
    <t>GGES NEW TIBBI LARRAN</t>
  </si>
  <si>
    <t>pursan</t>
  </si>
  <si>
    <t>GGES NewTibbi Laran near Qabristan Rahim yar khan</t>
  </si>
  <si>
    <t>Tibbi laran</t>
  </si>
  <si>
    <t>Nafees Fatima</t>
  </si>
  <si>
    <t>GGES NEW TOWN F- BLOCK</t>
  </si>
  <si>
    <t>new Katarian RWP</t>
  </si>
  <si>
    <t>F-block</t>
  </si>
  <si>
    <t>GGES NEWANI</t>
  </si>
  <si>
    <t>GGES Niwani</t>
  </si>
  <si>
    <t>Niwani</t>
  </si>
  <si>
    <t>Budhani</t>
  </si>
  <si>
    <t>Sehrish Sohail</t>
  </si>
  <si>
    <t>GGES NIANWAL KHALISA</t>
  </si>
  <si>
    <t>Nain Wal Khalsa</t>
  </si>
  <si>
    <t>nain wal khalsa</t>
  </si>
  <si>
    <t>Jashair Khurd</t>
  </si>
  <si>
    <t>GGES NIAZBAIG CHAK NO. 42</t>
  </si>
  <si>
    <t>Niazbaig 42</t>
  </si>
  <si>
    <t>Niazbaig 42 p/o same  tehsil pattoki</t>
  </si>
  <si>
    <t>Niaz Baig 42</t>
  </si>
  <si>
    <t>Kausar Yasmin</t>
  </si>
  <si>
    <t>GGES NIDAH</t>
  </si>
  <si>
    <t>Naddha</t>
  </si>
  <si>
    <t>village &amp; p/o naddha , tehsil Kaminski, district gujranwala</t>
  </si>
  <si>
    <t>kali suba</t>
  </si>
  <si>
    <t>Ammara Jameel</t>
  </si>
  <si>
    <t>GGES NIDALA SALAHRIAN</t>
  </si>
  <si>
    <t>nadala sulehrian</t>
  </si>
  <si>
    <t>vilge nadala teh district narowal</t>
  </si>
  <si>
    <t>Iffat Fatima</t>
  </si>
  <si>
    <t>GGES NIDDOKEY</t>
  </si>
  <si>
    <t>Niddokay</t>
  </si>
  <si>
    <t>Niddoky</t>
  </si>
  <si>
    <t>GGES NIDOKAY</t>
  </si>
  <si>
    <t>BHAGOWAL - FEMALE</t>
  </si>
  <si>
    <t>Nidokey</t>
  </si>
  <si>
    <t>village nidokay sialkot</t>
  </si>
  <si>
    <t>Praag Pur</t>
  </si>
  <si>
    <t>Arifa Maryum</t>
  </si>
  <si>
    <t>GGES NIHALY WALA NEAR SADIQ ABAD</t>
  </si>
  <si>
    <t>Gith Brabar</t>
  </si>
  <si>
    <t>Sadikaabad boasn road multan</t>
  </si>
  <si>
    <t>Nehalay Wala</t>
  </si>
  <si>
    <t>Salymahy</t>
  </si>
  <si>
    <t>Samia Naz</t>
  </si>
  <si>
    <t>GGES NIJABAT P/O USMAN WALA</t>
  </si>
  <si>
    <t>Najabat</t>
  </si>
  <si>
    <t>najabat</t>
  </si>
  <si>
    <t>Rajowal Nu</t>
  </si>
  <si>
    <t>Maria yaseen</t>
  </si>
  <si>
    <t>GGES NIKI MANEKI</t>
  </si>
  <si>
    <t>Niki Maneky</t>
  </si>
  <si>
    <t>niki maneky</t>
  </si>
  <si>
    <t>Mahanat Durshon</t>
  </si>
  <si>
    <t>NASREEN NIAZ</t>
  </si>
  <si>
    <t>GGES NIKKA DOULTANA</t>
  </si>
  <si>
    <t>nika doltana</t>
  </si>
  <si>
    <t>gges nika doltana</t>
  </si>
  <si>
    <t>satyana</t>
  </si>
  <si>
    <t>NAYYER FIRDOUS</t>
  </si>
  <si>
    <t>GGES NIKRALI</t>
  </si>
  <si>
    <t>Nakrali</t>
  </si>
  <si>
    <t>Village &amp; Post office Nakrali, Tehsil Rawalpindi, District Rawalpindi</t>
  </si>
  <si>
    <t>Trahia</t>
  </si>
  <si>
    <t>Attiya Jamil</t>
  </si>
  <si>
    <t>GGES NIRAGHI</t>
  </si>
  <si>
    <t>Kot sarang</t>
  </si>
  <si>
    <t>vpo niraghi</t>
  </si>
  <si>
    <t>JAMILA UN NISA</t>
  </si>
  <si>
    <t>GGES NISARAN-E-ISLAM CENTRAL JAIL</t>
  </si>
  <si>
    <t>govtg middle s central jail KT lakhpat lhr</t>
  </si>
  <si>
    <t>Amina Falak Sher</t>
  </si>
  <si>
    <t>GGES NIZAM ABAD</t>
  </si>
  <si>
    <t>CHAK SHAH PUR</t>
  </si>
  <si>
    <t>BASTI NIZAMABAD ABAD NEAR KUT UB NALA</t>
  </si>
  <si>
    <t>NIZAMABAD ABAD</t>
  </si>
  <si>
    <t>CHAK LASSA</t>
  </si>
  <si>
    <t>GGES NIZAM PUR, KABIRWALA</t>
  </si>
  <si>
    <t>Nizampur</t>
  </si>
  <si>
    <t>GGES Nizampur Kabirwala</t>
  </si>
  <si>
    <t>Shamkot</t>
  </si>
  <si>
    <t>Naheed Perveen</t>
  </si>
  <si>
    <t>GGES NIZAM PURA</t>
  </si>
  <si>
    <t>NIZAMPUR</t>
  </si>
  <si>
    <t>GGES NIZAMPURA TEHSIL AND DISTT GUJRANWALA</t>
  </si>
  <si>
    <t>BUTTRANWALI</t>
  </si>
  <si>
    <t>GGES NIZAM PURA CHAK NO.2</t>
  </si>
  <si>
    <t>Nizam Pura Chak  2</t>
  </si>
  <si>
    <t>nizam pura Chak 2</t>
  </si>
  <si>
    <t>Nizam Pura Chak 2</t>
  </si>
  <si>
    <t>Sadha Utar</t>
  </si>
  <si>
    <t>Kulsoom Bibi</t>
  </si>
  <si>
    <t>GGES NIZAM PURA CHAK NO.38</t>
  </si>
  <si>
    <t>Nizampura Devasingh</t>
  </si>
  <si>
    <t>Nizampura Devasingh Chak No. 38</t>
  </si>
  <si>
    <t>Nizampura Devasingh Chak No38</t>
  </si>
  <si>
    <t>Nizampura Mulasingh Chak No 38</t>
  </si>
  <si>
    <t>Asia Razzaq</t>
  </si>
  <si>
    <t>GGES NIZAM PURA DACCA</t>
  </si>
  <si>
    <t>Nizampura</t>
  </si>
  <si>
    <t>Nizam Pura Dhaka</t>
  </si>
  <si>
    <t>Misbah</t>
  </si>
  <si>
    <t>GGES NO 2 NOROWAL</t>
  </si>
  <si>
    <t>Gunj Hussainabad</t>
  </si>
  <si>
    <t>GGES gunj hussainabad. narowal</t>
  </si>
  <si>
    <t>Shakeela Firdous</t>
  </si>
  <si>
    <t>GGES NO 22/75</t>
  </si>
  <si>
    <t>Chak No22 /75</t>
  </si>
  <si>
    <t>Village Chak No.22/75,Tehsil&amp;Distt:Nankana Sahib</t>
  </si>
  <si>
    <t>Chak No22/75</t>
  </si>
  <si>
    <t>ShahBilawal</t>
  </si>
  <si>
    <t>Nazia Noor Muhammad</t>
  </si>
  <si>
    <t>GGES NO 5 ASHRAF ABAD SAMUNDRI</t>
  </si>
  <si>
    <t>471 road Ashrafabad Samundri</t>
  </si>
  <si>
    <t>MC Samundri</t>
  </si>
  <si>
    <t>Shazia Mehmood</t>
  </si>
  <si>
    <t>GGES NO. 1 CHAN</t>
  </si>
  <si>
    <t>gges no 1 chan tehsil noorpur thal  district khushab</t>
  </si>
  <si>
    <t>Robina Altaf</t>
  </si>
  <si>
    <t>GGES NO. 1 KOT RADHA KISHAN</t>
  </si>
  <si>
    <t>KRK</t>
  </si>
  <si>
    <t>Kot Radha Kishan</t>
  </si>
  <si>
    <t>Khalida Chaudhry</t>
  </si>
  <si>
    <t>GGES NO. 1 LALIAN</t>
  </si>
  <si>
    <t>AEO (W) LALIAN NO.10</t>
  </si>
  <si>
    <t>GGES No.1 Lalian District Chiniot</t>
  </si>
  <si>
    <t>Tahira Sultana</t>
  </si>
  <si>
    <t>GGES NO. 1 OKHALI MOHLA</t>
  </si>
  <si>
    <t>g.g.elementry school no1 okhli mohla</t>
  </si>
  <si>
    <t>GGES NO. 1 QUAIDABAD</t>
  </si>
  <si>
    <t>Quaidabad</t>
  </si>
  <si>
    <t>Near bilail masjd Quaidabad</t>
  </si>
  <si>
    <t>MC Qbd</t>
  </si>
  <si>
    <t>GGES NO. 2 GUJAR KHAN</t>
  </si>
  <si>
    <t>g khan</t>
  </si>
  <si>
    <t>near police station,back of mrkazi jamea masque gujar khan</t>
  </si>
  <si>
    <t>m c gujar khan</t>
  </si>
  <si>
    <t>Safeena Bibi</t>
  </si>
  <si>
    <t>GGES NO. 2 KALA GUJRAN</t>
  </si>
  <si>
    <t>GGES NO.2 KALA GUJRAN</t>
  </si>
  <si>
    <t>GGES NO. 3 CHOTI ZAREEN</t>
  </si>
  <si>
    <t>Mutafarak Chahan</t>
  </si>
  <si>
    <t>Tareeri Wala, Choti Zareen</t>
  </si>
  <si>
    <t>Raufa Yasmeen</t>
  </si>
  <si>
    <t>GGES NO. 48 WB</t>
  </si>
  <si>
    <t>48 wb</t>
  </si>
  <si>
    <t>Chak no 48/ wb</t>
  </si>
  <si>
    <t>Chak no 48 /wb</t>
  </si>
  <si>
    <t>24/wb</t>
  </si>
  <si>
    <t>Safia Mai</t>
  </si>
  <si>
    <t>GGES NO.1 AYUB COLONY</t>
  </si>
  <si>
    <t>Ayub Colony</t>
  </si>
  <si>
    <t>Ayub colony street # 4 jhang road fsd</t>
  </si>
  <si>
    <t>Ayub Colony Fsd</t>
  </si>
  <si>
    <t>Firdous Colony Fsd</t>
  </si>
  <si>
    <t>Amtul Mateen</t>
  </si>
  <si>
    <t>GGES NO.1 JHAWARIAN</t>
  </si>
  <si>
    <t>Jhawarian</t>
  </si>
  <si>
    <t>Faisal colony jhawerian</t>
  </si>
  <si>
    <t>Nasreen Yaqub</t>
  </si>
  <si>
    <t>GGES NO.1 PIR MAHAL MADINA BLOCK</t>
  </si>
  <si>
    <t>g g e s no 1 madina block pir mahal</t>
  </si>
  <si>
    <t>Madina Block Pir Mahal</t>
  </si>
  <si>
    <t>GGES NO.1 TANDLIANWALA</t>
  </si>
  <si>
    <t>Tandlianwala</t>
  </si>
  <si>
    <t>tandlianwala</t>
  </si>
  <si>
    <t>malika humera</t>
  </si>
  <si>
    <t>GGES NO.2 ABU ZAHBI COLONY</t>
  </si>
  <si>
    <t>83/P</t>
  </si>
  <si>
    <t>GGES Abu Dehbi Colony#2</t>
  </si>
  <si>
    <t>Abu Dehbi Colony #2</t>
  </si>
  <si>
    <t>84p</t>
  </si>
  <si>
    <t>GGES NO.2 MANGAT</t>
  </si>
  <si>
    <t>Mangat</t>
  </si>
  <si>
    <t>GGES No.2 Mangat District M.B.DIN</t>
  </si>
  <si>
    <t>Rubeena Khawar</t>
  </si>
  <si>
    <t>GGES NO.5 GAW SHALA T.T.SINGH</t>
  </si>
  <si>
    <t>rehman pura toba tek singh</t>
  </si>
  <si>
    <t>city toba</t>
  </si>
  <si>
    <t>bushra ramzan</t>
  </si>
  <si>
    <t>GGES NO.5 NEW ABADI TAUNSA</t>
  </si>
  <si>
    <t>TAUNSA CITY-FEMALE</t>
  </si>
  <si>
    <t>Tunsa</t>
  </si>
  <si>
    <t>moh new abadi taunsa</t>
  </si>
  <si>
    <t>Fouzia Naz</t>
  </si>
  <si>
    <t>GGES NO.8 TUNSA</t>
  </si>
  <si>
    <t>Tunsa city</t>
  </si>
  <si>
    <t>Fehmeeda Begum</t>
  </si>
  <si>
    <t>electrical pump</t>
  </si>
  <si>
    <t>GGES NOGRAN</t>
  </si>
  <si>
    <t>Nougran</t>
  </si>
  <si>
    <t>village and post office nougran tehsil &amp; district jhelum</t>
  </si>
  <si>
    <t>Kotla Faqeer</t>
  </si>
  <si>
    <t>Samina Jabeen</t>
  </si>
  <si>
    <t>GGES NONARI NO.1</t>
  </si>
  <si>
    <t>GGES NONARI NO 1 markaz nonari</t>
  </si>
  <si>
    <t>GGES NONARIAN</t>
  </si>
  <si>
    <t>GGMS Khuda Bakhsh Road Nonarian Lahore</t>
  </si>
  <si>
    <t>Gulgasht Colony</t>
  </si>
  <si>
    <t>Tahira Tabbasum</t>
  </si>
  <si>
    <t>GGES NOONANWALI</t>
  </si>
  <si>
    <t>Noonanwali</t>
  </si>
  <si>
    <t>GGES Noonanwali, Kharian (Gujrat)</t>
  </si>
  <si>
    <t>GGES NOOR COLONY SARGODHA</t>
  </si>
  <si>
    <t>Noor Colony</t>
  </si>
  <si>
    <t>G G E S NOOR COLONY 49 TAIL Sargodha</t>
  </si>
  <si>
    <t>Cant</t>
  </si>
  <si>
    <t>Fakhra Batool</t>
  </si>
  <si>
    <t>GGES NOOR DOLAL</t>
  </si>
  <si>
    <t>Village Noor Dolal Tehsil Gujar Khan</t>
  </si>
  <si>
    <t>Dhok Lamian</t>
  </si>
  <si>
    <t>Electric Motor</t>
  </si>
  <si>
    <t>GGES NOOR JAMAL JANUBI</t>
  </si>
  <si>
    <t>Noor Jamal Janubi</t>
  </si>
  <si>
    <t>village noor Jamal post office Haslanwala teh phalia district m b din</t>
  </si>
  <si>
    <t>GGES NOOR KUBRA</t>
  </si>
  <si>
    <t>GGES noor kubra Basira</t>
  </si>
  <si>
    <t>GGES NOOR MUZAMIL WALA</t>
  </si>
  <si>
    <t>Pati  Sultan Mahmood</t>
  </si>
  <si>
    <t>Noor muzammil Wala</t>
  </si>
  <si>
    <t>Noor Muzammil Wala</t>
  </si>
  <si>
    <t>Pati Ghulam Ali</t>
  </si>
  <si>
    <t>Samina Perveen</t>
  </si>
  <si>
    <t>GGES NOOR WALA</t>
  </si>
  <si>
    <t>noor wala</t>
  </si>
  <si>
    <t>GGES noor wala, tehsil lqp, dist ryk</t>
  </si>
  <si>
    <t>Hina khan</t>
  </si>
  <si>
    <t>GGES NOORA RATH NO.1 TEH.ARIFWALA</t>
  </si>
  <si>
    <t>Noora Rathp/o Noora Rath</t>
  </si>
  <si>
    <t>Anam Abdul Razzaq</t>
  </si>
  <si>
    <t>GGES NOOREY WALA</t>
  </si>
  <si>
    <t>Thatti Jalal</t>
  </si>
  <si>
    <t>Noorey Wala, p/o Rabana</t>
  </si>
  <si>
    <t>GGES NOORI SUHAAG, TULAMBA MODEL</t>
  </si>
  <si>
    <t>basti noori suhag tulamba teh.mian channu dist khanewal</t>
  </si>
  <si>
    <t>Shaista Qamar</t>
  </si>
  <si>
    <t>GGES NORANG ABAD</t>
  </si>
  <si>
    <t>Norangabad p/o sukhu chak</t>
  </si>
  <si>
    <t>GGES NOTHEEN</t>
  </si>
  <si>
    <t>nauthen tehsil pindi bhattian</t>
  </si>
  <si>
    <t>Nauhen</t>
  </si>
  <si>
    <t>Nadia Sanam</t>
  </si>
  <si>
    <t>GGES NOTLA</t>
  </si>
  <si>
    <t>Bagham</t>
  </si>
  <si>
    <t>village notla tehsil gujar khan district rawalpindu</t>
  </si>
  <si>
    <t>Taskeen Kousar</t>
  </si>
  <si>
    <t>GGES NOU ABAD</t>
  </si>
  <si>
    <t>GOTH AMIN</t>
  </si>
  <si>
    <t>GOVT.G.E.S.NOUABAD</t>
  </si>
  <si>
    <t>NOU ABAD</t>
  </si>
  <si>
    <t>SANA RANA</t>
  </si>
  <si>
    <t>GGES NOUL</t>
  </si>
  <si>
    <t>Government Girls Middle School Noul</t>
  </si>
  <si>
    <t>FAIZA QUDSIA</t>
  </si>
  <si>
    <t>GGES NOURANG SHAH, KABIRWALA</t>
  </si>
  <si>
    <t>Nourang Shah</t>
  </si>
  <si>
    <t>gges nourang shah</t>
  </si>
  <si>
    <t>Norang Shah</t>
  </si>
  <si>
    <t>Tasneem Kausar</t>
  </si>
  <si>
    <t>GGES NOUSHEHRA SHARQI</t>
  </si>
  <si>
    <t>Mud Gasora</t>
  </si>
  <si>
    <t>rung pur road noshera sharki</t>
  </si>
  <si>
    <t>Noshera</t>
  </si>
  <si>
    <t>Noshera Sharki</t>
  </si>
  <si>
    <t>GGES NUMBAL</t>
  </si>
  <si>
    <t>GGES NUMBAL TEHSIL KALLAR SYEDAN DISTRICT RWP</t>
  </si>
  <si>
    <t>Shabnam Bibi</t>
  </si>
  <si>
    <t>GGES NUMBLE NO 2</t>
  </si>
  <si>
    <t>Village numble p. O Lawrence College murree</t>
  </si>
  <si>
    <t>Nazia Kosar</t>
  </si>
  <si>
    <t>GGES NUSRAT SHAKRIAL</t>
  </si>
  <si>
    <t>Shakrial</t>
  </si>
  <si>
    <t>govt nusrat girls e/s shakrial rwp</t>
  </si>
  <si>
    <t>shakrial 2</t>
  </si>
  <si>
    <t>GGES NUSRAT WAZIRABAD</t>
  </si>
  <si>
    <t>mohalla kareem pura wazirabad</t>
  </si>
  <si>
    <t>Zahra Talib</t>
  </si>
  <si>
    <t>GGES OGAND</t>
  </si>
  <si>
    <t>ogand sheikhupura</t>
  </si>
  <si>
    <t>Ajniawala</t>
  </si>
  <si>
    <t>rabia sharif</t>
  </si>
  <si>
    <t>GGES OLAKH BUNGA</t>
  </si>
  <si>
    <t>olakh boonga</t>
  </si>
  <si>
    <t>Oakh Boonga</t>
  </si>
  <si>
    <t>Olakh Boonga</t>
  </si>
  <si>
    <t>Nadia Shafi</t>
  </si>
  <si>
    <t>GGES OLD CHICHAWATNI</t>
  </si>
  <si>
    <t>Tibba Nor Pur</t>
  </si>
  <si>
    <t>gges old cci tibba nor pur</t>
  </si>
  <si>
    <t>Old Cci</t>
  </si>
  <si>
    <t>112/7r</t>
  </si>
  <si>
    <t>HAJAN SUMAIRA SHAH</t>
  </si>
  <si>
    <t>GGES OLD CHISHTIAN</t>
  </si>
  <si>
    <t>G.G.E/S old ctn</t>
  </si>
  <si>
    <t>Humera  Tariq</t>
  </si>
  <si>
    <t>GGES ORIAK NO 1</t>
  </si>
  <si>
    <t>Oriak</t>
  </si>
  <si>
    <t>G.G.E.S.Oriak No 1</t>
  </si>
  <si>
    <t>Attiya Khalique</t>
  </si>
  <si>
    <t>GGES ORKI ABDULLAH SHAH</t>
  </si>
  <si>
    <t>Monohar Gharh</t>
  </si>
  <si>
    <t>orki Abdullah Shah</t>
  </si>
  <si>
    <t>Mussarat Tahira</t>
  </si>
  <si>
    <t>GGES OTHWAL</t>
  </si>
  <si>
    <t>Uthwal</t>
  </si>
  <si>
    <t>v.p.o Uthwal Teh &amp; distt Chakwal</t>
  </si>
  <si>
    <t>Ballo Kassar</t>
  </si>
  <si>
    <t>Mukhtar Begum</t>
  </si>
  <si>
    <t>GGES OUDHERWAL</t>
  </si>
  <si>
    <t>vpo oudherwal chakwal</t>
  </si>
  <si>
    <t>Oudhrrwal</t>
  </si>
  <si>
    <t>GGES PACCA DARA</t>
  </si>
  <si>
    <t>Pacca Dera</t>
  </si>
  <si>
    <t>village pacca dera</t>
  </si>
  <si>
    <t>GGES PACCA GARHA</t>
  </si>
  <si>
    <t>Pacca Garha</t>
  </si>
  <si>
    <t>Govt.Girls E/S pacca garha near laal masjid kashmir road Sialkot</t>
  </si>
  <si>
    <t>Kousar jahan</t>
  </si>
  <si>
    <t>GGES PACHNAND NO 2</t>
  </si>
  <si>
    <t>Pachnand</t>
  </si>
  <si>
    <t>vpo pachnand</t>
  </si>
  <si>
    <t>GGES PACKAGES QUARTERS, WALTON ROAD, LAHORE</t>
  </si>
  <si>
    <t>Kot Lakhpat</t>
  </si>
  <si>
    <t>GGES PACKAGES QURTERS</t>
  </si>
  <si>
    <t>LDA Quarters</t>
  </si>
  <si>
    <t>Firdous Begum</t>
  </si>
  <si>
    <t>GGES PADHARI</t>
  </si>
  <si>
    <t>Padhri</t>
  </si>
  <si>
    <t>vpo Padhri teh Sohawa jhelum</t>
  </si>
  <si>
    <t>Nosheen Anjam</t>
  </si>
  <si>
    <t>GGES P-A-E-C COLONY CHASHMA</t>
  </si>
  <si>
    <t>CHASHMA-FEMALE</t>
  </si>
  <si>
    <t>GGES  paec colony chashma teh.piplan distt.mianwali</t>
  </si>
  <si>
    <t>Paec Colony   Chashma Chashma Colony PAEC PAEC Cas</t>
  </si>
  <si>
    <t>Shamshad  Nazir</t>
  </si>
  <si>
    <t>GGES PAHARWAL</t>
  </si>
  <si>
    <t>PAHARWAL</t>
  </si>
  <si>
    <t>village and pobox PAHARWAL teh sarai alamgir district Gujarat</t>
  </si>
  <si>
    <t>Attiqa Khanam</t>
  </si>
  <si>
    <t>GGES PAI KHEL</t>
  </si>
  <si>
    <t>PAI KHEL-FEMALE</t>
  </si>
  <si>
    <t>Paikhel</t>
  </si>
  <si>
    <t>mohalla sarmat khel paikhel</t>
  </si>
  <si>
    <t>Shazia Dilldar</t>
  </si>
  <si>
    <t>GGES PAK MODEL WAHDAT COLONY</t>
  </si>
  <si>
    <t>GTRoad</t>
  </si>
  <si>
    <t>GTRoad gujranwala</t>
  </si>
  <si>
    <t>Kiran Hameed</t>
  </si>
  <si>
    <t>GGES PAK SIALKOT</t>
  </si>
  <si>
    <t>Muhalah islamabad</t>
  </si>
  <si>
    <t>Moh Islamabad</t>
  </si>
  <si>
    <t>GGES PAKHARI WAL</t>
  </si>
  <si>
    <t>Pakhariwal</t>
  </si>
  <si>
    <t>chak 32 pakhariwal</t>
  </si>
  <si>
    <t>Jhugean</t>
  </si>
  <si>
    <t>GGES PAKHIALA HALQA KALA</t>
  </si>
  <si>
    <t>Pakhyala</t>
  </si>
  <si>
    <t>PAKHYALA</t>
  </si>
  <si>
    <t>GGES PAKHOWAL</t>
  </si>
  <si>
    <t>Pakhowal</t>
  </si>
  <si>
    <t>GGES Pakhowal Post office Musa Kamala</t>
  </si>
  <si>
    <t>Shaista Jabeen</t>
  </si>
  <si>
    <t>GGES PAKKAY WALA</t>
  </si>
  <si>
    <t>PAKKEY WALA - FEMALE</t>
  </si>
  <si>
    <t>moaza pakkay wala tehsil and distt jhang</t>
  </si>
  <si>
    <t>Pakkay Wals</t>
  </si>
  <si>
    <t>rabia basri</t>
  </si>
  <si>
    <t>GGES PAKKI KOTLI</t>
  </si>
  <si>
    <t>GGES Pakki Kotli Sialkot</t>
  </si>
  <si>
    <t>pakki Kotli</t>
  </si>
  <si>
    <t>Rehana Muhammad Ali</t>
  </si>
  <si>
    <t>GGES PALAWERI</t>
  </si>
  <si>
    <t>Palaweri</t>
  </si>
  <si>
    <t>vill. palaweri,p.o. malka, teh. kharian, distt. gujrat</t>
  </si>
  <si>
    <t>Najma Asghar</t>
  </si>
  <si>
    <t>GGES PALINA</t>
  </si>
  <si>
    <t>Paleena</t>
  </si>
  <si>
    <t>village&amp; p/o Paleena teh.gujarkhan distt rawalpindi</t>
  </si>
  <si>
    <t>GGES PANCHOURE</t>
  </si>
  <si>
    <t>PANCHORE</t>
  </si>
  <si>
    <t>GGES Panchore, VPO Panchore Tehsil Sohawa District Jhelum.</t>
  </si>
  <si>
    <t>Naeema Rafique</t>
  </si>
  <si>
    <t>GGES PANDAT WALA CHAK NO. 37/RB</t>
  </si>
  <si>
    <t>Pandatwala</t>
  </si>
  <si>
    <t>pandatwala chak no 37/rbtehsil sangla hill</t>
  </si>
  <si>
    <t>Juggian</t>
  </si>
  <si>
    <t>GGES PANDOO PUR</t>
  </si>
  <si>
    <t>Pandu Pur</t>
  </si>
  <si>
    <t>pandopur p/o jhangi gujranwala</t>
  </si>
  <si>
    <t>Pando Pur</t>
  </si>
  <si>
    <t>Zunera  Bano</t>
  </si>
  <si>
    <t>GGES PANDORI KALAN</t>
  </si>
  <si>
    <t>village Pandori Kalan P.o jamke chattha tehsil wzbd distt grw</t>
  </si>
  <si>
    <t>Affifa Andleeb</t>
  </si>
  <si>
    <t>GGES PANDORI NARANG</t>
  </si>
  <si>
    <t>pandori tehsil muridky district sheikhupura</t>
  </si>
  <si>
    <t>Sana Ghani</t>
  </si>
  <si>
    <t>GGES PARHAL</t>
  </si>
  <si>
    <t>parhal</t>
  </si>
  <si>
    <t>MARYAM BIBI</t>
  </si>
  <si>
    <t>GGES PARNAWAN</t>
  </si>
  <si>
    <t>Parnawan</t>
  </si>
  <si>
    <t>parnawan phool nagar</t>
  </si>
  <si>
    <t>Gulzar Jaggir</t>
  </si>
  <si>
    <t>GGES PARWANA P/O JABBI DHOK PARWANA</t>
  </si>
  <si>
    <t>dhok parwana</t>
  </si>
  <si>
    <t>vill dhok parwana po jabbi</t>
  </si>
  <si>
    <t>dullah</t>
  </si>
  <si>
    <t>Gulshan Nissa</t>
  </si>
  <si>
    <t>GGES PASAIL</t>
  </si>
  <si>
    <t>Pasail</t>
  </si>
  <si>
    <t>moza pasail dak khana bahawal das tehsil depalpur dist okara</t>
  </si>
  <si>
    <t>Padat Manful Pur</t>
  </si>
  <si>
    <t>Mussart Shaeen</t>
  </si>
  <si>
    <t>GGES PASWALL</t>
  </si>
  <si>
    <t>v.p.o paswal</t>
  </si>
  <si>
    <t>jamila begum</t>
  </si>
  <si>
    <t>GGES PATALIAN  P O PATALIAN</t>
  </si>
  <si>
    <t>Patalian</t>
  </si>
  <si>
    <t>VPO Patalian Teh  Distt Chakwal</t>
  </si>
  <si>
    <t>Kot  Chudrian</t>
  </si>
  <si>
    <t>Robina Yasmeen</t>
  </si>
  <si>
    <t>GGES PATHER GAR</t>
  </si>
  <si>
    <t>G G E.S.Pathar garh tehsil  Hassan abdal. District Attock</t>
  </si>
  <si>
    <t>Farhana Zafar</t>
  </si>
  <si>
    <t>missile  motor</t>
  </si>
  <si>
    <t>GGES PATI JUMMA ARAIN</t>
  </si>
  <si>
    <t>kotlalundan</t>
  </si>
  <si>
    <t>Fazilpur road rajanpur</t>
  </si>
  <si>
    <t>GGES PATTI BALANDA</t>
  </si>
  <si>
    <t>Pattibalanda</t>
  </si>
  <si>
    <t>pattiblnda p/o mankera</t>
  </si>
  <si>
    <t>GGES PATTOKI KOHNA</t>
  </si>
  <si>
    <t>Pattoki Kohna</t>
  </si>
  <si>
    <t>Govt girls E/S pattoki kohna</t>
  </si>
  <si>
    <t>Burjh Mahalam</t>
  </si>
  <si>
    <t>Raheela Naheed</t>
  </si>
  <si>
    <t>GGES PEER BUKHASH PUNJABI</t>
  </si>
  <si>
    <t>basti peer Bux Punjabi sadiqabad</t>
  </si>
  <si>
    <t>Peer Bux Punjabi</t>
  </si>
  <si>
    <t>Nasira Muslim</t>
  </si>
  <si>
    <t>GGES PEER MANJHAN SULTAN</t>
  </si>
  <si>
    <t>GGES Peer Manjhan Sultan</t>
  </si>
  <si>
    <t>GGES PEER MURAD</t>
  </si>
  <si>
    <t>GGES peer murad vehari</t>
  </si>
  <si>
    <t>Market Committee</t>
  </si>
  <si>
    <t>Riffat Tasneem</t>
  </si>
  <si>
    <t>GGES PELA DOGRA</t>
  </si>
  <si>
    <t>Peela Dogra</t>
  </si>
  <si>
    <t>peela dogra p/tola Teh_shakar Ghar Dissit Narowal</t>
  </si>
  <si>
    <t>Fareeha Ali</t>
  </si>
  <si>
    <t>GGES PHALIA</t>
  </si>
  <si>
    <t>Govt Girls E/S Phalia</t>
  </si>
  <si>
    <t>Gull Khanda</t>
  </si>
  <si>
    <t>GGES PHAMA SARIA</t>
  </si>
  <si>
    <t>phama sara tehdil noshra virkan gujranwala</t>
  </si>
  <si>
    <t>Humaira Sadaf</t>
  </si>
  <si>
    <t>GGES PHAMRA JAGIR</t>
  </si>
  <si>
    <t>Phamra Jageer</t>
  </si>
  <si>
    <t>Gges Phamra jageer</t>
  </si>
  <si>
    <t>Ghazala Bibi</t>
  </si>
  <si>
    <t>GGES PHAPHRIAL</t>
  </si>
  <si>
    <t>Phaphril</t>
  </si>
  <si>
    <t>Village And Post Office Phaphril Murree.</t>
  </si>
  <si>
    <t>Rehana Bi Bi</t>
  </si>
  <si>
    <t>GGES PHEROKE</t>
  </si>
  <si>
    <t>Pheroki</t>
  </si>
  <si>
    <t>village Pheroki Distt Hafizabad</t>
  </si>
  <si>
    <t>Kot Said Mohammad</t>
  </si>
  <si>
    <t>Shazia</t>
  </si>
  <si>
    <t>GGES PHOGHAN WALA</t>
  </si>
  <si>
    <t>Phogan Wala</t>
  </si>
  <si>
    <t>G.G ES Phogan Wala</t>
  </si>
  <si>
    <t>GGES PHOTAKI</t>
  </si>
  <si>
    <t>Photaki</t>
  </si>
  <si>
    <t>photaki</t>
  </si>
  <si>
    <t>Sarwat Parveen</t>
  </si>
  <si>
    <t>GGES PHULAN TOLI KALAN</t>
  </si>
  <si>
    <t>Phulantoli Kalan</t>
  </si>
  <si>
    <t>moza phulantoli kalan</t>
  </si>
  <si>
    <t>GGES PHULARWAN</t>
  </si>
  <si>
    <t>GUJRAT I - FEMALE</t>
  </si>
  <si>
    <t>P.O. and village phularwan</t>
  </si>
  <si>
    <t>Nadia Zubair</t>
  </si>
  <si>
    <t>GGES PHULIANI</t>
  </si>
  <si>
    <t>phulliani</t>
  </si>
  <si>
    <t>GGES PILOWAL SIDDIQA</t>
  </si>
  <si>
    <t>Pilowal Siddiqa</t>
  </si>
  <si>
    <t>GGES PILOWAL SIDDIQA TEH LALIAN DISTT CHINIOT</t>
  </si>
  <si>
    <t>TEHMINA UMAR</t>
  </si>
  <si>
    <t>GGES PIND</t>
  </si>
  <si>
    <t>Pind</t>
  </si>
  <si>
    <t>vpo pind Teh pindighab attock</t>
  </si>
  <si>
    <t>Ahmidal</t>
  </si>
  <si>
    <t>Mehnaz Ruhi</t>
  </si>
  <si>
    <t>GGES PIND BAINSO</t>
  </si>
  <si>
    <t>DOBERAN KALLAN - FEMALE</t>
  </si>
  <si>
    <t>Pind Bainso</t>
  </si>
  <si>
    <t>village and po pind bainso tehsil kallar syedan district rwp</t>
  </si>
  <si>
    <t>Nala Muslmana</t>
  </si>
  <si>
    <t>Fatima Sadaf</t>
  </si>
  <si>
    <t>GGES PIND BARHAMNAN</t>
  </si>
  <si>
    <t>Pind Brahmna</t>
  </si>
  <si>
    <t>village pind brahmna p/o darman tehsil zafarwal Disst narowal</t>
  </si>
  <si>
    <t>Dinga Nrain</t>
  </si>
  <si>
    <t>Samina Ilyas</t>
  </si>
  <si>
    <t>GGES PIND FATEH JANG</t>
  </si>
  <si>
    <t>Village Pind p /o mian rasheeda Tehsil Fateh Jang district Attock</t>
  </si>
  <si>
    <t>GGES PIND FAZAL KHAN</t>
  </si>
  <si>
    <t>village pind fazal khan tehsile fateh jang district attock</t>
  </si>
  <si>
    <t>Dharaek</t>
  </si>
  <si>
    <t>Shazia Ashraf</t>
  </si>
  <si>
    <t>GGES PIND GHULAM KHAN</t>
  </si>
  <si>
    <t>Pind ghulam Khan</t>
  </si>
  <si>
    <t>mohalla pind ghulam khan dhok fateh attock city</t>
  </si>
  <si>
    <t>Dhok fateh</t>
  </si>
  <si>
    <t>Attock</t>
  </si>
  <si>
    <t>Jawaria Siddiqui</t>
  </si>
  <si>
    <t>GGES PIND HABTAL</t>
  </si>
  <si>
    <t>Pind Habtal</t>
  </si>
  <si>
    <t>GGES PindHabtal</t>
  </si>
  <si>
    <t>GGES PIND SWIKKA</t>
  </si>
  <si>
    <t>Pind Swikka</t>
  </si>
  <si>
    <t>vpo pindswikka tehsil and distric jehlum</t>
  </si>
  <si>
    <t>Pind swikka</t>
  </si>
  <si>
    <t>Khadija Tahir</t>
  </si>
  <si>
    <t>GGES PIND WOHTI</t>
  </si>
  <si>
    <t>bohti pind</t>
  </si>
  <si>
    <t>GGES Bohti Pind P/o Hasan abdal</t>
  </si>
  <si>
    <t>lub thathu</t>
  </si>
  <si>
    <t>Bibi Zainub</t>
  </si>
  <si>
    <t>GGES PINDI BAWAREY</t>
  </si>
  <si>
    <t>PINDI BAWARAY</t>
  </si>
  <si>
    <t>Ayesha Iqbal</t>
  </si>
  <si>
    <t>GGES PINDI BHATTIAN</t>
  </si>
  <si>
    <t>main bazar pindi bhatian</t>
  </si>
  <si>
    <t>gges pindi bhattisn</t>
  </si>
  <si>
    <t>Misbah Asghar</t>
  </si>
  <si>
    <t>GGES PINDI DHOTHRAN</t>
  </si>
  <si>
    <t>Pindi Dothran</t>
  </si>
  <si>
    <t>GGES pindi dothran p/o chak mitha tehsil phalia distt m.b.din</t>
  </si>
  <si>
    <t>PiNdi Dothran</t>
  </si>
  <si>
    <t>Iram Shehzadi</t>
  </si>
  <si>
    <t>GGES PINDI GHEB NO.3</t>
  </si>
  <si>
    <t>TOOT - FEMALE</t>
  </si>
  <si>
    <t>Mohallah Gulzarabad tehsil pindigheb district attock</t>
  </si>
  <si>
    <t>Sharqi Pindi Gheb</t>
  </si>
  <si>
    <t>Muqaddas Batool</t>
  </si>
  <si>
    <t>GGES PINDORI LOHARAN</t>
  </si>
  <si>
    <t>Pindori Loharan</t>
  </si>
  <si>
    <t>GGES pindori Loharan village pindori loharan p/o chock pindori tehsil kallar syedan distt rwp</t>
  </si>
  <si>
    <t>GGES PINWAL</t>
  </si>
  <si>
    <t>Pinwal</t>
  </si>
  <si>
    <t>gges pinwal. vpo pinwal tehsil and distric chakwal.</t>
  </si>
  <si>
    <t>Jabair Pur</t>
  </si>
  <si>
    <t>GGES PIPLI MEHTAB RAI</t>
  </si>
  <si>
    <t>Pipli Mehtab Rai</t>
  </si>
  <si>
    <t>pipli mehtab rai</t>
  </si>
  <si>
    <t>Samandri</t>
  </si>
  <si>
    <t>GGES PIPLI WALA</t>
  </si>
  <si>
    <t>PIPLIWALA</t>
  </si>
  <si>
    <t>Aqsa Naureen</t>
  </si>
  <si>
    <t>GGES PIR ASHAB</t>
  </si>
  <si>
    <t>PIR ASHAB - FEMALE</t>
  </si>
  <si>
    <t>peer ashab</t>
  </si>
  <si>
    <t>sakana peerashab P/ O Razai shah shumali Bhakkar</t>
  </si>
  <si>
    <t>Mrs Shgufta Ara</t>
  </si>
  <si>
    <t>GGES PIR DARBAR NO 1 MULTAN</t>
  </si>
  <si>
    <t>Sultan Pur HAMAR</t>
  </si>
  <si>
    <t>GGES Peer Darbar markez Shershah</t>
  </si>
  <si>
    <t>BASTI Talab</t>
  </si>
  <si>
    <t>Ghazala Inayat</t>
  </si>
  <si>
    <t>GGES PIR GHANI</t>
  </si>
  <si>
    <t>Pirghani</t>
  </si>
  <si>
    <t>govt girls middle school pirghani</t>
  </si>
  <si>
    <t>Fozia Hassan</t>
  </si>
  <si>
    <t>GGES PIR ISLAM</t>
  </si>
  <si>
    <t>gges peer islam</t>
  </si>
  <si>
    <t>Peer Islam</t>
  </si>
  <si>
    <t>GGES PIR KHANA</t>
  </si>
  <si>
    <t>Pir khana</t>
  </si>
  <si>
    <t>village Pir khana, p.o pir khana, tehsil sarai alamgir, district Gujrat</t>
  </si>
  <si>
    <t>sultana nazi</t>
  </si>
  <si>
    <t>GGES PIR KOT</t>
  </si>
  <si>
    <t>peer kot post office gakkhar Tehsil wazirabad district Gujranawala</t>
  </si>
  <si>
    <t>Tahira Yasmen</t>
  </si>
  <si>
    <t>GGES PIR MUHAMMAD COLONY</t>
  </si>
  <si>
    <t>pir muhammad colony sgd</t>
  </si>
  <si>
    <t>gges pir muhammad colony sgd</t>
  </si>
  <si>
    <t>cant area</t>
  </si>
  <si>
    <t>GGES PIR QATAL PUR, SARAI SIDHU</t>
  </si>
  <si>
    <t>sandianwala</t>
  </si>
  <si>
    <t>shahamand hiraj UC daduana tehsil kabirwala</t>
  </si>
  <si>
    <t>shahamand hiraj</t>
  </si>
  <si>
    <t>daduana</t>
  </si>
  <si>
    <t>Misbah Khizar</t>
  </si>
  <si>
    <t>GGES PIRA JANGLA</t>
  </si>
  <si>
    <t>Pira Jangla</t>
  </si>
  <si>
    <t>vpo pira jangla</t>
  </si>
  <si>
    <t>Jassial</t>
  </si>
  <si>
    <t>Qudsiya Batool</t>
  </si>
  <si>
    <t>GGES PIRANA</t>
  </si>
  <si>
    <t>Govt. Girls Elementary School Pirana</t>
  </si>
  <si>
    <t>Taj Khushnood</t>
  </si>
  <si>
    <t>GGES PITTAN WALA</t>
  </si>
  <si>
    <t>PANAH KHARAL GHARBI</t>
  </si>
  <si>
    <t>BASTI PITTON WALA PANAH KHARAL GHARBI P/O PEER JAGGI</t>
  </si>
  <si>
    <t>BASTI PITTON WALA</t>
  </si>
  <si>
    <t>ammara hafeez</t>
  </si>
  <si>
    <t>GGES PLOT PARIAN WALA, SARAI SIDHU</t>
  </si>
  <si>
    <t>Bagar Sargana</t>
  </si>
  <si>
    <t>basti plot paryan bagar sargana</t>
  </si>
  <si>
    <t>Plot Paryan</t>
  </si>
  <si>
    <t>Zahida Begum</t>
  </si>
  <si>
    <t>GGES POOHLA</t>
  </si>
  <si>
    <t>Poohla</t>
  </si>
  <si>
    <t>poohla tehsil sahiwal district sargodha</t>
  </si>
  <si>
    <t>Sial sharif</t>
  </si>
  <si>
    <t>Nadia</t>
  </si>
  <si>
    <t>GGES POPULAR NURSERY BAHARI COLONY GRW</t>
  </si>
  <si>
    <t>govt girls elementry school behari colony grw</t>
  </si>
  <si>
    <t>Nandi Pur</t>
  </si>
  <si>
    <t>Rahila Afzal</t>
  </si>
  <si>
    <t>GGES PORILA</t>
  </si>
  <si>
    <t>Porila</t>
  </si>
  <si>
    <t>village porila p.o maira tehsil and district jhelum</t>
  </si>
  <si>
    <t>Chack Jmal</t>
  </si>
  <si>
    <t>GGES PROBAN ABAD</t>
  </si>
  <si>
    <t>Army Stud Form</t>
  </si>
  <si>
    <t>Govt girls elementary school probynabad</t>
  </si>
  <si>
    <t>Probynabad</t>
  </si>
  <si>
    <t>Sumaira Afzal</t>
  </si>
  <si>
    <t>GGES PUL GAMOON WALI NO. 2</t>
  </si>
  <si>
    <t>Pul Gamon Wali</t>
  </si>
  <si>
    <t>Pull Gamon Wali Tehsil Kabirwala</t>
  </si>
  <si>
    <t>Nosheen  Fatima</t>
  </si>
  <si>
    <t>GGES PUL GAMOON WALI,NO, 1 SARAI SIDHU</t>
  </si>
  <si>
    <t>Baqir Poor</t>
  </si>
  <si>
    <t>the kbirwala district khanewal moza baqir poor nazd bhatta mehmood kot pull gamoon wali</t>
  </si>
  <si>
    <t>Mehwish Raoof</t>
  </si>
  <si>
    <t>GGES PUL SHAH DOULA</t>
  </si>
  <si>
    <t>Pualshahdola</t>
  </si>
  <si>
    <t>GGES Pualshahdola</t>
  </si>
  <si>
    <t>Gunna oor</t>
  </si>
  <si>
    <t>Asia Sattar</t>
  </si>
  <si>
    <t>GGES PULL MONDHAY WALA NAWAB PUR ROAD MULTAN</t>
  </si>
  <si>
    <t>Pul Mondhay Wala</t>
  </si>
  <si>
    <t>nawab pur road .pul mondhay wala</t>
  </si>
  <si>
    <t>Nawab Pur</t>
  </si>
  <si>
    <t>Gulghast Colony</t>
  </si>
  <si>
    <t>Nazia Iqbal</t>
  </si>
  <si>
    <t>GGES PUNJAB MODEL KARIM PARK, LAHORE</t>
  </si>
  <si>
    <t>138 Karim park lhr</t>
  </si>
  <si>
    <t>Ameen Park</t>
  </si>
  <si>
    <t>Raheela Jameel</t>
  </si>
  <si>
    <t>GGES PUNJKOSI</t>
  </si>
  <si>
    <t>Kat Allah Yar</t>
  </si>
  <si>
    <t>chak Punjkosi, p/o doonga boonga, bahawalnagar</t>
  </si>
  <si>
    <t>Punjkosi</t>
  </si>
  <si>
    <t>Saba Mukhtar</t>
  </si>
  <si>
    <t>GGES PURANA BHALWAL</t>
  </si>
  <si>
    <t>G.G E/S purana bhalwal tehsil bhalwal district sargodha</t>
  </si>
  <si>
    <t>GGES PURANA CHAHOOR NO 4 SANGLA HILL</t>
  </si>
  <si>
    <t>Purana Chahoor</t>
  </si>
  <si>
    <t>ward no.4 purana chahoor sangla hill</t>
  </si>
  <si>
    <t>Naila Anjum</t>
  </si>
  <si>
    <t>GGES PURANAY RATIAL</t>
  </si>
  <si>
    <t>Puranay Rattial</t>
  </si>
  <si>
    <t>puranay Rattial</t>
  </si>
  <si>
    <t>Jairoratial</t>
  </si>
  <si>
    <t>Lubna Firdous</t>
  </si>
  <si>
    <t>GGES QADIR ABAD</t>
  </si>
  <si>
    <t>Qader Abad</t>
  </si>
  <si>
    <t>Qadir Abad teh.Depal pur distt Okara</t>
  </si>
  <si>
    <t>shahida pereen</t>
  </si>
  <si>
    <t>GGES QAHER WALI</t>
  </si>
  <si>
    <t>Qaherwali</t>
  </si>
  <si>
    <t>GGES qaherwal</t>
  </si>
  <si>
    <t>Dhesar Pareen</t>
  </si>
  <si>
    <t>Quratullain</t>
  </si>
  <si>
    <t>GGES QAIM WALA</t>
  </si>
  <si>
    <t>Qaim wala</t>
  </si>
  <si>
    <t>p/o mamoori qaim wala D G KHAN</t>
  </si>
  <si>
    <t>Qaim Wala</t>
  </si>
  <si>
    <t>Fouzia Tabassum</t>
  </si>
  <si>
    <t>GGES QAISER GARH</t>
  </si>
  <si>
    <t>KAISER GARH</t>
  </si>
  <si>
    <t>kaiser garh village</t>
  </si>
  <si>
    <t>Baroon Kasur</t>
  </si>
  <si>
    <t>GGES QALANDER COLONY SATELLITE TOWN</t>
  </si>
  <si>
    <t>AHMADPUR CITY - FEMALE</t>
  </si>
  <si>
    <t>APE</t>
  </si>
  <si>
    <t>GGES QALANDER COLONY WARD NO 8 AHMAD PUR EAST</t>
  </si>
  <si>
    <t>AHMED PUR</t>
  </si>
  <si>
    <t>AHMED PUR EAST</t>
  </si>
  <si>
    <t>GGES QASBAN WALA 58 SB</t>
  </si>
  <si>
    <t>58 SB</t>
  </si>
  <si>
    <t>GGes 58 SB qw</t>
  </si>
  <si>
    <t>58 SB Qw</t>
  </si>
  <si>
    <t>Sughra Tabassum</t>
  </si>
  <si>
    <t>GGES QASIM ABAD (CHOHA MAL)</t>
  </si>
  <si>
    <t>P.O khas, village qasimabad</t>
  </si>
  <si>
    <t>GGES QASIM ABAD KOHANOOR MILL</t>
  </si>
  <si>
    <t>GGES Street 6 Qasimabad rawalpindi</t>
  </si>
  <si>
    <t>Rawalpindi  City</t>
  </si>
  <si>
    <t>Rawalpindi</t>
  </si>
  <si>
    <t>shamim afshan</t>
  </si>
  <si>
    <t>GGES QASIM BELA NEAR AIRPORT</t>
  </si>
  <si>
    <t>Qasim Bela</t>
  </si>
  <si>
    <t>GGES qasim bela near airport</t>
  </si>
  <si>
    <t>Qasim bela</t>
  </si>
  <si>
    <t>Shamim Bukhari</t>
  </si>
  <si>
    <t>GGES QAYYAM PUR</t>
  </si>
  <si>
    <t>Qayyam Pur</t>
  </si>
  <si>
    <t>qayyam pur Dak khana mannon pur .skp</t>
  </si>
  <si>
    <t>Nargis Qadir</t>
  </si>
  <si>
    <t>GGES QAYYUM NAWAZ WALA OLD SHUJABAD ROAD</t>
  </si>
  <si>
    <t>Alamgir</t>
  </si>
  <si>
    <t>QAYYUM NAWAZ WALA OLD SHUJABAD ROAD</t>
  </si>
  <si>
    <t>Basti Alamgir</t>
  </si>
  <si>
    <t>Razia Sultan</t>
  </si>
  <si>
    <t>GGES QAZI WALA</t>
  </si>
  <si>
    <t>qazi wala, markaz sadar janobi</t>
  </si>
  <si>
    <t>Asea Bibi</t>
  </si>
  <si>
    <t>GGES QIAM PUR</t>
  </si>
  <si>
    <t>Qiam Pur</t>
  </si>
  <si>
    <t>GGES Qiam pur</t>
  </si>
  <si>
    <t>Akber Ganoki</t>
  </si>
  <si>
    <t>Fozia Ashraf</t>
  </si>
  <si>
    <t>GGES QILA BALWANT SINGH</t>
  </si>
  <si>
    <t>qila balwant singh</t>
  </si>
  <si>
    <t>Tashkeer Sarwar</t>
  </si>
  <si>
    <t>GGES QILA DEWAN SINGH</t>
  </si>
  <si>
    <t>Qila Dewan Singh, Po:nokhar,Teh:noshera virkan, Dist:Gujranwala</t>
  </si>
  <si>
    <t>Udho Wali</t>
  </si>
  <si>
    <t>Rashida Riaz  -Riaz Ahmed</t>
  </si>
  <si>
    <t>GGES QILA DHARM SINGH</t>
  </si>
  <si>
    <t>Qilla Dharam Singh</t>
  </si>
  <si>
    <t>Govt Girls Model Elementary school Qila Dharm Singh tehsil and district nankana sahib</t>
  </si>
  <si>
    <t>Qila Dharm Singh</t>
  </si>
  <si>
    <t>tehzeeb rasheed</t>
  </si>
  <si>
    <t>GGES QILA MIR ZAMAN</t>
  </si>
  <si>
    <t>Qila Mir zaman</t>
  </si>
  <si>
    <t>GGES Qila Mir zaman chak#8 tehsil. safdarabad</t>
  </si>
  <si>
    <t>GGES QILA MURAD BUKHSH</t>
  </si>
  <si>
    <t>Qila Muradbux</t>
  </si>
  <si>
    <t>vilage qilamuradbuxqq</t>
  </si>
  <si>
    <t>Qila Murad Bux</t>
  </si>
  <si>
    <t>Bagh Kohna</t>
  </si>
  <si>
    <t>Shabana Ashraf</t>
  </si>
  <si>
    <t>GGES QILA NOHID SINGH</t>
  </si>
  <si>
    <t>Qila Nohid Singh</t>
  </si>
  <si>
    <t>GGES Qila Nohid Singh P.O Marali wala tehsil kamoke district    
Gujranwala</t>
  </si>
  <si>
    <t>Adoraiy</t>
  </si>
  <si>
    <t>Neelam Akram</t>
  </si>
  <si>
    <t>GGES QILA NOOR PUR</t>
  </si>
  <si>
    <t>Qilla noor pur</t>
  </si>
  <si>
    <t>Gges qilla noor pur p / o colouni shoukat abad distric &amp; tehsil nankana sahib</t>
  </si>
  <si>
    <t>Qilla Noor pur</t>
  </si>
  <si>
    <t>Kot Bini Das</t>
  </si>
  <si>
    <t>Shawana Asghar</t>
  </si>
  <si>
    <t>GGES QILA PACCA</t>
  </si>
  <si>
    <t>Qila Pacca</t>
  </si>
  <si>
    <t>qila pacca</t>
  </si>
  <si>
    <t>Kot Bini Daas</t>
  </si>
  <si>
    <t>Gultaj Bhatti</t>
  </si>
  <si>
    <t>GGES QILA RAM KOUR</t>
  </si>
  <si>
    <t>Qila Ramkour</t>
  </si>
  <si>
    <t>govt girls e/s qila ramkour</t>
  </si>
  <si>
    <t>Marryam Khizar</t>
  </si>
  <si>
    <t>GGES QILA SAHIB SINGH</t>
  </si>
  <si>
    <t>gges qila sahab singh teh and district hafizabad</t>
  </si>
  <si>
    <t>Qila Sahab Singh</t>
  </si>
  <si>
    <t>tanzeela kousar</t>
  </si>
  <si>
    <t>GGES QILA STAR SHAH</t>
  </si>
  <si>
    <t>govt.girls elementary school qila satar shah</t>
  </si>
  <si>
    <t>Muskaan Tabassum</t>
  </si>
  <si>
    <t>GGES QUTAB SHAHANA</t>
  </si>
  <si>
    <t>Qutab Shahana</t>
  </si>
  <si>
    <t>qutab shahana</t>
  </si>
  <si>
    <t>Bhadar Shah</t>
  </si>
  <si>
    <t>Fariha Gill</t>
  </si>
  <si>
    <t>GGES QUTBA</t>
  </si>
  <si>
    <t>Qutbah</t>
  </si>
  <si>
    <t>GGES/ Qutbah</t>
  </si>
  <si>
    <t>Fathy Pur</t>
  </si>
  <si>
    <t>GGES QUTBALL</t>
  </si>
  <si>
    <t>vill&amp;p.o Qutbal via Dualtala Teh;Gujar khan Distt;Rawalpindi</t>
  </si>
  <si>
    <t>QUTBAL</t>
  </si>
  <si>
    <t>FARIDA TABBASUM</t>
  </si>
  <si>
    <t>GGES QYAMPUR</t>
  </si>
  <si>
    <t>village qayampur p/o jassar narowal</t>
  </si>
  <si>
    <t>Ayesha Imtiaz</t>
  </si>
  <si>
    <t>GGES RABAL</t>
  </si>
  <si>
    <t>Rabal</t>
  </si>
  <si>
    <t>village rabal post office rabal teh &amp; distt Chakwal</t>
  </si>
  <si>
    <t>Samina Parveen</t>
  </si>
  <si>
    <t>GGES RABANA</t>
  </si>
  <si>
    <t>rabana</t>
  </si>
  <si>
    <t>GGES rabana</t>
  </si>
  <si>
    <t>Rabana</t>
  </si>
  <si>
    <t>Nooray wala</t>
  </si>
  <si>
    <t>Munnazza Ijaz</t>
  </si>
  <si>
    <t>GGES RACHNA TOWN</t>
  </si>
  <si>
    <t>G.grls elementary school rachna towm ferozewala</t>
  </si>
  <si>
    <t>GGES RAEES ABAD, TULAMBA</t>
  </si>
  <si>
    <t>Ariwala</t>
  </si>
  <si>
    <t>ggms raeesabad tulambs markaz 5 miachanu</t>
  </si>
  <si>
    <t>Raeesabad</t>
  </si>
  <si>
    <t>Noorisohag</t>
  </si>
  <si>
    <t>Mahjabeen Sajid</t>
  </si>
  <si>
    <t>GGES RAFIQ ABAD</t>
  </si>
  <si>
    <t>Kakki Nou Soiam</t>
  </si>
  <si>
    <t>ggesrafique abad</t>
  </si>
  <si>
    <t>KOUSAR Abad</t>
  </si>
  <si>
    <t>GGES RAFIQUE ABAD</t>
  </si>
  <si>
    <t>Rafique Abad</t>
  </si>
  <si>
    <t>gges rafique abad narang mandi</t>
  </si>
  <si>
    <t>Municipal Kamati</t>
  </si>
  <si>
    <t>asiya yousaf</t>
  </si>
  <si>
    <t>GGES RAH BHOBRA</t>
  </si>
  <si>
    <t>Rah BHOBRA</t>
  </si>
  <si>
    <t>Gov't Girls Elementary School Rah Bhobra</t>
  </si>
  <si>
    <t>Rah Bhobra</t>
  </si>
  <si>
    <t>Mishal Arshad</t>
  </si>
  <si>
    <t>GGES RAH WALI EAST NO.2</t>
  </si>
  <si>
    <t>GGES EAST NO.2 RAHWALI</t>
  </si>
  <si>
    <t>Talwandi Khajoor Wali</t>
  </si>
  <si>
    <t>GGES RAHEEM PUR</t>
  </si>
  <si>
    <t>Raheem Pur</t>
  </si>
  <si>
    <t>GMES Raheem Pur tehsil kotmomin Sargodha</t>
  </si>
  <si>
    <t>Raheem PUR</t>
  </si>
  <si>
    <t>GGES RAHGO SEYDAN</t>
  </si>
  <si>
    <t>Ragho Syedan</t>
  </si>
  <si>
    <t>village RAHGO  Syedan, Teh and District hafizabad</t>
  </si>
  <si>
    <t>Kot Said  Muhammad</t>
  </si>
  <si>
    <t>Musarrat Tahira</t>
  </si>
  <si>
    <t>GGES RAHIM ABAD</t>
  </si>
  <si>
    <t>Nwanpind</t>
  </si>
  <si>
    <t>rahimabad</t>
  </si>
  <si>
    <t>Rahimabad</t>
  </si>
  <si>
    <t>Nwan Pind</t>
  </si>
  <si>
    <t>Asima Nawaz</t>
  </si>
  <si>
    <t>GGES RAHIM ABAD KHANANI</t>
  </si>
  <si>
    <t>gpo seetpur</t>
  </si>
  <si>
    <t>Tanwari</t>
  </si>
  <si>
    <t>Seetpur</t>
  </si>
  <si>
    <t>momina razaq</t>
  </si>
  <si>
    <t>GGES RAHIM PUR KHICHIAN</t>
  </si>
  <si>
    <t>MARAKIWAL - FEMALE</t>
  </si>
  <si>
    <t>rahimpur khichian p/o bharath</t>
  </si>
  <si>
    <t>Rahimpur Khichian</t>
  </si>
  <si>
    <t>Bharath</t>
  </si>
  <si>
    <t>Tazyyan Chaudhary</t>
  </si>
  <si>
    <t>GGES RAHMAN ABAD</t>
  </si>
  <si>
    <t>rehmanabad</t>
  </si>
  <si>
    <t>GGES RAHMAT PURA</t>
  </si>
  <si>
    <t>Rehmat Pura</t>
  </si>
  <si>
    <t>GGES Rehmat Pura</t>
  </si>
  <si>
    <t>GGES RAI KALAN</t>
  </si>
  <si>
    <t>Rai kalan</t>
  </si>
  <si>
    <t>Village rai kalan teh and distt kasur</t>
  </si>
  <si>
    <t>Rai Kalan</t>
  </si>
  <si>
    <t>Chathian Wala</t>
  </si>
  <si>
    <t>maria ali</t>
  </si>
  <si>
    <t>GGES RAI PUR</t>
  </si>
  <si>
    <t>village Rai Pur p..o.b Gopal Pur sialkot</t>
  </si>
  <si>
    <t>Sayedan Wali</t>
  </si>
  <si>
    <t>Riffat Batool</t>
  </si>
  <si>
    <t>GGES RAIKA GHUMAN</t>
  </si>
  <si>
    <t>Raika Ghumman</t>
  </si>
  <si>
    <t>Raika Ghumman tehsil pattoki distt kasur</t>
  </si>
  <si>
    <t>Assia Akram</t>
  </si>
  <si>
    <t>GGES RAIKEY</t>
  </si>
  <si>
    <t>p &amp; p/o Raikey</t>
  </si>
  <si>
    <t>GGES RAILWAY COLONY SARGODHA</t>
  </si>
  <si>
    <t>GGES Railway Colony Sargodha</t>
  </si>
  <si>
    <t>GGES RAILWAY STATION</t>
  </si>
  <si>
    <t>Basti railway Station</t>
  </si>
  <si>
    <t>basti railway station kahror pacca</t>
  </si>
  <si>
    <t>Kahror</t>
  </si>
  <si>
    <t>Rabia Noshin</t>
  </si>
  <si>
    <t>GGES RAIS YAQOOB MUHAMMAD</t>
  </si>
  <si>
    <t>Govt.Girls E/S Rais yaqoob Muhd.Lqp..</t>
  </si>
  <si>
    <t>Rais  Mushtaq</t>
  </si>
  <si>
    <t>mrs.samina yasmeen</t>
  </si>
  <si>
    <t>GGES RAJA GHUMAN</t>
  </si>
  <si>
    <t>GGES RajaGhuman</t>
  </si>
  <si>
    <t>RajaGhuman</t>
  </si>
  <si>
    <t>Anees Alam</t>
  </si>
  <si>
    <t>GGES RAJANA NO. 2</t>
  </si>
  <si>
    <t>samundary road rajana t t singh</t>
  </si>
  <si>
    <t>Chak No 285 Gb</t>
  </si>
  <si>
    <t>GGES RAJANA ROAD SAMUNDRI</t>
  </si>
  <si>
    <t>rajanaroad samundri</t>
  </si>
  <si>
    <t>Muncipal Committe Smundri</t>
  </si>
  <si>
    <t>Faiza Ashraf</t>
  </si>
  <si>
    <t>GGES RAJAY WALA</t>
  </si>
  <si>
    <t>Rajawala</t>
  </si>
  <si>
    <t>Rajaywala</t>
  </si>
  <si>
    <t>GGES RAJIAN</t>
  </si>
  <si>
    <t>ggesrajian</t>
  </si>
  <si>
    <t>Uncha Kalan</t>
  </si>
  <si>
    <t>Tayyaba Yousaf</t>
  </si>
  <si>
    <t>GGES RAJJI WALA ARAIAN</t>
  </si>
  <si>
    <t>RAJJI WALA</t>
  </si>
  <si>
    <t>SEHJRA</t>
  </si>
  <si>
    <t>Shaheena Rahim</t>
  </si>
  <si>
    <t>GGES RAJO WAL KOHNA</t>
  </si>
  <si>
    <t>Rajowal Kohna</t>
  </si>
  <si>
    <t>Rajowal Kohna p/o Khudian khas Tehseel &amp; District kasur</t>
  </si>
  <si>
    <t>Khai Hittar</t>
  </si>
  <si>
    <t>TASNEEM FATIMA</t>
  </si>
  <si>
    <t>GGES RAJOKAY</t>
  </si>
  <si>
    <t>Rajokey</t>
  </si>
  <si>
    <t>rajokey tehseel daska sialkot</t>
  </si>
  <si>
    <t>Kanwalit</t>
  </si>
  <si>
    <t>GGES RAJOOHA</t>
  </si>
  <si>
    <t>Rajoha</t>
  </si>
  <si>
    <t>vill  p o Rajoha the Ghur kan district Rawalpindi</t>
  </si>
  <si>
    <t>Monghot</t>
  </si>
  <si>
    <t>GGES RAJU BHAND</t>
  </si>
  <si>
    <t>Raju Bhand</t>
  </si>
  <si>
    <t>GG E,S Raju Bhand</t>
  </si>
  <si>
    <t>Fatteh Bhand</t>
  </si>
  <si>
    <t>KHALIDA PARVEEN</t>
  </si>
  <si>
    <t>GGES RAKH BAULI</t>
  </si>
  <si>
    <t>Rakh Bouli</t>
  </si>
  <si>
    <t>GOES rakh bouli</t>
  </si>
  <si>
    <t>Misbah Basharat</t>
  </si>
  <si>
    <t>GGES RAKH CHARAGAH</t>
  </si>
  <si>
    <t>lokri kahotan Rakh Charagah bhera</t>
  </si>
  <si>
    <t>GGES RAKH DUGGRAN WALI (BHAKKAR)</t>
  </si>
  <si>
    <t>Rakh DAGGRAN Wali</t>
  </si>
  <si>
    <t>GGES RAKH DAGGRAN WALI LOT NO 33</t>
  </si>
  <si>
    <t>Rakh Daggran Wali Lot No33</t>
  </si>
  <si>
    <t>noor jahan</t>
  </si>
  <si>
    <t>GGES RAKH KIKRAN WALI</t>
  </si>
  <si>
    <t>Rakh Kikranwali, feroz wala  road gujranwala</t>
  </si>
  <si>
    <t>Fakhra Daud</t>
  </si>
  <si>
    <t>GGES RAKH RAWAN</t>
  </si>
  <si>
    <t>Rakhrawan</t>
  </si>
  <si>
    <t>village rakhrawan, p.o kala gujran, teh &amp; dist jhelum</t>
  </si>
  <si>
    <t>Syeda Sidra Naqvi</t>
  </si>
  <si>
    <t>GGES RAM GARH</t>
  </si>
  <si>
    <t>Ramgarh</t>
  </si>
  <si>
    <t>Govt Girls Elementary School Ramgarh Nodha 179/RB</t>
  </si>
  <si>
    <t>Saira Khalil</t>
  </si>
  <si>
    <t>GGES RAM PUR JADEED (MAHI WAL NAGAR)</t>
  </si>
  <si>
    <t>Govt. girls E/S rampur jadeed Mahi wal Nagar</t>
  </si>
  <si>
    <t>Bhand</t>
  </si>
  <si>
    <t>GGES RAM PUR SAIR MIANI MULTAN</t>
  </si>
  <si>
    <t>Ram Pur Sair Miani</t>
  </si>
  <si>
    <t>link road darbar saskhi sultan</t>
  </si>
  <si>
    <t>Alhadi Sura</t>
  </si>
  <si>
    <t>Unis Bibi</t>
  </si>
  <si>
    <t>GGES RAM PURA (BWN)</t>
  </si>
  <si>
    <t>BWN.15-FEMALE</t>
  </si>
  <si>
    <t>Rampura</t>
  </si>
  <si>
    <t>post office khas rampura</t>
  </si>
  <si>
    <t>Koriyanwali</t>
  </si>
  <si>
    <t>Sajida Rahman</t>
  </si>
  <si>
    <t>GGES RAMBRI</t>
  </si>
  <si>
    <t>village rambri</t>
  </si>
  <si>
    <t>GGES RAMKAY</t>
  </si>
  <si>
    <t>Ramkey</t>
  </si>
  <si>
    <t>GGES Ramkey</t>
  </si>
  <si>
    <t>Rahat Aslam</t>
  </si>
  <si>
    <t>GGES RAMKEY SANDHUWAN</t>
  </si>
  <si>
    <t>rural</t>
  </si>
  <si>
    <t>ramkey sandhwan tehsil and district gujranwala</t>
  </si>
  <si>
    <t>ramkey sandhwan</t>
  </si>
  <si>
    <t>GGES RAMZAN ABAD KAROR</t>
  </si>
  <si>
    <t>Ramzan Abad Karor</t>
  </si>
  <si>
    <t>GGES Ramzan Abad Karor Lal Eason</t>
  </si>
  <si>
    <t>karor city</t>
  </si>
  <si>
    <t>Ayesha saleem</t>
  </si>
  <si>
    <t>GGES RANA MUHAMMAD HUSSAIN SHAKIR</t>
  </si>
  <si>
    <t>GGES Rana Mohammad Hussain Shakir</t>
  </si>
  <si>
    <t>Rana M H Shakir</t>
  </si>
  <si>
    <t>Humaira Naheed</t>
  </si>
  <si>
    <t>GGES RANA NAGAR</t>
  </si>
  <si>
    <t>Aloukh Thal</t>
  </si>
  <si>
    <t>rana nagr</t>
  </si>
  <si>
    <t>Rana Nagar</t>
  </si>
  <si>
    <t>Musrat Aqleem</t>
  </si>
  <si>
    <t>GGES RANA TOWN</t>
  </si>
  <si>
    <t>ranatown</t>
  </si>
  <si>
    <t>Ranatown</t>
  </si>
  <si>
    <t>Javeria Tubassam</t>
  </si>
  <si>
    <t>GGES RANA WAHIN</t>
  </si>
  <si>
    <t>G .G .E.S Rana wahine Markz basti malook</t>
  </si>
  <si>
    <t>Sumaira Sharif</t>
  </si>
  <si>
    <t>GGES RANDHAWA</t>
  </si>
  <si>
    <t>BADIANA - FEMALE</t>
  </si>
  <si>
    <t>village P/O Randhawa, tehsil pasrur, district sialkot</t>
  </si>
  <si>
    <t>Judhala</t>
  </si>
  <si>
    <t>Suneela Arooj</t>
  </si>
  <si>
    <t>GGES RANDHEER</t>
  </si>
  <si>
    <t>Randheer. karyal kalan</t>
  </si>
  <si>
    <t>Afia</t>
  </si>
  <si>
    <t>GGES RANEWAL SAYYADAN</t>
  </si>
  <si>
    <t>Ranewal Syedan</t>
  </si>
  <si>
    <t>G.G Elementry School Ranewal Syedan</t>
  </si>
  <si>
    <t>Shagufta Bashir</t>
  </si>
  <si>
    <t>GGES RANIKE MINARA</t>
  </si>
  <si>
    <t>Ranike Minara Sheikhupura</t>
  </si>
  <si>
    <t>Govt. Girls Elementary school Ranike Minara Sheikhupura</t>
  </si>
  <si>
    <t>PARVEEN CHAND</t>
  </si>
  <si>
    <t>GGES RANJHA</t>
  </si>
  <si>
    <t>vpo ranjha</t>
  </si>
  <si>
    <t>Kot Chohdrian</t>
  </si>
  <si>
    <t>GGES RANJHAY WALI</t>
  </si>
  <si>
    <t>Rakh Churhatta</t>
  </si>
  <si>
    <t>sidiqui wala chabri zareen</t>
  </si>
  <si>
    <t>Siddiqui Wala</t>
  </si>
  <si>
    <t>Qurat-ul-ain Khan</t>
  </si>
  <si>
    <t>GGES RANYAL</t>
  </si>
  <si>
    <t>Ranaywal</t>
  </si>
  <si>
    <t>GGES Ranaywal shakargarh Narowal</t>
  </si>
  <si>
    <t>Kotly Baray Khan</t>
  </si>
  <si>
    <t>GGES RAQBA NOOR KHAN</t>
  </si>
  <si>
    <t>RaqbaNoor khan</t>
  </si>
  <si>
    <t>govt  girls high skool double shift   Raqba noor khn</t>
  </si>
  <si>
    <t>raqba  Noor Khan</t>
  </si>
  <si>
    <t>ghery whine</t>
  </si>
  <si>
    <t>SHAMIM BIBI</t>
  </si>
  <si>
    <t>GGES RASHEED ABAD</t>
  </si>
  <si>
    <t>G.G.E/S Rashidabad Multan</t>
  </si>
  <si>
    <t>Yasmeen Ahmed</t>
  </si>
  <si>
    <t>GGES RASHID PUR</t>
  </si>
  <si>
    <t>Rashid Pur</t>
  </si>
  <si>
    <t>v.p.o rashid pur the sarai almgir</t>
  </si>
  <si>
    <t>Bhagnagar</t>
  </si>
  <si>
    <t>Humaira Batool</t>
  </si>
  <si>
    <t>GGES RASHIDA</t>
  </si>
  <si>
    <t>Rashida</t>
  </si>
  <si>
    <t>moza rashida tehsil &amp; district chiniot</t>
  </si>
  <si>
    <t>Quratulain Sarfraz</t>
  </si>
  <si>
    <t>GGES RASOOL PUR</t>
  </si>
  <si>
    <t>Village n p.o box rasoolpur</t>
  </si>
  <si>
    <t>Asima Mahmood</t>
  </si>
  <si>
    <t>GGES RASOOL PUR GULLA, NAWAN SHEHR</t>
  </si>
  <si>
    <t>GGES Rasool pur</t>
  </si>
  <si>
    <t>Salarwhen Kohna</t>
  </si>
  <si>
    <t>Hina Gulzar</t>
  </si>
  <si>
    <t>GGES RASOOL PUR SHUJA ABAD</t>
  </si>
  <si>
    <t>rasool pur tehsil shujabad</t>
  </si>
  <si>
    <t>Shehnaz Kausar</t>
  </si>
  <si>
    <t>GGES RASOOL PURA</t>
  </si>
  <si>
    <t>Rasool Pura</t>
  </si>
  <si>
    <t>muza rasool pura</t>
  </si>
  <si>
    <t>Bashir Bibi</t>
  </si>
  <si>
    <t>GGES RASOOLPUR SHIKRANI</t>
  </si>
  <si>
    <t>basti dad potra moza rasool pur</t>
  </si>
  <si>
    <t>Bakhtyari</t>
  </si>
  <si>
    <t>Saima Rasool</t>
  </si>
  <si>
    <t>GGES RASUL PUR JANDANWALA</t>
  </si>
  <si>
    <t>Rasool Pur Jandanwala</t>
  </si>
  <si>
    <t>rasool pur jandan wala</t>
  </si>
  <si>
    <t>GGES RATA ARAIAN</t>
  </si>
  <si>
    <t>Ratta Araian</t>
  </si>
  <si>
    <t>GGES Ratta Araian p/o wadianwala teh/ distt sialkot</t>
  </si>
  <si>
    <t>GGES RATA BAJWA</t>
  </si>
  <si>
    <t>koreke</t>
  </si>
  <si>
    <t>Sadaf Sardar</t>
  </si>
  <si>
    <t>GGES RATALA</t>
  </si>
  <si>
    <t>post office&amp; village  ratala  .tehsil gujar khan</t>
  </si>
  <si>
    <t>Islam Pora Jabbar</t>
  </si>
  <si>
    <t>Asima Firduse</t>
  </si>
  <si>
    <t>GGES RATALI VIRKAN</t>
  </si>
  <si>
    <t>Ratali Virkan</t>
  </si>
  <si>
    <t>gges ratali vikan</t>
  </si>
  <si>
    <t>Herdu Ratali Virkan</t>
  </si>
  <si>
    <t>Samyya Naz</t>
  </si>
  <si>
    <t>GGES RATIAN SUKHAN CHAK NO.5/RB</t>
  </si>
  <si>
    <t>Ratian Sukhan</t>
  </si>
  <si>
    <t>ratian sukhan chak no 05</t>
  </si>
  <si>
    <t>Umm-e-kalsoom</t>
  </si>
  <si>
    <t>GGES RATLI</t>
  </si>
  <si>
    <t>village &amp; p/o raitli tehsil sohawa district Jhelum</t>
  </si>
  <si>
    <t>Raitli</t>
  </si>
  <si>
    <t>Kalsoom Kayani</t>
  </si>
  <si>
    <t>GGES RATOWAL</t>
  </si>
  <si>
    <t>Rattowal</t>
  </si>
  <si>
    <t>Rattowal, P.O. Punnowal, Tehsil and District Sialkot</t>
  </si>
  <si>
    <t>Syeda Fatima</t>
  </si>
  <si>
    <t>GGES RATTA BAJWA</t>
  </si>
  <si>
    <t>Rattabajwa</t>
  </si>
  <si>
    <t>rattabajwa ratta road gujranwala</t>
  </si>
  <si>
    <t>Gulzarcolony</t>
  </si>
  <si>
    <t>najma safdar bhalli</t>
  </si>
  <si>
    <t>GGES RATTA KHANA</t>
  </si>
  <si>
    <t>Ratta Khanna</t>
  </si>
  <si>
    <t>govt girls elementary school ratta khanna</t>
  </si>
  <si>
    <t>Nusrat Farooq</t>
  </si>
  <si>
    <t>GGES RATTA PUR REHAN</t>
  </si>
  <si>
    <t>Ratta pur Rehan</t>
  </si>
  <si>
    <t>gges ratta pur rehan</t>
  </si>
  <si>
    <t>Muqaddar Jabbar</t>
  </si>
  <si>
    <t>GGES RATTIAN</t>
  </si>
  <si>
    <t>Rattian</t>
  </si>
  <si>
    <t>GGE/S Rattian</t>
  </si>
  <si>
    <t>Hallowal</t>
  </si>
  <si>
    <t>Ghazala Nighat</t>
  </si>
  <si>
    <t>GGES RAWAL</t>
  </si>
  <si>
    <t>gges rawal</t>
  </si>
  <si>
    <t>Fouzia Shaheen</t>
  </si>
  <si>
    <t>GGES RAY CHUND</t>
  </si>
  <si>
    <t>Ray Chand</t>
  </si>
  <si>
    <t>GGES Ray Chand</t>
  </si>
  <si>
    <t>Mehwish Tanveer</t>
  </si>
  <si>
    <t>GGES RAYAN GORSIAN</t>
  </si>
  <si>
    <t>Rayyan Gorsian</t>
  </si>
  <si>
    <t>GGES RAYYAN GORSIAN TEH GUJAR KHAN DISTRICT RAWALPINDI</t>
  </si>
  <si>
    <t>Yasmeen Bibi</t>
  </si>
  <si>
    <t>missile motor</t>
  </si>
  <si>
    <t>GGES RAYON PURA</t>
  </si>
  <si>
    <t>Rayon PURA</t>
  </si>
  <si>
    <t>Ravi Rayon</t>
  </si>
  <si>
    <t>16 Noon</t>
  </si>
  <si>
    <t>Syeda Humaira</t>
  </si>
  <si>
    <t>GGES RAZA ABAD</t>
  </si>
  <si>
    <t>Factory Area</t>
  </si>
  <si>
    <t>GGES Raza Abad norri puri</t>
  </si>
  <si>
    <t>Raza Abad</t>
  </si>
  <si>
    <t>Kot Abdul Malik</t>
  </si>
  <si>
    <t>Nashrah Saleem</t>
  </si>
  <si>
    <t>GGES RAZA ABAD FSD</t>
  </si>
  <si>
    <t>govt girls elementry school raza abad street #23 bazar #1 fsd</t>
  </si>
  <si>
    <t>279 RB</t>
  </si>
  <si>
    <t>Razaabad</t>
  </si>
  <si>
    <t>GGES REHMAT JAN GULSHAN-E-ZAMAN TENCH BHATTA</t>
  </si>
  <si>
    <t>GGES rehmat jan gulshan meer zaman tench bhatta RWP</t>
  </si>
  <si>
    <t>Farhat Naheed</t>
  </si>
  <si>
    <t>GGES REHNA SADAAT</t>
  </si>
  <si>
    <t>Rehna Sadaat</t>
  </si>
  <si>
    <t>vpo rehnasadaat</t>
  </si>
  <si>
    <t>Nasira Bibi</t>
  </si>
  <si>
    <t>GGES RIPAR BHOUNEKEY</t>
  </si>
  <si>
    <t>Beharwal</t>
  </si>
  <si>
    <t>live stock farm Ripar bhounikey</t>
  </si>
  <si>
    <t>Ripar Bhounikey</t>
  </si>
  <si>
    <t>Beharwal Kalan</t>
  </si>
  <si>
    <t>Sumaira Anwar</t>
  </si>
  <si>
    <t>GGES RODA SINGH NO.1</t>
  </si>
  <si>
    <t>Roda Singh</t>
  </si>
  <si>
    <t>G.G E/S RODA Singh TEHSIL &amp; DIST B W N</t>
  </si>
  <si>
    <t>Ghulab Ali</t>
  </si>
  <si>
    <t>GGES RODDI</t>
  </si>
  <si>
    <t>p/ o rodi</t>
  </si>
  <si>
    <t>Rizwana Jahan</t>
  </si>
  <si>
    <t>GGES ROHANA</t>
  </si>
  <si>
    <t>Roahana</t>
  </si>
  <si>
    <t>basti rohana tehsil minchinabad</t>
  </si>
  <si>
    <t>Sumaira Ambreen</t>
  </si>
  <si>
    <t>GGES ROHEELA TAIJEKA (Under NGO)</t>
  </si>
  <si>
    <t>Roheela Taijeka</t>
  </si>
  <si>
    <t>Roheel Taijeka Tehsil Depalpur District Okara</t>
  </si>
  <si>
    <t>Qudsia Mushtaq</t>
  </si>
  <si>
    <t>GGES ROHILA MAITLA(Under NGO)</t>
  </si>
  <si>
    <t>Rohila Maitla</t>
  </si>
  <si>
    <t>rohila maitla tehsil depalpur</t>
  </si>
  <si>
    <t>Nazia Hussain</t>
  </si>
  <si>
    <t>GGES RORAN WALI</t>
  </si>
  <si>
    <t>GGES Roranwali tehsil &amp; distt skp</t>
  </si>
  <si>
    <t>sham Singh</t>
  </si>
  <si>
    <t>GGES ROSHAN BHAIT</t>
  </si>
  <si>
    <t>Basti roshan bhait</t>
  </si>
  <si>
    <t>Haseena Shah Din</t>
  </si>
  <si>
    <t>GGES ROSHAN WALA, KABIRWALA</t>
  </si>
  <si>
    <t>MAAN WALA</t>
  </si>
  <si>
    <t>STREET NO.48</t>
  </si>
  <si>
    <t>SARDAR PUR ROAD</t>
  </si>
  <si>
    <t>CITY KABIRWALA</t>
  </si>
  <si>
    <t>SAMINA NOREEN</t>
  </si>
  <si>
    <t>GGES RUGH</t>
  </si>
  <si>
    <t>Rugh</t>
  </si>
  <si>
    <t>Shamim Akhtar Mughal</t>
  </si>
  <si>
    <t>GGES RUKAN PUR</t>
  </si>
  <si>
    <t>Govt  Girls Ellementry schooll Rukan Pur
District Rahim Yar Khan</t>
  </si>
  <si>
    <t>Gloor Masu Khan</t>
  </si>
  <si>
    <t>Hamida Farooq</t>
  </si>
  <si>
    <t>GGES RUKAN PURA</t>
  </si>
  <si>
    <t>rukanpura</t>
  </si>
  <si>
    <t>Nazia Akram</t>
  </si>
  <si>
    <t>GGES RUKKAN HATTI SHUJABAD</t>
  </si>
  <si>
    <t>gges rukan hatti moza rukan hatti</t>
  </si>
  <si>
    <t>Sadia Hafeez</t>
  </si>
  <si>
    <t>GGES RUPOWAL</t>
  </si>
  <si>
    <t>Rupowal Janobi</t>
  </si>
  <si>
    <t>vpo rupowal janobiGujrat</t>
  </si>
  <si>
    <t>Allah rakhi</t>
  </si>
  <si>
    <t>GGES RURIANA CHAK 31/RB</t>
  </si>
  <si>
    <t>RURIANA</t>
  </si>
  <si>
    <t>Ruriana chak no 31 Sangla hill</t>
  </si>
  <si>
    <t>JHUGIAN</t>
  </si>
  <si>
    <t>Amna Saboor</t>
  </si>
  <si>
    <t>GGES RURKI KALAN</t>
  </si>
  <si>
    <t>Rurki Kalan</t>
  </si>
  <si>
    <t>Village Rurki Kalan p/o Rurki Kalan Teh. Pasrur Dist. Sialkot</t>
  </si>
  <si>
    <t>Bajrah Gari</t>
  </si>
  <si>
    <t>Shahma Ashraf</t>
  </si>
  <si>
    <t>GGES RUSTAM WALA</t>
  </si>
  <si>
    <t>Rustamwala</t>
  </si>
  <si>
    <t>GGES Rustamwala Mochh Distt Mianwali</t>
  </si>
  <si>
    <t>Arbia Yasmeen</t>
  </si>
  <si>
    <t>GGES SAADAT PUR</t>
  </si>
  <si>
    <t>Bhumla/saadat Pur</t>
  </si>
  <si>
    <t>village/p o box saadat pur tehsil sarai alamgir district gujrat</t>
  </si>
  <si>
    <t>Saadat Pur</t>
  </si>
  <si>
    <t>Mussarat Iqbal</t>
  </si>
  <si>
    <t>GGES SABA RAJGAN</t>
  </si>
  <si>
    <t>Sabarajgan</t>
  </si>
  <si>
    <t>Ggessabarajgan village and post office Saba rajgan tehsil and district Chakwal</t>
  </si>
  <si>
    <t>Nargis Shaheen</t>
  </si>
  <si>
    <t>GGES SABO SARA</t>
  </si>
  <si>
    <t>Sabo Sara</t>
  </si>
  <si>
    <t>Village SABO SARA p/o Daska, Teh.Daska ,Dist.Sialkot</t>
  </si>
  <si>
    <t>Glotian Khurd</t>
  </si>
  <si>
    <t>Iqra Akram</t>
  </si>
  <si>
    <t>GGES SABU WALA</t>
  </si>
  <si>
    <t>moza mir Muhammad sabu wala</t>
  </si>
  <si>
    <t>Sabu Wala</t>
  </si>
  <si>
    <t>Shagufta Sahira</t>
  </si>
  <si>
    <t>GGES SADDI PARK MOZANG</t>
  </si>
  <si>
    <t>Govt Girls Middle School Saddi park mouzang Lahore</t>
  </si>
  <si>
    <t>Kot Abdullah Shah</t>
  </si>
  <si>
    <t>Ganga Ram</t>
  </si>
  <si>
    <t>Hina Nazir</t>
  </si>
  <si>
    <t>GGES SADIQ NAGAR CHAK SARKARI</t>
  </si>
  <si>
    <t>Chak sarkari</t>
  </si>
  <si>
    <t>govtgirlelementryschoolchaksarkary</t>
  </si>
  <si>
    <t>Rasheeda Yasmeen</t>
  </si>
  <si>
    <t>GGES SADIQABAD</t>
  </si>
  <si>
    <t>Vpo sadiqabad tehsil lawa district chakwal</t>
  </si>
  <si>
    <t>Imrana Yaqoob</t>
  </si>
  <si>
    <t>GGES SADULLAH PUR</t>
  </si>
  <si>
    <t>Sadullahpur</t>
  </si>
  <si>
    <t>village and post office Sadullahpur</t>
  </si>
  <si>
    <t>GGES SAEED ABAD</t>
  </si>
  <si>
    <t>Rukan Wali</t>
  </si>
  <si>
    <t>gges saeedabad</t>
  </si>
  <si>
    <t>Girwanwala</t>
  </si>
  <si>
    <t>Farhat Batool</t>
  </si>
  <si>
    <t>GGES SAEED NAGAR</t>
  </si>
  <si>
    <t>khangarh tehsil and district muzaffargarh</t>
  </si>
  <si>
    <t>Umer Pur Janobi</t>
  </si>
  <si>
    <t>atia naheed Nasir</t>
  </si>
  <si>
    <t>GGES SAEED WALA</t>
  </si>
  <si>
    <t>p.o saeed wala tehsil kallur kot</t>
  </si>
  <si>
    <t>Qaisra Yasmeen</t>
  </si>
  <si>
    <t>GGES SAGGAR</t>
  </si>
  <si>
    <t>Saggar</t>
  </si>
  <si>
    <t>saggar</t>
  </si>
  <si>
    <t>Faiza Ijaz</t>
  </si>
  <si>
    <t>GGES SAGHAR PUR</t>
  </si>
  <si>
    <t>Sagharpur</t>
  </si>
  <si>
    <t>village and post office sagharpur teh pd khan dist jhlm</t>
  </si>
  <si>
    <t>Pindisaidpur</t>
  </si>
  <si>
    <t>Sehrish Saba</t>
  </si>
  <si>
    <t>GGES SAGHIR SHAHEED</t>
  </si>
  <si>
    <t>Abadi Mehar Wazir</t>
  </si>
  <si>
    <t>St # 12,abadi mehr wazir nowshera road</t>
  </si>
  <si>
    <t>Qila Dedar Singh</t>
  </si>
  <si>
    <t>yasmin Akhtar</t>
  </si>
  <si>
    <t>GGES SAGHRI NO.1</t>
  </si>
  <si>
    <t>vpo saghri</t>
  </si>
  <si>
    <t>Imtiaz Bibi</t>
  </si>
  <si>
    <t>GGES SAHAN WALA</t>
  </si>
  <si>
    <t>Sajida Bibi</t>
  </si>
  <si>
    <t>GGES SAHARAN KAY</t>
  </si>
  <si>
    <t>Ghuman Kay</t>
  </si>
  <si>
    <t>saharankay Phool nagar</t>
  </si>
  <si>
    <t>Saharankay</t>
  </si>
  <si>
    <t>Jumber Khurd</t>
  </si>
  <si>
    <t>Maria Kanwal</t>
  </si>
  <si>
    <t>GGES SAHIB LANGRA</t>
  </si>
  <si>
    <t>Sahib Langra</t>
  </si>
  <si>
    <t>Givt.Girls Middle School Sahib langra</t>
  </si>
  <si>
    <t>Baqipur</t>
  </si>
  <si>
    <t>GGES SAHIBA BALOCHAN</t>
  </si>
  <si>
    <t>Sahiba  Balochan</t>
  </si>
  <si>
    <t>GGES SAHJOWAL</t>
  </si>
  <si>
    <t>sehjowal</t>
  </si>
  <si>
    <t>VILLAGE SEHHUWAL.TEHSIL SHARAQPUR</t>
  </si>
  <si>
    <t>SEHJOWAL</t>
  </si>
  <si>
    <t>GGES SAHOKE</t>
  </si>
  <si>
    <t>Sahoke</t>
  </si>
  <si>
    <t>Sahoke sarganay Pindi Bhattian</t>
  </si>
  <si>
    <t>Sahoke Sarganay</t>
  </si>
  <si>
    <t>That ha Karim Daad</t>
  </si>
  <si>
    <t>Maryam Naheed</t>
  </si>
  <si>
    <t>GGES SAHOKE VIRKAN</t>
  </si>
  <si>
    <t>Sahoke Virkan Teh.Nowshera virkan District Gujranwala</t>
  </si>
  <si>
    <t>Shamaila Anjum</t>
  </si>
  <si>
    <t>GGES SAIDA BRAHIM</t>
  </si>
  <si>
    <t>govt girls elementary school saida braham lalamusa</t>
  </si>
  <si>
    <t>maryam raffaq</t>
  </si>
  <si>
    <t>GGES SAIDNIAL</t>
  </si>
  <si>
    <t>Saidnial</t>
  </si>
  <si>
    <t>Tehsil pasrur sialkot village saidnial</t>
  </si>
  <si>
    <t>Charwah</t>
  </si>
  <si>
    <t>Amina Naseer</t>
  </si>
  <si>
    <t>GGES SAIDOKE</t>
  </si>
  <si>
    <t>saidoke</t>
  </si>
  <si>
    <t>Village saidoke Tehsil &amp; Distric Narowal</t>
  </si>
  <si>
    <t>Manik</t>
  </si>
  <si>
    <t>GGES SAIDOWANA</t>
  </si>
  <si>
    <t>Saidowana</t>
  </si>
  <si>
    <t>Govt girls middle school tehsil &amp; district sargodha</t>
  </si>
  <si>
    <t>88sb</t>
  </si>
  <si>
    <t>Hadia Nasreen</t>
  </si>
  <si>
    <t>GGES SAIDRA KHURD</t>
  </si>
  <si>
    <t>Saidra Khurd</t>
  </si>
  <si>
    <t>saidra khurd teh, dist sialkot</t>
  </si>
  <si>
    <t>Azma Shafi</t>
  </si>
  <si>
    <t>GGES SAIKHUM</t>
  </si>
  <si>
    <t>Saikhum</t>
  </si>
  <si>
    <t>Govt. girls Elementary School Saikhum, Tehsil Muridke, Distt. Sheikhupura</t>
  </si>
  <si>
    <t>Qila star Shah</t>
  </si>
  <si>
    <t>Sehrish Rasheed</t>
  </si>
  <si>
    <t>GGES SAIN</t>
  </si>
  <si>
    <t>Sain</t>
  </si>
  <si>
    <t>viilage sain, po Murree</t>
  </si>
  <si>
    <t>Saba Khalil</t>
  </si>
  <si>
    <t>water spring</t>
  </si>
  <si>
    <t>GGES SAINKAY</t>
  </si>
  <si>
    <t>Sahnky</t>
  </si>
  <si>
    <t>Gges sahnky</t>
  </si>
  <si>
    <t>Amber Goshy</t>
  </si>
  <si>
    <t>GGES SAINT FAITHS MISSION ROAD GOJRA</t>
  </si>
  <si>
    <t>Kacha Gojra</t>
  </si>
  <si>
    <t>mission road</t>
  </si>
  <si>
    <t>GGES SAIR</t>
  </si>
  <si>
    <t>Sair</t>
  </si>
  <si>
    <t>Jasti Wala</t>
  </si>
  <si>
    <t>Humaira Riffat</t>
  </si>
  <si>
    <t>GGES SAITH WALA CHAK NO. 35</t>
  </si>
  <si>
    <t>Saith Wala</t>
  </si>
  <si>
    <t>saith  wala ch 35 teh shahkot district nankana</t>
  </si>
  <si>
    <t>Saith Wala Ch 35</t>
  </si>
  <si>
    <t>Asifa Mustifa</t>
  </si>
  <si>
    <t>GGES SALAM</t>
  </si>
  <si>
    <t>Salam</t>
  </si>
  <si>
    <t>GGES Salam</t>
  </si>
  <si>
    <t>IRAM SABA</t>
  </si>
  <si>
    <t>GGES SALAMAT ROY</t>
  </si>
  <si>
    <t>Wahi Salamat</t>
  </si>
  <si>
    <t>GGES Wahi salamat</t>
  </si>
  <si>
    <t>Hati Motan</t>
  </si>
  <si>
    <t>Asia Sultan</t>
  </si>
  <si>
    <t>GGES SALAR BATTIAN</t>
  </si>
  <si>
    <t>Salar bhattian</t>
  </si>
  <si>
    <t>Salar Bhattain</t>
  </si>
  <si>
    <t>Nasreen Kokab</t>
  </si>
  <si>
    <t>GGES SALAR WAHIN KOHNA NAWAN SHEHR</t>
  </si>
  <si>
    <t>Salar Wahin Kohnai</t>
  </si>
  <si>
    <t>GGES SALAR WAHIN NOU, NAWAN SHEHR</t>
  </si>
  <si>
    <t>Salar wahin Nou GGMS</t>
  </si>
  <si>
    <t>salar wahin nou GGMS</t>
  </si>
  <si>
    <t>Salar Wahin Nou GGMS</t>
  </si>
  <si>
    <t>Shehnaz Kouser</t>
  </si>
  <si>
    <t>GGES SALEEM SHAH BODLA</t>
  </si>
  <si>
    <t>Saleem Shah Bodl</t>
  </si>
  <si>
    <t>GGES  Saleem Shah Bodla</t>
  </si>
  <si>
    <t>Saleem Shah Bodla</t>
  </si>
  <si>
    <t>SAMINA SAFDAR</t>
  </si>
  <si>
    <t>GGES SALEEQA</t>
  </si>
  <si>
    <t>Saleeqa</t>
  </si>
  <si>
    <t>GGES SALEEQA SAHIWAL</t>
  </si>
  <si>
    <t>Mumtaz Sharaf</t>
  </si>
  <si>
    <t>GGES SALIANA</t>
  </si>
  <si>
    <t>Sai Serwar</t>
  </si>
  <si>
    <t>gges saliana tehsil &amp;disttjhang</t>
  </si>
  <si>
    <t>Saliana</t>
  </si>
  <si>
    <t>Haveli Shekh Rajo</t>
  </si>
  <si>
    <t>Sumaira yasmeen</t>
  </si>
  <si>
    <t>GGES SAMAN</t>
  </si>
  <si>
    <t>Saman</t>
  </si>
  <si>
    <t>v.p.o.saman tehsil hazro district attock</t>
  </si>
  <si>
    <t>Khalida Shaheen</t>
  </si>
  <si>
    <t>GGES SAMAN ABAD</t>
  </si>
  <si>
    <t>Samanabad Piplan</t>
  </si>
  <si>
    <t>GGES samanabad piplan</t>
  </si>
  <si>
    <t>Mc Piplan</t>
  </si>
  <si>
    <t>Zaib Kanwal</t>
  </si>
  <si>
    <t>GGES SAMANI KHAN</t>
  </si>
  <si>
    <t>Pecca Larran</t>
  </si>
  <si>
    <t>basti samanay khan</t>
  </si>
  <si>
    <t>Basti Samanay Khan</t>
  </si>
  <si>
    <t>Pacca Larran</t>
  </si>
  <si>
    <t>Sumaira Ghaffar</t>
  </si>
  <si>
    <t>GGES SAMIJABAD NO.1 MULTAN</t>
  </si>
  <si>
    <t>Piran Ghaib</t>
  </si>
  <si>
    <t>mohaala Mughal Pura Near Union council office.Back of Dr.Nazar Clinic.Samijabd No.1</t>
  </si>
  <si>
    <t>Mughal Purra</t>
  </si>
  <si>
    <t>Piran Ghaib 1</t>
  </si>
  <si>
    <t>Farzana Hameed</t>
  </si>
  <si>
    <t>GGES SAMINA WALA</t>
  </si>
  <si>
    <t>samina wala jandanwala</t>
  </si>
  <si>
    <t>Samina Wala</t>
  </si>
  <si>
    <t>Ali Khail no 44</t>
  </si>
  <si>
    <t>Fozia Yasin</t>
  </si>
  <si>
    <t>GGES SAMLATI</t>
  </si>
  <si>
    <t>Prindla</t>
  </si>
  <si>
    <t>GGES Samlati</t>
  </si>
  <si>
    <t>Samlati</t>
  </si>
  <si>
    <t>Samabia Tanveer</t>
  </si>
  <si>
    <t>GGES SAMRALA</t>
  </si>
  <si>
    <t>samrala</t>
  </si>
  <si>
    <t>GGES SAMSAL</t>
  </si>
  <si>
    <t>GGES samsal VPO balilabad teh talagang distt chakwal</t>
  </si>
  <si>
    <t>Samsal</t>
  </si>
  <si>
    <t>electric moter</t>
  </si>
  <si>
    <t>GGES SANATPURA</t>
  </si>
  <si>
    <t>Sanat Pura</t>
  </si>
  <si>
    <t>gges sanat pura</t>
  </si>
  <si>
    <t>Azra Aslam</t>
  </si>
  <si>
    <t>GGES SANDA KHANWAN</t>
  </si>
  <si>
    <t>Sanda Khanwa</t>
  </si>
  <si>
    <t>Tatara kamil post office  usman wala</t>
  </si>
  <si>
    <t>Saima Arooj</t>
  </si>
  <si>
    <t>GGES SANDAL BANGIAL</t>
  </si>
  <si>
    <t>Sandal Bangial</t>
  </si>
  <si>
    <t>village sandal bangial</t>
  </si>
  <si>
    <t>Mehmoona Mehwish</t>
  </si>
  <si>
    <t>GGES SANDHAY KHAN</t>
  </si>
  <si>
    <t>Sandhy khan</t>
  </si>
  <si>
    <t>sandhy khan</t>
  </si>
  <si>
    <t>Aqsa Iram</t>
  </si>
  <si>
    <t>GGES SANDWAN TARAR</t>
  </si>
  <si>
    <t>Sandhwan Tarar p/o Jalal pur bhattian</t>
  </si>
  <si>
    <t>GGES SANGINI</t>
  </si>
  <si>
    <t>TOLA BANGI KHEL-FEMALE</t>
  </si>
  <si>
    <t>Village Sangini, Tola Bangi khel, Isa Khel</t>
  </si>
  <si>
    <t>Sangini</t>
  </si>
  <si>
    <t>Saadia Jabbar</t>
  </si>
  <si>
    <t>GGES SANGO WALI</t>
  </si>
  <si>
    <t>Sangowali</t>
  </si>
  <si>
    <t>sangowali post office ghakkhar tehsil wazirabad distt gujranwala</t>
  </si>
  <si>
    <t>GGES SANGRA</t>
  </si>
  <si>
    <t>sangra</t>
  </si>
  <si>
    <t>sangra sadat</t>
  </si>
  <si>
    <t>dawar</t>
  </si>
  <si>
    <t>Rabia Hina</t>
  </si>
  <si>
    <t>GGES SANIARI KALAN</t>
  </si>
  <si>
    <t>SARJAL - FEMALE</t>
  </si>
  <si>
    <t>Sanyari Kalan</t>
  </si>
  <si>
    <t>sanyari kalan tehsil Shakargarh district narowal</t>
  </si>
  <si>
    <t>Chmrial</t>
  </si>
  <si>
    <t>Hafiza Sadaf Mobeen</t>
  </si>
  <si>
    <t>GGES SANJ</t>
  </si>
  <si>
    <t>sanj murree district  rawalpindi</t>
  </si>
  <si>
    <t>Arjumand Perveen</t>
  </si>
  <si>
    <t>GGES SANJER WALA MULTAN</t>
  </si>
  <si>
    <t>Akramabad</t>
  </si>
  <si>
    <t>govt girls elementary school sanjarwala</t>
  </si>
  <si>
    <t>Sanjarwala</t>
  </si>
  <si>
    <t>Rukhsana Saeed</t>
  </si>
  <si>
    <t>GGES SANJWAL CANTT</t>
  </si>
  <si>
    <t>Sanjwal Cantt</t>
  </si>
  <si>
    <t>gges sajwal cantt</t>
  </si>
  <si>
    <t>Sanjwal Catt</t>
  </si>
  <si>
    <t>Shadab Fatima</t>
  </si>
  <si>
    <t>GGES SANT SINGH WALA</t>
  </si>
  <si>
    <t>Rsool Ngr</t>
  </si>
  <si>
    <t>rasool nagar 207rb (sant singh wala)</t>
  </si>
  <si>
    <t>207rb Sant Sing Wala</t>
  </si>
  <si>
    <t>Nighban Pura</t>
  </si>
  <si>
    <t>Nuzhat Jbeen</t>
  </si>
  <si>
    <t>GGES SAPAN WAL CHAKLA</t>
  </si>
  <si>
    <t>Supanwal</t>
  </si>
  <si>
    <t>village supenwal tehsil zafarwal district narowal</t>
  </si>
  <si>
    <t>Chak Dodhu</t>
  </si>
  <si>
    <t>GGES SAPIALI FIRM SIAL</t>
  </si>
  <si>
    <t>Sapiali Firm Sihal</t>
  </si>
  <si>
    <t>Sapiali Firm Sihal PO Mankiala Muslim Tehsil Gujar Khan District RWP</t>
  </si>
  <si>
    <t>Asma Rashid</t>
  </si>
  <si>
    <t>GGES SARAI DHING</t>
  </si>
  <si>
    <t>Saray Dhing</t>
  </si>
  <si>
    <t>Goverment Girls elementry school saray dhing</t>
  </si>
  <si>
    <t>Inayat Bibi</t>
  </si>
  <si>
    <t>GGES SARAICH</t>
  </si>
  <si>
    <t>saraich</t>
  </si>
  <si>
    <t>Rahila Yasmeen</t>
  </si>
  <si>
    <t>GGES SARDAR JHANDHEER</t>
  </si>
  <si>
    <t>MAILSI WEST - FEMALE</t>
  </si>
  <si>
    <t>dORHATTA</t>
  </si>
  <si>
    <t>GGES SARDAR PUR DORHATTA, JAMAL TOWN</t>
  </si>
  <si>
    <t>SARDAR PUR DORHATTA</t>
  </si>
  <si>
    <t>DHAMAKI</t>
  </si>
  <si>
    <t>Shabnam Nawaz</t>
  </si>
  <si>
    <t>GGES SARDAR PUR NOON</t>
  </si>
  <si>
    <t>GGES SARDARPURNOON</t>
  </si>
  <si>
    <t>Sardarpurnoon</t>
  </si>
  <si>
    <t>Humara Nosheen</t>
  </si>
  <si>
    <t>GGES SARGANA</t>
  </si>
  <si>
    <t>GGES sargana</t>
  </si>
  <si>
    <t>FAKHAR BATOOL</t>
  </si>
  <si>
    <t>GGES SARJAL</t>
  </si>
  <si>
    <t>village sarjal p/o fata tor teh zafarwal dist narowal</t>
  </si>
  <si>
    <t>Mahlowala</t>
  </si>
  <si>
    <t>GGES SARLA</t>
  </si>
  <si>
    <t>Sarla</t>
  </si>
  <si>
    <t>postbox jhandeerwah moza sarla tehsil dunyapur</t>
  </si>
  <si>
    <t>Tahira Ambreen</t>
  </si>
  <si>
    <t>GGES SARPAK CHAKWAL COAT GANASH CHAKWAL</t>
  </si>
  <si>
    <t>GGES Sarpak moh kot Ghanaish Chakwal</t>
  </si>
  <si>
    <t>GGES SARRKI</t>
  </si>
  <si>
    <t>Thala Galkala</t>
  </si>
  <si>
    <t>Sarki po mankera</t>
  </si>
  <si>
    <t>Sarki</t>
  </si>
  <si>
    <t>Afshan Imtiaz</t>
  </si>
  <si>
    <t>GGES SARSAL</t>
  </si>
  <si>
    <t>Village sarsal, p/o sarsal, district gujrat, tehsil kharian</t>
  </si>
  <si>
    <t>Hassan Patham</t>
  </si>
  <si>
    <t>Rukhsana Kausar Mirza</t>
  </si>
  <si>
    <t>GGES SARU WALA</t>
  </si>
  <si>
    <t>Saruwala</t>
  </si>
  <si>
    <t>saruwala</t>
  </si>
  <si>
    <t>Pirpanja</t>
  </si>
  <si>
    <t>Zarqa Azam</t>
  </si>
  <si>
    <t>GGES SARWANA</t>
  </si>
  <si>
    <t>Sarwana</t>
  </si>
  <si>
    <t>mohallah khan khail sharqi Sarwana post office Nartopa Tehsil Hazro District Attock</t>
  </si>
  <si>
    <t>Khagwani</t>
  </si>
  <si>
    <t>Dilshad Bibi</t>
  </si>
  <si>
    <t>GGES SARWAR COLONY</t>
  </si>
  <si>
    <t>Aisha Sial</t>
  </si>
  <si>
    <t>R O plant</t>
  </si>
  <si>
    <t>GGES SARWAR HAYAT COLONY,LAHORE</t>
  </si>
  <si>
    <t>SARWAR HAYAT COLONY RAIWIND</t>
  </si>
  <si>
    <t>NOREEN SHAHID</t>
  </si>
  <si>
    <t>GGES SARWAYA</t>
  </si>
  <si>
    <t>govt g e/s sarwaya pindi gheb attock</t>
  </si>
  <si>
    <t>mezyle motet</t>
  </si>
  <si>
    <t>GGES SATELLITE TOWN JHANG</t>
  </si>
  <si>
    <t>satellite town</t>
  </si>
  <si>
    <t>GGES satellite town jhang</t>
  </si>
  <si>
    <t>Shafqat Sultana</t>
  </si>
  <si>
    <t>GGES SATO WALI</t>
  </si>
  <si>
    <t>Sattowali</t>
  </si>
  <si>
    <t>GGES Sattowali,P/O Perochak, Teh/Distt. Sialkot.</t>
  </si>
  <si>
    <t>Rumaisa Azhar</t>
  </si>
  <si>
    <t>GGES SATTO KATLA LAHORE</t>
  </si>
  <si>
    <t>Satto Katla</t>
  </si>
  <si>
    <t>G G M M school sattokatla Lahore</t>
  </si>
  <si>
    <t>Shahnaz Parveen</t>
  </si>
  <si>
    <t>GGES SAWAI WALA</t>
  </si>
  <si>
    <t>Govt.Girls Elementary school sawai wala</t>
  </si>
  <si>
    <t>Rashida Khalida</t>
  </si>
  <si>
    <t>GGES SAWAN WALA</t>
  </si>
  <si>
    <t>gges sawanwala</t>
  </si>
  <si>
    <t>Sawan Wala</t>
  </si>
  <si>
    <t>Khaltti</t>
  </si>
  <si>
    <t>Syeda Attiya Batool</t>
  </si>
  <si>
    <t>GGES SCARP COLONY KAMALIA</t>
  </si>
  <si>
    <t>Chan Kikkar Wala</t>
  </si>
  <si>
    <t>G G E S Scrap colony kamalia</t>
  </si>
  <si>
    <t>Chah Kikkar Wala</t>
  </si>
  <si>
    <t>58 Beroon Kamalia</t>
  </si>
  <si>
    <t>Shabila Aslam</t>
  </si>
  <si>
    <t>GGES SEETAL MARI</t>
  </si>
  <si>
    <t>Seetal Mari</t>
  </si>
  <si>
    <t>seetal mari</t>
  </si>
  <si>
    <t>KIRAN HAFEEZ</t>
  </si>
  <si>
    <t>GGES SEHJRA</t>
  </si>
  <si>
    <t>sehjra</t>
  </si>
  <si>
    <t>GGES SEHTHI</t>
  </si>
  <si>
    <t>Govt Girls Elementry School Sethi</t>
  </si>
  <si>
    <t>Najma Batool Hydari</t>
  </si>
  <si>
    <t>GGES SEHTI</t>
  </si>
  <si>
    <t>Sehti</t>
  </si>
  <si>
    <t>Rukhsana Manzoor</t>
  </si>
  <si>
    <t>GGES SERI GHANIAL</t>
  </si>
  <si>
    <t>seri ghanial</t>
  </si>
  <si>
    <t>vill seri ghanial p/o gattar teh sohawa distt jhelum</t>
  </si>
  <si>
    <t>jajial</t>
  </si>
  <si>
    <t>samar mehboob</t>
  </si>
  <si>
    <t>GGES SEROOT WALA</t>
  </si>
  <si>
    <t>bhutta colony  Dg Khan</t>
  </si>
  <si>
    <t>Bhutta Colony</t>
  </si>
  <si>
    <t>Model town</t>
  </si>
  <si>
    <t>GGES SERVICE INDUSTRY</t>
  </si>
  <si>
    <t>Baghdad colony</t>
  </si>
  <si>
    <t>GGES SERVICEINDUSTRY BAGHDAD COLONY GUJRAT</t>
  </si>
  <si>
    <t>City Gujrat</t>
  </si>
  <si>
    <t>Raheela Naz</t>
  </si>
  <si>
    <t>GGES SHABBIR NAICH</t>
  </si>
  <si>
    <t>GGES shabbir Naich</t>
  </si>
  <si>
    <t>Shabbir Naich</t>
  </si>
  <si>
    <t>Mahnd Sharif</t>
  </si>
  <si>
    <t>Nazia Shaukat</t>
  </si>
  <si>
    <t>GGES SHABIR ABAD</t>
  </si>
  <si>
    <t>basti: massu shah tehsil: jatoi dist: m.garh</t>
  </si>
  <si>
    <t>Massu Shah</t>
  </si>
  <si>
    <t>Kotla Lal</t>
  </si>
  <si>
    <t>GGES SHADU KHAN</t>
  </si>
  <si>
    <t>GGES Shadu Khan moza Noshera Nashaib Basti Shadu Khan  Layyah</t>
  </si>
  <si>
    <t>Basti Shadu Khan</t>
  </si>
  <si>
    <t>ZAHIDA NASREEN</t>
  </si>
  <si>
    <t>GGES SHAH ALAM</t>
  </si>
  <si>
    <t>Shahalam</t>
  </si>
  <si>
    <t>shahalam. dist bhakkar</t>
  </si>
  <si>
    <t>ASIA KHALID</t>
  </si>
  <si>
    <t>GGES SHAH GARDEZ MULTAN</t>
  </si>
  <si>
    <t>Androon lohari gate mohala shah gardez multan</t>
  </si>
  <si>
    <t>Shah Gardez</t>
  </si>
  <si>
    <t>Shah gardez</t>
  </si>
  <si>
    <t>Hina Akram</t>
  </si>
  <si>
    <t>GGES SHAH JAMAL</t>
  </si>
  <si>
    <t>Shahjamal</t>
  </si>
  <si>
    <t>government girls elementary school Shahjamal hafizabad</t>
  </si>
  <si>
    <t>Gigay</t>
  </si>
  <si>
    <t>Imrana Fazal Awan</t>
  </si>
  <si>
    <t>GGES SHAH JHANDA</t>
  </si>
  <si>
    <t>Usman Dona</t>
  </si>
  <si>
    <t>Shah Jhanda,Darri Meero ,P/O Sarwar Wali D.G.K.</t>
  </si>
  <si>
    <t>Shah Jhanda</t>
  </si>
  <si>
    <t>Najma Kulsoom</t>
  </si>
  <si>
    <t>GGES SHAH PUR BHANGOO</t>
  </si>
  <si>
    <t>Shahpur Bhangoo</t>
  </si>
  <si>
    <t>Govt.G E/S shahpur bhangoo.p/o shahpur bhangoo</t>
  </si>
  <si>
    <t>Shagufta Jabeen Akhtar</t>
  </si>
  <si>
    <t>GGES SHAH PUR KHEHALI</t>
  </si>
  <si>
    <t>khiali</t>
  </si>
  <si>
    <t>main bazar shahpur, strret no. 4, opposite Jamia masjid Faiz-e-madina, shahpur khiali, gujranwala</t>
  </si>
  <si>
    <t>shahpur</t>
  </si>
  <si>
    <t>shahpur khiali</t>
  </si>
  <si>
    <t>AYESHA ABDUL HAMEED</t>
  </si>
  <si>
    <t>GGES SHAH SADIQ NEHANG</t>
  </si>
  <si>
    <t>Tanzeela Saeed</t>
  </si>
  <si>
    <t>GGES SHAH SATTAR</t>
  </si>
  <si>
    <t>Shah Sattar</t>
  </si>
  <si>
    <t>Shah sattar</t>
  </si>
  <si>
    <t>Ume  Rubab</t>
  </si>
  <si>
    <t>GGES SHAH SYED BHULOOH</t>
  </si>
  <si>
    <t>shah syed bulooh</t>
  </si>
  <si>
    <t>Vpo shah syed bulooh</t>
  </si>
  <si>
    <t>jaswal</t>
  </si>
  <si>
    <t>GGES SHAH WALA SHUMALI</t>
  </si>
  <si>
    <t>Shah Wala Shumali</t>
  </si>
  <si>
    <t>shahwala shumali Tehsil Quaidabad District Khushab</t>
  </si>
  <si>
    <t>Shahwala Shumali</t>
  </si>
  <si>
    <t>Asma Sadia</t>
  </si>
  <si>
    <t>GGES SHAH YAKKA</t>
  </si>
  <si>
    <t>Shah Yakka</t>
  </si>
  <si>
    <t>Mehnaz Ashiq</t>
  </si>
  <si>
    <t>GGES SHAHABAL</t>
  </si>
  <si>
    <t>Ballo Shahabal</t>
  </si>
  <si>
    <t>ballo shahabal jhang</t>
  </si>
  <si>
    <t>Akhtar Batool</t>
  </si>
  <si>
    <t>GGES SHAHANI</t>
  </si>
  <si>
    <t>basti shahani</t>
  </si>
  <si>
    <t>Basti Shahani</t>
  </si>
  <si>
    <t>Saho Wala</t>
  </si>
  <si>
    <t>Munaza Faiz</t>
  </si>
  <si>
    <t>GGES SHAHANI PO BHAKKAR</t>
  </si>
  <si>
    <t>Shahani</t>
  </si>
  <si>
    <t>po shahani</t>
  </si>
  <si>
    <t>Noureen Akhtar Malik</t>
  </si>
  <si>
    <t>GGES SHAHBAZ PUR</t>
  </si>
  <si>
    <t>Post office jalal pur jattan village shahbaz pur</t>
  </si>
  <si>
    <t>Fauzia Iqbal</t>
  </si>
  <si>
    <t>GGES SHAHDARA MOHAJIR COLONY BAHAWALPUR</t>
  </si>
  <si>
    <t>HOTE WALA - FEMALE</t>
  </si>
  <si>
    <t>City Bwp</t>
  </si>
  <si>
    <t>near one Minar mosque, mohajir colony, shahdra, bahawapur</t>
  </si>
  <si>
    <t>Shahdra</t>
  </si>
  <si>
    <t>Muzammil Iqbal</t>
  </si>
  <si>
    <t>GGES SHAHEEDAN</t>
  </si>
  <si>
    <t>Shaheedan</t>
  </si>
  <si>
    <t>PO and Village Shaheedan Shumali Kallurkot Bhakkar</t>
  </si>
  <si>
    <t>Ali Kheil</t>
  </si>
  <si>
    <t>Amna Zulfiqar</t>
  </si>
  <si>
    <t>GGES SHAHEEN ABAD</t>
  </si>
  <si>
    <t>govt.girls elementary school shaheenabad.GRW</t>
  </si>
  <si>
    <t>Iram Kashfa</t>
  </si>
  <si>
    <t>GGES SHAHIAN WALA</t>
  </si>
  <si>
    <t>GGES Shahian wala Mitha Tiwana</t>
  </si>
  <si>
    <t>GGES SHAHKOT NO. 2</t>
  </si>
  <si>
    <t>GGES SHAHKOT NO 2</t>
  </si>
  <si>
    <t>Abida sanam</t>
  </si>
  <si>
    <t>GGES SHAHNAL STATION</t>
  </si>
  <si>
    <t>gges station shahnal lodhran</t>
  </si>
  <si>
    <t>Samina Rasheed</t>
  </si>
  <si>
    <t>GGES SHAHPUR CITY</t>
  </si>
  <si>
    <t>Shahpurcity</t>
  </si>
  <si>
    <t>shahpurcity near adaa</t>
  </si>
  <si>
    <t>Waqar Zainab</t>
  </si>
  <si>
    <t>GGES SHAHPUR SADAR</t>
  </si>
  <si>
    <t>SHAHPUR SADAR</t>
  </si>
  <si>
    <t>MOHALLA BHAROCHI SHAHPUR SADAR DISTRICT SARGODHA</t>
  </si>
  <si>
    <t>GGES SHAHZAD PUR</t>
  </si>
  <si>
    <t>Shahzadpur</t>
  </si>
  <si>
    <t>shahzadpur tehsil shahpur district sargodha</t>
  </si>
  <si>
    <t>Anam Nosheen</t>
  </si>
  <si>
    <t>GGES SHAIKH CHOHAR</t>
  </si>
  <si>
    <t>Sheikh Johar</t>
  </si>
  <si>
    <t>Sheikh johar</t>
  </si>
  <si>
    <t>Bilqis Begum</t>
  </si>
  <si>
    <t>GGES SHAKAR GARH NO. 1</t>
  </si>
  <si>
    <t>Katchehry</t>
  </si>
  <si>
    <t>gges no 1 shakargarh main bazar</t>
  </si>
  <si>
    <t>Shakargarh</t>
  </si>
  <si>
    <t>GGES SHAKOOR ABAD</t>
  </si>
  <si>
    <t>GGES shakoor abad haveli lakha</t>
  </si>
  <si>
    <t>shakoor abad</t>
  </si>
  <si>
    <t>KALSOOM BEGUM</t>
  </si>
  <si>
    <t>GGES SHAM DIN</t>
  </si>
  <si>
    <t>shamdin</t>
  </si>
  <si>
    <t>Yasmeen</t>
  </si>
  <si>
    <t>GGES SHAMIR PUR</t>
  </si>
  <si>
    <t>Shameerpur</t>
  </si>
  <si>
    <t>shamirpur</t>
  </si>
  <si>
    <t>Shamirpur</t>
  </si>
  <si>
    <t>Musarat Arif</t>
  </si>
  <si>
    <t>GGES SHAMKOT KOHNA</t>
  </si>
  <si>
    <t>Gges Shamkot Kohna</t>
  </si>
  <si>
    <t>Shamkot Kohna</t>
  </si>
  <si>
    <t>Mamoonah Batool</t>
  </si>
  <si>
    <t>GGES SHAMPUR KHOKHRAN</t>
  </si>
  <si>
    <t>Shampur Khokran</t>
  </si>
  <si>
    <t>shampur khokran</t>
  </si>
  <si>
    <t>Mari Khokran</t>
  </si>
  <si>
    <t>Tunweer Zahra</t>
  </si>
  <si>
    <t>GGES SHAMSHA DHADA</t>
  </si>
  <si>
    <t>SHAMSA dhadda</t>
  </si>
  <si>
    <t>SHAMSA Dhadda</t>
  </si>
  <si>
    <t>swara rafiq</t>
  </si>
  <si>
    <t>GGES SHAREENH</t>
  </si>
  <si>
    <t>Shareenh</t>
  </si>
  <si>
    <t>gges shareenh</t>
  </si>
  <si>
    <t>Qadir Pur Bakhsha</t>
  </si>
  <si>
    <t>Iram naz</t>
  </si>
  <si>
    <t>GGES SHARIF PURA</t>
  </si>
  <si>
    <t>kamoku</t>
  </si>
  <si>
    <t>sharifpura kamiki</t>
  </si>
  <si>
    <t>kamoki</t>
  </si>
  <si>
    <t>sharif pura</t>
  </si>
  <si>
    <t>Syeda Robina Kishwar Abdi</t>
  </si>
  <si>
    <t>GGES SHARQI COLONY VEHARI</t>
  </si>
  <si>
    <t>Bhattah Ikram</t>
  </si>
  <si>
    <t>sharqicolony vehari</t>
  </si>
  <si>
    <t>Khalida Kanwal</t>
  </si>
  <si>
    <t>GGES SHATAB GARAH</t>
  </si>
  <si>
    <t>Shatab Garhshatab Gh</t>
  </si>
  <si>
    <t>GGES shatab garh</t>
  </si>
  <si>
    <t>Khadija Raees</t>
  </si>
  <si>
    <t>GGES SHEDANI SHARIF</t>
  </si>
  <si>
    <t>SHEDANI SHARIF - FEMALE</t>
  </si>
  <si>
    <t>Shedani Sharif</t>
  </si>
  <si>
    <t>Qari Nazir Akhter</t>
  </si>
  <si>
    <t>SHEDANI SHARIF</t>
  </si>
  <si>
    <t>GGES SHEHAR FAREED</t>
  </si>
  <si>
    <t>Sheharfarid</t>
  </si>
  <si>
    <t>sheharfarid</t>
  </si>
  <si>
    <t>GGES SHEHBAZ PUR</t>
  </si>
  <si>
    <t>Basti shahbazpur</t>
  </si>
  <si>
    <t>Basti Shahbazpur</t>
  </si>
  <si>
    <t>GGES SHEIKH BURHAN</t>
  </si>
  <si>
    <t>sheikh burhan</t>
  </si>
  <si>
    <t>azmat shah qadir bux</t>
  </si>
  <si>
    <t>raisa jamshad</t>
  </si>
  <si>
    <t>GGES SHEIKH MALKA</t>
  </si>
  <si>
    <t>basti sheikh malka</t>
  </si>
  <si>
    <t>Farzana Kauser</t>
  </si>
  <si>
    <t>GGES SHEIKH MEHMOOD WALA</t>
  </si>
  <si>
    <t>sheikh mehood waka</t>
  </si>
  <si>
    <t>gges sheikh mehmood wala</t>
  </si>
  <si>
    <t>sheikh mehmood  wala</t>
  </si>
  <si>
    <t>khaglan wala</t>
  </si>
  <si>
    <t>Farah un Nisa</t>
  </si>
  <si>
    <t>GGES SHEIKH SADD KALU WALA</t>
  </si>
  <si>
    <t>Sheikh Saad Kalu Wala</t>
  </si>
  <si>
    <t>Sheikh Saad Kalu Wala p/o Usman Wala</t>
  </si>
  <si>
    <t>Sheikh Sadd Kalu Wala</t>
  </si>
  <si>
    <t>Iqra Nazeer</t>
  </si>
  <si>
    <t>GGES SHEIKH TAYYAB</t>
  </si>
  <si>
    <t>Sheikh Tayyab</t>
  </si>
  <si>
    <t>sheikh tayyab</t>
  </si>
  <si>
    <t>GGES SHEIKHU SHARIF</t>
  </si>
  <si>
    <t>Murdani</t>
  </si>
  <si>
    <t>GGES Sheikhu sharif  tehsil &amp; district Okara</t>
  </si>
  <si>
    <t>Sheikhu Sharif</t>
  </si>
  <si>
    <t>Fakhara Zafar</t>
  </si>
  <si>
    <t>GGES SHEIKHUM</t>
  </si>
  <si>
    <t>village sheikhum tehsil pattoki district kasur</t>
  </si>
  <si>
    <t>Nadia Ashraf Alvi</t>
  </si>
  <si>
    <t>GGES SHEINH WALA</t>
  </si>
  <si>
    <t>SHEINH WALA</t>
  </si>
  <si>
    <t>SHEINH WALA, MOZA SHEINH WALA, TEHSIL KAROR LAL EASON DISTRICT LAYYAH.</t>
  </si>
  <si>
    <t>Warasehran</t>
  </si>
  <si>
    <t>qummer qureshi</t>
  </si>
  <si>
    <t>GGES SHELI GHARBI</t>
  </si>
  <si>
    <t>Shehli Gharbi</t>
  </si>
  <si>
    <t>shehli gharbi tehsil chishtian district bahawalnagar</t>
  </si>
  <si>
    <t>ZORARA TABASSAM</t>
  </si>
  <si>
    <t>GGES SHER ABAD</t>
  </si>
  <si>
    <t>Sheen Wala</t>
  </si>
  <si>
    <t>G.G.E.S Sherabad</t>
  </si>
  <si>
    <t>Sherabad</t>
  </si>
  <si>
    <t>Riffat Sultana</t>
  </si>
  <si>
    <t>GGES SHER GERH</t>
  </si>
  <si>
    <t>GGES shergarh zahir peer</t>
  </si>
  <si>
    <t>Madiha Munir</t>
  </si>
  <si>
    <t>GGES SHER MUHAMMAD WALA</t>
  </si>
  <si>
    <t>Sher Muhammad Wala</t>
  </si>
  <si>
    <t>Noor Pur Noon</t>
  </si>
  <si>
    <t>Iqra Zanib</t>
  </si>
  <si>
    <t>GGES SHER PUR</t>
  </si>
  <si>
    <t>Dinanath</t>
  </si>
  <si>
    <t>Ume Salma</t>
  </si>
  <si>
    <t>GGES SHER SHAH COLONY RAIWIND ROAD</t>
  </si>
  <si>
    <t>bhoobtyan</t>
  </si>
  <si>
    <t>A block Sher Shah Colony Raiwind Road LHR</t>
  </si>
  <si>
    <t>SherShah colony</t>
  </si>
  <si>
    <t>Bhoobtyan</t>
  </si>
  <si>
    <t>NAHEED BANO</t>
  </si>
  <si>
    <t>GGES SHORI MANIKA</t>
  </si>
  <si>
    <t>Shorimanika</t>
  </si>
  <si>
    <t>GGES Shorimanika</t>
  </si>
  <si>
    <t>Thatha Khero Matmal  Mathmal</t>
  </si>
  <si>
    <t>Farkhnda Kalsoom</t>
  </si>
  <si>
    <t>GGES SHORIAN</t>
  </si>
  <si>
    <t>shorian</t>
  </si>
  <si>
    <t>village Shorian post office Lamay Tehsil Kharian Distt gujrat</t>
  </si>
  <si>
    <t>Shorian</t>
  </si>
  <si>
    <t>Nagina Kouser</t>
  </si>
  <si>
    <t>GGES SHOUKAT ABAD SAMUNDARI</t>
  </si>
  <si>
    <t>Shoukatabad</t>
  </si>
  <si>
    <t>shoukatabad near dam dam darbar</t>
  </si>
  <si>
    <t>Municipal Cmeti</t>
  </si>
  <si>
    <t>Rafia Almas</t>
  </si>
  <si>
    <t>GGES SHOUKAT SADDAR BAZAR</t>
  </si>
  <si>
    <t>govt shoukat girls elementary school saddar rwp ahata mithoo khan</t>
  </si>
  <si>
    <t>Samina Haider Malik</t>
  </si>
  <si>
    <t>GGES SIDDIQUE NAGAR OKARA</t>
  </si>
  <si>
    <t>Siddique Nagar</t>
  </si>
  <si>
    <t>siddique Nagir street #7 okara</t>
  </si>
  <si>
    <t>98/10</t>
  </si>
  <si>
    <t>Riffet Attique Khan</t>
  </si>
  <si>
    <t>GGES SIDHANDI</t>
  </si>
  <si>
    <t>Sidhandi</t>
  </si>
  <si>
    <t>Vpo sidhandi tehsil choa saidan shah district chakwal</t>
  </si>
  <si>
    <t>Ara</t>
  </si>
  <si>
    <t>GGES SIHAM NO 2</t>
  </si>
  <si>
    <t>DHOKE MUSTAQEEM</t>
  </si>
  <si>
    <t>GGES DHOKE MUSTAQEEM RWP</t>
  </si>
  <si>
    <t>GGES SIKANDARY</t>
  </si>
  <si>
    <t>Naseer udine wahin</t>
  </si>
  <si>
    <t>Govt.model E/S SIKANDRI KHARAK</t>
  </si>
  <si>
    <t>Basti kharkain</t>
  </si>
  <si>
    <t>Naseer udine Wahin</t>
  </si>
  <si>
    <t>Musarrat Hafeez</t>
  </si>
  <si>
    <t>GGES SINDHU MODEL FARM (Newly upgraded)</t>
  </si>
  <si>
    <t>GIlMALA</t>
  </si>
  <si>
    <t>GGES SINDHU MODEL FARM</t>
  </si>
  <si>
    <t>Ahatta Wakeel Wala</t>
  </si>
  <si>
    <t>Rukhsana Aziz</t>
  </si>
  <si>
    <t>GGES SIRAJ</t>
  </si>
  <si>
    <t>Siraj</t>
  </si>
  <si>
    <t>Village Sirj Tehsil &amp; District Narowal</t>
  </si>
  <si>
    <t>Gotta Fateh Garh</t>
  </si>
  <si>
    <t>GGES SIRAN WALI BHULAIR 123/RB</t>
  </si>
  <si>
    <t>Siranwali Bhulair</t>
  </si>
  <si>
    <t>siranwali bhulair 123 / RB</t>
  </si>
  <si>
    <t>Bhulair</t>
  </si>
  <si>
    <t>Javeria Mujahid</t>
  </si>
  <si>
    <t>GGES SOAR</t>
  </si>
  <si>
    <t>Sore</t>
  </si>
  <si>
    <t>vill n po sore teh kahuta distt rwp</t>
  </si>
  <si>
    <t>Maryem Atta</t>
  </si>
  <si>
    <t>GGES SOBAY WALA</t>
  </si>
  <si>
    <t>Sobhy Wal</t>
  </si>
  <si>
    <t>Sobhay Wala okara</t>
  </si>
  <si>
    <t>Sobhay Wala Okara</t>
  </si>
  <si>
    <t>38/2R A</t>
  </si>
  <si>
    <t>Shagufta Khanum</t>
  </si>
  <si>
    <t>GGES SODHI JAY WALI</t>
  </si>
  <si>
    <t>SODHI JAY WALI (FEMALE)</t>
  </si>
  <si>
    <t>Sodhi jay Wali</t>
  </si>
  <si>
    <t>Sodhi jay Wali tehsil noushera district khushab</t>
  </si>
  <si>
    <t>Sodhi Jay Wali</t>
  </si>
  <si>
    <t>Samina Shams</t>
  </si>
  <si>
    <t>GGES SOHAWA DHILWAN</t>
  </si>
  <si>
    <t>Sohawa Dhillwan</t>
  </si>
  <si>
    <t>Village sohawa dhillwan tehsil Kamoki Dis. GRW</t>
  </si>
  <si>
    <t>SOHAWA DHILLWAN</t>
  </si>
  <si>
    <t>Tehmina ilyas</t>
  </si>
  <si>
    <t>GGES SOHDRAY KAY</t>
  </si>
  <si>
    <t>Chawinda</t>
  </si>
  <si>
    <t>Sohdhrekey tehsil Pasrur Distt sialkot</t>
  </si>
  <si>
    <t>Sohdhrekey</t>
  </si>
  <si>
    <t>Shabana Abbas</t>
  </si>
  <si>
    <t>GGES SOLEHRIAN</t>
  </si>
  <si>
    <t>Govt. Girls Elementary School, Solehrian</t>
  </si>
  <si>
    <t>Solehrian</t>
  </si>
  <si>
    <t>Chanderkey Rajputan</t>
  </si>
  <si>
    <t>Madiha Naqvi</t>
  </si>
  <si>
    <t>GGES SOLINGI KHARAL</t>
  </si>
  <si>
    <t>Solangi Khral</t>
  </si>
  <si>
    <t>Govt Girls  E/S Solgeen Khral</t>
  </si>
  <si>
    <t>Solgeen Khral</t>
  </si>
  <si>
    <t>ASMA ZAFAR</t>
  </si>
  <si>
    <t>GGES SONA DAHA</t>
  </si>
  <si>
    <t>Daha</t>
  </si>
  <si>
    <t>GGE/S SONA DAHA</t>
  </si>
  <si>
    <t>Basti SonaDaha</t>
  </si>
  <si>
    <t>Samina Noureen</t>
  </si>
  <si>
    <t>GGES SONDHA SINGH</t>
  </si>
  <si>
    <t>Qia Sondha Singh</t>
  </si>
  <si>
    <t>qila sondha singh</t>
  </si>
  <si>
    <t>Aziza Bibi</t>
  </si>
  <si>
    <t>GGES SOOIAN WALA</t>
  </si>
  <si>
    <t>Sooianwala</t>
  </si>
  <si>
    <t>POST OFFICE QADIRABAD COLONY VILLAGE SOOIANWALA</t>
  </si>
  <si>
    <t>SOOIANWALA</t>
  </si>
  <si>
    <t>Uzma</t>
  </si>
  <si>
    <t>GGES SOON MIANI NO. 1</t>
  </si>
  <si>
    <t>Tarkaabad</t>
  </si>
  <si>
    <t>bnglahidayt</t>
  </si>
  <si>
    <t>Bnglahidayt</t>
  </si>
  <si>
    <t>GGES SOORA SINGH</t>
  </si>
  <si>
    <t>sora singh</t>
  </si>
  <si>
    <t>g.g.e.s.sora singh</t>
  </si>
  <si>
    <t>dhrmewala</t>
  </si>
  <si>
    <t>GGES SORANGIAN</t>
  </si>
  <si>
    <t>vill and p o sorangian teh pasrur dis skt</t>
  </si>
  <si>
    <t>Adamkay Nagra</t>
  </si>
  <si>
    <t>Iqra Tanveer</t>
  </si>
  <si>
    <t>GGES SORASI</t>
  </si>
  <si>
    <t>sorasi New murree</t>
  </si>
  <si>
    <t>Sorasi</t>
  </si>
  <si>
    <t>Gull Afshan</t>
  </si>
  <si>
    <t>supply water</t>
  </si>
  <si>
    <t>GGES SORAT ABAD</t>
  </si>
  <si>
    <t>Soratabad</t>
  </si>
  <si>
    <t>VPO jalhan dera gujjran soratabad</t>
  </si>
  <si>
    <t>Jalhan</t>
  </si>
  <si>
    <t>GGES SOYIAN</t>
  </si>
  <si>
    <t>Sohian</t>
  </si>
  <si>
    <t>VPO SOHIAN TEHSIL AND DISTRICT GUJRANWALA</t>
  </si>
  <si>
    <t>Jalal Balaggan</t>
  </si>
  <si>
    <t>Mavra Iftikhar</t>
  </si>
  <si>
    <t>GGES STANDARD SIALKOT</t>
  </si>
  <si>
    <t>Poran Nagar</t>
  </si>
  <si>
    <t>gali no3 poran Nagar sialkot</t>
  </si>
  <si>
    <t>Mohammad Pura</t>
  </si>
  <si>
    <t>Shabnam Almas</t>
  </si>
  <si>
    <t>GGES SUGIAL</t>
  </si>
  <si>
    <t>Sugial</t>
  </si>
  <si>
    <t>Vill Sugial . P.O.  sugial</t>
  </si>
  <si>
    <t>Mamoona Nazir</t>
  </si>
  <si>
    <t>GGES SUHRAB KHURD</t>
  </si>
  <si>
    <t>Sohrab</t>
  </si>
  <si>
    <t>sohrab</t>
  </si>
  <si>
    <t>Sohrab Khurd</t>
  </si>
  <si>
    <t>Morrha</t>
  </si>
  <si>
    <t>Sadia Akram</t>
  </si>
  <si>
    <t>GGES SUI CHEEMAIN</t>
  </si>
  <si>
    <t>Sui Cheemain</t>
  </si>
  <si>
    <t>v&amp;p,sui cheemain,teh,gujar khan,dist, Rawalpindi</t>
  </si>
  <si>
    <t>GGES SUKHA</t>
  </si>
  <si>
    <t>Sukha</t>
  </si>
  <si>
    <t>vill sukha , p/o kala base</t>
  </si>
  <si>
    <t>Zubia Javed</t>
  </si>
  <si>
    <t>GGES SUKHA LADHOKA</t>
  </si>
  <si>
    <t>sukha ladhoka</t>
  </si>
  <si>
    <t>GGES Sukha ladhuka</t>
  </si>
  <si>
    <t>Muhammad nagar</t>
  </si>
  <si>
    <t>GGES SUKHANA BAJWA</t>
  </si>
  <si>
    <t>Khaas</t>
  </si>
  <si>
    <t>village  sukhana Bajwa teh kamok distt gujranwala</t>
  </si>
  <si>
    <t>Sukhana Bajwa</t>
  </si>
  <si>
    <t>Dhensar Paeen</t>
  </si>
  <si>
    <t>Saba Shehzadi</t>
  </si>
  <si>
    <t>GGES SUKHEKE CHOWKI</t>
  </si>
  <si>
    <t>Chowki Sukheke</t>
  </si>
  <si>
    <t>GGES chowki sukheke</t>
  </si>
  <si>
    <t>Mc Sukheke Mandi</t>
  </si>
  <si>
    <t>Naghmana Naheed</t>
  </si>
  <si>
    <t>GGES SUKHWAL</t>
  </si>
  <si>
    <t>Sukhwal</t>
  </si>
  <si>
    <t>vpo sukhwal Teh. fateh jang distt. Attock</t>
  </si>
  <si>
    <t>Fouzia Haidari</t>
  </si>
  <si>
    <t>GGES SULEMAN</t>
  </si>
  <si>
    <t>rehman colony</t>
  </si>
  <si>
    <t>Thatta muhammad Shah</t>
  </si>
  <si>
    <t>NIGHAT YASMEEN</t>
  </si>
  <si>
    <t>GGES SULTAN COLONY</t>
  </si>
  <si>
    <t>Zulifqar Abad</t>
  </si>
  <si>
    <t>G G E/ Sultsn colony P/O Sultan colony Teh. Kot Adu Distt. MuzaffarGarh</t>
  </si>
  <si>
    <t>Sultan Colony</t>
  </si>
  <si>
    <t>ZulifqarAbad</t>
  </si>
  <si>
    <t>GGES SULTAN HERAJ, ABDUL HAKIM</t>
  </si>
  <si>
    <t>GGMS Sultan Haraj</t>
  </si>
  <si>
    <t>Kho Tharajwala</t>
  </si>
  <si>
    <t>Rakhshanda Jabeen</t>
  </si>
  <si>
    <t>GGES SULTAN PUR</t>
  </si>
  <si>
    <t>p/o sultan pur</t>
  </si>
  <si>
    <t>Adila Iqbal</t>
  </si>
  <si>
    <t>GGES SULTAN WALA GHARBI</t>
  </si>
  <si>
    <t>Sultan wala Gharbi</t>
  </si>
  <si>
    <t>Sultan Walla Gharbi, Post office khan Muhammad wala</t>
  </si>
  <si>
    <t>Sultan Walla gharbi</t>
  </si>
  <si>
    <t>Dillewali Qureshian</t>
  </si>
  <si>
    <t>Maria Mustafa</t>
  </si>
  <si>
    <t>GGES SUMBLAN WALA</t>
  </si>
  <si>
    <t>Sumblanwala</t>
  </si>
  <si>
    <t>sumblanwala</t>
  </si>
  <si>
    <t>Kot Ahmad Khan</t>
  </si>
  <si>
    <t>Khawar Raheem</t>
  </si>
  <si>
    <t>GGES SUNDER PUR</t>
  </si>
  <si>
    <t>Sunder Pur</t>
  </si>
  <si>
    <t>vill sunder pur p/o kotli Behram sialkot</t>
  </si>
  <si>
    <t>Bherthan Wala</t>
  </si>
  <si>
    <t>Maryum Fatima</t>
  </si>
  <si>
    <t>GGES SUNGHO RAKA</t>
  </si>
  <si>
    <t>Sangoraka</t>
  </si>
  <si>
    <t>Village Sangoraka Tehsil Sahiwal Sargodha</t>
  </si>
  <si>
    <t>KUDLATHI ARA</t>
  </si>
  <si>
    <t>Amna Khizar</t>
  </si>
  <si>
    <t>GGES SURAG KHARPA</t>
  </si>
  <si>
    <t>Surag</t>
  </si>
  <si>
    <t>GGES Surag</t>
  </si>
  <si>
    <t>Safia Shaheen</t>
  </si>
  <si>
    <t>GGES SURAJ</t>
  </si>
  <si>
    <t>Suraj post office kulluwal tehsil sambrial district sialkot</t>
  </si>
  <si>
    <t>Iqra Anwar</t>
  </si>
  <si>
    <t>GGES SURBA</t>
  </si>
  <si>
    <t>Surba</t>
  </si>
  <si>
    <t>village&amp; PO Surba via karore</t>
  </si>
  <si>
    <t>Shazma Awais</t>
  </si>
  <si>
    <t>pipelines</t>
  </si>
  <si>
    <t>GGES SURRAKI</t>
  </si>
  <si>
    <t>NOUSHERA (FEMALE)</t>
  </si>
  <si>
    <t>Surraki</t>
  </si>
  <si>
    <t>GGESsurraki</t>
  </si>
  <si>
    <t>kufri</t>
  </si>
  <si>
    <t>Ifat Abida sahira</t>
  </si>
  <si>
    <t>GGES SURUJ GUNJ</t>
  </si>
  <si>
    <t>Government Girls Elementary School Suraj Gunj, Tehsil and District Bahawalnagar.</t>
  </si>
  <si>
    <t>Islam Un Nisa Kanwal</t>
  </si>
  <si>
    <t>GGES SUSRAL</t>
  </si>
  <si>
    <t>Sasral</t>
  </si>
  <si>
    <t>sasral Sohawa</t>
  </si>
  <si>
    <t>Mehnaz Asad</t>
  </si>
  <si>
    <t>GGES SYEDAN WALI</t>
  </si>
  <si>
    <t>Syedanwali</t>
  </si>
  <si>
    <t>syedanwali post office sialkot cantt</t>
  </si>
  <si>
    <t>Iqra Waleed</t>
  </si>
  <si>
    <t>GGES TABBAY WALA</t>
  </si>
  <si>
    <t>Bsti Khosa</t>
  </si>
  <si>
    <t>tibbay wala chabri zarain dak Khana khas pir adil dgkhan</t>
  </si>
  <si>
    <t>Chabri Zarain</t>
  </si>
  <si>
    <t>Sabreen Neelam</t>
  </si>
  <si>
    <t>GGES TABBI SAR</t>
  </si>
  <si>
    <t>TABBI SAR-FEMALE</t>
  </si>
  <si>
    <t>Tabbi sar</t>
  </si>
  <si>
    <t>tabbi sar esa khel</t>
  </si>
  <si>
    <t>Tolabangi Khel</t>
  </si>
  <si>
    <t>Farwah Batool</t>
  </si>
  <si>
    <t>water tanks and govt supply</t>
  </si>
  <si>
    <t>GGES TAHLI MANGINI</t>
  </si>
  <si>
    <t>G GES  Tahli Mangini</t>
  </si>
  <si>
    <t>Tahli Mangini</t>
  </si>
  <si>
    <t>Safia Anwar</t>
  </si>
  <si>
    <t>GGES TAITRI</t>
  </si>
  <si>
    <t>Taittri</t>
  </si>
  <si>
    <t>village taittri p/o laghari tehsil noorpur distt khushab</t>
  </si>
  <si>
    <t>MAQBOOL FATIMA</t>
  </si>
  <si>
    <t>GGES TAJ GARH</t>
  </si>
  <si>
    <t>GGESTaj garh</t>
  </si>
  <si>
    <t>amira yasmin</t>
  </si>
  <si>
    <t>GGES TAJA BARA</t>
  </si>
  <si>
    <t>Taja bara</t>
  </si>
  <si>
    <t>village taja bara tehsil fateh jang</t>
  </si>
  <si>
    <t>Shahrai Sadullah</t>
  </si>
  <si>
    <t>Sobia Rehman</t>
  </si>
  <si>
    <t>GGES TAL KHALSA</t>
  </si>
  <si>
    <t>Tal Khalsa</t>
  </si>
  <si>
    <t>village  p/o TAL khalsa Tehsil  G Khan  Rawalpindi</t>
  </si>
  <si>
    <t>Changa Bangial</t>
  </si>
  <si>
    <t>Sajida Irum</t>
  </si>
  <si>
    <t>GGES TALAB SARAI</t>
  </si>
  <si>
    <t>Talab Sarai</t>
  </si>
  <si>
    <t>GGES Talab sarai</t>
  </si>
  <si>
    <t>KANEEZ FATIMA</t>
  </si>
  <si>
    <t>GGES TALAGANG NO.5</t>
  </si>
  <si>
    <t>GGES NO.5 Talagang   Moh Hawapura Talagang</t>
  </si>
  <si>
    <t>Moh hawapoora</t>
  </si>
  <si>
    <t>Talagang sharak</t>
  </si>
  <si>
    <t>GGES TALEEM-UN-NISA</t>
  </si>
  <si>
    <t>Bari Vala Chowk</t>
  </si>
  <si>
    <t>bari vala chowk gujranwala</t>
  </si>
  <si>
    <t>Iakkrr Vala Pul</t>
  </si>
  <si>
    <t>GGES TALI SAHAB</t>
  </si>
  <si>
    <t>Tahli Sahib</t>
  </si>
  <si>
    <t>Village Tahli sahib, P.O.Qasim Abad Gujrat</t>
  </si>
  <si>
    <t>Sobia Aurangzaib</t>
  </si>
  <si>
    <t>GGES TALIB WALA</t>
  </si>
  <si>
    <t>Moza Talib</t>
  </si>
  <si>
    <t>mouza talib</t>
  </si>
  <si>
    <t>Chak  No 125 Jappay</t>
  </si>
  <si>
    <t>Talat Perveen</t>
  </si>
  <si>
    <t>GGES TALIRI</t>
  </si>
  <si>
    <t>near taliri bypass M.garh</t>
  </si>
  <si>
    <t>Saeeda Shakil</t>
  </si>
  <si>
    <t>GGES TALOKAR</t>
  </si>
  <si>
    <t>Po kurar village talokar</t>
  </si>
  <si>
    <t>Iffat Zahra</t>
  </si>
  <si>
    <t>GGES TALOOT</t>
  </si>
  <si>
    <t>Village Ocha Tallot p/o Kundan Tehsil Murree Dist Rwp</t>
  </si>
  <si>
    <t>Ocha Tallot</t>
  </si>
  <si>
    <t>Sidra bibi</t>
  </si>
  <si>
    <t>GGES TALWANDI KAHLWAN</t>
  </si>
  <si>
    <t>Talwandi Kahlowan</t>
  </si>
  <si>
    <t>Talwandi kahlowan.P/o kanjrur. teh.NWL Distt.NWL</t>
  </si>
  <si>
    <t>Talwandikahlowan</t>
  </si>
  <si>
    <t>ChanderkayRajputan</t>
  </si>
  <si>
    <t>Sanum Manzoor</t>
  </si>
  <si>
    <t>GGES TALWARA RAJPUTAN</t>
  </si>
  <si>
    <t>village talwara p.o dograwala teh daska</t>
  </si>
  <si>
    <t>Ghuainki</t>
  </si>
  <si>
    <t>Aqsa Aslam</t>
  </si>
  <si>
    <t>GGES TAMER-E-NOU PEOPLE COLONY</t>
  </si>
  <si>
    <t>nearby madni ground Y block peoples colony</t>
  </si>
  <si>
    <t>GGES TAMIR-E-MILLAT MURIDKE</t>
  </si>
  <si>
    <t>Mohalla Muhammad Nagar, Town Muridke</t>
  </si>
  <si>
    <t>Town Muridke</t>
  </si>
  <si>
    <t>Bushra Hanif</t>
  </si>
  <si>
    <t>GGES TANDA</t>
  </si>
  <si>
    <t>po utmanabad, village tanda, tehsil hassan abdal, district attock</t>
  </si>
  <si>
    <t>tanda</t>
  </si>
  <si>
    <t>pind Mehri</t>
  </si>
  <si>
    <t>Rubina Bibi</t>
  </si>
  <si>
    <t>GGES TAPIALA</t>
  </si>
  <si>
    <t>village and p/o Tapiala teh kharian Distt.Gujrat</t>
  </si>
  <si>
    <t>Sumreen Mehdi</t>
  </si>
  <si>
    <t>GGES TAQI PUR</t>
  </si>
  <si>
    <t>G.G.E.S TAQI PUR tehsil Shalimar lahore</t>
  </si>
  <si>
    <t>Taqi Pur</t>
  </si>
  <si>
    <t>Sobia Hameed</t>
  </si>
  <si>
    <t>GGES TARA GARH</t>
  </si>
  <si>
    <t>GG E/S TARAGARH</t>
  </si>
  <si>
    <t>Shahnaz Fatima</t>
  </si>
  <si>
    <t>GGES TARA GARH CHAK NO 44</t>
  </si>
  <si>
    <t>Tara Garh</t>
  </si>
  <si>
    <t>taragarh chak44</t>
  </si>
  <si>
    <t>Anila Bano</t>
  </si>
  <si>
    <t>GGES TARA GHAR</t>
  </si>
  <si>
    <t>Tara Garh Kalan</t>
  </si>
  <si>
    <t>gges tara Garh Kalan p.o. box Qilladar via shadiwal</t>
  </si>
  <si>
    <t>Sammah</t>
  </si>
  <si>
    <t>Nosheen Shafaat</t>
  </si>
  <si>
    <t>GGES TARAGGAR P.O TARRAGAT TEH., TALAGANG</t>
  </si>
  <si>
    <t>GGES Taraggar</t>
  </si>
  <si>
    <t>Smana Kousar</t>
  </si>
  <si>
    <t>GGES TARAT</t>
  </si>
  <si>
    <t>yakiwali</t>
  </si>
  <si>
    <t>basti tarat</t>
  </si>
  <si>
    <t>farzana rasul</t>
  </si>
  <si>
    <t>GGES TARIKHA</t>
  </si>
  <si>
    <t>Tarikha</t>
  </si>
  <si>
    <t>vpo tarikha</t>
  </si>
  <si>
    <t>Shadiwal Mehmoodkay</t>
  </si>
  <si>
    <t>Iffat Shaheen Kousar</t>
  </si>
  <si>
    <t>GGES TARIQ BIN ZIAD COLONY</t>
  </si>
  <si>
    <t>Tariq Bin Ziad Colony Sahiwal</t>
  </si>
  <si>
    <t>GGES X block Tariq bin Ziad colony sahiwal</t>
  </si>
  <si>
    <t>TBZ Colony Sahiwal</t>
  </si>
  <si>
    <t>Nusrat Yasmeen</t>
  </si>
  <si>
    <t>GGES TARIQ COLONY</t>
  </si>
  <si>
    <t>tariq colony mamunkanjan</t>
  </si>
  <si>
    <t>Municipal Committee Mamunkanjan</t>
  </si>
  <si>
    <t>GGES TARIQ MUSLIM BILAL GANJ TOWN</t>
  </si>
  <si>
    <t>Hajvery Town</t>
  </si>
  <si>
    <t>govt girls tariq muslim elemenry school bilal gunj town.</t>
  </si>
  <si>
    <t>207 RB</t>
  </si>
  <si>
    <t>ISHRAT JAHAN</t>
  </si>
  <si>
    <t>GGES TARKAWAL</t>
  </si>
  <si>
    <t>Turkwal</t>
  </si>
  <si>
    <t>vpo turkwal tehsil gujarkhan distt Rawalpindi</t>
  </si>
  <si>
    <t>Punjgiran Kalan</t>
  </si>
  <si>
    <t>Saba Nawaz</t>
  </si>
  <si>
    <t>GGES TARKHANA WALA</t>
  </si>
  <si>
    <t>village tarkhanawala tehsil noshera virkan district gujranwala</t>
  </si>
  <si>
    <t>Atiqa Abdul Qayyum</t>
  </si>
  <si>
    <t>GGES TATRAL</t>
  </si>
  <si>
    <t>Tatral Kahoon</t>
  </si>
  <si>
    <t>tatral kahoon p.o dulmial</t>
  </si>
  <si>
    <t>Muzyan Parveen Begum</t>
  </si>
  <si>
    <t>GGES TEHI</t>
  </si>
  <si>
    <t>Gulshan Firdous</t>
  </si>
  <si>
    <t>GGES TERETH</t>
  </si>
  <si>
    <t>Teerath</t>
  </si>
  <si>
    <t>teerath p/o wankhara</t>
  </si>
  <si>
    <t>Wankhara</t>
  </si>
  <si>
    <t>Quratulain Naqvi</t>
  </si>
  <si>
    <t>GGES THAKER KA MAKHNA</t>
  </si>
  <si>
    <t>Thakkar Ka Makhana</t>
  </si>
  <si>
    <t>moza thakkar ka makhana UC Jamal kot no 95</t>
  </si>
  <si>
    <t>Tahkkar Ka Makhana</t>
  </si>
  <si>
    <t>Urfa Muneer</t>
  </si>
  <si>
    <t>GGES THAKHER KHOKHRAN</t>
  </si>
  <si>
    <t>Sohal Garbi</t>
  </si>
  <si>
    <t>GGES Thakar khokhran</t>
  </si>
  <si>
    <t>Thakar Khokhran</t>
  </si>
  <si>
    <t>Aysha Tul Rashida</t>
  </si>
  <si>
    <t>GGES THAKRA MOHRA</t>
  </si>
  <si>
    <t>Thakra Mohra</t>
  </si>
  <si>
    <t>Vpo Thakra Mohra Tehsil Gujarkhan Distt Rwp</t>
  </si>
  <si>
    <t>Saiqa Sanam Azad</t>
  </si>
  <si>
    <t>GGES THALIAN</t>
  </si>
  <si>
    <t>Thallian</t>
  </si>
  <si>
    <t>thallian</t>
  </si>
  <si>
    <t>Bajinyal</t>
  </si>
  <si>
    <t>Nasira Begum</t>
  </si>
  <si>
    <t>GGES THANEEL FATHOI</t>
  </si>
  <si>
    <t>vill and p.o thanil fatuhi teh and dist chakwal</t>
  </si>
  <si>
    <t>Herchar Dhab</t>
  </si>
  <si>
    <t>Saba Gulzar</t>
  </si>
  <si>
    <t>GGES THAPNALA</t>
  </si>
  <si>
    <t>Dandian</t>
  </si>
  <si>
    <t>Thapnala</t>
  </si>
  <si>
    <t>Dhansar Pian</t>
  </si>
  <si>
    <t>Nasira Shareef</t>
  </si>
  <si>
    <t>GGES THARIAN</t>
  </si>
  <si>
    <t>siri raam pura</t>
  </si>
  <si>
    <t>Govt. girls elemantary school tharian</t>
  </si>
  <si>
    <t>tharian</t>
  </si>
  <si>
    <t>dhror muslim</t>
  </si>
  <si>
    <t>Farhin Shehzadi</t>
  </si>
  <si>
    <t>GGES THATHA ALI</t>
  </si>
  <si>
    <t>Thatha Ali</t>
  </si>
  <si>
    <t>check vahi p.o.box 522 village thatha ali tehsil and distric sheikhupura</t>
  </si>
  <si>
    <t>Kaker Gil</t>
  </si>
  <si>
    <t>AYSHA AFZAL</t>
  </si>
  <si>
    <t>GGES THATHA ALIA</t>
  </si>
  <si>
    <t>P.O khas Village Thatha Alia Tehsil Phalia District M.B.DIN</t>
  </si>
  <si>
    <t>Tha Tha Alia</t>
  </si>
  <si>
    <t>Jokaliyan</t>
  </si>
  <si>
    <t>Naghza Khushbu</t>
  </si>
  <si>
    <t>GGES THATHA ARGAN</t>
  </si>
  <si>
    <t>Thatha Argan</t>
  </si>
  <si>
    <t>thatha argan</t>
  </si>
  <si>
    <t>Khuty Shah</t>
  </si>
  <si>
    <t>Humara Sabir</t>
  </si>
  <si>
    <t>GGES THATHA BAHADAR SINGH</t>
  </si>
  <si>
    <t>Thatha Bahadar Singh</t>
  </si>
  <si>
    <t>Thatha Bahadar</t>
  </si>
  <si>
    <t>Alina Batool</t>
  </si>
  <si>
    <t>GGES THATHA BAIG</t>
  </si>
  <si>
    <t>GGES thatha baig near thana bahlak</t>
  </si>
  <si>
    <t>Nadia Noshin</t>
  </si>
  <si>
    <t>GGES THATHA DAD</t>
  </si>
  <si>
    <t>Tha Tha Dad</t>
  </si>
  <si>
    <t>gges thatha dad teh @ distt gujranwala</t>
  </si>
  <si>
    <t>Thathadad</t>
  </si>
  <si>
    <t>T Khajoorwali</t>
  </si>
  <si>
    <t>Ansa Qamar</t>
  </si>
  <si>
    <t>GGES THATHA KALIAN</t>
  </si>
  <si>
    <t>Thatha Kalian</t>
  </si>
  <si>
    <t>thatha kalian</t>
  </si>
  <si>
    <t>Sagar Kalan</t>
  </si>
  <si>
    <t>GGES THATHA MANAK</t>
  </si>
  <si>
    <t>Thatha Manak</t>
  </si>
  <si>
    <t>Dak khana khas Thatha Manak</t>
  </si>
  <si>
    <t>Sidra Noreen</t>
  </si>
  <si>
    <t>GGES THATHA MEHAR ALI SHAH</t>
  </si>
  <si>
    <t>Thatha Mehar Ali Shah</t>
  </si>
  <si>
    <t>Gg e/s thatha mehr ali shah</t>
  </si>
  <si>
    <t>Thatha Mehr Ali Shah</t>
  </si>
  <si>
    <t>Mustfabad</t>
  </si>
  <si>
    <t>Azra Ashraf</t>
  </si>
  <si>
    <t>GGES THATHA NUSTER</t>
  </si>
  <si>
    <t>Thatha Nuster</t>
  </si>
  <si>
    <t>thatha nuster, po box chak wahi 522</t>
  </si>
  <si>
    <t>Benish Iftikhar</t>
  </si>
  <si>
    <t>GGES THATHA POUR</t>
  </si>
  <si>
    <t>Thatta Pour</t>
  </si>
  <si>
    <t>thatta pour district gujrat</t>
  </si>
  <si>
    <t>Tehmina Arif</t>
  </si>
  <si>
    <t>GGES THATHA QURESHI</t>
  </si>
  <si>
    <t>gges thatha qureshi</t>
  </si>
  <si>
    <t>Thatha qureshi</t>
  </si>
  <si>
    <t>Parya Shahnaz</t>
  </si>
  <si>
    <t>GGES THATHA RANGRAN WALA</t>
  </si>
  <si>
    <t>Thatha Rangran Wala</t>
  </si>
  <si>
    <t>gges thatha rangran wala</t>
  </si>
  <si>
    <t>Dherma Wala</t>
  </si>
  <si>
    <t>GGES THATHA SIALAN</t>
  </si>
  <si>
    <t>Thatha Sialan</t>
  </si>
  <si>
    <t>gg e/s thata sialan</t>
  </si>
  <si>
    <t>Kalsoom bibi</t>
  </si>
  <si>
    <t>GGES THATHA TARRARAN</t>
  </si>
  <si>
    <t>Tahtta Tarara</t>
  </si>
  <si>
    <t>Tattha Tarara</t>
  </si>
  <si>
    <t>Thatta Tarara</t>
  </si>
  <si>
    <t>Tabi Humbo</t>
  </si>
  <si>
    <t>TABASSUM FARZANA</t>
  </si>
  <si>
    <t>GGES THATHI BEHLOL PUR</t>
  </si>
  <si>
    <t>Thathi behlol Pur</t>
  </si>
  <si>
    <t>GGES thathi behlol pur</t>
  </si>
  <si>
    <t>Mamona Shahzadi</t>
  </si>
  <si>
    <t>GGES THATHI KHAHWARAN NEAR BIG CANAL MUZAFFAR ABAD</t>
  </si>
  <si>
    <t>Thathi Kahawran</t>
  </si>
  <si>
    <t>G.G E/S thathi kahawran Multan</t>
  </si>
  <si>
    <t>Tasnim Akhter</t>
  </si>
  <si>
    <t>GGES THATHI MUGHLAN</t>
  </si>
  <si>
    <t>Thathi Mughlan</t>
  </si>
  <si>
    <t>village thathi mughlan post office kashmir colony tehsil and distt jhelum</t>
  </si>
  <si>
    <t>Qammar Un Nisa</t>
  </si>
  <si>
    <t>GGES THATHI SAMEEJA</t>
  </si>
  <si>
    <t>Thathi Sameja</t>
  </si>
  <si>
    <t>Basti Thathi Sameja, Tehsil and District Lodhran.</t>
  </si>
  <si>
    <t>GGES THATHI SIRANWAN</t>
  </si>
  <si>
    <t>Thathi Siranwan</t>
  </si>
  <si>
    <t>village thathi siranwan</t>
  </si>
  <si>
    <t>Jogaykot</t>
  </si>
  <si>
    <t>Sana Abid</t>
  </si>
  <si>
    <t>GGES THATHI SYEDAN</t>
  </si>
  <si>
    <t>Tathi Seydan</t>
  </si>
  <si>
    <t>Post Office hothla Village tathi Seydan TEHSIL KAHUTA DISTRICT RAWALPINDI</t>
  </si>
  <si>
    <t>Tathi I Seydan</t>
  </si>
  <si>
    <t>Rizwana Akhtar</t>
  </si>
  <si>
    <t>GGES THATTA MANZOOR KHAN</t>
  </si>
  <si>
    <t>Thatta Manzoor Khan</t>
  </si>
  <si>
    <t>GGES Thatta Manzoor Khan</t>
  </si>
  <si>
    <t>Behram Pur</t>
  </si>
  <si>
    <t>Shazia parveen</t>
  </si>
  <si>
    <t>GGES THATTA MOHAMMAD PANAH</t>
  </si>
  <si>
    <t>Thatta M Panah</t>
  </si>
  <si>
    <t>tehsil sahiwal, disst, sargodha</t>
  </si>
  <si>
    <t>Sajooka</t>
  </si>
  <si>
    <t>Sumaira Yasmeen</t>
  </si>
  <si>
    <t>GGES THATTI KALRANI</t>
  </si>
  <si>
    <t>Thatti Kalrani</t>
  </si>
  <si>
    <t>GGES thatti kalrani</t>
  </si>
  <si>
    <t>Razia Shafi</t>
  </si>
  <si>
    <t>GGES THATTI NOOR</t>
  </si>
  <si>
    <t>Gges Thatti Noor</t>
  </si>
  <si>
    <t>Asma Marryam</t>
  </si>
  <si>
    <t>GGES THATTI SYEDAN</t>
  </si>
  <si>
    <t>thattesyedan</t>
  </si>
  <si>
    <t>gges thattesyedan</t>
  </si>
  <si>
    <t>pind sultani</t>
  </si>
  <si>
    <t>KHALDA ADEEB FERHET</t>
  </si>
  <si>
    <t>arranged water</t>
  </si>
  <si>
    <t>GGES THEH BHALLO</t>
  </si>
  <si>
    <t>Theh Bhaloo</t>
  </si>
  <si>
    <t>Government girls elementary school theh bhaloo kasur</t>
  </si>
  <si>
    <t>Khalida Sharif</t>
  </si>
  <si>
    <t>GGES THEH WADANA</t>
  </si>
  <si>
    <t>Thah Wadana</t>
  </si>
  <si>
    <t>govt girls E /S than  wadana</t>
  </si>
  <si>
    <t>Charywan</t>
  </si>
  <si>
    <t>GGES THEKERIAN KALAN</t>
  </si>
  <si>
    <t>Thekrian Kalan</t>
  </si>
  <si>
    <t>village thikrian kalan tehsil shakargarh district narowal</t>
  </si>
  <si>
    <t>GGES THERI GILLAN</t>
  </si>
  <si>
    <t>Post office Botalla jhanda singh Therri Gillan</t>
  </si>
  <si>
    <t>Saima Ashiq</t>
  </si>
  <si>
    <t>GGES THERI SANSI</t>
  </si>
  <si>
    <t>Theri Sansi No 2</t>
  </si>
  <si>
    <t>theri sansi no 2 near super asia</t>
  </si>
  <si>
    <t>Kashmir Colony</t>
  </si>
  <si>
    <t>Shazia Choudhary</t>
  </si>
  <si>
    <t>GGES THERI SANSI (Station Wali)</t>
  </si>
  <si>
    <t>Theri Sansi Station Wali</t>
  </si>
  <si>
    <t>govt.girls elementary school theri sansi gujranwala</t>
  </si>
  <si>
    <t>Theri Sansi</t>
  </si>
  <si>
    <t>SHAZIA PARVEEN</t>
  </si>
  <si>
    <t>GGES THILL</t>
  </si>
  <si>
    <t>Thill</t>
  </si>
  <si>
    <t>vill &amp;p.o thill teh p.d.khan distt jhelum</t>
  </si>
  <si>
    <t>Sidra Shaheen</t>
  </si>
  <si>
    <t>GGES THIMKA</t>
  </si>
  <si>
    <t>Thimka Naffrian</t>
  </si>
  <si>
    <t>Shabana Rashid</t>
  </si>
  <si>
    <t>GGES THIND KALAN</t>
  </si>
  <si>
    <t>Thind Kalan</t>
  </si>
  <si>
    <t>moza thind kalan.layyah</t>
  </si>
  <si>
    <t>Tallat jabeen</t>
  </si>
  <si>
    <t>GGES THOTHIAN KALAN CHAK 10/RB</t>
  </si>
  <si>
    <t>Thothian Kalan Chak 10</t>
  </si>
  <si>
    <t>Thothian kalan chak 10</t>
  </si>
  <si>
    <t>Sathali Kalan Chak</t>
  </si>
  <si>
    <t>Aqsa Zulfiqar</t>
  </si>
  <si>
    <t>GGES THOTHIAN KHURD CHAK 10/RB</t>
  </si>
  <si>
    <t>Thothian Khurd</t>
  </si>
  <si>
    <t>GGES Thothian Khurd Chak no 10</t>
  </si>
  <si>
    <t>Sadaf Latif</t>
  </si>
  <si>
    <t>GGES TIBBA IMAM</t>
  </si>
  <si>
    <t>babi</t>
  </si>
  <si>
    <t>ggms tibba imam p/o nutkani tehsil tunsa</t>
  </si>
  <si>
    <t>tibba imam</t>
  </si>
  <si>
    <t>fateh khan</t>
  </si>
  <si>
    <t>GGES TIBBA JANUBI BHAKKAR</t>
  </si>
  <si>
    <t>GGES TIbba janubi Bhakkar</t>
  </si>
  <si>
    <t>Anila Haneef</t>
  </si>
  <si>
    <t>GGES TIBBA KACHHA</t>
  </si>
  <si>
    <t>Kahna</t>
  </si>
  <si>
    <t>GG ES TIBBA Kachha Lahore</t>
  </si>
  <si>
    <t>TIBBA Kachha Villag</t>
  </si>
  <si>
    <t>Amna Sultan</t>
  </si>
  <si>
    <t>GGES TIBBA KARIM ABAD</t>
  </si>
  <si>
    <t>Rakh Khan Pur</t>
  </si>
  <si>
    <t>tibba kareemabad m.garh</t>
  </si>
  <si>
    <t>Tibba Kareem Abad</t>
  </si>
  <si>
    <t>Lutkaran</t>
  </si>
  <si>
    <t>Nazia Jamshaid</t>
  </si>
  <si>
    <t>GGES TIBBA MEHRBAN SHAH</t>
  </si>
  <si>
    <t>GGES Tibba mehrban shah</t>
  </si>
  <si>
    <t>yasmeen achhan</t>
  </si>
  <si>
    <t>GGES TIBBA NAINWAL</t>
  </si>
  <si>
    <t>Tibba Nain Wal</t>
  </si>
  <si>
    <t>GGES Tibba Nain Wal Kasur p/ o Dholan Hithar Kasur</t>
  </si>
  <si>
    <t>Pial Kalan</t>
  </si>
  <si>
    <t>Saadia Manzoor</t>
  </si>
  <si>
    <t>GGES TIBBA QADIR ABAD</t>
  </si>
  <si>
    <t>Tibba Qadir Abad</t>
  </si>
  <si>
    <t>GGES Tibba qadir abad street no. 8 tibba qadir abad sdk</t>
  </si>
  <si>
    <t>Nighat Rashida</t>
  </si>
  <si>
    <t>GGES TIBBA QAIM DIN</t>
  </si>
  <si>
    <t>Tibba qaim Din</t>
  </si>
  <si>
    <t>tibba qaim Din</t>
  </si>
  <si>
    <t>Ambreen Zahra</t>
  </si>
  <si>
    <t>GGES TIBBA QAZIAN</t>
  </si>
  <si>
    <t>Tibba Mustaiql Gharbi</t>
  </si>
  <si>
    <t>tibba qazian</t>
  </si>
  <si>
    <t>Tibba Qazian</t>
  </si>
  <si>
    <t>Mc Daira Din Panah</t>
  </si>
  <si>
    <t>Samina Manzoor</t>
  </si>
  <si>
    <t>electric moter and hand pump</t>
  </si>
  <si>
    <t>GGES TIBBA SHAH BEHLOL</t>
  </si>
  <si>
    <t>Tibba Shah Behlol</t>
  </si>
  <si>
    <t>Machonikka Teh.Pindi Bhattian Dist.Hafizabad</t>
  </si>
  <si>
    <t>Thatha Karedad</t>
  </si>
  <si>
    <t>nasira naz</t>
  </si>
  <si>
    <t>GGES TIBBA SHARIF</t>
  </si>
  <si>
    <t>GGESTibba Sharif trag p/o trag</t>
  </si>
  <si>
    <t>Javeria Naz</t>
  </si>
  <si>
    <t>GGES TIBBI BAGHAWER</t>
  </si>
  <si>
    <t>Chak No 168/P</t>
  </si>
  <si>
    <t>Tibbi Beghawer Sadiq abad</t>
  </si>
  <si>
    <t>168/P</t>
  </si>
  <si>
    <t>MC Sadiq Abad F</t>
  </si>
  <si>
    <t>Uzma Ishaq</t>
  </si>
  <si>
    <t>water from  pvt source</t>
  </si>
  <si>
    <t>GGES TIBBI ESRAN</t>
  </si>
  <si>
    <t>Pir Adil</t>
  </si>
  <si>
    <t>GGESTIBBIESRAN</t>
  </si>
  <si>
    <t>Marriam Jamila</t>
  </si>
  <si>
    <t>GGES TIBBI GUL MUHAMMAD</t>
  </si>
  <si>
    <t>Tibbi Gul Mohammad</t>
  </si>
  <si>
    <t>Tibbi Gul Mohammad Kotsmaba</t>
  </si>
  <si>
    <t>GGES TIBBI IZZAT</t>
  </si>
  <si>
    <t>Tibbi Izzat</t>
  </si>
  <si>
    <t>GGES Tibbi izzat basti ahmedpur east,bwp</t>
  </si>
  <si>
    <t>Tibbiizzat</t>
  </si>
  <si>
    <t>Maria Shabbir</t>
  </si>
  <si>
    <t>GGES TIBBI LUNDAN</t>
  </si>
  <si>
    <t>tibbi lundan town</t>
  </si>
  <si>
    <t>Sania Shabir</t>
  </si>
  <si>
    <t>GGES TIBBI MATOO</t>
  </si>
  <si>
    <t>tIBBI mATTO</t>
  </si>
  <si>
    <t>TIBBI MATTO</t>
  </si>
  <si>
    <t>JHANDIAN WALI</t>
  </si>
  <si>
    <t>FOZIA MUSHRAF</t>
  </si>
  <si>
    <t>GGES TIBBI SAYDAN 712 GB</t>
  </si>
  <si>
    <t>Tibbi Saydan</t>
  </si>
  <si>
    <t>chak no.712 GB Tibbi Saydan wali</t>
  </si>
  <si>
    <t>Tibbi Saydan Wali</t>
  </si>
  <si>
    <t>Chak no 712GB</t>
  </si>
  <si>
    <t>GGES TIBI CHAK NO. 20</t>
  </si>
  <si>
    <t>Tibbi ch 20</t>
  </si>
  <si>
    <t>tibbi wan radha ram pattoki</t>
  </si>
  <si>
    <t>Wanradharam</t>
  </si>
  <si>
    <t>RASHDA  RASHID</t>
  </si>
  <si>
    <t>GGES TIRKHAN WALA</t>
  </si>
  <si>
    <t>Terkhanwala</t>
  </si>
  <si>
    <t>P/O Box Terkhanwala tehsil sahiwal district sargodha</t>
  </si>
  <si>
    <t>Jahanian Shah</t>
  </si>
  <si>
    <t>Saima Aziz</t>
  </si>
  <si>
    <t>GGES TODER PUR</t>
  </si>
  <si>
    <t>Chajoo shah</t>
  </si>
  <si>
    <t>Govt Girls Elementary school Toderpur chajoo shah Tehsil shujabad</t>
  </si>
  <si>
    <t>Toderpur</t>
  </si>
  <si>
    <t>Sadaf Sadiq</t>
  </si>
  <si>
    <t>GGES TOLA BANGI KHEL</t>
  </si>
  <si>
    <t>Bangi Khel</t>
  </si>
  <si>
    <t>Village Tola Bangi Khel</t>
  </si>
  <si>
    <t>ZEENAT BEGUM</t>
  </si>
  <si>
    <t>GGES TOLO WALA</t>
  </si>
  <si>
    <t>Tolo Wala</t>
  </si>
  <si>
    <t>Tolo wala kasur</t>
  </si>
  <si>
    <t>Sheikh Ammad Kohna</t>
  </si>
  <si>
    <t>Ismat Khalid</t>
  </si>
  <si>
    <t>GGES TOOTRA</t>
  </si>
  <si>
    <t>GGES Tootra post office kaleyki Mandi tahseel o zila hafizabad</t>
  </si>
  <si>
    <t>Udoke</t>
  </si>
  <si>
    <t>Shamim Kouser</t>
  </si>
  <si>
    <t>GGES TORE WALI</t>
  </si>
  <si>
    <t>Torewali</t>
  </si>
  <si>
    <t>village and post office torewali</t>
  </si>
  <si>
    <t>Dhaknair</t>
  </si>
  <si>
    <t>Fahmida Aziz</t>
  </si>
  <si>
    <t>GGES TORIA</t>
  </si>
  <si>
    <t>Toriya</t>
  </si>
  <si>
    <t>Village Toriya P/O Dhamky Tehsil Sharaqpur District Sheikhupura.</t>
  </si>
  <si>
    <t>Dhamky</t>
  </si>
  <si>
    <t>Saira Manzoor</t>
  </si>
  <si>
    <t>GGES TOWNSHIP A-2</t>
  </si>
  <si>
    <t>Govt. Girls Middle School A/2 Township Lahore</t>
  </si>
  <si>
    <t>Township</t>
  </si>
  <si>
    <t>Naseera Hameed</t>
  </si>
  <si>
    <t>GGES TRADAY WALA CHAK NO. 13</t>
  </si>
  <si>
    <t>Jodh singh ch 13</t>
  </si>
  <si>
    <t>jodh singh ch 13 tehsil chunian distt kasur</t>
  </si>
  <si>
    <t>Tready Wala Ch# 13</t>
  </si>
  <si>
    <t>Asma Mubeen</t>
  </si>
  <si>
    <t>GGES TRET</t>
  </si>
  <si>
    <t>GGE/S Tret.Murree</t>
  </si>
  <si>
    <t>GGES TRIDAY WALI</t>
  </si>
  <si>
    <t>Triday Wali</t>
  </si>
  <si>
    <t>GGES Triday wali</t>
  </si>
  <si>
    <t>Tridy Wali</t>
  </si>
  <si>
    <t>Farzana Rafi</t>
  </si>
  <si>
    <t>GGES TRIGRA MAKHDOOM</t>
  </si>
  <si>
    <t>Trigra Makhdoom</t>
  </si>
  <si>
    <t>gges trigra makhdoom</t>
  </si>
  <si>
    <t>Fozia Bashir</t>
  </si>
  <si>
    <t>GGES TRINDA MIR KHAN</t>
  </si>
  <si>
    <t>TaranaDA MIR  Khan</t>
  </si>
  <si>
    <t>taranada Mir khan</t>
  </si>
  <si>
    <t>Taranada Mir Khan</t>
  </si>
  <si>
    <t>GGES TUB</t>
  </si>
  <si>
    <t>Tubb</t>
  </si>
  <si>
    <t>Basti tubb tehsil taunsa</t>
  </si>
  <si>
    <t>Basti Tubb</t>
  </si>
  <si>
    <t>Mamouna Khaliq</t>
  </si>
  <si>
    <t>GGES TULLAH KAMBOH</t>
  </si>
  <si>
    <t>Tullah Kamboh</t>
  </si>
  <si>
    <t>Tullah kamboh</t>
  </si>
  <si>
    <t>Sonia Hayder</t>
  </si>
  <si>
    <t>GGES TUMMAY</t>
  </si>
  <si>
    <t>Tummay</t>
  </si>
  <si>
    <t>Salma Amir</t>
  </si>
  <si>
    <t>GGES TUNG KHURD</t>
  </si>
  <si>
    <t>Tung Khurd Khurd</t>
  </si>
  <si>
    <t>GGES Tung Khurd</t>
  </si>
  <si>
    <t>Tung Khurd</t>
  </si>
  <si>
    <t>Bopra Kalan</t>
  </si>
  <si>
    <t>Sajida Syed</t>
  </si>
  <si>
    <t>GGES UCH GILANI NO.1</t>
  </si>
  <si>
    <t>Uch Gillana</t>
  </si>
  <si>
    <t>sami town uch gillani</t>
  </si>
  <si>
    <t>Uch Sharief</t>
  </si>
  <si>
    <t>Riffat Shumaila</t>
  </si>
  <si>
    <t>GGES UCH GUL IMAM</t>
  </si>
  <si>
    <t>govt girls e/s uch gul imam moza uch gul imam</t>
  </si>
  <si>
    <t>Andleeb Aziz</t>
  </si>
  <si>
    <t>GGES UCHARI</t>
  </si>
  <si>
    <t>JAND - FEMALE</t>
  </si>
  <si>
    <t>Uchhri</t>
  </si>
  <si>
    <t>Govt girls elementary school uchhri</t>
  </si>
  <si>
    <t>Tahira Ahmed</t>
  </si>
  <si>
    <t>GGES UCHHALA</t>
  </si>
  <si>
    <t>Uchala</t>
  </si>
  <si>
    <t>govt.girls.elementry school uchala</t>
  </si>
  <si>
    <t>Khabeki</t>
  </si>
  <si>
    <t>GGES UDDO FATAH</t>
  </si>
  <si>
    <t>village Uddo Fatah tehsil pasrur district sialkot</t>
  </si>
  <si>
    <t>Pejokay</t>
  </si>
  <si>
    <t>Firdous Bibi</t>
  </si>
  <si>
    <t>GGES UDDOKE</t>
  </si>
  <si>
    <t>Shabana Ehsan</t>
  </si>
  <si>
    <t>GGES UDOWAL KHURD</t>
  </si>
  <si>
    <t>Udhowal Khurd</t>
  </si>
  <si>
    <t>post office udhowal khurd teh &amp; dist Gujrat</t>
  </si>
  <si>
    <t>Anjum Saqib</t>
  </si>
  <si>
    <t>GGES UGGO WAL</t>
  </si>
  <si>
    <t>Uggowal</t>
  </si>
  <si>
    <t>Vill. Uggowal P.O.Box Dolatnagar</t>
  </si>
  <si>
    <t>Qaisra Shaheen</t>
  </si>
  <si>
    <t>GGES UGGU CHAK</t>
  </si>
  <si>
    <t>chak uggu</t>
  </si>
  <si>
    <t>musarrat jabeen</t>
  </si>
  <si>
    <t>GGES UMAR WALI</t>
  </si>
  <si>
    <t>p/o Umar wali teh. Kallur kot distt. Bhakkar</t>
  </si>
  <si>
    <t>Maibal Dagger</t>
  </si>
  <si>
    <t>Salma Shahid</t>
  </si>
  <si>
    <t>GGES UMARPUR</t>
  </si>
  <si>
    <t>Umarpur</t>
  </si>
  <si>
    <t>vill. umarpur po bhand gran teh kharian distt gujrat</t>
  </si>
  <si>
    <t>Sara Zaitoon</t>
  </si>
  <si>
    <t>GGES UMER PUR NO.2</t>
  </si>
  <si>
    <t>Chaudery Colony</t>
  </si>
  <si>
    <t>G.G.E.S umer pur no 2 chaudery colony j.p.p.w</t>
  </si>
  <si>
    <t>Chaudery colony</t>
  </si>
  <si>
    <t>City Jalal pur Pir Wala</t>
  </si>
  <si>
    <t>Aisha Begum</t>
  </si>
  <si>
    <t>GGES UNRAN</t>
  </si>
  <si>
    <t>IMAM BUX</t>
  </si>
  <si>
    <t>Govt Girls Elementary School Unran Moza Imam Bux</t>
  </si>
  <si>
    <t>UNRAN</t>
  </si>
  <si>
    <t>DUFLI KABIR KHAN</t>
  </si>
  <si>
    <t>Aroosa Shahid</t>
  </si>
  <si>
    <t>GGES UPPER COLONY PIR MAHAL</t>
  </si>
  <si>
    <t>upper colony, pir mahal</t>
  </si>
  <si>
    <t>Pirmahal</t>
  </si>
  <si>
    <t>MC Pirmahal</t>
  </si>
  <si>
    <t>GGES UPPER PAGHWARI</t>
  </si>
  <si>
    <t>Chooryan Phgwarhi Post Office Phagwari</t>
  </si>
  <si>
    <t>Phagwarhi</t>
  </si>
  <si>
    <t>Noureen Abbasi</t>
  </si>
  <si>
    <t>GGES UPPI</t>
  </si>
  <si>
    <t>uppi rawana</t>
  </si>
  <si>
    <t>Chak#19</t>
  </si>
  <si>
    <t>Mukhtar Akhtar</t>
  </si>
  <si>
    <t>GGES USMAN KORIA</t>
  </si>
  <si>
    <t>usman koria</t>
  </si>
  <si>
    <t>gghs duble shift usman koria m garh</t>
  </si>
  <si>
    <t>salbia zenab</t>
  </si>
  <si>
    <t>GGES USMANIA</t>
  </si>
  <si>
    <t>islam nagar</t>
  </si>
  <si>
    <t>GGES USMANIA ISLAM NAGAR RYK</t>
  </si>
  <si>
    <t>mc basti imanat Ali</t>
  </si>
  <si>
    <t>REHANA ZAIB</t>
  </si>
  <si>
    <t>GGES UTMAN ABAD</t>
  </si>
  <si>
    <t>Utmanabad</t>
  </si>
  <si>
    <t>village and p/o utmanabad, tehsil hassan abdal,attock.</t>
  </si>
  <si>
    <t>GGES UTRA</t>
  </si>
  <si>
    <t>Uttraa</t>
  </si>
  <si>
    <t>Robeena shaheen</t>
  </si>
  <si>
    <t>GGES UTTIAN</t>
  </si>
  <si>
    <t>Uttian</t>
  </si>
  <si>
    <t>uttian</t>
  </si>
  <si>
    <t>Jura Skesr Bar</t>
  </si>
  <si>
    <t>Shamaila Allah Bakhash</t>
  </si>
  <si>
    <t>GGES V BLOCK VEHARI</t>
  </si>
  <si>
    <t>TEMOOR SHAHEED COLONY</t>
  </si>
  <si>
    <t>GOVT. GIRLS ELEMENTORY SCHOOL V.BLOCK VEHARI</t>
  </si>
  <si>
    <t>V. BLOCK</t>
  </si>
  <si>
    <t>TEMOOR SHAHEED Colony</t>
  </si>
  <si>
    <t>Razia Nazli</t>
  </si>
  <si>
    <t>GGES VEROWAL</t>
  </si>
  <si>
    <t>gges verowal</t>
  </si>
  <si>
    <t>GGES VIRK</t>
  </si>
  <si>
    <t>Virk</t>
  </si>
  <si>
    <t>village virk post office bhagowal tehsil pasrur district sialkot</t>
  </si>
  <si>
    <t>Chahar Bajwa</t>
  </si>
  <si>
    <t>Ambreen Fatima</t>
  </si>
  <si>
    <t>GGES WACH SINDHALA</t>
  </si>
  <si>
    <t>Basti Wacha Sandila, Tehsil Jalalpur Pirwala, Multan</t>
  </si>
  <si>
    <t>Mehak Naz Qureshi</t>
  </si>
  <si>
    <t>GGES WACHOKE KHURD</t>
  </si>
  <si>
    <t>Wachoke khurd</t>
  </si>
  <si>
    <t>p/o JURIAN village wachoke khurd</t>
  </si>
  <si>
    <t>Kot Hassan Khan</t>
  </si>
  <si>
    <t>Nasira Sultana</t>
  </si>
  <si>
    <t>GGES WADHAN</t>
  </si>
  <si>
    <t>wadhan</t>
  </si>
  <si>
    <t>Hazoorpur</t>
  </si>
  <si>
    <t>Rabia Arshad</t>
  </si>
  <si>
    <t>GGES WADHAWAN</t>
  </si>
  <si>
    <t>Wadhawan</t>
  </si>
  <si>
    <t>wadhawan</t>
  </si>
  <si>
    <t>Shafqat Bibi</t>
  </si>
  <si>
    <t>GGES WADHEY WALI</t>
  </si>
  <si>
    <t>Wadhay Wali</t>
  </si>
  <si>
    <t>e s wadhay wali</t>
  </si>
  <si>
    <t>Ghazala Zia</t>
  </si>
  <si>
    <t>GGES WAH WALA</t>
  </si>
  <si>
    <t>GGES wah wala near chungi no.23 jhang</t>
  </si>
  <si>
    <t>Wah Wala</t>
  </si>
  <si>
    <t>GGES WAHAB KHEL CHAKRALA MIANWALI</t>
  </si>
  <si>
    <t>wahab khel p/ o dhok mhr muhammad</t>
  </si>
  <si>
    <t>Wahab Khel</t>
  </si>
  <si>
    <t>Salma Shaheen</t>
  </si>
  <si>
    <t>GGES WAHI JUMAN SHAH</t>
  </si>
  <si>
    <t>Wahi juman Shah</t>
  </si>
  <si>
    <t>gges wahi JUMAN Shah  r.y.k.</t>
  </si>
  <si>
    <t>Wahi Juman Shah</t>
  </si>
  <si>
    <t>Mau Mubarak</t>
  </si>
  <si>
    <t>Faizan Naseem</t>
  </si>
  <si>
    <t>GGES WAHI SHAH MUHAMMAD</t>
  </si>
  <si>
    <t>SARDAR GARH  - FEMALE</t>
  </si>
  <si>
    <t>basti wahi shah muhammad near coca cola factory  rahim yar khan</t>
  </si>
  <si>
    <t>Kot Kamoo Shah</t>
  </si>
  <si>
    <t>Anwar Fatima</t>
  </si>
  <si>
    <t>GGES WAIAN WALI</t>
  </si>
  <si>
    <t>Waian Wali</t>
  </si>
  <si>
    <t>waianwali tehsil wazirabad distt gujranwala</t>
  </si>
  <si>
    <t>Waianwali</t>
  </si>
  <si>
    <t>Bharo K</t>
  </si>
  <si>
    <t>Sadia Qamar</t>
  </si>
  <si>
    <t>GGES WAINS WALA</t>
  </si>
  <si>
    <t>bosanroad</t>
  </si>
  <si>
    <t>UsmanAbad</t>
  </si>
  <si>
    <t>UzmaNaheed</t>
  </si>
  <si>
    <t>GGES WAIYAN WALI</t>
  </si>
  <si>
    <t>waiyan wali chak 27 RB</t>
  </si>
  <si>
    <t>Waiyan Wali</t>
  </si>
  <si>
    <t>Mandiala 95</t>
  </si>
  <si>
    <t>Amna Shehzadi</t>
  </si>
  <si>
    <t>GGES WAJHLANA(Under NGO)</t>
  </si>
  <si>
    <t>Wajhlana</t>
  </si>
  <si>
    <t>moza wajhana</t>
  </si>
  <si>
    <t>Dhulyaina</t>
  </si>
  <si>
    <t>rahila fardous</t>
  </si>
  <si>
    <t>GGES WALAYAT ABAD</t>
  </si>
  <si>
    <t>Walaytabad</t>
  </si>
  <si>
    <t>VPO walaytabad tehsil kallar syedan distt rawalpindi</t>
  </si>
  <si>
    <t>Tayaba Parveen</t>
  </si>
  <si>
    <t>GGES WALHAR</t>
  </si>
  <si>
    <t>WALHAR-FEMALE</t>
  </si>
  <si>
    <t>Sanjar Pur</t>
  </si>
  <si>
    <t>p/o Walhar Sanjar Pur Tehsil sadiq abad</t>
  </si>
  <si>
    <t>Walhar</t>
  </si>
  <si>
    <t>Bindour Abasiyan</t>
  </si>
  <si>
    <t>Shazia Naseem</t>
  </si>
  <si>
    <t>private filter pump</t>
  </si>
  <si>
    <t>GGES WALIAN WALI</t>
  </si>
  <si>
    <t>Wahlianwali</t>
  </si>
  <si>
    <t>wahlianwali</t>
  </si>
  <si>
    <t>GGES WALLAH</t>
  </si>
  <si>
    <t>GGES Wallah Tehsil Lalian District Chiniot</t>
  </si>
  <si>
    <t>Qudratabad Wallah</t>
  </si>
  <si>
    <t>Iram Ismail</t>
  </si>
  <si>
    <t>GGES WALLAYKAY</t>
  </si>
  <si>
    <t>Walleke</t>
  </si>
  <si>
    <t>narowal</t>
  </si>
  <si>
    <t>Tehmina Afzal</t>
  </si>
  <si>
    <t>GGES WAN ADHAN</t>
  </si>
  <si>
    <t>G G E/ S Wan Adhan</t>
  </si>
  <si>
    <t>Syeda Azmat Bano</t>
  </si>
  <si>
    <t>GGES WAN PITAFI</t>
  </si>
  <si>
    <t>G.G.E/s wan pitafi teh&amp;dist. M.Garh</t>
  </si>
  <si>
    <t>GGES WANDALA DIAL SHAH</t>
  </si>
  <si>
    <t>wandala dial shah</t>
  </si>
  <si>
    <t>Robina Akhter</t>
  </si>
  <si>
    <t>GGES WANJO WALI</t>
  </si>
  <si>
    <t>Perankotla</t>
  </si>
  <si>
    <t>GGES Winjowali tehsil wazirabad district gujranwala</t>
  </si>
  <si>
    <t>Toqair Fatima</t>
  </si>
  <si>
    <t>GGES WARA ALAM SHAH</t>
  </si>
  <si>
    <t>Wara ALAM SHAH</t>
  </si>
  <si>
    <t>vpo wara alam shah</t>
  </si>
  <si>
    <t>GGES WARA IMAMDIN SHARQI</t>
  </si>
  <si>
    <t>Wara Imam Din</t>
  </si>
  <si>
    <t>Wara Imam Din Sharqi</t>
  </si>
  <si>
    <t>Manawala Karpal   Mananwala Karpal Singh</t>
  </si>
  <si>
    <t>GGES WARACHANWALA</t>
  </si>
  <si>
    <t>Warraichanwala</t>
  </si>
  <si>
    <t>warraichanwala</t>
  </si>
  <si>
    <t>Fakhar un Nisa</t>
  </si>
  <si>
    <t>GGES WARAY</t>
  </si>
  <si>
    <t>Waray</t>
  </si>
  <si>
    <t>vpo munday village waray tehsil District chakwal</t>
  </si>
  <si>
    <t>Warray</t>
  </si>
  <si>
    <t>GGES WARBURTON CITY</t>
  </si>
  <si>
    <t>ggesw warburton city Near police Station warburton</t>
  </si>
  <si>
    <t>warburton</t>
  </si>
  <si>
    <t>Uzma Siddique</t>
  </si>
  <si>
    <t>GGES WARCHHA CITY</t>
  </si>
  <si>
    <t>Warcha</t>
  </si>
  <si>
    <t>warcha</t>
  </si>
  <si>
    <t>Kahkashan Saleem</t>
  </si>
  <si>
    <t>GGES WARD NO. 10 FORT ABBAS</t>
  </si>
  <si>
    <t>ward#10 fts</t>
  </si>
  <si>
    <t>Qudsia Majeed</t>
  </si>
  <si>
    <t>GGES WARD NO. 8 MAILSI</t>
  </si>
  <si>
    <t>ggesward8mailsi</t>
  </si>
  <si>
    <t>kousar perveen</t>
  </si>
  <si>
    <t>GGES WARD NO.12</t>
  </si>
  <si>
    <t>G.G. E/S Ward no.12</t>
  </si>
  <si>
    <t>Riaz Colony</t>
  </si>
  <si>
    <t>GGES WARD NO.8 HASILPUR</t>
  </si>
  <si>
    <t>ward no 8</t>
  </si>
  <si>
    <t>GGES ward no 8</t>
  </si>
  <si>
    <t>city hasilpur</t>
  </si>
  <si>
    <t>GGES WARIS WALA MULTAN SADDAR</t>
  </si>
  <si>
    <t>Mullah Faqeer</t>
  </si>
  <si>
    <t>Govt.Girls elementary  school Waris wala mullah faqeer.Multan saddar.</t>
  </si>
  <si>
    <t>Mullan Faqeer</t>
  </si>
  <si>
    <t>Jhok Lashkarbpur</t>
  </si>
  <si>
    <t>Misbah Gul</t>
  </si>
  <si>
    <t>GGES WARN</t>
  </si>
  <si>
    <t>village warn</t>
  </si>
  <si>
    <t>Warn 72</t>
  </si>
  <si>
    <t>Nighat Firdous</t>
  </si>
  <si>
    <t>GGES WARRIACH</t>
  </si>
  <si>
    <t>Warraich</t>
  </si>
  <si>
    <t>Raza block allama Iqbal town lhr</t>
  </si>
  <si>
    <t>Theh Punju</t>
  </si>
  <si>
    <t>Kausar Naheed</t>
  </si>
  <si>
    <t>GGES WARYIAT</t>
  </si>
  <si>
    <t>Waryiat</t>
  </si>
  <si>
    <t>waryiat</t>
  </si>
  <si>
    <t>Musarrat Fatima</t>
  </si>
  <si>
    <t>GGES WATER SUPPLY SARGODHA</t>
  </si>
  <si>
    <t>Maqam e Hayat</t>
  </si>
  <si>
    <t>Girls elementary school  water supply,bakhshi colony ,sargodha</t>
  </si>
  <si>
    <t>Bakhshi Colony</t>
  </si>
  <si>
    <t>Maqami Hayat</t>
  </si>
  <si>
    <t>Sadia Tabassum</t>
  </si>
  <si>
    <t>GGES WATLI</t>
  </si>
  <si>
    <t>Watli</t>
  </si>
  <si>
    <t>watli</t>
  </si>
  <si>
    <t>Sofia Siddique</t>
  </si>
  <si>
    <t>GGES WATTA KHEL</t>
  </si>
  <si>
    <t>govt girls elementary school watta khel district and tehsil mianwali</t>
  </si>
  <si>
    <t>rasheeda perveen</t>
  </si>
  <si>
    <t>GGES WAULAH</t>
  </si>
  <si>
    <t>P/o waulah choha saidan shah</t>
  </si>
  <si>
    <t>Mamooma Ashraf</t>
  </si>
  <si>
    <t>GGES WAZIDI</t>
  </si>
  <si>
    <t>WAZIDI - FEMALE</t>
  </si>
  <si>
    <t>WAZIDI</t>
  </si>
  <si>
    <t>CHAK MUBARAK</t>
  </si>
  <si>
    <t>Mehvish Rehman</t>
  </si>
  <si>
    <t>GGES WAZIR MODEL SANDA ROAD LHR</t>
  </si>
  <si>
    <t>49 sanda road lhore</t>
  </si>
  <si>
    <t>Muhammad Ali Road</t>
  </si>
  <si>
    <t>Ummul Baneen</t>
  </si>
  <si>
    <t>GGES WAZIR PUR</t>
  </si>
  <si>
    <t>Village Wazirpur Tehsil and District Narowal</t>
  </si>
  <si>
    <t>Sobia Salleh</t>
  </si>
  <si>
    <t>GGES WAZIRA WIRKAN</t>
  </si>
  <si>
    <t>Wazira VIRKAN</t>
  </si>
  <si>
    <t>Wazira virkan Sheikhupura</t>
  </si>
  <si>
    <t>Wazira Virkan</t>
  </si>
  <si>
    <t>Shakila Noor</t>
  </si>
  <si>
    <t>GGES WIG</t>
  </si>
  <si>
    <t>KARLOO WALA-FEMALE</t>
  </si>
  <si>
    <t>GGE/S WIG TEH.MANKERA DISS.BHAKKAR</t>
  </si>
  <si>
    <t>Wig Sadar</t>
  </si>
  <si>
    <t>Aasia Noreen</t>
  </si>
  <si>
    <t>GGES WISNAL</t>
  </si>
  <si>
    <t>WASNAL</t>
  </si>
  <si>
    <t>vpo WASNAL TEH KALLAR KAHAR DISTT CHAKWAL</t>
  </si>
  <si>
    <t>MUNARA</t>
  </si>
  <si>
    <t>Attiya Aslam Malik</t>
  </si>
  <si>
    <t>GGES YARA DAHA</t>
  </si>
  <si>
    <t>Gehny wala</t>
  </si>
  <si>
    <t>Near chowk godar</t>
  </si>
  <si>
    <t>Yara Daha</t>
  </si>
  <si>
    <t>GGES YAZMAN</t>
  </si>
  <si>
    <t>Yazman</t>
  </si>
  <si>
    <t>GGES yazman</t>
  </si>
  <si>
    <t>GGES YOUNGSON ABAD</t>
  </si>
  <si>
    <t>Youngsonabad</t>
  </si>
  <si>
    <t>Govt girls E/S youngsonabad</t>
  </si>
  <si>
    <t>Martin Pur</t>
  </si>
  <si>
    <t>GGES YOUSAF SHAH</t>
  </si>
  <si>
    <t>BEHAL - FEMALE</t>
  </si>
  <si>
    <t>GGES yousaf shah bhakkar</t>
  </si>
  <si>
    <t>Basti Amir Khan</t>
  </si>
  <si>
    <t>ROOH AFZA</t>
  </si>
  <si>
    <t>GGES YOUSUF WALA</t>
  </si>
  <si>
    <t>EHSAN Pur</t>
  </si>
  <si>
    <t>razi wala ehsan pur</t>
  </si>
  <si>
    <t>Razi Wala</t>
  </si>
  <si>
    <t>EHSAN PUR</t>
  </si>
  <si>
    <t>Muhammad Asif Shehzad</t>
  </si>
  <si>
    <t>GGES Z.M.OXFORD</t>
  </si>
  <si>
    <t>gandam Mandi sialkot</t>
  </si>
  <si>
    <t>Samia Akhtar</t>
  </si>
  <si>
    <t>GGES ZADEY KHELAN WALA</t>
  </si>
  <si>
    <t>MIANWALI RURAL NO.2-FEMALE</t>
  </si>
  <si>
    <t>chah hussien wala</t>
  </si>
  <si>
    <t>zadey khelan wala</t>
  </si>
  <si>
    <t>Pakka yarru khel</t>
  </si>
  <si>
    <t>Syeda Nuzhat Jaffri</t>
  </si>
  <si>
    <t>GGES ZAFAR ABAD</t>
  </si>
  <si>
    <t>ggeszafarabad</t>
  </si>
  <si>
    <t>Najma Siddiqui</t>
  </si>
  <si>
    <t>GGES ZAFAR COLONY SARGODHA</t>
  </si>
  <si>
    <t>Zafar colony</t>
  </si>
  <si>
    <t>gges Zafar colony block#c sgd</t>
  </si>
  <si>
    <t>Rehman Pura</t>
  </si>
  <si>
    <t>Shagufta Shafaq</t>
  </si>
  <si>
    <t>GGES ZAFARWAL</t>
  </si>
  <si>
    <t>EID GAH</t>
  </si>
  <si>
    <t>Musarat Yasmeen</t>
  </si>
  <si>
    <t>GGES ZAMMY WALA</t>
  </si>
  <si>
    <t>G.G.E/school Zamaywala</t>
  </si>
  <si>
    <t>Zamaywala</t>
  </si>
  <si>
    <t>Ghulama-2</t>
  </si>
  <si>
    <t>GGES ZASHAN ABAD</t>
  </si>
  <si>
    <t>Wahi Mochyan</t>
  </si>
  <si>
    <t>gges zashan abad</t>
  </si>
  <si>
    <t>Basti Joya</t>
  </si>
  <si>
    <t>Mahwish Mumtaz</t>
  </si>
  <si>
    <t>GGES ZIA COLONY TTS</t>
  </si>
  <si>
    <t>Govt girls elementry school zia colony t t singh</t>
  </si>
  <si>
    <t>Urban W-54</t>
  </si>
  <si>
    <t>GGES ZULFIQAR ABAD</t>
  </si>
  <si>
    <t>jam rid thal</t>
  </si>
  <si>
    <t>near police station</t>
  </si>
  <si>
    <t>kot sultan</t>
  </si>
  <si>
    <t>kot sultan urban</t>
  </si>
  <si>
    <t>BANO QUDSIA</t>
  </si>
  <si>
    <t>GGHES CHAK 157 GB</t>
  </si>
  <si>
    <t>157 Gb</t>
  </si>
  <si>
    <t>157 gb</t>
  </si>
  <si>
    <t>158 Gb</t>
  </si>
  <si>
    <t>Samia Rehana</t>
  </si>
  <si>
    <t>GGHS  2/1-L</t>
  </si>
  <si>
    <t>2/1.l</t>
  </si>
  <si>
    <t>GGHS 2/1.l RENALA KHURD</t>
  </si>
  <si>
    <t>2/1l</t>
  </si>
  <si>
    <t>6/1l</t>
  </si>
  <si>
    <t>Alia Hanif</t>
  </si>
  <si>
    <t>GGHS  PIR KOT SADHANA</t>
  </si>
  <si>
    <t>Pir Kot Sadhana</t>
  </si>
  <si>
    <t>Pir kot Sadhana</t>
  </si>
  <si>
    <t>Amina Mehmood</t>
  </si>
  <si>
    <t>GGHS  R.A. BAZAR</t>
  </si>
  <si>
    <t>R.A bazar lahore cantt</t>
  </si>
  <si>
    <t>KALSOOM AKHTER</t>
  </si>
  <si>
    <t>GGHS  SHEIKH COLONY, FAISALABAD</t>
  </si>
  <si>
    <t>GGHS 279/RB ABC ROAD FAISALABAD</t>
  </si>
  <si>
    <t>sheikh colony</t>
  </si>
  <si>
    <t>SHEIKH COLONY</t>
  </si>
  <si>
    <t>MUBBARRA MUBARIK</t>
  </si>
  <si>
    <t>GGHS (MC) CHOI WEST ATTOCK CITY</t>
  </si>
  <si>
    <t>chhoi west attock</t>
  </si>
  <si>
    <t>GGHS 1/ 10-L</t>
  </si>
  <si>
    <t>1/10 - L</t>
  </si>
  <si>
    <t>Govt  girl high school 1/10 - L  sahiwal</t>
  </si>
  <si>
    <t>GGHS 100/ WM SAHIWAL</t>
  </si>
  <si>
    <t>100WM</t>
  </si>
  <si>
    <t>GGHS100WM SWL</t>
  </si>
  <si>
    <t>CHAK NO 100WM SWL</t>
  </si>
  <si>
    <t>1-10L</t>
  </si>
  <si>
    <t>SHAHINA SHADDIQUE</t>
  </si>
  <si>
    <t>GGHS 100/9-L</t>
  </si>
  <si>
    <t>chk no 100/9L swl</t>
  </si>
  <si>
    <t>100/9L</t>
  </si>
  <si>
    <t>91/9L Achlana</t>
  </si>
  <si>
    <t>Rukhsanafaisal</t>
  </si>
  <si>
    <t>GGHS 100-A/6-R</t>
  </si>
  <si>
    <t>100-A/6-R sahiwal</t>
  </si>
  <si>
    <t>99-6/R</t>
  </si>
  <si>
    <t>Afeerah Muzamil</t>
  </si>
  <si>
    <t>GGHS 102 EB</t>
  </si>
  <si>
    <t>chak no 102/EB</t>
  </si>
  <si>
    <t>102 EB</t>
  </si>
  <si>
    <t>124EB</t>
  </si>
  <si>
    <t>Ammara Shafqat</t>
  </si>
  <si>
    <t>GGHS 102/10-R, JAHANIAN</t>
  </si>
  <si>
    <t>chak #102/10.R,Teh Jahanian,Dist Khanewal</t>
  </si>
  <si>
    <t>chak #102/10-R</t>
  </si>
  <si>
    <t>chak #100/10-R</t>
  </si>
  <si>
    <t>Uzma Habib</t>
  </si>
  <si>
    <t>GGHS 102/12-L</t>
  </si>
  <si>
    <t>102/12-L</t>
  </si>
  <si>
    <t>chak # 102/12-L</t>
  </si>
  <si>
    <t>Hafiza Sayyeda Farah Batool</t>
  </si>
  <si>
    <t>GGHS 102/15-L, MIAN CHANNU</t>
  </si>
  <si>
    <t>Govt.Girls High School Chak No. 102/15-L</t>
  </si>
  <si>
    <t>Chak No. 102/15-L</t>
  </si>
  <si>
    <t>GHULAM RUQIA</t>
  </si>
  <si>
    <t>GGHS 103/10-R, JAHANIAN</t>
  </si>
  <si>
    <t>106/10r</t>
  </si>
  <si>
    <t>Chak No 103/10-R jahanian</t>
  </si>
  <si>
    <t>Chak No 103/10-R</t>
  </si>
  <si>
    <t>Chak No 160/10-R</t>
  </si>
  <si>
    <t>Ambrin Akhtar</t>
  </si>
  <si>
    <t>GGHS 103/12-L</t>
  </si>
  <si>
    <t>103/12-L</t>
  </si>
  <si>
    <t>chak no. 103/12-L chichawatni</t>
  </si>
  <si>
    <t>Kousar Naheed</t>
  </si>
  <si>
    <t>GGHS 105/10-R, JAHANIAN</t>
  </si>
  <si>
    <t>gghs 105/10-R Jahanian</t>
  </si>
  <si>
    <t>105/10-R</t>
  </si>
  <si>
    <t>chak No.106/10-r Jahanian</t>
  </si>
  <si>
    <t>MIDHAT JAVED</t>
  </si>
  <si>
    <t>GGHS 108 GB</t>
  </si>
  <si>
    <t>108 GB</t>
  </si>
  <si>
    <t>Chak No 108 GB</t>
  </si>
  <si>
    <t>GGHS 108/15-L, MIAN CHANNU</t>
  </si>
  <si>
    <t>108/15L</t>
  </si>
  <si>
    <t>gghs 108/15.l</t>
  </si>
  <si>
    <t>108/5L</t>
  </si>
  <si>
    <t>GGHS 109 EB</t>
  </si>
  <si>
    <t>Chak No 109/EB Tehsil Arifwala District Pakpattan</t>
  </si>
  <si>
    <t>GGHS 109/ 12-L</t>
  </si>
  <si>
    <t>chak no 109/12-l cci</t>
  </si>
  <si>
    <t>109/12-l</t>
  </si>
  <si>
    <t>GGHS 110/10-R JAHANIAN</t>
  </si>
  <si>
    <t>Chak No 110/10r</t>
  </si>
  <si>
    <t>GGHS 110/10-R Jahanian</t>
  </si>
  <si>
    <t>Nimra Fatima</t>
  </si>
  <si>
    <t>GGHS 110/7-R</t>
  </si>
  <si>
    <t>110/7r</t>
  </si>
  <si>
    <t>chak no 110.7r tehsil chichawatni district sahiwal</t>
  </si>
  <si>
    <t>Chak No 110/7r</t>
  </si>
  <si>
    <t>Distgirabad 110/7r</t>
  </si>
  <si>
    <t>Saima kalsoom</t>
  </si>
  <si>
    <t>GGHS 111/12-L</t>
  </si>
  <si>
    <t>chak no 111/12-l</t>
  </si>
  <si>
    <t>chak no 111/12-l chichawatni</t>
  </si>
  <si>
    <t>chak no 110/12-l</t>
  </si>
  <si>
    <t>Salaha Alam</t>
  </si>
  <si>
    <t>GGHS 115/12-L</t>
  </si>
  <si>
    <t>Chak No 115/12-L</t>
  </si>
  <si>
    <t>Chak No.115/12-L, Teh. Cci, Disst. Sahiwal</t>
  </si>
  <si>
    <t>Chak No118/12-L</t>
  </si>
  <si>
    <t>Shaista Hayat</t>
  </si>
  <si>
    <t>GGHS 115/15-L, MIAN CHANNU</t>
  </si>
  <si>
    <t>115/15-L</t>
  </si>
  <si>
    <t>Chak 115/15l</t>
  </si>
  <si>
    <t>115/15</t>
  </si>
  <si>
    <t>115/15l</t>
  </si>
  <si>
    <t>SUMAIRA FAYYAZ</t>
  </si>
  <si>
    <t>GGHS 116/12-L</t>
  </si>
  <si>
    <t>chak # 116/12L</t>
  </si>
  <si>
    <t>116/12L</t>
  </si>
  <si>
    <t>Aysha Farheen</t>
  </si>
  <si>
    <t>GGHS 116/15-L, MIAN CHANNU</t>
  </si>
  <si>
    <t>116/15l</t>
  </si>
  <si>
    <t>116/15lmianchannu</t>
  </si>
  <si>
    <t>110/15l</t>
  </si>
  <si>
    <t>MUZZMEL KAUSAR</t>
  </si>
  <si>
    <t>GGHS 118/10-R, JAHANIAN</t>
  </si>
  <si>
    <t>118/10-R Jahania</t>
  </si>
  <si>
    <t>GGHS 118/10.R, Tehsil Jahania,District Khanewal</t>
  </si>
  <si>
    <t>118/10-R</t>
  </si>
  <si>
    <t>117/10-R</t>
  </si>
  <si>
    <t>GGHS 119 EB</t>
  </si>
  <si>
    <t>119/EB</t>
  </si>
  <si>
    <t>chak no. 119/EB Arifwala Dist. Pakpattan</t>
  </si>
  <si>
    <t>119eb</t>
  </si>
  <si>
    <t>Moen Kot</t>
  </si>
  <si>
    <t>Nabeela Maskin</t>
  </si>
  <si>
    <t>GGHS 119/15-L, MIAN CHANNU</t>
  </si>
  <si>
    <t>chak No.119/15.l</t>
  </si>
  <si>
    <t>chak no.119/15.l mian channu khanewal</t>
  </si>
  <si>
    <t>chak no.119/15.l ugguana</t>
  </si>
  <si>
    <t>chak no.123/15.l</t>
  </si>
  <si>
    <t>sAIRA BANO</t>
  </si>
  <si>
    <t>GGHS 119/7DR</t>
  </si>
  <si>
    <t>chak #119/7-dr</t>
  </si>
  <si>
    <t>Chak #119/7-dr</t>
  </si>
  <si>
    <t>AZKA JAVED</t>
  </si>
  <si>
    <t>GGHS 12/1-AL</t>
  </si>
  <si>
    <t>12/1AL</t>
  </si>
  <si>
    <t>gghs/12/1AL tehsil renala khurd district okara</t>
  </si>
  <si>
    <t>Samina Iftikhar</t>
  </si>
  <si>
    <t>GGHS 12/AH, KHANEWAL</t>
  </si>
  <si>
    <t>12ah</t>
  </si>
  <si>
    <t>chak 12ahKhanewal</t>
  </si>
  <si>
    <t>Chak  nmbr12ah</t>
  </si>
  <si>
    <t>Nusrat Kalsoom</t>
  </si>
  <si>
    <t>GGHS 120/EB</t>
  </si>
  <si>
    <t>120EB</t>
  </si>
  <si>
    <t>CHAK NO 120/EB BUREWALA</t>
  </si>
  <si>
    <t>CHAK NO 128/EB</t>
  </si>
  <si>
    <t>Shafqat Parveen</t>
  </si>
  <si>
    <t>GGHS 121 JB GHOKOWAL</t>
  </si>
  <si>
    <t>Chak 121JB</t>
  </si>
  <si>
    <t>121 JB Gokhowal</t>
  </si>
  <si>
    <t>121JB</t>
  </si>
  <si>
    <t>Gokhowal</t>
  </si>
  <si>
    <t>Samina Jamil</t>
  </si>
  <si>
    <t>GGHS 121/1-L</t>
  </si>
  <si>
    <t>chak 121/1L KPR</t>
  </si>
  <si>
    <t>chak 121/1L</t>
  </si>
  <si>
    <t>Aisha Siddiqa</t>
  </si>
  <si>
    <t>GGHS 122/JB NOOR PUR FAISALABAD</t>
  </si>
  <si>
    <t>122 jb noor pur fsd</t>
  </si>
  <si>
    <t>sadaf gulzar</t>
  </si>
  <si>
    <t>GGHS 124/7-ER TULAMBA</t>
  </si>
  <si>
    <t>Chak124/7er</t>
  </si>
  <si>
    <t>chak no.124/7er mian channu</t>
  </si>
  <si>
    <t>Chak123/7er</t>
  </si>
  <si>
    <t>Basti Dulwan</t>
  </si>
  <si>
    <t>anbreen kiran</t>
  </si>
  <si>
    <t>GGHS 125/15-L, MIAN CHANNU</t>
  </si>
  <si>
    <t>CHAK NO 125-15-L MIAN CHANNU</t>
  </si>
  <si>
    <t>GOVT GIRLS HIGH SCHOOL 125-15-L</t>
  </si>
  <si>
    <t>CHAK NO 125-15-L JHANDAY WALI</t>
  </si>
  <si>
    <t>125-15-L</t>
  </si>
  <si>
    <t>ALIA NAIMAT</t>
  </si>
  <si>
    <t>GGhS 127/15-L GILLIAN WALA, MIAN CHANNU</t>
  </si>
  <si>
    <t>127/15-l gILLAN WALA</t>
  </si>
  <si>
    <t>127/15-L GILLAN WALA</t>
  </si>
  <si>
    <t>127 B/15-L</t>
  </si>
  <si>
    <t>Khawila Rasheed</t>
  </si>
  <si>
    <t>GGHS 128/15-L MIAN CHANNU</t>
  </si>
  <si>
    <t>128/15-L</t>
  </si>
  <si>
    <t>GGHS128/15-L Mian Channu, Khanewal</t>
  </si>
  <si>
    <t>129/15-L</t>
  </si>
  <si>
    <t>Noor Ul Saba</t>
  </si>
  <si>
    <t>GGHS 128/EB</t>
  </si>
  <si>
    <t>chak#128 Eb burewala</t>
  </si>
  <si>
    <t>Chak#128</t>
  </si>
  <si>
    <t>Shama Naheed</t>
  </si>
  <si>
    <t>GGHS 129/15-L, MIAN CHANNU</t>
  </si>
  <si>
    <t>CHAK NO. 129/15-LMIAN CHANNU</t>
  </si>
  <si>
    <t>Ume Rubab</t>
  </si>
  <si>
    <t>GGHS 130 RB</t>
  </si>
  <si>
    <t>RATIAN</t>
  </si>
  <si>
    <t>GGHS 130 R.B Rattian.  CHAK. JHUMRA.  FSD</t>
  </si>
  <si>
    <t>130 rb Rattian</t>
  </si>
  <si>
    <t>44  JB Paka Dalla</t>
  </si>
  <si>
    <t>Nargis Shehla</t>
  </si>
  <si>
    <t>GGHS 130/10-R, JAHANIAN</t>
  </si>
  <si>
    <t>islam gar</t>
  </si>
  <si>
    <t>Chak No 130/10 R Jahanian</t>
  </si>
  <si>
    <t>chak no 130/10 r jahanian</t>
  </si>
  <si>
    <t>chak no 132/10 r (old)</t>
  </si>
  <si>
    <t>SAMINA KHANAM</t>
  </si>
  <si>
    <t>GGHS 132/16-L, MIAN CHANNU</t>
  </si>
  <si>
    <t>132/16/l</t>
  </si>
  <si>
    <t>132/16l</t>
  </si>
  <si>
    <t>131/15/l</t>
  </si>
  <si>
    <t>Farah Afza</t>
  </si>
  <si>
    <t>GGHS 133/16-L, MIAN CHANNU</t>
  </si>
  <si>
    <t>Chak No 133/16-L Mian Channu District Khanewal</t>
  </si>
  <si>
    <t>Chak No 133/16-L</t>
  </si>
  <si>
    <t>Chak no 133/16-L</t>
  </si>
  <si>
    <t>Naveed Akhtar</t>
  </si>
  <si>
    <t>GGHS 135/16-L, STUNZABAD, MIAN CHANNU</t>
  </si>
  <si>
    <t>chak 135/16-L,  MIAN channu</t>
  </si>
  <si>
    <t>135/16-L</t>
  </si>
  <si>
    <t>Chak 137/16-L</t>
  </si>
  <si>
    <t>SHAHEEN FIRDOUS</t>
  </si>
  <si>
    <t>GGHS 135/9-L</t>
  </si>
  <si>
    <t>GGHS 135/9L Chak  No. 135/9L Arif Road Sahiwal</t>
  </si>
  <si>
    <t>135/9L Sahiwal</t>
  </si>
  <si>
    <t>134/9L</t>
  </si>
  <si>
    <t>Durakhshanda Zaeem</t>
  </si>
  <si>
    <t>GGHS 138 WB</t>
  </si>
  <si>
    <t>138wb</t>
  </si>
  <si>
    <t>gghs138wb</t>
  </si>
  <si>
    <t>Basti Sehr</t>
  </si>
  <si>
    <t>Asia Noureen</t>
  </si>
  <si>
    <t>GGHS 138/ 9-L</t>
  </si>
  <si>
    <t>138/9L</t>
  </si>
  <si>
    <t>138/9-L zafarabad</t>
  </si>
  <si>
    <t>138/9-L Zafarabad</t>
  </si>
  <si>
    <t>138/9-L Old</t>
  </si>
  <si>
    <t>Riffat Latif</t>
  </si>
  <si>
    <t>GGHS 138/10-R, JAHANIAN</t>
  </si>
  <si>
    <t>chak No:138/10.R Jahania</t>
  </si>
  <si>
    <t>chak No138/10.R</t>
  </si>
  <si>
    <t>Chak No139/10.r</t>
  </si>
  <si>
    <t>Salma Liaqat</t>
  </si>
  <si>
    <t>GGhS 14/8-AR, TULAMBA</t>
  </si>
  <si>
    <t>14/8-AR</t>
  </si>
  <si>
    <t>Chak No.14/8-AR Mian Channu</t>
  </si>
  <si>
    <t>Hunaina Jabeen Akram</t>
  </si>
  <si>
    <t>GGHS 142 EB BUREWALA</t>
  </si>
  <si>
    <t>142eb</t>
  </si>
  <si>
    <t>chak no. 142eb burewala</t>
  </si>
  <si>
    <t>142eb Burewala</t>
  </si>
  <si>
    <t>148eb Burewala</t>
  </si>
  <si>
    <t>Nabeela Naz</t>
  </si>
  <si>
    <t>GGHS 142/9-L</t>
  </si>
  <si>
    <t>142/9l</t>
  </si>
  <si>
    <t>chak no 142/9l</t>
  </si>
  <si>
    <t>Chak No 142/9l</t>
  </si>
  <si>
    <t>185/9l</t>
  </si>
  <si>
    <t>NAZIA  BALQEES</t>
  </si>
  <si>
    <t>GGHS 145/ 9-L SWL</t>
  </si>
  <si>
    <t>Dera Raheem</t>
  </si>
  <si>
    <t>Chak No. 145/9-L, Sahiwal.</t>
  </si>
  <si>
    <t>145/9-L</t>
  </si>
  <si>
    <t>141/9-L</t>
  </si>
  <si>
    <t>Khudeja Tul Kubra</t>
  </si>
  <si>
    <t>GGHS 147 EB</t>
  </si>
  <si>
    <t>147 EB</t>
  </si>
  <si>
    <t>chak 147 EB,Arifwala</t>
  </si>
  <si>
    <t>Nighat Rafique</t>
  </si>
  <si>
    <t>GGHS 148/P</t>
  </si>
  <si>
    <t>dakkhana khas chak 148p SDK</t>
  </si>
  <si>
    <t>148 P</t>
  </si>
  <si>
    <t>Chak 148 P</t>
  </si>
  <si>
    <t>Unsa Raana</t>
  </si>
  <si>
    <t>GGHS 148/TDA KOUSAR ABAD</t>
  </si>
  <si>
    <t>Chak No 148/TDA  Layyah</t>
  </si>
  <si>
    <t>GGHS 148/TDA Kousar Abad Layyah</t>
  </si>
  <si>
    <t>Asfa Kanwal</t>
  </si>
  <si>
    <t>GGHS 15 WB</t>
  </si>
  <si>
    <t>15/WB</t>
  </si>
  <si>
    <t>GOVT GIRLS HIGH SCHOOL 15/WB</t>
  </si>
  <si>
    <t>CHACK 15/WB</t>
  </si>
  <si>
    <t>KALSOOM aKHTAR</t>
  </si>
  <si>
    <t>GGHS 15/11-L</t>
  </si>
  <si>
    <t>Chack no 15 11L</t>
  </si>
  <si>
    <t>chack no 15 11L</t>
  </si>
  <si>
    <t>Chack No 15 11L</t>
  </si>
  <si>
    <t>Chack No 44 12L</t>
  </si>
  <si>
    <t>Sajida  Perveen</t>
  </si>
  <si>
    <t>GGHS 150/9-L</t>
  </si>
  <si>
    <t>Chak No 150/9L Tehsil &amp; District Sahiwal</t>
  </si>
  <si>
    <t>Chak 150/9L</t>
  </si>
  <si>
    <t>Farzana kousar</t>
  </si>
  <si>
    <t>GGHS 153 EB POST OFFICE CHAK NO 153 EB</t>
  </si>
  <si>
    <t>chak no.153eb</t>
  </si>
  <si>
    <t>153eb</t>
  </si>
  <si>
    <t>151eb</t>
  </si>
  <si>
    <t>AMNA SHAHZAD</t>
  </si>
  <si>
    <t>GGHS 155 EB</t>
  </si>
  <si>
    <t>M NAGAR</t>
  </si>
  <si>
    <t>CHAK NO. 155/EB ARIFWALA DISTRICT PAKPATTAN</t>
  </si>
  <si>
    <t>CHAK NO 155EB ARIFWALA</t>
  </si>
  <si>
    <t>CHAK NO. 147/EB</t>
  </si>
  <si>
    <t>Abida Aleem Ul Hassan</t>
  </si>
  <si>
    <t>GGHS 16/14-L</t>
  </si>
  <si>
    <t>GGHS16/14.L</t>
  </si>
  <si>
    <t>Huma Rukh</t>
  </si>
  <si>
    <t>GGHS 16/1-L</t>
  </si>
  <si>
    <t>16/1L</t>
  </si>
  <si>
    <t>SHAHIDA SAEED</t>
  </si>
  <si>
    <t>GGHS 160/P</t>
  </si>
  <si>
    <t>chak160p</t>
  </si>
  <si>
    <t>Ayisha Latif</t>
  </si>
  <si>
    <t>GGHS 163 WB</t>
  </si>
  <si>
    <t>chak.no.163/w.bq</t>
  </si>
  <si>
    <t>Zohra Perveen</t>
  </si>
  <si>
    <t>GGHS 165 EB P/O 163 EB</t>
  </si>
  <si>
    <t>165/E.B</t>
  </si>
  <si>
    <t>GOVT GIRLS HIGH SCHOOL 165/E.B ARIFWALA</t>
  </si>
  <si>
    <t>163/E.B MUHAMMAD NAGAR</t>
  </si>
  <si>
    <t>NARGIS GUL</t>
  </si>
  <si>
    <t>GGHS 168/10-R, KHANEWAL</t>
  </si>
  <si>
    <t>GGHS 168/10 R KWL</t>
  </si>
  <si>
    <t>Rafia Bano Qadri</t>
  </si>
  <si>
    <t>GGHS 168/9-L</t>
  </si>
  <si>
    <t>Chak 168/9L</t>
  </si>
  <si>
    <t>chak no 168/9.l</t>
  </si>
  <si>
    <t>168/9L</t>
  </si>
  <si>
    <t>168 9L</t>
  </si>
  <si>
    <t>Sabina Bashir</t>
  </si>
  <si>
    <t>GGHS 17/AH, KHANEWAL</t>
  </si>
  <si>
    <t>17 Chak</t>
  </si>
  <si>
    <t>gGHS17ah.Khanewal</t>
  </si>
  <si>
    <t>16 V</t>
  </si>
  <si>
    <t>Samina Akram</t>
  </si>
  <si>
    <t>GGHS 17/SP PAKPATTAN</t>
  </si>
  <si>
    <t>17/sp</t>
  </si>
  <si>
    <t>17/sp,pakpattan</t>
  </si>
  <si>
    <t>ayesha razaq</t>
  </si>
  <si>
    <t>GGHS 170/10-R, KHANEWAL</t>
  </si>
  <si>
    <t>GGHS 170/10.R. P/O 171/10.R. Teh.Khanewal   District Khanewal.</t>
  </si>
  <si>
    <t>GGHS 171/9-L</t>
  </si>
  <si>
    <t>171/9l</t>
  </si>
  <si>
    <t>chak no171/9.l</t>
  </si>
  <si>
    <t>30/11l</t>
  </si>
  <si>
    <t>Rubina Hakim</t>
  </si>
  <si>
    <t>GGHS 174-A/9-L</t>
  </si>
  <si>
    <t>174/9-L Chichawtni</t>
  </si>
  <si>
    <t>chak # 174/9-L Fojiya'n wala..Teh.chichawatni..Dist: Sahiwal</t>
  </si>
  <si>
    <t>174/9-L Chichawatni</t>
  </si>
  <si>
    <t>Chak #162/9-L</t>
  </si>
  <si>
    <t>GGHS 177 EB</t>
  </si>
  <si>
    <t>chak no. 177   /eb</t>
  </si>
  <si>
    <t>177/EB</t>
  </si>
  <si>
    <t>Gaggoo East</t>
  </si>
  <si>
    <t>farhana munir</t>
  </si>
  <si>
    <t>GGHS 178/9-L</t>
  </si>
  <si>
    <t>gghs 178/9l</t>
  </si>
  <si>
    <t>178/9L</t>
  </si>
  <si>
    <t>Zarqa Zakaullah</t>
  </si>
  <si>
    <t>GGHS 18/11-L</t>
  </si>
  <si>
    <t>Chak 18/11-L</t>
  </si>
  <si>
    <t>18 /11-L</t>
  </si>
  <si>
    <t>Farhana kaousar</t>
  </si>
  <si>
    <t>GGHS 185/9-L</t>
  </si>
  <si>
    <t>Harappa</t>
  </si>
  <si>
    <t>chak no 185/9L west sahiwal</t>
  </si>
  <si>
    <t>Chak No 185/9 L</t>
  </si>
  <si>
    <t>185/9L</t>
  </si>
  <si>
    <t>Saima Irshad</t>
  </si>
  <si>
    <t>GGHS 19 EB</t>
  </si>
  <si>
    <t>19eb</t>
  </si>
  <si>
    <t>chak no. 19eb  arifwala</t>
  </si>
  <si>
    <t>75/EB</t>
  </si>
  <si>
    <t>Jamila Begum</t>
  </si>
  <si>
    <t>GGHS 198/EB</t>
  </si>
  <si>
    <t>198eb</t>
  </si>
  <si>
    <t>FAIZA MUSHTAQ</t>
  </si>
  <si>
    <t>GGHS 1-MR MULTAN</t>
  </si>
  <si>
    <t>1-MR</t>
  </si>
  <si>
    <t>Chak No. 1-MR Post Office Khas Tehsil And District Multan</t>
  </si>
  <si>
    <t>2-MR</t>
  </si>
  <si>
    <t>Rukhsana Faheem</t>
  </si>
  <si>
    <t>GGHS 2/1-AL</t>
  </si>
  <si>
    <t>2 1 A L</t>
  </si>
  <si>
    <t>Chak No. 2/1 A L,Tehsil Renala Khurd, District Okara.</t>
  </si>
  <si>
    <t>2 1A L</t>
  </si>
  <si>
    <t>4 1 A L KLAN</t>
  </si>
  <si>
    <t>GGHS 20 SP</t>
  </si>
  <si>
    <t>20/SP</t>
  </si>
  <si>
    <t>chak no 20/sp pakpattan</t>
  </si>
  <si>
    <t>Chak 20/SP</t>
  </si>
  <si>
    <t>hina choudhary</t>
  </si>
  <si>
    <t>GGHS 20/11-L</t>
  </si>
  <si>
    <t>20/11-l</t>
  </si>
  <si>
    <t>Asma Ali</t>
  </si>
  <si>
    <t>GGHS 207/9-R</t>
  </si>
  <si>
    <t>chak 207.9r</t>
  </si>
  <si>
    <t>Chak 207/9r</t>
  </si>
  <si>
    <t>Chak 199/8r</t>
  </si>
  <si>
    <t>Asia Falak</t>
  </si>
  <si>
    <t>GGHS 21/2-L</t>
  </si>
  <si>
    <t>gghs chak#21/2.L</t>
  </si>
  <si>
    <t>21/2L</t>
  </si>
  <si>
    <t>shamsa rafique</t>
  </si>
  <si>
    <t>GGHS 214/GB</t>
  </si>
  <si>
    <t>Jharoor</t>
  </si>
  <si>
    <t>Chak no 214 G. B tehsil samundri dist Faisalabad</t>
  </si>
  <si>
    <t>214 G B</t>
  </si>
  <si>
    <t>Sumra Saeed</t>
  </si>
  <si>
    <t>GGHS 218 EB</t>
  </si>
  <si>
    <t>218 EB</t>
  </si>
  <si>
    <t>CHAK NUMBER 218 EB TEHSIL AND DISTRICT VEHARI</t>
  </si>
  <si>
    <t>34 WB</t>
  </si>
  <si>
    <t>amna ghulam mujadad</t>
  </si>
  <si>
    <t>GGHS 22 GD</t>
  </si>
  <si>
    <t>22/GD</t>
  </si>
  <si>
    <t>dak khana khas 22GD okara</t>
  </si>
  <si>
    <t>Bomby Zakhira Ghashori</t>
  </si>
  <si>
    <t>Tahira Naeem</t>
  </si>
  <si>
    <t>GGHS 226/RB</t>
  </si>
  <si>
    <t>Chak No 226 Rb</t>
  </si>
  <si>
    <t>gghs226rb</t>
  </si>
  <si>
    <t>Chak No 226rb</t>
  </si>
  <si>
    <t>Chak  No 235 Rb</t>
  </si>
  <si>
    <t>TAHIRA JABEEN</t>
  </si>
  <si>
    <t>GGHS 227/WB DUNYAPUR</t>
  </si>
  <si>
    <t>227/wb</t>
  </si>
  <si>
    <t>chak no 227/wb</t>
  </si>
  <si>
    <t>Chak No 227/wb</t>
  </si>
  <si>
    <t>Chak No 231wb</t>
  </si>
  <si>
    <t>GGHS 23/A-GD</t>
  </si>
  <si>
    <t>23-A/GD</t>
  </si>
  <si>
    <t>gghs23agd  okara</t>
  </si>
  <si>
    <t>23A GD</t>
  </si>
  <si>
    <t>38GD</t>
  </si>
  <si>
    <t>Amtul Javed</t>
  </si>
  <si>
    <t>GGHS 233 RB TIKE WALA</t>
  </si>
  <si>
    <t>233/RB Tikkey  Wala</t>
  </si>
  <si>
    <t>chak no 233/RB Tikkey Wala FSD</t>
  </si>
  <si>
    <t>233/RB Tikkey Wala FSD</t>
  </si>
  <si>
    <t>233/RB HariSingh Wala</t>
  </si>
  <si>
    <t>Mutnaza Afzal</t>
  </si>
  <si>
    <t>GGHS 24 WB VEHARI</t>
  </si>
  <si>
    <t>24/WB</t>
  </si>
  <si>
    <t>GOVT GIRLS HIGH SCHOOL 24/WB VEHARI</t>
  </si>
  <si>
    <t>GGHS 24/11-L</t>
  </si>
  <si>
    <t>chak No 24/11L</t>
  </si>
  <si>
    <t>chak no 24/11L Chichawatni sahiwal</t>
  </si>
  <si>
    <t>24/11L</t>
  </si>
  <si>
    <t>GGHS 247/RB</t>
  </si>
  <si>
    <t>247rb</t>
  </si>
  <si>
    <t>chak 247rb miani fsd sadar</t>
  </si>
  <si>
    <t>Miani Chak 247rb</t>
  </si>
  <si>
    <t>Chak247</t>
  </si>
  <si>
    <t>Shabana Rana</t>
  </si>
  <si>
    <t>GGHS 253/WB</t>
  </si>
  <si>
    <t>Chak 253 wB</t>
  </si>
  <si>
    <t>chak no 253/WB</t>
  </si>
  <si>
    <t>Chak 253 WB</t>
  </si>
  <si>
    <t>Sultan Ayub Qatal</t>
  </si>
  <si>
    <t>Mamoona Sidra</t>
  </si>
  <si>
    <t>GGHS 259/EB</t>
  </si>
  <si>
    <t>govt. girls high school 259/EB burewala</t>
  </si>
  <si>
    <t>Parveen Ramzan</t>
  </si>
  <si>
    <t>Electrical water cooler</t>
  </si>
  <si>
    <t>GGHS 26/14-L</t>
  </si>
  <si>
    <t>26/14L</t>
  </si>
  <si>
    <t>GGHS2614LSWL chak no.26 14L, cci sahiwal</t>
  </si>
  <si>
    <t>GGHS 273 EB</t>
  </si>
  <si>
    <t>273/EB</t>
  </si>
  <si>
    <t>CHAK NO 273/E.B TAJ PUR TEHSIL BUREWALA DITTS VEHARI</t>
  </si>
  <si>
    <t>CHAK NO 273/E.B TAJ PUR</t>
  </si>
  <si>
    <t>283/E.B</t>
  </si>
  <si>
    <t>sehrish abbas</t>
  </si>
  <si>
    <t>GGHS 276/JB</t>
  </si>
  <si>
    <t>276 JB Faisalabad</t>
  </si>
  <si>
    <t>GGHS 276 JB Faisalabad</t>
  </si>
  <si>
    <t>Dandaywal</t>
  </si>
  <si>
    <t>275 JB Pensra</t>
  </si>
  <si>
    <t>Azra Dar</t>
  </si>
  <si>
    <t>Water with payment</t>
  </si>
  <si>
    <t>GGHS 279 RB KHURD SIDDIQUE AKBAR TOWN</t>
  </si>
  <si>
    <t>279 rb</t>
  </si>
  <si>
    <t>siddique akbar town 279 rb fsd.</t>
  </si>
  <si>
    <t>siddique akbar town fsd.</t>
  </si>
  <si>
    <t>GGHS 279/WB JANDIR WAH</t>
  </si>
  <si>
    <t>279-WB</t>
  </si>
  <si>
    <t>GGHS 279WB,LODHRAN</t>
  </si>
  <si>
    <t>Chak No.279 WB</t>
  </si>
  <si>
    <t>JHANDIR WAH</t>
  </si>
  <si>
    <t>TASLEEM KAUSAR</t>
  </si>
  <si>
    <t>GGHS 28/10-R, KACHA KHUH</t>
  </si>
  <si>
    <t>28/10R khanewal</t>
  </si>
  <si>
    <t>GGHS 281-83/WB</t>
  </si>
  <si>
    <t>281 83wb</t>
  </si>
  <si>
    <t>chak 281.83wb dunya pur lodhran</t>
  </si>
  <si>
    <t>Chak NO 281-83/WB</t>
  </si>
  <si>
    <t>Jandeerwah</t>
  </si>
  <si>
    <t>Noreen Khan Tareen</t>
  </si>
  <si>
    <t>electric colar</t>
  </si>
  <si>
    <t>GGHS 283 EB</t>
  </si>
  <si>
    <t>283 Eb</t>
  </si>
  <si>
    <t>Chak no 283 eb burewala</t>
  </si>
  <si>
    <t>Chak no 283 eb Burewala</t>
  </si>
  <si>
    <t>Kishwar Nafees</t>
  </si>
  <si>
    <t>GGHS 291 EB</t>
  </si>
  <si>
    <t>291/E.B BUREWALA</t>
  </si>
  <si>
    <t>GGHS 297/WB</t>
  </si>
  <si>
    <t>GGHS 297/WB DUNYAPUR</t>
  </si>
  <si>
    <t>297/WB</t>
  </si>
  <si>
    <t>MAQBOOL WAH</t>
  </si>
  <si>
    <t>GGHS 30/10-R, KACHA KHUH</t>
  </si>
  <si>
    <t>30/10R</t>
  </si>
  <si>
    <t>GGHS 30/10R</t>
  </si>
  <si>
    <t>30/10R Khanewal</t>
  </si>
  <si>
    <t>Sumreen Nadeem</t>
  </si>
  <si>
    <t>GGHS 31/11-L</t>
  </si>
  <si>
    <t>Chak#31/11L</t>
  </si>
  <si>
    <t>chak#31/11_L</t>
  </si>
  <si>
    <t>Chak#45/12L</t>
  </si>
  <si>
    <t>GGHS 315 EB</t>
  </si>
  <si>
    <t>Chak No 315</t>
  </si>
  <si>
    <t>Chak No 315 /Eb  Teh. Burewala District Vehari</t>
  </si>
  <si>
    <t>Chak No 315/eb</t>
  </si>
  <si>
    <t>Chak No 317/eb</t>
  </si>
  <si>
    <t>Shama Firdous</t>
  </si>
  <si>
    <t>GGHS 319/WB</t>
  </si>
  <si>
    <t>319/WB</t>
  </si>
  <si>
    <t>Chak no 319/WB tehsil Dunyapur</t>
  </si>
  <si>
    <t>319 / WB</t>
  </si>
  <si>
    <t>342 /WB</t>
  </si>
  <si>
    <t>NOREEN KOUSAR</t>
  </si>
  <si>
    <t>GGHS 32/2-R OKARA</t>
  </si>
  <si>
    <t>32/2-RA</t>
  </si>
  <si>
    <t>GGHS 32/2-RA OKARA</t>
  </si>
  <si>
    <t>32/2-RA okara</t>
  </si>
  <si>
    <t>32/2-R</t>
  </si>
  <si>
    <t>FAKHRA YASMEEN</t>
  </si>
  <si>
    <t>GGHS 327 EB</t>
  </si>
  <si>
    <t>327/E.B Burewala</t>
  </si>
  <si>
    <t>Govt Girls High School 327/E.B burewala</t>
  </si>
  <si>
    <t>Chak #327</t>
  </si>
  <si>
    <t>Chak # 327/E.B</t>
  </si>
  <si>
    <t>Saira Majeed</t>
  </si>
  <si>
    <t>GGHS 329 EB</t>
  </si>
  <si>
    <t>Sahuka North</t>
  </si>
  <si>
    <t>chak no. 329/eb burewala</t>
  </si>
  <si>
    <t>329/EB</t>
  </si>
  <si>
    <t>Chak No. 495/EB</t>
  </si>
  <si>
    <t>GGHS 331 EB</t>
  </si>
  <si>
    <t>CHAK NO 331/EB BUREWALA</t>
  </si>
  <si>
    <t>CHAK NO.331/EB  BUREWALA</t>
  </si>
  <si>
    <t>331/EB BUREWALA</t>
  </si>
  <si>
    <t>AYESHA RAFIQUE</t>
  </si>
  <si>
    <t>GGHS 34/10-R, KACHA KHUH</t>
  </si>
  <si>
    <t>34/10-R</t>
  </si>
  <si>
    <t>GGHS 34 /10 R</t>
  </si>
  <si>
    <t>34/10- R</t>
  </si>
  <si>
    <t>30/10- R</t>
  </si>
  <si>
    <t>Attiya hamid mansoor</t>
  </si>
  <si>
    <t>GGHS 343/WB DUNYA PUR</t>
  </si>
  <si>
    <t>CHAK NO:343.WB DUNYAPUR</t>
  </si>
  <si>
    <t>357.WB</t>
  </si>
  <si>
    <t>PALWASHA MEHMOOD</t>
  </si>
  <si>
    <t>GGHS 355/WB</t>
  </si>
  <si>
    <t>chawk no 355/wb Dunyapur</t>
  </si>
  <si>
    <t>Shamas Un Nasa</t>
  </si>
  <si>
    <t>GGHS 357/WB</t>
  </si>
  <si>
    <t>Dunyapur</t>
  </si>
  <si>
    <t>chak no 357/wb tehsil dunyapur district lodhran</t>
  </si>
  <si>
    <t>Chak No 357/Wb</t>
  </si>
  <si>
    <t>shumaila bashir</t>
  </si>
  <si>
    <t>GGHS 36/14-L</t>
  </si>
  <si>
    <t>GGHS 36/14 L chicha watni District Sahiwal</t>
  </si>
  <si>
    <t>36/14L</t>
  </si>
  <si>
    <t>77/12 L</t>
  </si>
  <si>
    <t>Sidra Mehwish</t>
  </si>
  <si>
    <t>GGHS 36/JB</t>
  </si>
  <si>
    <t>Gghs36jb</t>
  </si>
  <si>
    <t>chak no 36 jb</t>
  </si>
  <si>
    <t>36 jb</t>
  </si>
  <si>
    <t>chak no 34 jb</t>
  </si>
  <si>
    <t>nida sarfraz</t>
  </si>
  <si>
    <t>GGHS 360/WB</t>
  </si>
  <si>
    <t>gghs360/wb tehsil dunyapur district lodhran</t>
  </si>
  <si>
    <t>PAKEEZA HUSSAIN</t>
  </si>
  <si>
    <t>GGHS 362 WB</t>
  </si>
  <si>
    <t>362/wb</t>
  </si>
  <si>
    <t>Chak#362/wb p/o358/wb tehsil dunyapur distt.lodhran</t>
  </si>
  <si>
    <t>386/wb</t>
  </si>
  <si>
    <t>GGHS 363 WB</t>
  </si>
  <si>
    <t>363/wb</t>
  </si>
  <si>
    <t>chak no 363/wb dunyapur</t>
  </si>
  <si>
    <t>363 /wb</t>
  </si>
  <si>
    <t>makhdom aali</t>
  </si>
  <si>
    <t>shamim akhtar</t>
  </si>
  <si>
    <t>GGHS 37 SP PAKPATTAN</t>
  </si>
  <si>
    <t>GOVT. GIRLS HIGH SCHOOL 37/SP,PAKPATTAN</t>
  </si>
  <si>
    <t>CHAK 37SP</t>
  </si>
  <si>
    <t>nusrat naheed</t>
  </si>
  <si>
    <t>GGHS 37/M NO.1</t>
  </si>
  <si>
    <t>37/m</t>
  </si>
  <si>
    <t>gghs chak no37/m tehsil dunyapur district lodhran</t>
  </si>
  <si>
    <t>Siraj WaaLa</t>
  </si>
  <si>
    <t>GGHS 375/WB</t>
  </si>
  <si>
    <t>misri kot</t>
  </si>
  <si>
    <t>Chak no 375/wb kot misri dunyapur lodhran</t>
  </si>
  <si>
    <t>chak no 375wb</t>
  </si>
  <si>
    <t>353/wb</t>
  </si>
  <si>
    <t>Nida Waheed</t>
  </si>
  <si>
    <t>GGHS 377/WB</t>
  </si>
  <si>
    <t>CHAK NO 377/WB</t>
  </si>
  <si>
    <t>CHAK NO 377/WB TEHSIL DUNYAPUR DISTRICT LODHRAN</t>
  </si>
  <si>
    <t>Mehwish Nazar</t>
  </si>
  <si>
    <t>GGHS 38 D KALAN</t>
  </si>
  <si>
    <t>38d</t>
  </si>
  <si>
    <t>chak no 38d kalan Depalpur</t>
  </si>
  <si>
    <t>38d Kalan</t>
  </si>
  <si>
    <t>ROBINA SHAHEEN</t>
  </si>
  <si>
    <t>GGHS 38 FATEH CHISHTIAN</t>
  </si>
  <si>
    <t>38/f</t>
  </si>
  <si>
    <t>chak no 38/f dak khana khas tehsil chishtian</t>
  </si>
  <si>
    <t>Mrs Maria Javaid</t>
  </si>
  <si>
    <t>GGHS 38/GD YOUNG PUR</t>
  </si>
  <si>
    <t>YOUNg Pur</t>
  </si>
  <si>
    <t>38gd young pur</t>
  </si>
  <si>
    <t>Uc 38 Gd</t>
  </si>
  <si>
    <t>salma saif</t>
  </si>
  <si>
    <t>GGHS 388 GB</t>
  </si>
  <si>
    <t>gghs388gbtehsil sumandri dist faisalabad</t>
  </si>
  <si>
    <t>Chak No 388gb</t>
  </si>
  <si>
    <t>Chak No 388 gb</t>
  </si>
  <si>
    <t>GGHS 39/12-L</t>
  </si>
  <si>
    <t>39/12l</t>
  </si>
  <si>
    <t>chak no 39/12l cci</t>
  </si>
  <si>
    <t>39/12l Cci</t>
  </si>
  <si>
    <t>36/12l Cci</t>
  </si>
  <si>
    <t>Zahida Dastgir</t>
  </si>
  <si>
    <t>GGHS 39/14-L</t>
  </si>
  <si>
    <t>39/14l</t>
  </si>
  <si>
    <t>chak num 39/14l</t>
  </si>
  <si>
    <t>Maryam Zafar</t>
  </si>
  <si>
    <t>GGhS 4/AH, KHANEWAL</t>
  </si>
  <si>
    <t>GGHS 4/AH kwl</t>
  </si>
  <si>
    <t>shazia nazneen</t>
  </si>
  <si>
    <t>GGHS 40/10-R, KACHA KHUH</t>
  </si>
  <si>
    <t>Chak No.40/10-R Khanewal</t>
  </si>
  <si>
    <t>GGHS Chak No.40/10-R Khanewal</t>
  </si>
  <si>
    <t>Chak no.40/10-R Khanewal</t>
  </si>
  <si>
    <t>36/10R</t>
  </si>
  <si>
    <t>Zill - e- Huma</t>
  </si>
  <si>
    <t>GGHS 40/GD</t>
  </si>
  <si>
    <t>40/Gd</t>
  </si>
  <si>
    <t>GGHS 400/GB</t>
  </si>
  <si>
    <t>Gghs 400 gb</t>
  </si>
  <si>
    <t>400 Gb</t>
  </si>
  <si>
    <t>Khadijah Mahmood</t>
  </si>
  <si>
    <t>GGHS 401 GB</t>
  </si>
  <si>
    <t>401GB</t>
  </si>
  <si>
    <t>400GB</t>
  </si>
  <si>
    <t>Nabila Amin</t>
  </si>
  <si>
    <t>GGHS 40-3R OKARA</t>
  </si>
  <si>
    <t>chak 40/3r okara</t>
  </si>
  <si>
    <t>GGHS 405 EB</t>
  </si>
  <si>
    <t>chak no 405 eb Burewala</t>
  </si>
  <si>
    <t>Chak no  403 Eb</t>
  </si>
  <si>
    <t>Sobia latif</t>
  </si>
  <si>
    <t>GGHS 409 GB TANDLIAN WALA</t>
  </si>
  <si>
    <t>chak 409 gb</t>
  </si>
  <si>
    <t>409 Gb</t>
  </si>
  <si>
    <t>sobia naz</t>
  </si>
  <si>
    <t>GGHS 40-A/4-L</t>
  </si>
  <si>
    <t>G G H S 40A/4L TEHSIL AND DISTRICT OKARA</t>
  </si>
  <si>
    <t>yasmin fatima</t>
  </si>
  <si>
    <t>GGHS 41/12-L</t>
  </si>
  <si>
    <t>41/12L</t>
  </si>
  <si>
    <t>chak # 41/12.L</t>
  </si>
  <si>
    <t>RABIA NAEEM</t>
  </si>
  <si>
    <t>GGHS 42 EB ARIFWALA</t>
  </si>
  <si>
    <t>42/EB</t>
  </si>
  <si>
    <t>GOVT. GIRLS HIGH SCHOOL 42/EB ARIFWALA (PAKPATTAN)</t>
  </si>
  <si>
    <t>48/EB</t>
  </si>
  <si>
    <t>BUSHRA HAMAYUN</t>
  </si>
  <si>
    <t>GGHS 42/10-R, KHANEWAL</t>
  </si>
  <si>
    <t>42/10R</t>
  </si>
  <si>
    <t>CHAK NO 42/10R KHANEWAL</t>
  </si>
  <si>
    <t>Chak 42/10-R</t>
  </si>
  <si>
    <t>Rabia Khan</t>
  </si>
  <si>
    <t>GGHS 44/12-L</t>
  </si>
  <si>
    <t>44/12 L chichawatni</t>
  </si>
  <si>
    <t>44/12 L</t>
  </si>
  <si>
    <t>GGHS 441 EB</t>
  </si>
  <si>
    <t>441/Eb</t>
  </si>
  <si>
    <t>Yaqoob Abad Burewala</t>
  </si>
  <si>
    <t>Yaqoob Abad</t>
  </si>
  <si>
    <t>FAKHRA RANA</t>
  </si>
  <si>
    <t>GGHS 445/EB BUREWALA</t>
  </si>
  <si>
    <t>GGHS445/EB BUREWALA</t>
  </si>
  <si>
    <t>445/eB</t>
  </si>
  <si>
    <t>tMQ burewala</t>
  </si>
  <si>
    <t>Saima Ishaq</t>
  </si>
  <si>
    <t>GGHS 45- CHENAB BLOCK ALLAMA IQBAL TOWN</t>
  </si>
  <si>
    <t>Allama Iqbal Town Allama Iqbal Town</t>
  </si>
  <si>
    <t>45-chenab block , allama iqbal town, lhr</t>
  </si>
  <si>
    <t>TAHIRA NAUSHAD</t>
  </si>
  <si>
    <t>GGhS 45/15-L, MIAN CHANNU</t>
  </si>
  <si>
    <t>45/15 L mian channu</t>
  </si>
  <si>
    <t>45/15L Mian channu</t>
  </si>
  <si>
    <t>45/15L</t>
  </si>
  <si>
    <t>126/15 l</t>
  </si>
  <si>
    <t>Sobia Mobin</t>
  </si>
  <si>
    <t>GGHS 451 GB</t>
  </si>
  <si>
    <t>knjwani</t>
  </si>
  <si>
    <t>GGHS451GB</t>
  </si>
  <si>
    <t>451gb</t>
  </si>
  <si>
    <t>CHAK NO.449 GB</t>
  </si>
  <si>
    <t>Freeha Kanwal</t>
  </si>
  <si>
    <t>HAND PUMP AND WATER PUMP</t>
  </si>
  <si>
    <t>GGHS 455 GB</t>
  </si>
  <si>
    <t>chak no 455 GB kanjwani tehsil tandlianwala</t>
  </si>
  <si>
    <t>455GB</t>
  </si>
  <si>
    <t>Ashraf Bibi</t>
  </si>
  <si>
    <t>GGHS 46/12-L</t>
  </si>
  <si>
    <t>chak no 46/12.l Tehsil chichawatni District sahiwal</t>
  </si>
  <si>
    <t>Razia Naseer</t>
  </si>
  <si>
    <t>GGHS 475/GB</t>
  </si>
  <si>
    <t>CHAK NO 475 G.B</t>
  </si>
  <si>
    <t>RASHIDA MAQBOOL</t>
  </si>
  <si>
    <t>GGHS 479/GB</t>
  </si>
  <si>
    <t>CHAK NO 479 GB</t>
  </si>
  <si>
    <t>CHAK NO 479 GB TEHSIL SAMUNDRI DISTRICT FAISALBAD</t>
  </si>
  <si>
    <t>SUrTAPUR</t>
  </si>
  <si>
    <t>ARFFA  ASLAM</t>
  </si>
  <si>
    <t>GGHS 48/12-L</t>
  </si>
  <si>
    <t>48/12-L</t>
  </si>
  <si>
    <t>Chak No 48/12.L</t>
  </si>
  <si>
    <t>54/12-L</t>
  </si>
  <si>
    <t>SHAHZADI</t>
  </si>
  <si>
    <t>GGHS 487/GB</t>
  </si>
  <si>
    <t>Machanikka</t>
  </si>
  <si>
    <t>GGHS 487 GB</t>
  </si>
  <si>
    <t>Shaista Munir</t>
  </si>
  <si>
    <t>GGHS 49/M</t>
  </si>
  <si>
    <t>chak 49M district and division lodhran</t>
  </si>
  <si>
    <t>Hafiza Aniqa Arshad</t>
  </si>
  <si>
    <t>GGHS 492 GB</t>
  </si>
  <si>
    <t>Konkpur</t>
  </si>
  <si>
    <t>chak no 492gb</t>
  </si>
  <si>
    <t>Chak No 492gb</t>
  </si>
  <si>
    <t>Chak No 490 Gb</t>
  </si>
  <si>
    <t>YasminTahira</t>
  </si>
  <si>
    <t>GGHS 493 EB</t>
  </si>
  <si>
    <t>Ghafoorwah</t>
  </si>
  <si>
    <t>Chak num 493/E.B burewala</t>
  </si>
  <si>
    <t>493/EB</t>
  </si>
  <si>
    <t>Saima Rasheed</t>
  </si>
  <si>
    <t>GGHS 497 EB</t>
  </si>
  <si>
    <t>gghs 497/eb ,burewala</t>
  </si>
  <si>
    <t>Chak No497/EB</t>
  </si>
  <si>
    <t>Nadia Firdous</t>
  </si>
  <si>
    <t>GGHS 5 KASSI, KABIRWALA</t>
  </si>
  <si>
    <t>5-kassi</t>
  </si>
  <si>
    <t>Moza 5-kassi</t>
  </si>
  <si>
    <t>Mrs. riffat sohaib</t>
  </si>
  <si>
    <t>GGHS 5/11-L</t>
  </si>
  <si>
    <t>chak no 5/11.l chichawatni sahiwal</t>
  </si>
  <si>
    <t>5/11.l</t>
  </si>
  <si>
    <t>6/11.l</t>
  </si>
  <si>
    <t>GGHS 5/14-L CHICHAWATNI</t>
  </si>
  <si>
    <t>chak no 5/4.L</t>
  </si>
  <si>
    <t>Zakia Zulfiqar</t>
  </si>
  <si>
    <t>GGHS 50/12-L</t>
  </si>
  <si>
    <t>GGHS 50/12-L chichawatni</t>
  </si>
  <si>
    <t>shabana kausar</t>
  </si>
  <si>
    <t>GGHS 514 GB</t>
  </si>
  <si>
    <t>Khatianwala</t>
  </si>
  <si>
    <t>CHAK NO.514 GB</t>
  </si>
  <si>
    <t>CHAK NO 514 GB</t>
  </si>
  <si>
    <t>ALYIA BASHIR</t>
  </si>
  <si>
    <t>GGHS 52/3-R</t>
  </si>
  <si>
    <t>AKBAR</t>
  </si>
  <si>
    <t>CHAK NO 52/3.R</t>
  </si>
  <si>
    <t>52/3.R</t>
  </si>
  <si>
    <t>52/3.r</t>
  </si>
  <si>
    <t>Shakeela Parveen</t>
  </si>
  <si>
    <t>GGHS 53/12-L</t>
  </si>
  <si>
    <t>Chak No. 53/12-l</t>
  </si>
  <si>
    <t>GGHS 53/12-L Chichawatni distt. Swl.</t>
  </si>
  <si>
    <t>53/12-L</t>
  </si>
  <si>
    <t>54/12-l</t>
  </si>
  <si>
    <t>GGHS 53/M</t>
  </si>
  <si>
    <t>chak  53/M</t>
  </si>
  <si>
    <t>Chak # 53/M, Lodhran</t>
  </si>
  <si>
    <t>chak no 53/M</t>
  </si>
  <si>
    <t>Sagwan</t>
  </si>
  <si>
    <t>Rabia Parveen</t>
  </si>
  <si>
    <t>GGHS 541 GB</t>
  </si>
  <si>
    <t>541 Gb Kanjwani</t>
  </si>
  <si>
    <t>gghs 541 gb kanjwani</t>
  </si>
  <si>
    <t>chak no 541 gb</t>
  </si>
  <si>
    <t>chak no 455 gb</t>
  </si>
  <si>
    <t>RIFFAT JABEEN</t>
  </si>
  <si>
    <t>GGHS 543 GB</t>
  </si>
  <si>
    <t>Chak no 543 Gb</t>
  </si>
  <si>
    <t>Chak No 543 GB</t>
  </si>
  <si>
    <t>shagufta Bibi</t>
  </si>
  <si>
    <t>GGHS 549 GB</t>
  </si>
  <si>
    <t>Kilianwala</t>
  </si>
  <si>
    <t>chak no 549 gb</t>
  </si>
  <si>
    <t>549 Gb</t>
  </si>
  <si>
    <t>Saher Naz</t>
  </si>
  <si>
    <t>GGHS 55 EB</t>
  </si>
  <si>
    <t>55eb</t>
  </si>
  <si>
    <t>55/EB</t>
  </si>
  <si>
    <t>59eb</t>
  </si>
  <si>
    <t>Farzana Parveen</t>
  </si>
  <si>
    <t>GGHS 55/4-R</t>
  </si>
  <si>
    <t>Chak No. 55/4-R</t>
  </si>
  <si>
    <t>GGHS 55/4-R SAHIWAL,Chak No. 55/4-R,Tehsil &amp; District Sahiwal</t>
  </si>
  <si>
    <t>61/4-r</t>
  </si>
  <si>
    <t>Bushra Anjum</t>
  </si>
  <si>
    <t>GGHS 550 GB</t>
  </si>
  <si>
    <t>Mohlianwla</t>
  </si>
  <si>
    <t>Chak 550 GB</t>
  </si>
  <si>
    <t>550 GB</t>
  </si>
  <si>
    <t>Sajida Bashir</t>
  </si>
  <si>
    <t>GGHS 563/GB</t>
  </si>
  <si>
    <t>Pump Niazi</t>
  </si>
  <si>
    <t>GGHS563GB PUMP NIAZI JRW,FSD</t>
  </si>
  <si>
    <t>Chak No 563GB Pump Niazi</t>
  </si>
  <si>
    <t>Chak No 562GB</t>
  </si>
  <si>
    <t>naila niazi</t>
  </si>
  <si>
    <t>GGHS 564/GB</t>
  </si>
  <si>
    <t>Galugohra</t>
  </si>
  <si>
    <t>Got. Girls High school 564 GB</t>
  </si>
  <si>
    <t>Chak No 564 GB</t>
  </si>
  <si>
    <t>Chak No 569 GB</t>
  </si>
  <si>
    <t>rafaqat perveen</t>
  </si>
  <si>
    <t>GGHS 565 EB</t>
  </si>
  <si>
    <t>565/E B</t>
  </si>
  <si>
    <t>chak no. 565/E B tehsil &amp; district vehari</t>
  </si>
  <si>
    <t>561/E B</t>
  </si>
  <si>
    <t>Aqila shazia</t>
  </si>
  <si>
    <t>GGHS 567 EB</t>
  </si>
  <si>
    <t>567/eb</t>
  </si>
  <si>
    <t>567/eb tehsil and district vehari</t>
  </si>
  <si>
    <t>GGHS 59 WB</t>
  </si>
  <si>
    <t>Vehari South</t>
  </si>
  <si>
    <t>Govt girls high school 59w/b vehari</t>
  </si>
  <si>
    <t>59 W/b</t>
  </si>
  <si>
    <t>63 W/b</t>
  </si>
  <si>
    <t>Adila Shafiq</t>
  </si>
  <si>
    <t>GGHS 5B-1 TOWNSHIP, LAHORE</t>
  </si>
  <si>
    <t>TOWNSHIP</t>
  </si>
  <si>
    <t>GGHS 5-B-1 TOWNSHIP LAHORE</t>
  </si>
  <si>
    <t>Mrs. Safoora Bibi</t>
  </si>
  <si>
    <t>GGHS 5-MR P/O 5 M R</t>
  </si>
  <si>
    <t>5 MR</t>
  </si>
  <si>
    <t>chak 5 MR P.O Makhdoom Rasheed Multan</t>
  </si>
  <si>
    <t>Chak 5 MR</t>
  </si>
  <si>
    <t>Fehmida Bibi</t>
  </si>
  <si>
    <t>GGHS 6/11-L</t>
  </si>
  <si>
    <t>6/11L</t>
  </si>
  <si>
    <t>chak no 6/11-L</t>
  </si>
  <si>
    <t>Chak No 6/11L</t>
  </si>
  <si>
    <t>Ayesha Samreen</t>
  </si>
  <si>
    <t>GGHS 6/8-AR, TULAMBA</t>
  </si>
  <si>
    <t>6/8AR</t>
  </si>
  <si>
    <t>6/8 AR Mian Chanun</t>
  </si>
  <si>
    <t>7/8 ARkarmai Wala</t>
  </si>
  <si>
    <t>Shagufta Azhar</t>
  </si>
  <si>
    <t>GGHS 61/5-L</t>
  </si>
  <si>
    <t>Chak No 61/5l</t>
  </si>
  <si>
    <t>Government Girls High school 61/5l shiwal</t>
  </si>
  <si>
    <t>Chak No 60/5l</t>
  </si>
  <si>
    <t>mrs.azra akmal</t>
  </si>
  <si>
    <t>GGHS 62 WB</t>
  </si>
  <si>
    <t>62wb</t>
  </si>
  <si>
    <t>gghs 62wb vehari</t>
  </si>
  <si>
    <t>58wb</t>
  </si>
  <si>
    <t>Asia Rehmat</t>
  </si>
  <si>
    <t>GGHS 63 EB</t>
  </si>
  <si>
    <t>63eb</t>
  </si>
  <si>
    <t>chak no. 63/EB</t>
  </si>
  <si>
    <t>Chak NO 63/EB</t>
  </si>
  <si>
    <t>NAHEED ASIF</t>
  </si>
  <si>
    <t>GGHS 63/4-R</t>
  </si>
  <si>
    <t>63/4r</t>
  </si>
  <si>
    <t>chak no 63/4r</t>
  </si>
  <si>
    <t>GGHS 64/5-L</t>
  </si>
  <si>
    <t>64/5L</t>
  </si>
  <si>
    <t>64/5_L</t>
  </si>
  <si>
    <t>Sajida Bhatti</t>
  </si>
  <si>
    <t>GGHS 65 WB</t>
  </si>
  <si>
    <t>65/wb vehari</t>
  </si>
  <si>
    <t>Chak no 65/WB Vehari</t>
  </si>
  <si>
    <t>Farzana Munawar</t>
  </si>
  <si>
    <t>GGHS 65-A/GD GHARBI</t>
  </si>
  <si>
    <t>Chak 65-A/GD GHARBI</t>
  </si>
  <si>
    <t>gghs 65A/GD Gharbi</t>
  </si>
  <si>
    <t>65-A/GD GHARBI</t>
  </si>
  <si>
    <t>48/GD</t>
  </si>
  <si>
    <t>Sehrish Zaman</t>
  </si>
  <si>
    <t>GGHS 67 EB</t>
  </si>
  <si>
    <t>Govt girls High School 67eb arifwala</t>
  </si>
  <si>
    <t>67/eb</t>
  </si>
  <si>
    <t>69eb</t>
  </si>
  <si>
    <t>Atiqa Tur Rahman</t>
  </si>
  <si>
    <t>GGHS 67/15-L, MIAN CHANNU</t>
  </si>
  <si>
    <t>67/15L</t>
  </si>
  <si>
    <t>67/15L.</t>
  </si>
  <si>
    <t>vijhianwala</t>
  </si>
  <si>
    <t>Andleeb Asghar</t>
  </si>
  <si>
    <t>GGHS 67/4-R</t>
  </si>
  <si>
    <t>67/4-R</t>
  </si>
  <si>
    <t>Govt. Girls High School 67/4-R Sahiwal</t>
  </si>
  <si>
    <t>Chak No. 67/4-R</t>
  </si>
  <si>
    <t>Chak No. 66/4-R</t>
  </si>
  <si>
    <t>NAZIA FATIMA</t>
  </si>
  <si>
    <t>GGHS 68 JB</t>
  </si>
  <si>
    <t>68jb</t>
  </si>
  <si>
    <t>chak no 68 /jb FSD</t>
  </si>
  <si>
    <t>70 Jb Fsd</t>
  </si>
  <si>
    <t>hasnain yasmeen</t>
  </si>
  <si>
    <t>GGHS 69 EB ARIF WALA</t>
  </si>
  <si>
    <t>chak no.69 eb arifwala</t>
  </si>
  <si>
    <t>Chak No 69 Eb Arifwala</t>
  </si>
  <si>
    <t>Naveeda Arshad</t>
  </si>
  <si>
    <t>GGHS 7/11-L LAHORIANA WALA</t>
  </si>
  <si>
    <t>Chak No. 7/11.L(Lahorianwala) Teh. Chichawatni Distt. Sahiwal.</t>
  </si>
  <si>
    <t>GGHS 7/9-R, KACHA KHUH</t>
  </si>
  <si>
    <t>7/9.R</t>
  </si>
  <si>
    <t>Govt. Girls High School 7/9.R  Rehman Garh Khanewal</t>
  </si>
  <si>
    <t>Iram Islam</t>
  </si>
  <si>
    <t>GGHS 70/10-R ARIANAGAR, KHANEWAL (UPGRADE AS HIGH)</t>
  </si>
  <si>
    <t>Arianagar</t>
  </si>
  <si>
    <t>gghs 70/10 R arianagar,khanewal</t>
  </si>
  <si>
    <t>70/10 R</t>
  </si>
  <si>
    <t>Javeria Rafique</t>
  </si>
  <si>
    <t>GGHS 72/10-R, KHANEWAL</t>
  </si>
  <si>
    <t>72/10-RKhanewal</t>
  </si>
  <si>
    <t>gghs72\10-R Khanewal</t>
  </si>
  <si>
    <t>72/10-R Kwl</t>
  </si>
  <si>
    <t>Shanti Nagar 72/10R</t>
  </si>
  <si>
    <t>MUSSARAT AMIR</t>
  </si>
  <si>
    <t>GGhS 72-73/15-L KACHA KHUH</t>
  </si>
  <si>
    <t>72-15l</t>
  </si>
  <si>
    <t>chak 72-15lkhanewal</t>
  </si>
  <si>
    <t>Saba Sharif</t>
  </si>
  <si>
    <t>GGHS 73 RB TIBBI</t>
  </si>
  <si>
    <t>73 Rb</t>
  </si>
  <si>
    <t>GGHS 73 rb tibbi</t>
  </si>
  <si>
    <t>Chak No 76 Rb</t>
  </si>
  <si>
    <t>Kubra  Bibi</t>
  </si>
  <si>
    <t>GGHS 73-A/5-L</t>
  </si>
  <si>
    <t>73A5L</t>
  </si>
  <si>
    <t>chak 73A.5L</t>
  </si>
  <si>
    <t>Farrukh Sultana</t>
  </si>
  <si>
    <t>GGHS 75/12-L</t>
  </si>
  <si>
    <t>75/12</t>
  </si>
  <si>
    <t>GGHS 75/12 L</t>
  </si>
  <si>
    <t>75/12L</t>
  </si>
  <si>
    <t>Chak 77/12L</t>
  </si>
  <si>
    <t>GGHS 76/GB</t>
  </si>
  <si>
    <t>Chak No 76 GB</t>
  </si>
  <si>
    <t>Chak No 237 RB</t>
  </si>
  <si>
    <t>GGHS 77/5-R</t>
  </si>
  <si>
    <t>77/5-r Sahiwal</t>
  </si>
  <si>
    <t>gghs 77.5R district sahiwal</t>
  </si>
  <si>
    <t>Mamona Sehrish</t>
  </si>
  <si>
    <t>GGHS 78/ 5-L</t>
  </si>
  <si>
    <t>Shamas Pur</t>
  </si>
  <si>
    <t>Govt.Girls High School 78/5L Sahiwal</t>
  </si>
  <si>
    <t>Chak No.78/5L Sahiwal</t>
  </si>
  <si>
    <t>Chak No. 78/5L Sahiwal</t>
  </si>
  <si>
    <t>GGHS 78/15-L, KHANEWAL</t>
  </si>
  <si>
    <t>GGHS 78/15.L</t>
  </si>
  <si>
    <t>MUNAZZA SHARIF</t>
  </si>
  <si>
    <t>GGHS 78/GB</t>
  </si>
  <si>
    <t>78 GB East</t>
  </si>
  <si>
    <t>chck no 78gb east fsd</t>
  </si>
  <si>
    <t>chck no 78gb fsd</t>
  </si>
  <si>
    <t>237RB FSD</t>
  </si>
  <si>
    <t>Amara Javaid</t>
  </si>
  <si>
    <t>GGHS 79/10-R, KACHA KHUH</t>
  </si>
  <si>
    <t>chak no 79/10-r</t>
  </si>
  <si>
    <t>GGHS 79/10-R KHANEWAL</t>
  </si>
  <si>
    <t>chak no79/10-r</t>
  </si>
  <si>
    <t>pirowal   80/10R</t>
  </si>
  <si>
    <t>Saima Attaullah</t>
  </si>
  <si>
    <t>GGHS 79/1-L HAROON ABAD</t>
  </si>
  <si>
    <t>79/1l Haroonabad</t>
  </si>
  <si>
    <t>GGHS 79/1.L haroonabad</t>
  </si>
  <si>
    <t>79/1l</t>
  </si>
  <si>
    <t>ZUBAIDA KHANUM</t>
  </si>
  <si>
    <t>GGHS 8 WB</t>
  </si>
  <si>
    <t>CHAK NO 8/WB</t>
  </si>
  <si>
    <t>GOVT.GIRLS HIGH SCHOOL CHAK NO 8/WB, VEHARI</t>
  </si>
  <si>
    <t>FARAH NAZ</t>
  </si>
  <si>
    <t>GGHS 80/10-R, KACHA KHUH</t>
  </si>
  <si>
    <t>80/10-R</t>
  </si>
  <si>
    <t>chak No 80/10-R</t>
  </si>
  <si>
    <t>80/10 -R</t>
  </si>
  <si>
    <t>shabana rahim</t>
  </si>
  <si>
    <t>GGHS 80/GB FAISALABAD</t>
  </si>
  <si>
    <t>CHAK NO 80 GB KHUSHI PUR</t>
  </si>
  <si>
    <t>CHAK NO 80 GB PO KHAS SATIANA ROAD FSD.</t>
  </si>
  <si>
    <t>CHAK NO 80 GB FSD KHUSHI PUR</t>
  </si>
  <si>
    <t>CHAK NO 82 GB FSD.</t>
  </si>
  <si>
    <t>Mahnaz Akram</t>
  </si>
  <si>
    <t>GGHS 81/5-R</t>
  </si>
  <si>
    <t>81/5-R</t>
  </si>
  <si>
    <t>chak no 81/5-R sahiwal</t>
  </si>
  <si>
    <t>Chak No 78/5-R</t>
  </si>
  <si>
    <t>Waheed Akhter</t>
  </si>
  <si>
    <t>GGHS 82/12-L</t>
  </si>
  <si>
    <t>82/12-l</t>
  </si>
  <si>
    <t>GGHS 82/12-l chichawatni</t>
  </si>
  <si>
    <t>31/14-l</t>
  </si>
  <si>
    <t>GGHS 83 D</t>
  </si>
  <si>
    <t>83/d</t>
  </si>
  <si>
    <t>chk no 83/d teh n distt pakpattan</t>
  </si>
  <si>
    <t>85/d</t>
  </si>
  <si>
    <t>UNSA RASHEED</t>
  </si>
  <si>
    <t>GGHS 83-85/10-R, KHANEWAL</t>
  </si>
  <si>
    <t>kwl</t>
  </si>
  <si>
    <t>chak no 83-85/10-r kwl</t>
  </si>
  <si>
    <t>chak no 83/10-R</t>
  </si>
  <si>
    <t>chak no 86/10-r</t>
  </si>
  <si>
    <t>GGHS 84/15-L, MIAN CHANNU</t>
  </si>
  <si>
    <t>84/15-L</t>
  </si>
  <si>
    <t>CHAK NO. 84/15-L, TEHSIL MIAN CHANNU DISTRICT KHANEWAL</t>
  </si>
  <si>
    <t>CHAK NO. 84/15-L</t>
  </si>
  <si>
    <t>AZHERA ERAM</t>
  </si>
  <si>
    <t>GGHS 85/A</t>
  </si>
  <si>
    <t>85/A</t>
  </si>
  <si>
    <t>chak no.85/a post office 87/a</t>
  </si>
  <si>
    <t>Anjum Saeed</t>
  </si>
  <si>
    <t>GGHS 88/12-L BASTI KHUKHRAN</t>
  </si>
  <si>
    <t>88/12-l</t>
  </si>
  <si>
    <t>chak no.88/12-l basti khukhran</t>
  </si>
  <si>
    <t>RAZIA ANDLEEB</t>
  </si>
  <si>
    <t>GGHS 88/6-R WEST</t>
  </si>
  <si>
    <t>886/R W Sahiwal</t>
  </si>
  <si>
    <t>GGHS 88/6-R (west) Sahiwal</t>
  </si>
  <si>
    <t>88/6R West Sahiwal</t>
  </si>
  <si>
    <t>87/6-R</t>
  </si>
  <si>
    <t>GGHS 89/12-L</t>
  </si>
  <si>
    <t>89/12L</t>
  </si>
  <si>
    <t>Syeda Asma Jaffary</t>
  </si>
  <si>
    <t>GGHS 8-KASSI, KOT MULCHAND, KABIRWALA</t>
  </si>
  <si>
    <t>8-kassi</t>
  </si>
  <si>
    <t>GGHS KOT MULCHAND 8-KASSI, KBL</t>
  </si>
  <si>
    <t>KOT MULCHAND 8-KASSI</t>
  </si>
  <si>
    <t>JAMES ABAD</t>
  </si>
  <si>
    <t>ALIA NIKHAT</t>
  </si>
  <si>
    <t>GGHS 9 GHAGH, ABDUL HAKIM</t>
  </si>
  <si>
    <t>Chak no 9 Ghagh adda 25 pull</t>
  </si>
  <si>
    <t>Mustabshira Choudhry</t>
  </si>
  <si>
    <t>GGHS 9/11-L</t>
  </si>
  <si>
    <t>9/11-l</t>
  </si>
  <si>
    <t>chak no 9/11-l chichawatni</t>
  </si>
  <si>
    <t>chak no 9/11-l</t>
  </si>
  <si>
    <t>chak no 8/11-l</t>
  </si>
  <si>
    <t>GGHS 9/14-L</t>
  </si>
  <si>
    <t>9/14l</t>
  </si>
  <si>
    <t>gghs 9/14_l</t>
  </si>
  <si>
    <t>6/14l</t>
  </si>
  <si>
    <t>Kahkshan Naz</t>
  </si>
  <si>
    <t>GGHS 90/9-L</t>
  </si>
  <si>
    <t>90/9l</t>
  </si>
  <si>
    <t>90/9l Swl</t>
  </si>
  <si>
    <t>88/9l Swl</t>
  </si>
  <si>
    <t>Zubaida Yaseen</t>
  </si>
  <si>
    <t>GGHS 91 EB MOHALAN WALA</t>
  </si>
  <si>
    <t>Muhammad Nagar1</t>
  </si>
  <si>
    <t>gghs91/e.b Arifwala</t>
  </si>
  <si>
    <t>91/eb</t>
  </si>
  <si>
    <t>Chak 83/eb</t>
  </si>
  <si>
    <t>Zareen Ashfaq</t>
  </si>
  <si>
    <t>GGHS 92/10-R, KHANEWAL</t>
  </si>
  <si>
    <t>92/10r</t>
  </si>
  <si>
    <t>GGHS 92/10R KHANEWAL</t>
  </si>
  <si>
    <t>GGHS 92/12-L</t>
  </si>
  <si>
    <t>92/12l</t>
  </si>
  <si>
    <t>92/12.l chichawatni</t>
  </si>
  <si>
    <t>Iqra Nasim</t>
  </si>
  <si>
    <t>GGHS 93-A/12-L</t>
  </si>
  <si>
    <t>93A/12-L</t>
  </si>
  <si>
    <t>GGHS 93A/12-LCHICHAWATNI, DISTT. SAHIWAL</t>
  </si>
  <si>
    <t>Nazia Tabssum</t>
  </si>
  <si>
    <t>GGHS 94/10-R, KHANEWAL</t>
  </si>
  <si>
    <t>94/10-R</t>
  </si>
  <si>
    <t>GGHS94/10-R DISTT.KWL</t>
  </si>
  <si>
    <t>94/10-R KWL</t>
  </si>
  <si>
    <t>abida firdous</t>
  </si>
  <si>
    <t>ROPlant</t>
  </si>
  <si>
    <t>GGHS 96/15-L, MIAN CHANNU</t>
  </si>
  <si>
    <t>96/15l</t>
  </si>
  <si>
    <t>gghs 96/15l,mian channu</t>
  </si>
  <si>
    <t>92/15l</t>
  </si>
  <si>
    <t>nazish kiran</t>
  </si>
  <si>
    <t>GGHS 96/6-R</t>
  </si>
  <si>
    <t>chak no. 96/6 R sahiwal</t>
  </si>
  <si>
    <t>Rubina Jabbar</t>
  </si>
  <si>
    <t>GGHS 97 WB</t>
  </si>
  <si>
    <t>GGHS 97wb  vehari</t>
  </si>
  <si>
    <t>97wb</t>
  </si>
  <si>
    <t>95Wb</t>
  </si>
  <si>
    <t>Asifa Naseem</t>
  </si>
  <si>
    <t>GGHS 98/ 12-L</t>
  </si>
  <si>
    <t>98/12.L</t>
  </si>
  <si>
    <t>Govt Girls High School 98/12.L</t>
  </si>
  <si>
    <t>Chak 98/12.L</t>
  </si>
  <si>
    <t>20/14.L</t>
  </si>
  <si>
    <t>Syeda Shaista Imtiaz</t>
  </si>
  <si>
    <t>GGHS 98/ 6-R SWL</t>
  </si>
  <si>
    <t>chak 98/6.r sahiwal</t>
  </si>
  <si>
    <t>99/6.r</t>
  </si>
  <si>
    <t>Najma Wali Muhammad</t>
  </si>
  <si>
    <t>GGHS 98/15-L, MIAN CHANNU</t>
  </si>
  <si>
    <t>98 15L</t>
  </si>
  <si>
    <t>chak no 98/15L mian channu</t>
  </si>
  <si>
    <t>98/15L</t>
  </si>
  <si>
    <t>Chak No 98 15L</t>
  </si>
  <si>
    <t>Maryam munir</t>
  </si>
  <si>
    <t>GGHS AALI WALA</t>
  </si>
  <si>
    <t>Aaliwala</t>
  </si>
  <si>
    <t>Government girl's high school aali wala.</t>
  </si>
  <si>
    <t>Kalsoom Fatima</t>
  </si>
  <si>
    <t>GGHS ABDAL</t>
  </si>
  <si>
    <t>P O Khas abdal Tehsil &amp; District Gujranwala</t>
  </si>
  <si>
    <t>Wania Wala</t>
  </si>
  <si>
    <t>Shamim Firdous</t>
  </si>
  <si>
    <t>GGHS ABDULLAH PUR KULAR</t>
  </si>
  <si>
    <t>Abdullah pur kolar</t>
  </si>
  <si>
    <t>abdullah pur kolar tehsil safdarabad district sheikhupura</t>
  </si>
  <si>
    <t>abdullah pur kolar</t>
  </si>
  <si>
    <t>Sajida Hussain</t>
  </si>
  <si>
    <t>GGHS ABU ZAHBI COLONY NO 1</t>
  </si>
  <si>
    <t>noon shaheed</t>
  </si>
  <si>
    <t>GGHS ABU ZAHBI COLONY NO.1 RYK</t>
  </si>
  <si>
    <t>abu zahbi colony no.1 ryk</t>
  </si>
  <si>
    <t>CHAK NO 51/P</t>
  </si>
  <si>
    <t>GGHS ADALAT GARH</t>
  </si>
  <si>
    <t>adalat garh</t>
  </si>
  <si>
    <t>new adalat garh,sialkot</t>
  </si>
  <si>
    <t>SYEDA  NOSHEEN ZAHRA</t>
  </si>
  <si>
    <t>GGHS ADAM WALI</t>
  </si>
  <si>
    <t>GGHS ADAM WALI RYK</t>
  </si>
  <si>
    <t>Adam Wali RYK</t>
  </si>
  <si>
    <t>AZRA SHAHEEN</t>
  </si>
  <si>
    <t>GGHS ADAMKAY NAGRA</t>
  </si>
  <si>
    <t>Gadgor</t>
  </si>
  <si>
    <t>vill and post office adamke nagra teh pasrur dist sialkot</t>
  </si>
  <si>
    <t>ayesha abdul ghafoor</t>
  </si>
  <si>
    <t>GGHS ADDA GEMBER</t>
  </si>
  <si>
    <t>52/5L</t>
  </si>
  <si>
    <t>govt. girls high school 52/5L</t>
  </si>
  <si>
    <t>56/5-L</t>
  </si>
  <si>
    <t>UZMA RASHID</t>
  </si>
  <si>
    <t>GGHS ADDA JETHAL CHAKWAL (NEWLY ESTABLISHED)</t>
  </si>
  <si>
    <t>Jethal</t>
  </si>
  <si>
    <t>Village and Post Office Jethal Tehsil and District Chakwal</t>
  </si>
  <si>
    <t>Muniba Yasmin</t>
  </si>
  <si>
    <t>GGHS ADDA NALKA</t>
  </si>
  <si>
    <t>Bait Moaizuddin</t>
  </si>
  <si>
    <t>basti nalka adda near head punjnad Alipur</t>
  </si>
  <si>
    <t>Adda Nalka</t>
  </si>
  <si>
    <t>Mehwish Masood</t>
  </si>
  <si>
    <t>GGHS ADHA</t>
  </si>
  <si>
    <t>GGHS TEHSIL DASKA</t>
  </si>
  <si>
    <t>Govt. Girls High School Adha Village  Tehsil Daska Distt. Sialkot</t>
  </si>
  <si>
    <t>shafaq ijaz</t>
  </si>
  <si>
    <t>Neighbour</t>
  </si>
  <si>
    <t>GGHS ADHI KOT</t>
  </si>
  <si>
    <t>Adhikot</t>
  </si>
  <si>
    <t>gghs adhikot</t>
  </si>
  <si>
    <t>shaheen akhter</t>
  </si>
  <si>
    <t>water on own arrangements</t>
  </si>
  <si>
    <t>GGHS ADHI SARGAL</t>
  </si>
  <si>
    <t>gghs adhi sargal teh noorpur thal distt khushab</t>
  </si>
  <si>
    <t>Nahid Raza</t>
  </si>
  <si>
    <t>GGHS ADHWAL</t>
  </si>
  <si>
    <t>ADHWAL</t>
  </si>
  <si>
    <t>GOVT. GIRLS HIGH SCHOOL ADHWAL.District Rawalpindi.</t>
  </si>
  <si>
    <t>CHOUNTRA</t>
  </si>
  <si>
    <t>Sadia Tabbassum</t>
  </si>
  <si>
    <t>GGHS ADIL GARH</t>
  </si>
  <si>
    <t>Adil Garh</t>
  </si>
  <si>
    <t>GGHS Adil Garh</t>
  </si>
  <si>
    <t>GGHS AHDIAN</t>
  </si>
  <si>
    <t>GGHSAhdian</t>
  </si>
  <si>
    <t>Fauzia Sattar</t>
  </si>
  <si>
    <t>GGHS AHEER COLONY SARGODHA</t>
  </si>
  <si>
    <t>Sargodha City</t>
  </si>
  <si>
    <t>gghs aheer colony sargodha</t>
  </si>
  <si>
    <t>Muhammadia colony</t>
  </si>
  <si>
    <t>Samina Gull</t>
  </si>
  <si>
    <t>GGHS AHLA</t>
  </si>
  <si>
    <t>vpo ahla teh &amp; Disst M.b.din\</t>
  </si>
  <si>
    <t>ahla</t>
  </si>
  <si>
    <t>uc ahla</t>
  </si>
  <si>
    <t>Tayyeba Zahra</t>
  </si>
  <si>
    <t>GGHS AHMAD NAGAR</t>
  </si>
  <si>
    <t>ahmad nagar</t>
  </si>
  <si>
    <t>Mansoora Fouzia</t>
  </si>
  <si>
    <t>hand pump and electric cooler</t>
  </si>
  <si>
    <t>GGHS AHMAD NAGAR, KHANEWAL</t>
  </si>
  <si>
    <t>bherowaal</t>
  </si>
  <si>
    <t>mussarat batool naqvi</t>
  </si>
  <si>
    <t>GGHS AHMAD PUR LAMMA</t>
  </si>
  <si>
    <t>AHMAD  PUR LAMMA</t>
  </si>
  <si>
    <t>ahmed pur lamma</t>
  </si>
  <si>
    <t>AHMAD pur lamma</t>
  </si>
  <si>
    <t>Rashida Perveen Principal</t>
  </si>
  <si>
    <t>GGHS AHMADANI</t>
  </si>
  <si>
    <t>GGHS Ahmadani P/o Shadan Lund</t>
  </si>
  <si>
    <t>Salma Akbar</t>
  </si>
  <si>
    <t>GGHS AHMADIA SIALKOT</t>
  </si>
  <si>
    <t>Govt.Ahmadia girls high school,Sialkot.</t>
  </si>
  <si>
    <t>Khalida Raana Mir</t>
  </si>
  <si>
    <t>GGHS AHMEDAL NO.2</t>
  </si>
  <si>
    <t>Ahmedal</t>
  </si>
  <si>
    <t>GGHS Ahmedal Pindi Gheb Attock</t>
  </si>
  <si>
    <t>Umber Nauroze</t>
  </si>
  <si>
    <t>GGHS AIMA QAZIAN</t>
  </si>
  <si>
    <t>Chanderke RAJPUTER</t>
  </si>
  <si>
    <t>Khalida Shameem</t>
  </si>
  <si>
    <t>GGHS AINO</t>
  </si>
  <si>
    <t>aino</t>
  </si>
  <si>
    <t>pilowaince</t>
  </si>
  <si>
    <t>Nasreen Iqbal</t>
  </si>
  <si>
    <t>GGHS AJNALA</t>
  </si>
  <si>
    <t>village ajnala teh and distt gujrat</t>
  </si>
  <si>
    <t>GGHS AKBAR</t>
  </si>
  <si>
    <t>akbar</t>
  </si>
  <si>
    <t>Govt.Girls High School Eminabad Road Akbar Chowk Post Office Talhara Tehsil Daska</t>
  </si>
  <si>
    <t>GGHS AKBAR OKARA</t>
  </si>
  <si>
    <t>moaza Akbar</t>
  </si>
  <si>
    <t>TALAT FARDOUS</t>
  </si>
  <si>
    <t>GGHS AKHORI</t>
  </si>
  <si>
    <t>Akhori</t>
  </si>
  <si>
    <t>gghs akhori tehsil and dist attock</t>
  </si>
  <si>
    <t>Faiza Malik</t>
  </si>
  <si>
    <t>GGHS AKWAL</t>
  </si>
  <si>
    <t>AKWAL</t>
  </si>
  <si>
    <t>vPO AKWAL</t>
  </si>
  <si>
    <t>GGHS AL KAREEM PEOPLES COLONY NO 1 FSD</t>
  </si>
  <si>
    <t>peoples colony</t>
  </si>
  <si>
    <t>peoples colony no 01 fsd</t>
  </si>
  <si>
    <t>muhammad nagar</t>
  </si>
  <si>
    <t>sidrah till muntaha</t>
  </si>
  <si>
    <t>GGHS ALAM GARH (UPGRADED)</t>
  </si>
  <si>
    <t>Alam GARH</t>
  </si>
  <si>
    <t>GGHS ALAMGARH</t>
  </si>
  <si>
    <t>FARRUKH KHURSHEED</t>
  </si>
  <si>
    <t>GGHS AL-FATIMA TOWN</t>
  </si>
  <si>
    <t>Housing colony</t>
  </si>
  <si>
    <t>Gghs al-fatima town hnd BWN</t>
  </si>
  <si>
    <t>Al-hashim colony</t>
  </si>
  <si>
    <t>Sajida Naeem</t>
  </si>
  <si>
    <t>GGHS ALI GARH FAISALABAD</t>
  </si>
  <si>
    <t>ISLAMNAGAR</t>
  </si>
  <si>
    <t>GGHS ALI GARH ISLAMNAGAR FAISALABAD</t>
  </si>
  <si>
    <t>MUSTAFA ABAD</t>
  </si>
  <si>
    <t>IRAM AZIZ</t>
  </si>
  <si>
    <t>GGHS ALI LANGAH</t>
  </si>
  <si>
    <t>Ali Langah</t>
  </si>
  <si>
    <t>govt girls high schol ali langah tehsil shakargarh district narowal</t>
  </si>
  <si>
    <t>GGHS ALI PUR</t>
  </si>
  <si>
    <t>ALI PUR P/O SAME TEHSIL AND DISTRICT JHANG</t>
  </si>
  <si>
    <t>pabar wala</t>
  </si>
  <si>
    <t>SHAHZADI RASHID HASHMI</t>
  </si>
  <si>
    <t>GGHS ALI PUR CHATTHA</t>
  </si>
  <si>
    <t>ALI PUR CHATHA</t>
  </si>
  <si>
    <t>GOVT. GIRLS HIGH SCHOOL, ALI PUR CHATHA THANA BAZAR ALI PUR CHATHA</t>
  </si>
  <si>
    <t>THANA BAZAR</t>
  </si>
  <si>
    <t>GGHS ALI RAZA ABAD LAHORE</t>
  </si>
  <si>
    <t>Madiha Gul</t>
  </si>
  <si>
    <t>GGHS ALI WALI PO ALI WALI</t>
  </si>
  <si>
    <t>Aliwali</t>
  </si>
  <si>
    <t>GGHS ALIWALI, P/O KUNDIAN, TEH. PIPLAN, MIANWALI</t>
  </si>
  <si>
    <t>SHAFFAQ YOUSAF</t>
  </si>
  <si>
    <t>GGHS ALIOT</t>
  </si>
  <si>
    <t>GGHS ALIOT  TEH MURREE</t>
  </si>
  <si>
    <t>Potha Sharief</t>
  </si>
  <si>
    <t>Saiqa  Gul Chaman</t>
  </si>
  <si>
    <t>GGHS ALIPUR</t>
  </si>
  <si>
    <t>MUTAFIRQA</t>
  </si>
  <si>
    <t>JATOI CHOWK ALIPUR</t>
  </si>
  <si>
    <t>MUNCIPAL COMMETTY</t>
  </si>
  <si>
    <t>NAHEED ALMAS</t>
  </si>
  <si>
    <t>GGHS ALLU WALI</t>
  </si>
  <si>
    <t>Govt.Girls.High.School Alluwali,Teh.Piplan District. Mianwali</t>
  </si>
  <si>
    <t>sobia yasmin</t>
  </si>
  <si>
    <t>GGHS ALODAY WALI</t>
  </si>
  <si>
    <t>alouday wali</t>
  </si>
  <si>
    <t>p/o alouday wali tehsil and district muzaffar garh</t>
  </si>
  <si>
    <t>sukhay wala</t>
  </si>
  <si>
    <t>Razia Begam</t>
  </si>
  <si>
    <t>GGHS ALOMAHAR</t>
  </si>
  <si>
    <t>Moutra</t>
  </si>
  <si>
    <t>alo mahar daska district sailot</t>
  </si>
  <si>
    <t>Asifa Qanta</t>
  </si>
  <si>
    <t>filter cooler</t>
  </si>
  <si>
    <t>GGHS ALPHA CHRISSTIAN</t>
  </si>
  <si>
    <t>College Road</t>
  </si>
  <si>
    <t>college rd rwp</t>
  </si>
  <si>
    <t>Rwp</t>
  </si>
  <si>
    <t>46city</t>
  </si>
  <si>
    <t>Rashida Saidan</t>
  </si>
  <si>
    <t>donation</t>
  </si>
  <si>
    <t>GGHS ALYAS COLONY</t>
  </si>
  <si>
    <t>10np</t>
  </si>
  <si>
    <t>ilyas colony st.11</t>
  </si>
  <si>
    <t>ilyas colony</t>
  </si>
  <si>
    <t>muncipal comtee</t>
  </si>
  <si>
    <t>Zubaida Yasmeen</t>
  </si>
  <si>
    <t>GGHS AMAN NAROWAL</t>
  </si>
  <si>
    <t>Govt Aman  Girl's  high school.siddique Pura, Narowal</t>
  </si>
  <si>
    <t>Siddique  Pura</t>
  </si>
  <si>
    <t>GGHS AMEER PUR SADAT</t>
  </si>
  <si>
    <t>ameer Pur sadat</t>
  </si>
  <si>
    <t>Ameer Pur sadat</t>
  </si>
  <si>
    <t>UMMARA YSAMIN</t>
  </si>
  <si>
    <t>GGHS AMF KAMRA CANTT</t>
  </si>
  <si>
    <t>government girls high school AMF KAMRA</t>
  </si>
  <si>
    <t>AMF COLONY</t>
  </si>
  <si>
    <t>GGHS AMIN ABAD</t>
  </si>
  <si>
    <t>Gghs aminabad,teh. lqp, distt. ryk.</t>
  </si>
  <si>
    <t>AMINABAD</t>
  </si>
  <si>
    <t>Kiran Bibi</t>
  </si>
  <si>
    <t>GGHS AMIN PUR SYEDAN</t>
  </si>
  <si>
    <t>ferozwala</t>
  </si>
  <si>
    <t>amin pur syedan</t>
  </si>
  <si>
    <t>Nadala</t>
  </si>
  <si>
    <t>Shama Akhtar</t>
  </si>
  <si>
    <t>GGHS AMIN TOWN</t>
  </si>
  <si>
    <t>Pakka Mari</t>
  </si>
  <si>
    <t>Govt. Girls High School, Amin Town, Faisalabad</t>
  </si>
  <si>
    <t>Amin Town</t>
  </si>
  <si>
    <t>Donation</t>
  </si>
  <si>
    <t>GGHS AMRA KALAN</t>
  </si>
  <si>
    <t>AMRA KALAN</t>
  </si>
  <si>
    <t>FATIMA TAJ</t>
  </si>
  <si>
    <t>GGHS ANGA</t>
  </si>
  <si>
    <t>vpo anga tehsil naushera district Khushab</t>
  </si>
  <si>
    <t>UC Anga</t>
  </si>
  <si>
    <t>Sidrah Niaz</t>
  </si>
  <si>
    <t>GGHS ANGOORI</t>
  </si>
  <si>
    <t>Village and post office Angoori.</t>
  </si>
  <si>
    <t>Atifa Habib</t>
  </si>
  <si>
    <t>GGHS ANJUMAN-E-ISLAMIA GOWALMANDI NEAR FOOD STREET</t>
  </si>
  <si>
    <t>govt.anjuman email islamia girls high school gowalmandi</t>
  </si>
  <si>
    <t>Kausar Ishaque</t>
  </si>
  <si>
    <t>GGHS ANWAR ABAD</t>
  </si>
  <si>
    <t>anwarabad vehari</t>
  </si>
  <si>
    <t>Anwarabd</t>
  </si>
  <si>
    <t>Numaira Kousar</t>
  </si>
  <si>
    <t>GGHS ANWAR SHAHEED COLONY</t>
  </si>
  <si>
    <t>renala khurd</t>
  </si>
  <si>
    <t>GGHS anwar shaheed colony</t>
  </si>
  <si>
    <t>anwar shaheed colony</t>
  </si>
  <si>
    <t>Shahida Rasheed</t>
  </si>
  <si>
    <t>GGHS ANWAR-UL-ISLAM NO. BARAF KHANA CHOWK RWP (NEW)</t>
  </si>
  <si>
    <t>gghs anwar ul islam no.2 barafkhana chowk</t>
  </si>
  <si>
    <t>MARIAM MURTAZA</t>
  </si>
  <si>
    <t>GGHS APWA</t>
  </si>
  <si>
    <t>Hamaitiyan</t>
  </si>
  <si>
    <t>GGHS APWA Satellite Town Bahawalpur</t>
  </si>
  <si>
    <t>Asma Qasim</t>
  </si>
  <si>
    <t>GGHS ARA</t>
  </si>
  <si>
    <t>GGHS ara the choa saiden shah distt chakwal</t>
  </si>
  <si>
    <t>GGHS ARA AKBER SHAH</t>
  </si>
  <si>
    <t>Rao bela Gharbi</t>
  </si>
  <si>
    <t>ARA AKBAR shah</t>
  </si>
  <si>
    <t>ARA AKBAR Shah</t>
  </si>
  <si>
    <t>FAUZIA MONAWAR</t>
  </si>
  <si>
    <t>GGHS ARA JAFFAR</t>
  </si>
  <si>
    <t>Ara Jaffar</t>
  </si>
  <si>
    <t>ara jaffar</t>
  </si>
  <si>
    <t>Sadia parveen</t>
  </si>
  <si>
    <t>GGHS ARAZI</t>
  </si>
  <si>
    <t>Arazi</t>
  </si>
  <si>
    <t>government girls high school arazi Khas</t>
  </si>
  <si>
    <t>Arazi Khas</t>
  </si>
  <si>
    <t>Fouzia Naheed</t>
  </si>
  <si>
    <t>GGHS ARAZI HASSANAL</t>
  </si>
  <si>
    <t>Arazi Hasnal</t>
  </si>
  <si>
    <t>Govt Girls High School Arazi Hasnal</t>
  </si>
  <si>
    <t>aqila batool</t>
  </si>
  <si>
    <t>GGHS ARIYA MOHALLAH</t>
  </si>
  <si>
    <t>GGHS ARIYA MOHALLA RWP</t>
  </si>
  <si>
    <t>ARIYA MOHALLA</t>
  </si>
  <si>
    <t>DK. FARMAN ALI</t>
  </si>
  <si>
    <t>NAHEED ZAHRA</t>
  </si>
  <si>
    <t>GGHS AROOP</t>
  </si>
  <si>
    <t>aroop</t>
  </si>
  <si>
    <t>gghs cheema side aroop gujranwala</t>
  </si>
  <si>
    <t>muhalla cheema aroop</t>
  </si>
  <si>
    <t>Nasir Un Nisa</t>
  </si>
  <si>
    <t>GGHS AROORD AFGHANAN</t>
  </si>
  <si>
    <t>Arood Afghanan</t>
  </si>
  <si>
    <t>village Arood Afghanan tehsil and district Narowal</t>
  </si>
  <si>
    <t>Ayesha Fayyaz</t>
  </si>
  <si>
    <t>GGHS ARRAYIAN</t>
  </si>
  <si>
    <t>Arriyan</t>
  </si>
  <si>
    <t>village arriyan</t>
  </si>
  <si>
    <t>Humaira Zafar</t>
  </si>
  <si>
    <t>GGHS ASIFA NEW MODEL SAID MITHA</t>
  </si>
  <si>
    <t>Said Mitha</t>
  </si>
  <si>
    <t>TEHSIL BAZAR INSIDE BHATTI GATE LAHORE</t>
  </si>
  <si>
    <t>SHAHI QILA</t>
  </si>
  <si>
    <t>SAFIA SALAMAT</t>
  </si>
  <si>
    <t>GGHS ASLAM ABAD (HAFIZ WALA)</t>
  </si>
  <si>
    <t>P.O. Hafiz Wala, Jalalpur Pir Wala, Multan</t>
  </si>
  <si>
    <t>Arifa Noreen</t>
  </si>
  <si>
    <t>GGHS ATHAR</t>
  </si>
  <si>
    <t>Ather</t>
  </si>
  <si>
    <t>gghs ather. teh pd khan.  distt jhelum</t>
  </si>
  <si>
    <t>ghazala farhat</t>
  </si>
  <si>
    <t>GGHS ATTAWAH</t>
  </si>
  <si>
    <t>ATTAWA GUJRANWALA</t>
  </si>
  <si>
    <t>GGHS ATTAWA GUJRANWALA</t>
  </si>
  <si>
    <t>Humaira Shehzadi</t>
  </si>
  <si>
    <t>GGHS ATTOCK NO.2</t>
  </si>
  <si>
    <t>Attock Cantt.</t>
  </si>
  <si>
    <t>Govt. Girls High School No. 2 Attock Cantt.</t>
  </si>
  <si>
    <t>M2</t>
  </si>
  <si>
    <t>Sajida Iffat Mukhtar</t>
  </si>
  <si>
    <t>GGHS AUSIA</t>
  </si>
  <si>
    <t>Ausia</t>
  </si>
  <si>
    <t>VPO Ausia, Murree</t>
  </si>
  <si>
    <t>Umm-E-Habibah Awan</t>
  </si>
  <si>
    <t>GGHS AV BATA PUR</t>
  </si>
  <si>
    <t>Bata Colony</t>
  </si>
  <si>
    <t>govt av ghs bata pur lahore cantt</t>
  </si>
  <si>
    <t>bata colony</t>
  </si>
  <si>
    <t>ATOKY AWAN</t>
  </si>
  <si>
    <t>GGHS AV MUSLIM JHELUM</t>
  </si>
  <si>
    <t>islam pura</t>
  </si>
  <si>
    <t>LUBNA QAISER</t>
  </si>
  <si>
    <t>GGHS AWAN SHARIF</t>
  </si>
  <si>
    <t>Awan Sharif</t>
  </si>
  <si>
    <t>awan sharif</t>
  </si>
  <si>
    <t>SHAZIA MUNIR</t>
  </si>
  <si>
    <t>GGHS AYAZABAD MARAL MULTAN</t>
  </si>
  <si>
    <t>GGHSAYAZABAD MARRAL MULTAN</t>
  </si>
  <si>
    <t>Qasba Awal</t>
  </si>
  <si>
    <t>Qasba Marral</t>
  </si>
  <si>
    <t>shagufta khanum</t>
  </si>
  <si>
    <t>GGHS AYESHA PASRUR</t>
  </si>
  <si>
    <t>Mohallah Taj pura Pasrur</t>
  </si>
  <si>
    <t>Mohallah</t>
  </si>
  <si>
    <t>City No.2</t>
  </si>
  <si>
    <t>Kulsoom Bano</t>
  </si>
  <si>
    <t>GGHS AZMAT ABAD RUSTAM SARGANA</t>
  </si>
  <si>
    <t>P/O rustam sargana, Tehsil Shorkot</t>
  </si>
  <si>
    <t>GGHS BABBAR</t>
  </si>
  <si>
    <t>Babbar</t>
  </si>
  <si>
    <t>p/o babbar tehsil noshera virkan district Gujranwala</t>
  </si>
  <si>
    <t>Abida Abad</t>
  </si>
  <si>
    <t>Rabia Saleem</t>
  </si>
  <si>
    <t>GGHS BABLIANA</t>
  </si>
  <si>
    <t>gghs.babliana ottar.raiwind</t>
  </si>
  <si>
    <t>Naima Nadia</t>
  </si>
  <si>
    <t>GGHS BADDO MALHI</t>
  </si>
  <si>
    <t>BADDOMALHI</t>
  </si>
  <si>
    <t>MUHALLAH DARBAR SHAREEF BADDOMALHI</t>
  </si>
  <si>
    <t>MUHALLA DARBAR SHAREEF BADDOMALHI</t>
  </si>
  <si>
    <t>RAHAT ABBAS</t>
  </si>
  <si>
    <t>GGHS BADDO MALHI NAI ABADI</t>
  </si>
  <si>
    <t>Baddomalhi</t>
  </si>
  <si>
    <t>Nai Abadi Baddomalhi, teh./dist. Narowal, Pakistan</t>
  </si>
  <si>
    <t>Shazia Ilyas</t>
  </si>
  <si>
    <t>GGHS BADDOKE SEIKHHWAN</t>
  </si>
  <si>
    <t>baddoke saikhuwan</t>
  </si>
  <si>
    <t>GGHS BADDOKE SAIKHUWAN, Teh. Noshera Virkan GUJRANWALA.</t>
  </si>
  <si>
    <t>udhuwali</t>
  </si>
  <si>
    <t>KANWAL SHAHZADI</t>
  </si>
  <si>
    <t>GGHS BADLOT</t>
  </si>
  <si>
    <t>badlot</t>
  </si>
  <si>
    <t>Govt Girls High School Badlot Teh Dina Distt Jhelum</t>
  </si>
  <si>
    <t>GGHS BADO MALHI 113 RB</t>
  </si>
  <si>
    <t>Badomalhi Chak  no 113</t>
  </si>
  <si>
    <t>badomalhi chak no 113</t>
  </si>
  <si>
    <t>Samera Saif</t>
  </si>
  <si>
    <t>GGHS BADOKAY CHEEMA</t>
  </si>
  <si>
    <t>Baddoke Cheema</t>
  </si>
  <si>
    <t>GOVT GIRLS HIGH SCHOOL BADDOKE CHEEMA</t>
  </si>
  <si>
    <t>BADDOKE CHEEMA</t>
  </si>
  <si>
    <t>GGHS BADOKI GOSIAN</t>
  </si>
  <si>
    <t>BADDOKI GOSSAIAN</t>
  </si>
  <si>
    <t>GOVT GIRLS HIGH SCHOOL BADDOKI GOSSAIAN</t>
  </si>
  <si>
    <t>CANTONMENT BOARD GUJRANWALA</t>
  </si>
  <si>
    <t>GGHS BADSHAH PUR</t>
  </si>
  <si>
    <t>Badshapur</t>
  </si>
  <si>
    <t>badshahpur</t>
  </si>
  <si>
    <t>Tehseen Sadaf</t>
  </si>
  <si>
    <t>GGHS BADYAN</t>
  </si>
  <si>
    <t>village bedian</t>
  </si>
  <si>
    <t>Chatiyawala</t>
  </si>
  <si>
    <t>GGHS BAGAR SARGANA, SARAI SIDHU</t>
  </si>
  <si>
    <t>BAGAR SARGANA</t>
  </si>
  <si>
    <t>GGHS BAGAR SARGANA, SARAI SIDHU TEH:KABIRWALA, DISTT: KHANEWAL</t>
  </si>
  <si>
    <t>khalida aziz</t>
  </si>
  <si>
    <t>GGHS BAGGA</t>
  </si>
  <si>
    <t>Bagga jhelum</t>
  </si>
  <si>
    <t>abida parveen</t>
  </si>
  <si>
    <t>GGHS BAGH WALA</t>
  </si>
  <si>
    <t>sargani thal</t>
  </si>
  <si>
    <t>GGHS SOLING ADDA BAGHWALA</t>
  </si>
  <si>
    <t>ALI rajan</t>
  </si>
  <si>
    <t>nargis perveen</t>
  </si>
  <si>
    <t>GGHS BAGHRI NO 2</t>
  </si>
  <si>
    <t>GGHS Baghri, Chokian Stop, Malhuana Morr, Jhang.</t>
  </si>
  <si>
    <t>Baghri Sargana</t>
  </si>
  <si>
    <t>GGHS BAGRIAN WALA</t>
  </si>
  <si>
    <t>Govt Girls High School Bagrianwala P/O Bagrianwala Tehsil Kharian District Gujrat</t>
  </si>
  <si>
    <t>NAJMA NAHEED</t>
  </si>
  <si>
    <t>GGHS BAHADAR NAGER FARM</t>
  </si>
  <si>
    <t>bahadar negar farm okara</t>
  </si>
  <si>
    <t>37 GD</t>
  </si>
  <si>
    <t>bushra akhter hussain</t>
  </si>
  <si>
    <t>GGHS BAHADAR PUR JALALPUR PIRWALA</t>
  </si>
  <si>
    <t>Bahadarpur</t>
  </si>
  <si>
    <t>bahadarpur</t>
  </si>
  <si>
    <t>Mehwish Ilyas</t>
  </si>
  <si>
    <t>GGHS BAHARWAL</t>
  </si>
  <si>
    <t>GGHS Baharwal Tehsil Kharian Distt Gujrat</t>
  </si>
  <si>
    <t>Tahira Firdous</t>
  </si>
  <si>
    <t>GGHS BAHIR</t>
  </si>
  <si>
    <t>Baahrr</t>
  </si>
  <si>
    <t>Village Baahrr Teh &amp; Distt Sheikhupura</t>
  </si>
  <si>
    <t>FAKHRA AMIN</t>
  </si>
  <si>
    <t>GGHS BAHTAR</t>
  </si>
  <si>
    <t>gghs bahtar tehsil fatahjang district attock</t>
  </si>
  <si>
    <t>SAIRA HAYAT</t>
  </si>
  <si>
    <t>GGHS BAHUMAN</t>
  </si>
  <si>
    <t>Bahuman</t>
  </si>
  <si>
    <t>village bahuman</t>
  </si>
  <si>
    <t>mahwish</t>
  </si>
  <si>
    <t>GGHS BAIG PUR</t>
  </si>
  <si>
    <t>baig pur Tehsil noshehra virka gujranwala</t>
  </si>
  <si>
    <t>Tayyaba Hussain Shah</t>
  </si>
  <si>
    <t>GGHS BAIGA</t>
  </si>
  <si>
    <t>BEGA</t>
  </si>
  <si>
    <t>GOVT GIRLS HIGH SCHOOL BEGA</t>
  </si>
  <si>
    <t>MACHHIANA</t>
  </si>
  <si>
    <t>SOBIA INAYAT</t>
  </si>
  <si>
    <t>GGHS BAJRA GARHI</t>
  </si>
  <si>
    <t>bajra garhi teh .pasrur distt .sailkot</t>
  </si>
  <si>
    <t>chahr Bajwa</t>
  </si>
  <si>
    <t>Kashifa Sadiqa</t>
  </si>
  <si>
    <t>GGHS BAJWALA KALAN</t>
  </si>
  <si>
    <t>gghs bajwala kalan jhelum</t>
  </si>
  <si>
    <t>farva manzoor</t>
  </si>
  <si>
    <t>GGHS BAKHARBAR</t>
  </si>
  <si>
    <t>Bakhar Bar</t>
  </si>
  <si>
    <t>v.p.o.bakhar bar .shah pur.distt.sgd</t>
  </si>
  <si>
    <t>FAIZ BATOOL</t>
  </si>
  <si>
    <t>GGHS BAKHARI AHMAD KHAN</t>
  </si>
  <si>
    <t>Bate Dabli</t>
  </si>
  <si>
    <t>Muza Bate Dabli Basti Bakhri Ahmad Khan</t>
  </si>
  <si>
    <t>Rukhsana Faiz</t>
  </si>
  <si>
    <t>GGHS BAKHTAWAR</t>
  </si>
  <si>
    <t>Khansar Tehsil &amp; District Bhakkar</t>
  </si>
  <si>
    <t>Sumaira Fatima</t>
  </si>
  <si>
    <t>GGHS BAKRALA</t>
  </si>
  <si>
    <t>Bakrala</t>
  </si>
  <si>
    <t>Vill &amp; P.O. Bakrala Tehsil Sohawa Distt Jhelum</t>
  </si>
  <si>
    <t>Iram Asif</t>
  </si>
  <si>
    <t>GGHS BALA</t>
  </si>
  <si>
    <t>GGHS Bala,tehsil piplam Mianwali</t>
  </si>
  <si>
    <t>Vichven Bala</t>
  </si>
  <si>
    <t>Amna Siddique</t>
  </si>
  <si>
    <t>water pump,hand pump</t>
  </si>
  <si>
    <t>GGHS BALA ARRIAN</t>
  </si>
  <si>
    <t>BALA ARRIAN</t>
  </si>
  <si>
    <t>GGHS BALA ARRIAN BAHAWALNAGAR</t>
  </si>
  <si>
    <t>BALA ARIAN</t>
  </si>
  <si>
    <t>MALAK PURA</t>
  </si>
  <si>
    <t>GGHS BALAN WALA</t>
  </si>
  <si>
    <t>gghs ballanwala</t>
  </si>
  <si>
    <t>khalida ghumman</t>
  </si>
  <si>
    <t>GGHS BALKASSAR</t>
  </si>
  <si>
    <t>GGHSBalkassar vpo Balkassar Teh&amp;Distt Chakwal</t>
  </si>
  <si>
    <t>azra bibi</t>
  </si>
  <si>
    <t>GGHS BALLA JHULLAN</t>
  </si>
  <si>
    <t>GGES BAlla Jhullan post office Gummani uch sharif</t>
  </si>
  <si>
    <t>Jagir Sadiq Abad</t>
  </si>
  <si>
    <t>GGHS BALLOKI</t>
  </si>
  <si>
    <t>BALLOKI</t>
  </si>
  <si>
    <t>VILLAGE BALLOKI P/O PHOOL NAGAR TEH.PATTOKI KASUR</t>
  </si>
  <si>
    <t>Qura Tul Ain</t>
  </si>
  <si>
    <t>GGHS BALOKE VIRKAN</t>
  </si>
  <si>
    <t>48 Virkan</t>
  </si>
  <si>
    <t>BALLOKE virkan</t>
  </si>
  <si>
    <t>Sania Javed</t>
  </si>
  <si>
    <t>GGHS BALRIA</t>
  </si>
  <si>
    <t>Balria</t>
  </si>
  <si>
    <t>village Balria Po Hanesar, tehsil kahuta district rwp</t>
  </si>
  <si>
    <t>FARZANA KHATOON</t>
  </si>
  <si>
    <t>GGHS BAMABALA</t>
  </si>
  <si>
    <t>Bamabala</t>
  </si>
  <si>
    <t>bamabala p/o same</t>
  </si>
  <si>
    <t>Zunera Nazir</t>
  </si>
  <si>
    <t>GGHS BAMBAN WALA</t>
  </si>
  <si>
    <t>Bambanwala</t>
  </si>
  <si>
    <t>bambanwala</t>
  </si>
  <si>
    <t>GGHS BANDI</t>
  </si>
  <si>
    <t>Bandi dewal</t>
  </si>
  <si>
    <t>Bandi Dewal MURREE</t>
  </si>
  <si>
    <t>Maryam Rashid</t>
  </si>
  <si>
    <t>GGHS BANDIAL</t>
  </si>
  <si>
    <t>Bandial tehsil quaidabad district khushab</t>
  </si>
  <si>
    <t>GGHS BANGALA SHUJABAD</t>
  </si>
  <si>
    <t>Gardezpur</t>
  </si>
  <si>
    <t>GGHS bangala, shujabad</t>
  </si>
  <si>
    <t>Basti Bangala</t>
  </si>
  <si>
    <t>Rabia Akbar Khan</t>
  </si>
  <si>
    <t>GGHS BANGLA MACHI</t>
  </si>
  <si>
    <t>BAIT ANGRA</t>
  </si>
  <si>
    <t>MOUZA BAIT ANGRA BANGLA MACHI KOT ADU</t>
  </si>
  <si>
    <t>BANGLA MACHI</t>
  </si>
  <si>
    <t>SHEIKH UMER</t>
  </si>
  <si>
    <t>TALAT NAWEEN</t>
  </si>
  <si>
    <t>GGHS BANGLA NOOR SHAH</t>
  </si>
  <si>
    <t>Bangla Noor Shah</t>
  </si>
  <si>
    <t>ward No 8 MOHALA BANGLA NOOR SHAH TALAGANG DISTRICT CHAKWAL</t>
  </si>
  <si>
    <t>Tala sharq</t>
  </si>
  <si>
    <t>Ayaz Tariq</t>
  </si>
  <si>
    <t>GGHS BANKA CHEEMA</t>
  </si>
  <si>
    <t>AHMAD NAGAR</t>
  </si>
  <si>
    <t>GGHS BANKA CHEEMA TEH WAZIRABAD DIST GWA</t>
  </si>
  <si>
    <t>BANKA CHEEMA</t>
  </si>
  <si>
    <t>GGHS BANN</t>
  </si>
  <si>
    <t>Chahrian</t>
  </si>
  <si>
    <t>pobox ban village ban</t>
  </si>
  <si>
    <t>Jahan Ara Fatima</t>
  </si>
  <si>
    <t>GGHS BAR MUSA</t>
  </si>
  <si>
    <t>barmusa</t>
  </si>
  <si>
    <t>vpo barmusa</t>
  </si>
  <si>
    <t>fauzia khan</t>
  </si>
  <si>
    <t>GGHS BARA GHAR</t>
  </si>
  <si>
    <t>BARA GHAR</t>
  </si>
  <si>
    <t>BARA GHAR P/O SAME TEHSIL AND DISTRICT NANKANA SAHIB.</t>
  </si>
  <si>
    <t>SAIRA SARDAR</t>
  </si>
  <si>
    <t>GGHS BARA GOWAH</t>
  </si>
  <si>
    <t>Baragowah</t>
  </si>
  <si>
    <t>GGHS Baragowah P/O Baragwoah Tehsil Sohawa Distt. Jhelum</t>
  </si>
  <si>
    <t>norin akhtar</t>
  </si>
  <si>
    <t>water supply scheme</t>
  </si>
  <si>
    <t>GGHS BARA GRAN</t>
  </si>
  <si>
    <t>Baragran</t>
  </si>
  <si>
    <t>GGhs baragran</t>
  </si>
  <si>
    <t>GGHS BARA MANGA</t>
  </si>
  <si>
    <t>village&amp; p/o baramanga teh shakrgarh distt narowal</t>
  </si>
  <si>
    <t>baramanga</t>
  </si>
  <si>
    <t>aqsa rashid</t>
  </si>
  <si>
    <t>GGHS BARA ZAI</t>
  </si>
  <si>
    <t>Barazai</t>
  </si>
  <si>
    <t>vpo barazai</t>
  </si>
  <si>
    <t>barazai</t>
  </si>
  <si>
    <t>farzana zaman</t>
  </si>
  <si>
    <t>GGHS BARAN</t>
  </si>
  <si>
    <t>BARAN</t>
  </si>
  <si>
    <t>Baran tehsil shakargarh district Narowal</t>
  </si>
  <si>
    <t>GGHS BARANA</t>
  </si>
  <si>
    <t>BARANA</t>
  </si>
  <si>
    <t>Barana lalian tehsil lalian district chiniot</t>
  </si>
  <si>
    <t>barana</t>
  </si>
  <si>
    <t>GGHS BARKAT MARKET GARDEN TOWN LHR</t>
  </si>
  <si>
    <t>GARDEN TOWN</t>
  </si>
  <si>
    <t>GGHS BARKAT MARKET GARDEN TOWN LAHORE</t>
  </si>
  <si>
    <t>shamshad akhtar</t>
  </si>
  <si>
    <t>Govt. Filtered Water (WASA)</t>
  </si>
  <si>
    <t>GGHS BARNALI</t>
  </si>
  <si>
    <t>Barnali</t>
  </si>
  <si>
    <t>vpo barnali Teh. Kharian distt. Gujrat</t>
  </si>
  <si>
    <t>Nasreen Shakoor</t>
  </si>
  <si>
    <t>GGHS BAROIA CHAK 36 RB</t>
  </si>
  <si>
    <t>Baroia Chak 36</t>
  </si>
  <si>
    <t>Baroia chak 36</t>
  </si>
  <si>
    <t>Badhomalhi</t>
  </si>
  <si>
    <t>GGHS BARTHI</t>
  </si>
  <si>
    <t>Barthi North</t>
  </si>
  <si>
    <t>Barthi Triablearea D G KHAN</t>
  </si>
  <si>
    <t>GGHS BARYAR</t>
  </si>
  <si>
    <t>GGHS BARYAR ATTOCK</t>
  </si>
  <si>
    <t>SHEENBAGH</t>
  </si>
  <si>
    <t>GGHS BASHARAT CHOA SAIDEN</t>
  </si>
  <si>
    <t>VPO Basharat Tehsil Choa Saiden Shah District Chakwal</t>
  </si>
  <si>
    <t>Musarrat Perveen</t>
  </si>
  <si>
    <t>GGHS BASHIR</t>
  </si>
  <si>
    <t>CIVIL STATION</t>
  </si>
  <si>
    <t>govt.BASHIR GIRLS HIGH SCHOOL YOUSAF SHAH ROAD JHANG</t>
  </si>
  <si>
    <t>CIVIL LINE</t>
  </si>
  <si>
    <t>Rubina Naheed</t>
  </si>
  <si>
    <t>GGHS BASHIR MEMORIAL FEROZ PUR ROAD</t>
  </si>
  <si>
    <t>pcsir feroze pur road Lhr</t>
  </si>
  <si>
    <t>Old Fc College</t>
  </si>
  <si>
    <t>Fc College  Katchi Abadi  FccKatchiAbadi</t>
  </si>
  <si>
    <t>Sadia Zahid</t>
  </si>
  <si>
    <t>GGHS BASIRA</t>
  </si>
  <si>
    <t>Qalander Wala</t>
  </si>
  <si>
    <t>P/O BASIRA</t>
  </si>
  <si>
    <t>Rashida Aziz</t>
  </si>
  <si>
    <t>GGHS BASSI WALA</t>
  </si>
  <si>
    <t>bassiwala</t>
  </si>
  <si>
    <t>Aqsa Anjum</t>
  </si>
  <si>
    <t>GGHS BASTI ALYANI</t>
  </si>
  <si>
    <t>Basti Alyani P/o Wadoor Thailand and District,D.G.Khan</t>
  </si>
  <si>
    <t>Basti Alyani</t>
  </si>
  <si>
    <t>MRS.IFFAT ZAHOOR</t>
  </si>
  <si>
    <t>GGHS BASTI BOHRAN</t>
  </si>
  <si>
    <t>Gareeb Shah</t>
  </si>
  <si>
    <t>chak no.23 khairpur tamewali</t>
  </si>
  <si>
    <t>Chak No23 Khairpur Tamewali</t>
  </si>
  <si>
    <t>Khairpur City</t>
  </si>
  <si>
    <t>Tahira Irshad Qazi</t>
  </si>
  <si>
    <t>GGHS BASTI BUZDAR</t>
  </si>
  <si>
    <t>vill bsasti buzdar po kot qaisrani</t>
  </si>
  <si>
    <t>BASTI BUZDAR</t>
  </si>
  <si>
    <t>ARFA HABIB</t>
  </si>
  <si>
    <t>GGHS BASTI CHHINA</t>
  </si>
  <si>
    <t>GGHS Basti Cheena</t>
  </si>
  <si>
    <t>GGHS BASTI GHAZI SHAH</t>
  </si>
  <si>
    <t>govt girls high school Basti GHAZI SHAH jhang</t>
  </si>
  <si>
    <t>Basti GHAZI SHAH</t>
  </si>
  <si>
    <t>GGHS BASTI HAJI MUHAMMAD ALI</t>
  </si>
  <si>
    <t>GGES Basti Haji M.Ali mouza mandhel post office Chuck lohara Teh.APE District BWP</t>
  </si>
  <si>
    <t>basti Haji M Ali</t>
  </si>
  <si>
    <t>Farzana Qasim</t>
  </si>
  <si>
    <t>GGHS BASTI HAMID ULLAH BHATTI</t>
  </si>
  <si>
    <t>basti Hameed Ullah bhati p/o laker wali sdk</t>
  </si>
  <si>
    <t>Hamed Ullah Bhati</t>
  </si>
  <si>
    <t>Rukhsana kouser</t>
  </si>
  <si>
    <t>GGHS BASTI JARALA ABDUL HAKIM</t>
  </si>
  <si>
    <t>Jarala</t>
  </si>
  <si>
    <t>Basti Jarala P/O Abdulhakim kabirwala</t>
  </si>
  <si>
    <t>Basti jarala</t>
  </si>
  <si>
    <t>13-D</t>
  </si>
  <si>
    <t>waheeda yasmin</t>
  </si>
  <si>
    <t>GGHS BASTI KAMAM</t>
  </si>
  <si>
    <t>GGHS BASTI KAMAM, SDK</t>
  </si>
  <si>
    <t>Basti Kamam</t>
  </si>
  <si>
    <t>Tasnim Ashraf</t>
  </si>
  <si>
    <t>GGHS BASTI KHAWAJGAN</t>
  </si>
  <si>
    <t>moza hakra,basti khawajgan,bahawalpur</t>
  </si>
  <si>
    <t>Basti Khawajgan</t>
  </si>
  <si>
    <t>SHAMA NOREEN</t>
  </si>
  <si>
    <t>GGHS BASTI KHUDA DAD MULTAN</t>
  </si>
  <si>
    <t>Bakhar Arbi</t>
  </si>
  <si>
    <t>basti khudadad multan</t>
  </si>
  <si>
    <t>Nasima Idrees Lodhi</t>
  </si>
  <si>
    <t>GGHS BASTI MALAH</t>
  </si>
  <si>
    <t>Basti Mallah</t>
  </si>
  <si>
    <t>Basti Mallah Hussain Abad</t>
  </si>
  <si>
    <t>Basti Atta wali</t>
  </si>
  <si>
    <t>GGHS BASTI MALIK MUHAMMAD IQBAL</t>
  </si>
  <si>
    <t>GGHS basti malik iqbal Musafirkhana</t>
  </si>
  <si>
    <t>Basti Malik Iqbal</t>
  </si>
  <si>
    <t>Jindo Misson</t>
  </si>
  <si>
    <t>maira Ghazal</t>
  </si>
  <si>
    <t>GGHS BASTI MI ROSHAN</t>
  </si>
  <si>
    <t>BASTI MAI ROSHEN</t>
  </si>
  <si>
    <t>KANJAN</t>
  </si>
  <si>
    <t>Zubaria Ishfaq</t>
  </si>
  <si>
    <t>GGHS BASTI MUSA WALI MULTAN</t>
  </si>
  <si>
    <t>DURANA LANGANA</t>
  </si>
  <si>
    <t>DURANA LANGANA MUSA WALI ROYAL ORCHARD COLONY</t>
  </si>
  <si>
    <t>BASTI MUSA WALI</t>
  </si>
  <si>
    <t>khalida shafiq</t>
  </si>
  <si>
    <t>GGHS BASTI NAU MULTAN</t>
  </si>
  <si>
    <t>Govt. Girls High School Basti Nau, Tehsil Multan Saddar, Distt Multan</t>
  </si>
  <si>
    <t>Khawar Noor Farhana</t>
  </si>
  <si>
    <t>GGHS BASTI NOOR PIR</t>
  </si>
  <si>
    <t>Basti Noor Pir Dunyapur (Lodhran)</t>
  </si>
  <si>
    <t>MUDASSIRA ASHRAF</t>
  </si>
  <si>
    <t>GGHS BASTI PHULARA</t>
  </si>
  <si>
    <t>Fortabbas</t>
  </si>
  <si>
    <t>gghs phulara</t>
  </si>
  <si>
    <t>GGHS BASTI PIRAN</t>
  </si>
  <si>
    <t>Basti Peeran</t>
  </si>
  <si>
    <t>GGHS BASTI PEERAN KML</t>
  </si>
  <si>
    <t>Rabia Munir</t>
  </si>
  <si>
    <t>GGHS BASTI QAZI</t>
  </si>
  <si>
    <t>basti qazi Tehsil Karor district Layyah</t>
  </si>
  <si>
    <t>Attia Kousar</t>
  </si>
  <si>
    <t>GGHS BASTI REGRAN FAISAL COLONY (BWN)</t>
  </si>
  <si>
    <t>GGHS Basti regran faisal colony bwn</t>
  </si>
  <si>
    <t>Basti Regran</t>
  </si>
  <si>
    <t>mussarat shaheen</t>
  </si>
  <si>
    <t>GGHS BASTI SAHER</t>
  </si>
  <si>
    <t>Saher</t>
  </si>
  <si>
    <t>Basti Saher</t>
  </si>
  <si>
    <t>saher</t>
  </si>
  <si>
    <t>GGHS BASTI SAIDAN SHAH UPPER MALL</t>
  </si>
  <si>
    <t>Mian Meer</t>
  </si>
  <si>
    <t>Govt. Shahmim-ul-Islam Girls High School Basti Saidan Shah Upper Mall Lahore.</t>
  </si>
  <si>
    <t>Basti saidan shah</t>
  </si>
  <si>
    <t>GGHS BASTI SHAIR MUHAMMAD</t>
  </si>
  <si>
    <t>Marri Allah Bachaya</t>
  </si>
  <si>
    <t>gghs basti sher muhammad kpr</t>
  </si>
  <si>
    <t>basti sher muhammad</t>
  </si>
  <si>
    <t>marri Allah bachaya</t>
  </si>
  <si>
    <t>Aqila  Gul</t>
  </si>
  <si>
    <t>GGHS BASTI SHEIKH ROSHAN</t>
  </si>
  <si>
    <t>Sheikh Roshan</t>
  </si>
  <si>
    <t>Mouza and Basti Sheikh Roshan.Tehsil Ahmad Pur East.</t>
  </si>
  <si>
    <t>Rabia Fakharullah</t>
  </si>
  <si>
    <t>GGHS BATHANWALA</t>
  </si>
  <si>
    <t>Bathanwala</t>
  </si>
  <si>
    <t>Nerjis Zaidi</t>
  </si>
  <si>
    <t>GGHS BAYAL GANJ PAKPATTAN</t>
  </si>
  <si>
    <t>boyle gunj</t>
  </si>
  <si>
    <t>post office boyle gunj pakpattan</t>
  </si>
  <si>
    <t>mala kanwal</t>
  </si>
  <si>
    <t>GGHS BBS SOHAWA BOLANI</t>
  </si>
  <si>
    <t>Sohawa bolani</t>
  </si>
  <si>
    <t>sargodha road</t>
  </si>
  <si>
    <t>Najma  Noreen</t>
  </si>
  <si>
    <t>GGHS BEHAL</t>
  </si>
  <si>
    <t>Behal</t>
  </si>
  <si>
    <t>GGHS Behal</t>
  </si>
  <si>
    <t>Fariha Ameer</t>
  </si>
  <si>
    <t>GGHS BEHAL PUR</t>
  </si>
  <si>
    <t>Behlpur</t>
  </si>
  <si>
    <t>Village and P.O behlpur Teh and disctt. Gujrat</t>
  </si>
  <si>
    <t>Salma Latif</t>
  </si>
  <si>
    <t>GGHS BEHARI COLONY</t>
  </si>
  <si>
    <t>GGHS Behari Colony Near Bilal Masjid Kramat Chowk Green Town Lahore</t>
  </si>
  <si>
    <t>Maryam Colony</t>
  </si>
  <si>
    <t>rashida Bibi</t>
  </si>
  <si>
    <t>GGHS BEHBOODI</t>
  </si>
  <si>
    <t>BEHBOODI</t>
  </si>
  <si>
    <t>GGHS BEHBOODI NEAR SHAKIR SHAHEED CHOWK BEHBOODI VILLAGE</t>
  </si>
  <si>
    <t>BEHBOODI VILLAGE</t>
  </si>
  <si>
    <t>MALAK MALA</t>
  </si>
  <si>
    <t>SAIMA GUL</t>
  </si>
  <si>
    <t>GGHS BEHRWAL KALAN</t>
  </si>
  <si>
    <t>beherwal kalan</t>
  </si>
  <si>
    <t>GGHS BEHERWAL KALAN TEHSIL PATTOKI. DISTT.KASUR</t>
  </si>
  <si>
    <t>Beherwal Kalan</t>
  </si>
  <si>
    <t>farhat nasreen</t>
  </si>
  <si>
    <t>GGHS BELAY WALA</t>
  </si>
  <si>
    <t>Belay wala</t>
  </si>
  <si>
    <t>p/o belay wala teh.jatoi district m.garh</t>
  </si>
  <si>
    <t>Ammara Naseem</t>
  </si>
  <si>
    <t>GGHS BEOR</t>
  </si>
  <si>
    <t>VPO BEOR TEHSIL KAHUTA DISTT RWP</t>
  </si>
  <si>
    <t>bore(not enough)</t>
  </si>
  <si>
    <t>GGHS BEOWALI</t>
  </si>
  <si>
    <t>Beowali</t>
  </si>
  <si>
    <t>P/O Beowali Dist. /Teh Gujrat</t>
  </si>
  <si>
    <t>Aziz Akhtar</t>
  </si>
  <si>
    <t>GGHS BHABRA</t>
  </si>
  <si>
    <t>gghs bhabra</t>
  </si>
  <si>
    <t>shabana shaheen</t>
  </si>
  <si>
    <t>GGHS BHADAL</t>
  </si>
  <si>
    <t>Bhadal Tehsil &amp; District Sialkot</t>
  </si>
  <si>
    <t>Paki Kotli</t>
  </si>
  <si>
    <t>Sadia Imtiaz</t>
  </si>
  <si>
    <t>GGHS BHADDAR</t>
  </si>
  <si>
    <t>vill &amp; p/O bhaddar teh kharian distt gujrat</t>
  </si>
  <si>
    <t>bhaddar</t>
  </si>
  <si>
    <t>SAFIA BEGUM</t>
  </si>
  <si>
    <t>Electric moter</t>
  </si>
  <si>
    <t>GGHS BHADRU MINARA</t>
  </si>
  <si>
    <t>Bhadru minara</t>
  </si>
  <si>
    <t>bhadru minara sheikhupura</t>
  </si>
  <si>
    <t>Bhadru Minara</t>
  </si>
  <si>
    <t>shakeela parveen</t>
  </si>
  <si>
    <t>GGHS BHAG NAGAR</t>
  </si>
  <si>
    <t>vill bhag nagar po same tehsil sarai alamgur dist. gujrat</t>
  </si>
  <si>
    <t>GGHS BHAGANA</t>
  </si>
  <si>
    <t>Bhagana</t>
  </si>
  <si>
    <t>gghsbhagana gujar khan</t>
  </si>
  <si>
    <t>Shazia Andleeb</t>
  </si>
  <si>
    <t>GGHS BHAGAT PUR</t>
  </si>
  <si>
    <t>govt.girls high school bhagat pur daska, sialkot</t>
  </si>
  <si>
    <t>GGHS BHAGI WAL</t>
  </si>
  <si>
    <t>GOVT.GIRLSBHIGH HIGH SCHOOL TIBBA BHAGIWAL</t>
  </si>
  <si>
    <t>Bhagiwal Tibba</t>
  </si>
  <si>
    <t>SADIA SHAMS</t>
  </si>
  <si>
    <t>GGHS BHAGO DIAL</t>
  </si>
  <si>
    <t>Bhago Dial</t>
  </si>
  <si>
    <t>gghs bhago dial</t>
  </si>
  <si>
    <t>Rehana Ishaq</t>
  </si>
  <si>
    <t>GGHS BHAGOWAL</t>
  </si>
  <si>
    <t>vill and p.o bhagowal tehsil  and distt skt</t>
  </si>
  <si>
    <t>sarwat basharat</t>
  </si>
  <si>
    <t>GGHS BHAGOWAL KALAN</t>
  </si>
  <si>
    <t>BHAGOWAL KALAN</t>
  </si>
  <si>
    <t>MISS MUSSRAT PERVEEN</t>
  </si>
  <si>
    <t>GGHS BHAGOWAL KUURD</t>
  </si>
  <si>
    <t>village bhagowal khurd post office jalalpur jattan</t>
  </si>
  <si>
    <t>GGHS BHAGSAR</t>
  </si>
  <si>
    <t>bhagsar</t>
  </si>
  <si>
    <t>gghs bhagsar</t>
  </si>
  <si>
    <t>sabzani</t>
  </si>
  <si>
    <t>aneeqa shafiq</t>
  </si>
  <si>
    <t>GGHS BHAGTANWALA</t>
  </si>
  <si>
    <t>Bhagtanwala , Sargodha</t>
  </si>
  <si>
    <t>FARAH ATHER</t>
  </si>
  <si>
    <t>GGHS BHAGTHAL</t>
  </si>
  <si>
    <t>VPO bhagtal</t>
  </si>
  <si>
    <t>Peera Fatehal</t>
  </si>
  <si>
    <t>Aqleem Mustafa</t>
  </si>
  <si>
    <t>GGHS BHAGWAAL</t>
  </si>
  <si>
    <t>GGHS BHAGWAL Tehsil and District chakwal</t>
  </si>
  <si>
    <t>Nayab Rani</t>
  </si>
  <si>
    <t>GGHS BHAGWAL</t>
  </si>
  <si>
    <t>saiqa malik</t>
  </si>
  <si>
    <t>GGHS BHAGWAL AWAN</t>
  </si>
  <si>
    <t>Govt  Girls High school Bhagwal Awan sialkot</t>
  </si>
  <si>
    <t>GGHS BHAI KOT NO. 3</t>
  </si>
  <si>
    <t>bhai kot chak no.03</t>
  </si>
  <si>
    <t>kothi wala</t>
  </si>
  <si>
    <t>Rozina Kausar</t>
  </si>
  <si>
    <t>GGHS BHAKHRAY WALI</t>
  </si>
  <si>
    <t>gghs bhakrewali Sambrial</t>
  </si>
  <si>
    <t>Ghazala Mohsin</t>
  </si>
  <si>
    <t>GGHS BHAKKAR NEAR RAILWAY CROSSING</t>
  </si>
  <si>
    <t>URBAN</t>
  </si>
  <si>
    <t>GGHS RAILWAY CROSSING BHAKKAR</t>
  </si>
  <si>
    <t>RAILWAY CROSSING</t>
  </si>
  <si>
    <t>Mamoona Akhtar</t>
  </si>
  <si>
    <t>GGHS BHALA KHAR</t>
  </si>
  <si>
    <t>Bhalakhar</t>
  </si>
  <si>
    <t>GGHS Bhalakhar</t>
  </si>
  <si>
    <t>saiqa noreen</t>
  </si>
  <si>
    <t>GGHS BHALL</t>
  </si>
  <si>
    <t>Bhall</t>
  </si>
  <si>
    <t>Village &amp; P.O Bhall Rwp</t>
  </si>
  <si>
    <t>Sajida Liaquat</t>
  </si>
  <si>
    <t>GGHS BHALLAR JOGI</t>
  </si>
  <si>
    <t>Bhallar Jogi</t>
  </si>
  <si>
    <t>vpo bhallar jogi, Teshil Hassanabdal, District Attock</t>
  </si>
  <si>
    <t>ASMAT NASEEM</t>
  </si>
  <si>
    <t>GGHS BHALOWALI</t>
  </si>
  <si>
    <t>bhallowali</t>
  </si>
  <si>
    <t>vill. bhallowali p.o doughal daska,sialkot</t>
  </si>
  <si>
    <t>peerochak</t>
  </si>
  <si>
    <t>RIFFAT ARSHAD</t>
  </si>
  <si>
    <t>GGHS BHALWAL</t>
  </si>
  <si>
    <t>GOVT. GIRLS H/S Bhalwal</t>
  </si>
  <si>
    <t>URBAN II</t>
  </si>
  <si>
    <t>Amina Khatoon</t>
  </si>
  <si>
    <t>GGHS BHAMROOT SYEDAN</t>
  </si>
  <si>
    <t>gghs Bhamrote Sayyedan murree p/o Bann tehsil murree</t>
  </si>
  <si>
    <t>Bhamrote Syedan</t>
  </si>
  <si>
    <t>Hadia Shabbir</t>
  </si>
  <si>
    <t>GGHS BHAN SARI</t>
  </si>
  <si>
    <t>GGHS Bhan Sari kotli sattian District Rawalpindi</t>
  </si>
  <si>
    <t>Dhir Kot Sattian</t>
  </si>
  <si>
    <t>Ghosia Ishtiaq</t>
  </si>
  <si>
    <t>GGHS BHANATTI</t>
  </si>
  <si>
    <t>Mehngal</t>
  </si>
  <si>
    <t>Village and P/O Bhanatti Tehsil Murree Distt Rwp</t>
  </si>
  <si>
    <t>Shumaila Irshad</t>
  </si>
  <si>
    <t>GGHS BHANDAR KARAM SHER</t>
  </si>
  <si>
    <t>Bhandar Karm Sher</t>
  </si>
  <si>
    <t>po jand v b k sher teh jand distt attock</t>
  </si>
  <si>
    <t>Bhandar Karam Sher</t>
  </si>
  <si>
    <t>Nimra Arshad</t>
  </si>
  <si>
    <t>watersupply and pump</t>
  </si>
  <si>
    <t>GGHS BHANES</t>
  </si>
  <si>
    <t>Bhanes bajwat</t>
  </si>
  <si>
    <t>Bhanes</t>
  </si>
  <si>
    <t>Nazia Rafique</t>
  </si>
  <si>
    <t>GGHS BHANGI</t>
  </si>
  <si>
    <t>BHANGI</t>
  </si>
  <si>
    <t>JINNAH COLONY BHANGI</t>
  </si>
  <si>
    <t>ELECTRCITY MOTOR</t>
  </si>
  <si>
    <t>GGHS BHARMI NAWAB SAHIB</t>
  </si>
  <si>
    <t>Bharmi</t>
  </si>
  <si>
    <t>bharmi nawab</t>
  </si>
  <si>
    <t>Bharmi Nawab</t>
  </si>
  <si>
    <t>Hamo Wal</t>
  </si>
  <si>
    <t>HUMAIRA KHALID</t>
  </si>
  <si>
    <t>GGHS BHAROKE CHEEMA</t>
  </si>
  <si>
    <t>BHAROKI Cheema</t>
  </si>
  <si>
    <t>BHAROKI Cheema Wazirabad</t>
  </si>
  <si>
    <t>SAIMA</t>
  </si>
  <si>
    <t>GGHS BHARTH</t>
  </si>
  <si>
    <t>govt girls high school bharth sialkot</t>
  </si>
  <si>
    <t>bharth</t>
  </si>
  <si>
    <t>ZARINA SHAHID</t>
  </si>
  <si>
    <t>GGHS BHATHAL</t>
  </si>
  <si>
    <t>Bhathal</t>
  </si>
  <si>
    <t>GGHS Bhathal Sheikhupura</t>
  </si>
  <si>
    <t>Bharianwala</t>
  </si>
  <si>
    <t>GGHS BHATTA</t>
  </si>
  <si>
    <t>Bhata</t>
  </si>
  <si>
    <t>vill Bhata p.o  Bhata tehsil gujar khan,dist rwp</t>
  </si>
  <si>
    <t>BHATA</t>
  </si>
  <si>
    <t>URWA-TUL-WUSQA</t>
  </si>
  <si>
    <t>GGHS BHATTA COLONY FSD</t>
  </si>
  <si>
    <t>Bhatta colony Main sargodha road opposite Haji camp</t>
  </si>
  <si>
    <t>Bhatta Colony</t>
  </si>
  <si>
    <t>Ali Town</t>
  </si>
  <si>
    <t>Saima Firdous</t>
  </si>
  <si>
    <t>GGHS BHATTI AFGHANAN</t>
  </si>
  <si>
    <t>Bhati Afghanan</t>
  </si>
  <si>
    <t>Bhatti afghanan</t>
  </si>
  <si>
    <t>Bhati Afghnan</t>
  </si>
  <si>
    <t>Gore Sial</t>
  </si>
  <si>
    <t>SAIMA IQBAL</t>
  </si>
  <si>
    <t>GGHS BHATTI BHANGO</t>
  </si>
  <si>
    <t>Bhatti bhango</t>
  </si>
  <si>
    <t>Azubah Wilbur john</t>
  </si>
  <si>
    <t>GGHS BHATTI GUJJAR P.O. BHATTI GUJJAR</t>
  </si>
  <si>
    <t>Bhatti Gujar</t>
  </si>
  <si>
    <t>bhatti gujar teh kallar kahar chakwal</t>
  </si>
  <si>
    <t>GGHS BHATTIAN</t>
  </si>
  <si>
    <t>Village bhattian p/o kahuti tehsil kotli sattian</t>
  </si>
  <si>
    <t>Asia Rasheed</t>
  </si>
  <si>
    <t>Water Boring</t>
  </si>
  <si>
    <t>GGHS BHATTIAN DEWAN</t>
  </si>
  <si>
    <t>Bhattiandewan</t>
  </si>
  <si>
    <t>GGHS BHATTIANDEWAN</t>
  </si>
  <si>
    <t>Samia Rani</t>
  </si>
  <si>
    <t>GGHS BHAWANJ</t>
  </si>
  <si>
    <t>Bhawanj</t>
  </si>
  <si>
    <t>GGHS Bhawanj,village &amp; PO Bhawanj,Tehsil S.A.Gir,District Gujrat</t>
  </si>
  <si>
    <t>GGHS BHEDIAN CHAK NO. 35 PATTOKI</t>
  </si>
  <si>
    <t>bhedian pattoki</t>
  </si>
  <si>
    <t>sughra asrar</t>
  </si>
  <si>
    <t>GGHS BHEEKHO PUR (FATTOMAND)</t>
  </si>
  <si>
    <t>Bheeko pur</t>
  </si>
  <si>
    <t>GGHS BHEEKO PUR Galla shaan marriage hal wala sialkot road GRW</t>
  </si>
  <si>
    <t>Bheeko Pur</t>
  </si>
  <si>
    <t>pakki fattomand</t>
  </si>
  <si>
    <t>Madiha Younas</t>
  </si>
  <si>
    <t>GGHS BHEEN</t>
  </si>
  <si>
    <t>BHHEEN</t>
  </si>
  <si>
    <t>GOVT. GIRLS HIGH SCHOOL BHEEN</t>
  </si>
  <si>
    <t>BHEEN</t>
  </si>
  <si>
    <t>RUKHSANA BIBI</t>
  </si>
  <si>
    <t>GGHS BHEKHO</t>
  </si>
  <si>
    <t>p.o.box bheko ,teh. phalia ,dist. mandi baha udin</t>
  </si>
  <si>
    <t>Aisha   Bibi</t>
  </si>
  <si>
    <t>GGHS BHELOT MAKHDOOM</t>
  </si>
  <si>
    <t>Bhalot Makhdoom</t>
  </si>
  <si>
    <t>Bhalot Makhdoom p/o haji muhammad tehsil kharian distt gujrat</t>
  </si>
  <si>
    <t>haji muhammad</t>
  </si>
  <si>
    <t>GGHS BHERI KHURD</t>
  </si>
  <si>
    <t>Bheri Khurd</t>
  </si>
  <si>
    <t>bheri khurd</t>
  </si>
  <si>
    <t>shamshad begum</t>
  </si>
  <si>
    <t>GGHS BHEROWAL</t>
  </si>
  <si>
    <t>Govt Girls H/S Bherowal tehsil phalia district M.B.Din</t>
  </si>
  <si>
    <t>Sidra bashir</t>
  </si>
  <si>
    <t>GGHS BHIKHI</t>
  </si>
  <si>
    <t>Qudsia Samman</t>
  </si>
  <si>
    <t>GGHS BHILOMAR</t>
  </si>
  <si>
    <t>Bhillomar</t>
  </si>
  <si>
    <t>gghs bhillomar,tehsil talagang ,distt,chakwal</t>
  </si>
  <si>
    <t>RUBINA TABSUM</t>
  </si>
  <si>
    <t>GGHS BHIRI SHAH REHMAN</t>
  </si>
  <si>
    <t>GGHS Bhiri shah Rehman,p/o Bhiri khurd,Teh Nowshehra Wirkan, Gujranwala.</t>
  </si>
  <si>
    <t>Bhiri Shah Rehman</t>
  </si>
  <si>
    <t>Muqaddas Aslam</t>
  </si>
  <si>
    <t>GGHS BHOA HASAN</t>
  </si>
  <si>
    <t>bhoa hassan</t>
  </si>
  <si>
    <t>Gghs  BHOA HASSAN p/o same teh phalia distt m,b,din</t>
  </si>
  <si>
    <t>GGHS BHOBTIAN</t>
  </si>
  <si>
    <t>Bhobattian</t>
  </si>
  <si>
    <t>GGHS BHOBATTIAN .RAIWIND ROAD LAHORE</t>
  </si>
  <si>
    <t>Bhobattian Pind</t>
  </si>
  <si>
    <t>Sobia Samreen</t>
  </si>
  <si>
    <t>GGHS BHOE ASAL</t>
  </si>
  <si>
    <t>Govt. Girls High School Bhoe Asal Tehsil Pattoki ( Kasur)</t>
  </si>
  <si>
    <t>GGHS BHOGAN</t>
  </si>
  <si>
    <t>Heir</t>
  </si>
  <si>
    <t>post office lakhoki bohgan lhr cantt</t>
  </si>
  <si>
    <t>Bohgan</t>
  </si>
  <si>
    <t>Jahman</t>
  </si>
  <si>
    <t>Rani Raqia</t>
  </si>
  <si>
    <t>GGHS BHOLA MUSA</t>
  </si>
  <si>
    <t>Bhola Musa</t>
  </si>
  <si>
    <t>Bhola Musa Tehsil Sambrial District Sialkot</t>
  </si>
  <si>
    <t>Balqees akhtar</t>
  </si>
  <si>
    <t>GGHS BHOON</t>
  </si>
  <si>
    <t>BHONE</t>
  </si>
  <si>
    <t>MOZA BHONE T/D JHANG</t>
  </si>
  <si>
    <t>KOT ISA SHAH</t>
  </si>
  <si>
    <t>Rubina Basharat</t>
  </si>
  <si>
    <t>GGHS BHOON KALAN</t>
  </si>
  <si>
    <t>Bhoon Kalan</t>
  </si>
  <si>
    <t>bhoon kalan</t>
  </si>
  <si>
    <t>nadia bukhari</t>
  </si>
  <si>
    <t>GGHS BHOPAL WALA</t>
  </si>
  <si>
    <t>BHOPALWALA</t>
  </si>
  <si>
    <t>GGHS BHOPALWALA TEHSIL SAMBRIAL,SIALKOT</t>
  </si>
  <si>
    <t>SHAGUFTA PARVEEN</t>
  </si>
  <si>
    <t>GGHS BHOTA</t>
  </si>
  <si>
    <t>gGH/S BHOTA TEH KHARIAN DIST GUJRAT.</t>
  </si>
  <si>
    <t>Bhota</t>
  </si>
  <si>
    <t>BHADDAR</t>
  </si>
  <si>
    <t>safina kousar</t>
  </si>
  <si>
    <t>GGHS BHOUN</t>
  </si>
  <si>
    <t>BHOUN</t>
  </si>
  <si>
    <t>vpo bhoun tehsil kallar kahar dist chakwal</t>
  </si>
  <si>
    <t>BhOUN</t>
  </si>
  <si>
    <t>Bhoun</t>
  </si>
  <si>
    <t>TAYYABA YASMIN</t>
  </si>
  <si>
    <t>GGHS BHOURCHH</t>
  </si>
  <si>
    <t>bhurcch</t>
  </si>
  <si>
    <t>govt. girls high school bhurchh</t>
  </si>
  <si>
    <t>bhurchh</t>
  </si>
  <si>
    <t>GGHS BHUCHOKEY MAJHA</t>
  </si>
  <si>
    <t>Bhuchoki Mahja</t>
  </si>
  <si>
    <t>Govt.Girls H/S Bhuchoki Mahja  Raiwind Lahore</t>
  </si>
  <si>
    <t>GGHS BHULAIR 119 R/B</t>
  </si>
  <si>
    <t>gghs,bhullair 119 R/B</t>
  </si>
  <si>
    <t>Bhullair 119</t>
  </si>
  <si>
    <t>bhullair119 R/B</t>
  </si>
  <si>
    <t>FARKHANDA KHURSHEED NAQVI</t>
  </si>
  <si>
    <t>GGHS BIAGA</t>
  </si>
  <si>
    <t>Village Biaga teh kotli sattian p /o biaga</t>
  </si>
  <si>
    <t>Biaga</t>
  </si>
  <si>
    <t>Tafheem Akbar Shagufta</t>
  </si>
  <si>
    <t>GGHS BILALABAD</t>
  </si>
  <si>
    <t>Bilalabad</t>
  </si>
  <si>
    <t>Govt. Girls High School Bilalabad Tehsil Talagang District Chakwal</t>
  </si>
  <si>
    <t>Saghar</t>
  </si>
  <si>
    <t>GGHS BILAND</t>
  </si>
  <si>
    <t>Biland</t>
  </si>
  <si>
    <t>biland</t>
  </si>
  <si>
    <t>Sidrah Rehman</t>
  </si>
  <si>
    <t>GGHS BILLI WALA</t>
  </si>
  <si>
    <t>Billi Wala</t>
  </si>
  <si>
    <t>GGHs Billi Wala</t>
  </si>
  <si>
    <t>Basti billi Wala</t>
  </si>
  <si>
    <t>Syeda Tahsin Bano</t>
  </si>
  <si>
    <t>GGHS BINAT-UL-ISLAM SAHIWAL</t>
  </si>
  <si>
    <t>Mohallah Pernami</t>
  </si>
  <si>
    <t>govt. binat-ul-islam high school sahiwal</t>
  </si>
  <si>
    <t>sahiwal city</t>
  </si>
  <si>
    <t>MRS.AKHUWAT JABEEN</t>
  </si>
  <si>
    <t>GGHS BINAT-UL-ISLAM WARBURTON</t>
  </si>
  <si>
    <t>warburton city</t>
  </si>
  <si>
    <t>Mst. Azra  Naheed</t>
  </si>
  <si>
    <t>GGHS BINDA SUNDILA</t>
  </si>
  <si>
    <t>Binda Sandeela</t>
  </si>
  <si>
    <t>binda Sandeela jhok ballu multan</t>
  </si>
  <si>
    <t>Jhok ballu</t>
  </si>
  <si>
    <t>Humaira</t>
  </si>
  <si>
    <t>GGHS BITTA</t>
  </si>
  <si>
    <t>Bitta</t>
  </si>
  <si>
    <t>P/O Biita,Tehsil Quaidabad ,Distt Khushab</t>
  </si>
  <si>
    <t>Saima Perveen</t>
  </si>
  <si>
    <t>GGHS BLOCK 2, SECTOR D-1 TOWNSHIP</t>
  </si>
  <si>
    <t>Block 2</t>
  </si>
  <si>
    <t>Govt Girls High School, Block 2, Sector D1, Township, Lahore.</t>
  </si>
  <si>
    <t>Sector D1</t>
  </si>
  <si>
    <t>Keer Kalan</t>
  </si>
  <si>
    <t>Faiqa Maqsood</t>
  </si>
  <si>
    <t>GGHS BLOCK NO. 14 JAUHAR ABAD</t>
  </si>
  <si>
    <t>Jauhrabad</t>
  </si>
  <si>
    <t>Fozia Asghar</t>
  </si>
  <si>
    <t>GGHS BLOCK-W NEW SATTELITE TOWN SARGODHA</t>
  </si>
  <si>
    <t>Nst</t>
  </si>
  <si>
    <t>BLOCK W NEW SATELLITE TOWN SARGODHA</t>
  </si>
  <si>
    <t>GGHS BOBAK MARALI</t>
  </si>
  <si>
    <t>bubak</t>
  </si>
  <si>
    <t>p/o bubak marali teh &amp; distt narowal</t>
  </si>
  <si>
    <t>bubak marali</t>
  </si>
  <si>
    <t>Erum Liaqat</t>
  </si>
  <si>
    <t>GGHS BOLA BAJWA</t>
  </si>
  <si>
    <t>BOLA BAJWA</t>
  </si>
  <si>
    <t>village bola Bajwa govt girls high school bola Bajwa Narowal</t>
  </si>
  <si>
    <t>Farrukh Majeed</t>
  </si>
  <si>
    <t>GGHS BOLAR</t>
  </si>
  <si>
    <t>Govt. Girls High School Bolar</t>
  </si>
  <si>
    <t>Bolar</t>
  </si>
  <si>
    <t>kiran abbas</t>
  </si>
  <si>
    <t>GGHS BOLIAN WAL</t>
  </si>
  <si>
    <t>VPO BOLIANWAL TEHSIL AND DISTT ATTOCK</t>
  </si>
  <si>
    <t>Gulnar begum</t>
  </si>
  <si>
    <t>GGHS BOOTA</t>
  </si>
  <si>
    <t>Boota</t>
  </si>
  <si>
    <t>village and post office boota tehsil and district attock</t>
  </si>
  <si>
    <t>akhori</t>
  </si>
  <si>
    <t>GGHS BOSAN UTTAR</t>
  </si>
  <si>
    <t>Basti bosan ottar multan sadar</t>
  </si>
  <si>
    <t>GGHS BOTALA SHARM SINGH</t>
  </si>
  <si>
    <t>GGHS Botala sharam singh Grw.</t>
  </si>
  <si>
    <t>Botala Sharam Singh</t>
  </si>
  <si>
    <t>Tanzeelah Kausar</t>
  </si>
  <si>
    <t>GGHS BOUNKEN</t>
  </si>
  <si>
    <t>BOUNKAN</t>
  </si>
  <si>
    <t>GOVT GIRLS HISGH SCHOOL SIALKOT</t>
  </si>
  <si>
    <t>ADIBA SADIQ</t>
  </si>
  <si>
    <t>GGHS BUCHA CHATHA</t>
  </si>
  <si>
    <t>Bucha Chatha</t>
  </si>
  <si>
    <t>P/O Alipur Chatha, Village Bucha Chatha, Teh. Wzd. Dist. Grw.</t>
  </si>
  <si>
    <t>Noi Wala Chatha</t>
  </si>
  <si>
    <t>GGHS BUCHA KALAN</t>
  </si>
  <si>
    <t>bucha kalan</t>
  </si>
  <si>
    <t>Fakhra Shaheen</t>
  </si>
  <si>
    <t>GGHS BUDHA DHOLA</t>
  </si>
  <si>
    <t>Budha Dhola</t>
  </si>
  <si>
    <t>govt n girls high school budha dhola</t>
  </si>
  <si>
    <t>Nidoky</t>
  </si>
  <si>
    <t>ammara shoukat</t>
  </si>
  <si>
    <t>GGHS BUDHA GORAYA</t>
  </si>
  <si>
    <t>Budha Goraya</t>
  </si>
  <si>
    <t>Budha Goraya tehsil Daska District sialkot</t>
  </si>
  <si>
    <t>GGHS BUDHIAL</t>
  </si>
  <si>
    <t>asma raffique</t>
  </si>
  <si>
    <t>GGHS BUDHIAR, DINA</t>
  </si>
  <si>
    <t>Budhiar</t>
  </si>
  <si>
    <t>govt girls high school budhiar via R.B.mangla teh dina distt jhelum</t>
  </si>
  <si>
    <t>Waseela Ahmed</t>
  </si>
  <si>
    <t>GGHS BUDHLA SANT MULTAN</t>
  </si>
  <si>
    <t>DOGRANA</t>
  </si>
  <si>
    <t>BUDHLA SANT</t>
  </si>
  <si>
    <t>GGHS BUKHARA</t>
  </si>
  <si>
    <t>GGHS BUKHTIARI</t>
  </si>
  <si>
    <t>gghs bakhtiari moza bakhtiari,uch sharif</t>
  </si>
  <si>
    <t>nazish mushrif</t>
  </si>
  <si>
    <t>GGHS BUKKAN</t>
  </si>
  <si>
    <t>Vpo bukkan tehsil:malakwal District,:m.b.din</t>
  </si>
  <si>
    <t>SHAZIA NOREEN</t>
  </si>
  <si>
    <t>GGHS BULANI</t>
  </si>
  <si>
    <t>Bulani</t>
  </si>
  <si>
    <t>GGHS  Bulani,Sarai Alamgir,Gujrat</t>
  </si>
  <si>
    <t>Peer KHANA</t>
  </si>
  <si>
    <t>GGHS BUN BAJWA</t>
  </si>
  <si>
    <t>razia sultana</t>
  </si>
  <si>
    <t>GGHS BURHAN</t>
  </si>
  <si>
    <t>burhan</t>
  </si>
  <si>
    <t>Khai khurd</t>
  </si>
  <si>
    <t>Asma Shafi</t>
  </si>
  <si>
    <t>GGHS BURJ ATTARI</t>
  </si>
  <si>
    <t>Burj Attari</t>
  </si>
  <si>
    <t>burj attari</t>
  </si>
  <si>
    <t>salma tayyab</t>
  </si>
  <si>
    <t>GGHS BURJ DARA</t>
  </si>
  <si>
    <t>Burj Dara</t>
  </si>
  <si>
    <t>burj dara</t>
  </si>
  <si>
    <t>Shamim Akhtr</t>
  </si>
  <si>
    <t>GGHS BURJ JEWAY KHAN</t>
  </si>
  <si>
    <t>Burj Jeway khan</t>
  </si>
  <si>
    <t>burj jeway khan</t>
  </si>
  <si>
    <t>uzma zahoor</t>
  </si>
  <si>
    <t>GGHS BURJ MAHALAM CHAK NO. 35</t>
  </si>
  <si>
    <t>GGHS Burjmahalam chk 35</t>
  </si>
  <si>
    <t>Burjmahalm Chk35</t>
  </si>
  <si>
    <t>Burjmahalm Chk 35</t>
  </si>
  <si>
    <t>Saba Khalid</t>
  </si>
  <si>
    <t>GGHS BUSTAN AFGHANAN</t>
  </si>
  <si>
    <t>Bustan Afghanan</t>
  </si>
  <si>
    <t>vill &amp; p/ o bustan afghanan</t>
  </si>
  <si>
    <t>GGHS BUTALA JANDA SING</t>
  </si>
  <si>
    <t>botala jhanda singh</t>
  </si>
  <si>
    <t>botala jhanda singh gujranwala</t>
  </si>
  <si>
    <t>GGHS BUTRAN WALI</t>
  </si>
  <si>
    <t>BUTRANWALI</t>
  </si>
  <si>
    <t>GGHS BUTRANWALI, GUJRANWALA</t>
  </si>
  <si>
    <t>Mamoona yousaf</t>
  </si>
  <si>
    <t>GGHS CANAL COLONY</t>
  </si>
  <si>
    <t>Kothanwali</t>
  </si>
  <si>
    <t>GGHS CANAL COLONY BWN</t>
  </si>
  <si>
    <t>ROJHANWALI</t>
  </si>
  <si>
    <t>KHADIMABAD</t>
  </si>
  <si>
    <t>GGHS CANAL COLONY BAHAWALPUR</t>
  </si>
  <si>
    <t>Moza Bangan</t>
  </si>
  <si>
    <t>GGH/S Canal Colony BWP</t>
  </si>
  <si>
    <t>Kali puli</t>
  </si>
  <si>
    <t>KISHWAR SULTANA</t>
  </si>
  <si>
    <t>GGHS CANAL COLONY LAYYAH</t>
  </si>
  <si>
    <t>canalcolonylayyah</t>
  </si>
  <si>
    <t>PARVEEN AKHTER</t>
  </si>
  <si>
    <t>GGHS CANAL PARK MURIDKE</t>
  </si>
  <si>
    <t>GGHS canal park bangla road muridke</t>
  </si>
  <si>
    <t>Canal Park</t>
  </si>
  <si>
    <t>Sobia Ashfaq</t>
  </si>
  <si>
    <t>GGHS CAPT JAWAD SHAEED KALRA KALAN</t>
  </si>
  <si>
    <t>KALRA KALAN</t>
  </si>
  <si>
    <t>KALRA KALAN GUJRAT</t>
  </si>
  <si>
    <t>Javaria Bashir</t>
  </si>
  <si>
    <t>GGHS C-BLOCK, SABZAZAR LAHORE</t>
  </si>
  <si>
    <t>Jhugiyan Nagira</t>
  </si>
  <si>
    <t>504 C Block Sabzazar lhr</t>
  </si>
  <si>
    <t>GGHS CDG A/3 KABUTAR PURA GULBERG III LAHORE</t>
  </si>
  <si>
    <t>A3</t>
  </si>
  <si>
    <t>123, A3, Gulberg3,Lahore.</t>
  </si>
  <si>
    <t>Gulberg3</t>
  </si>
  <si>
    <t>GGHS CDG ALLAMA IQBAL ROAD GHARI SHAHU</t>
  </si>
  <si>
    <t>CDG GHS Allama Iqbal Road Garhi Shahu</t>
  </si>
  <si>
    <t>Rubina Hassan Butt</t>
  </si>
  <si>
    <t>GGHS CDG BAJA LINE</t>
  </si>
  <si>
    <t>BAJALINE</t>
  </si>
  <si>
    <t>CDG GIRLS HIGH SCHOOL BAJALINE GARHI SHAHU LAHORE</t>
  </si>
  <si>
    <t>POWER HOUSE</t>
  </si>
  <si>
    <t>RAILWAY COLONY</t>
  </si>
  <si>
    <t>fareeha JAVED</t>
  </si>
  <si>
    <t>GGHS CDG BOSTAN COLONY QAINCHI AMER SIDHU</t>
  </si>
  <si>
    <t>cdgghs qainchi Amar Sidhu bostan colony</t>
  </si>
  <si>
    <t>Bostan Colony</t>
  </si>
  <si>
    <t>rukhsana yasmeen</t>
  </si>
  <si>
    <t>GGHS CDG DODI PIR JINNAH PARK SULTAN PURA</t>
  </si>
  <si>
    <t>CDG GHS DODI PEER JINNAH PARK</t>
  </si>
  <si>
    <t>AMMARA FURQAN</t>
  </si>
  <si>
    <t>GGHS CDG FACTORY AREA SHAHDARA</t>
  </si>
  <si>
    <t>C.D.G Girls High School Factory Area Shahdara Lahore</t>
  </si>
  <si>
    <t>Qazi Park</t>
  </si>
  <si>
    <t>saadia Shahzad</t>
  </si>
  <si>
    <t>GGHS CDG FATEH GARH MUGHAL PURA</t>
  </si>
  <si>
    <t>CDG GHS FATEH GARH LAHORE</t>
  </si>
  <si>
    <t>FATEH GARH</t>
  </si>
  <si>
    <t>jameela parveen</t>
  </si>
  <si>
    <t>GGHS CDG GARHI SHAHU</t>
  </si>
  <si>
    <t>sarmad street 6 garhi shahu</t>
  </si>
  <si>
    <t>Farkhanda jabeen</t>
  </si>
  <si>
    <t>GGHS CDG GREEN TOWN</t>
  </si>
  <si>
    <t>Green town</t>
  </si>
  <si>
    <t>CDG Girls High School Green Town LHR</t>
  </si>
  <si>
    <t>azmat chowk</t>
  </si>
  <si>
    <t>maryam Colony</t>
  </si>
  <si>
    <t>GGHS CDG GULISTAN COLONY MUSTAFA ABAD</t>
  </si>
  <si>
    <t>gulistan colony mustafa Abab lhr</t>
  </si>
  <si>
    <t>Madni Muhala Mustafa Abad</t>
  </si>
  <si>
    <t>Azra Paveen</t>
  </si>
  <si>
    <t>GGHS CDG GULSHAN PARK</t>
  </si>
  <si>
    <t>cdg gulshanpark laL pul mughalpura lahore</t>
  </si>
  <si>
    <t>Gulshanpsrk Lalpul Mughalpura</t>
  </si>
  <si>
    <t>Rasheed pura</t>
  </si>
  <si>
    <t>Rubina Hafeez</t>
  </si>
  <si>
    <t>GGHS CDG HARBANS PURA</t>
  </si>
  <si>
    <t>lahore</t>
  </si>
  <si>
    <t>iftikhar park harbanspura lhr</t>
  </si>
  <si>
    <t>harbanspura</t>
  </si>
  <si>
    <t>GGHS CDG JIA MUSA SHAHDARA</t>
  </si>
  <si>
    <t>Jia Musa</t>
  </si>
  <si>
    <t>CDG GHS Jia Musa Shahdara,Lhr</t>
  </si>
  <si>
    <t>Kot Mohibu</t>
  </si>
  <si>
    <t>Gulshad Naseem</t>
  </si>
  <si>
    <t>GGHS CDG JUNIOR MODEL DARAS BARAY MIAN MUGHALPURA</t>
  </si>
  <si>
    <t>Daras Baray Mian</t>
  </si>
  <si>
    <t>cdg ghs daras baray mian mughalpura lahore</t>
  </si>
  <si>
    <t>daras baray mian mughalpura lahore</t>
  </si>
  <si>
    <t>daras baray mian</t>
  </si>
  <si>
    <t>TAUQIR MAZHAR</t>
  </si>
  <si>
    <t>GGHS CDG JUNIOR MODEL KOTLI PIR ABDUL REHMAN</t>
  </si>
  <si>
    <t>CDG GHS Kotli Peer Abdul Rehman Baghbanpura Lahore</t>
  </si>
  <si>
    <t>Kotli Peer Abdul Rehman</t>
  </si>
  <si>
    <t>Kotli Peer Abdul Rehman Lhr</t>
  </si>
  <si>
    <t>MISBAH AFZAL</t>
  </si>
  <si>
    <t>GGHS CDG JUNIOR MODEL LOHARI GATE</t>
  </si>
  <si>
    <t>SHAHALAM</t>
  </si>
  <si>
    <t>CDGGH SCHOOL LOHARI LAHORE</t>
  </si>
  <si>
    <t>LOHARI LAHORE</t>
  </si>
  <si>
    <t>SHAALAM</t>
  </si>
  <si>
    <t>GGHS CDG JUNIOR MODEL MIAN MIR SAHIB</t>
  </si>
  <si>
    <t>C.D.G. Girls High School Mian Mir Lahore Cantt</t>
  </si>
  <si>
    <t>Main Meer</t>
  </si>
  <si>
    <t>zaman park</t>
  </si>
  <si>
    <t>Tayyaba Tabbasum D/O Muhammad</t>
  </si>
  <si>
    <t>GGHS CDG JUNIOR MODEL MOMAN PURA KARIM PARK</t>
  </si>
  <si>
    <t>Karim park,Ravi Road, Lahore</t>
  </si>
  <si>
    <t>Kasur pura</t>
  </si>
  <si>
    <t>Ayesha Munir</t>
  </si>
  <si>
    <t>GGHS CDG JUNIOR MODEL MULTAN ROAD LHR.</t>
  </si>
  <si>
    <t>main multan road lahore</t>
  </si>
  <si>
    <t>rustam park</t>
  </si>
  <si>
    <t>GGHS CDG JUNIOR MODEL SHAD BAGH</t>
  </si>
  <si>
    <t>Shad Bagh</t>
  </si>
  <si>
    <t>cdg shadbagh lahore</t>
  </si>
  <si>
    <t>GGHS CDG KOT KHAWAJA SAEED</t>
  </si>
  <si>
    <t>Kot Khawaja Saeed, Lahore</t>
  </si>
  <si>
    <t>sarfaraz Colony</t>
  </si>
  <si>
    <t>Sadaqat Tahira</t>
  </si>
  <si>
    <t>GGHS CDG KOT LAKHPAT PEECO ROAD</t>
  </si>
  <si>
    <t>Liaqat abad</t>
  </si>
  <si>
    <t>CDG GHS Kot Lakhpat (Akbar shaheed Chowk) LHR</t>
  </si>
  <si>
    <t>GGHS CDG MODEL QILA GUJAR SINGH</t>
  </si>
  <si>
    <t>Qila Gujjar Singh</t>
  </si>
  <si>
    <t>qila gujjar Singh lhr.</t>
  </si>
  <si>
    <t>Na</t>
  </si>
  <si>
    <t>Maryam Sarwar</t>
  </si>
  <si>
    <t>GGHS CDG MOZANG ADDA LAHORE</t>
  </si>
  <si>
    <t>CDG GHS MOZANG ADDA, LHR.</t>
  </si>
  <si>
    <t>nazia Latif</t>
  </si>
  <si>
    <t>GGHS CDG PAISA AKHBAR NEW ANARKALI</t>
  </si>
  <si>
    <t>Urdu Bazar</t>
  </si>
  <si>
    <t>CDG GHS Paisa Akhbar, Anarkali, Lahore</t>
  </si>
  <si>
    <t>Anarkali</t>
  </si>
  <si>
    <t>Ruqia Naseem</t>
  </si>
  <si>
    <t>GGHS CDG PAKKI THATHI SAMANABAD LAHORE</t>
  </si>
  <si>
    <t>pakki thatti samanabad lahore</t>
  </si>
  <si>
    <t>Pakki Thatti</t>
  </si>
  <si>
    <t>RAZIA NAZIR</t>
  </si>
  <si>
    <t>GGHS CDG PUBLIC MODEL BLOCK-B GULBERG-II LHR</t>
  </si>
  <si>
    <t>Gulberg</t>
  </si>
  <si>
    <t>CDG Public Model GHS B-Block Gulberg II Lahore</t>
  </si>
  <si>
    <t>Al-hamrah</t>
  </si>
  <si>
    <t>SANA KHURSHEED</t>
  </si>
  <si>
    <t>GGHS CDG PUBLIC MODEL NO.1 MUSTAFA ABAD</t>
  </si>
  <si>
    <t>cgd girls high schloo no.1 mustafabad lhr st.no 35</t>
  </si>
  <si>
    <t>Ateeqa Bashir</t>
  </si>
  <si>
    <t>GGHS CDG QILA LACHMAN SINGH</t>
  </si>
  <si>
    <t>qila lachman singh</t>
  </si>
  <si>
    <t>qila lachman singh ravi road lahore</t>
  </si>
  <si>
    <t>Perveen Ashiq</t>
  </si>
  <si>
    <t>GGHS CDG RAILWAY COLONY MUGHAL PURA</t>
  </si>
  <si>
    <t>CDG G/H school Railway colony Mughalpura Lahore</t>
  </si>
  <si>
    <t>Old Military Baracks</t>
  </si>
  <si>
    <t>Chotay Mian</t>
  </si>
  <si>
    <t>FARZANA ASLAM</t>
  </si>
  <si>
    <t>GGHS CDG RAJ GARH</t>
  </si>
  <si>
    <t>cdg girls high school rajgarh lahore</t>
  </si>
  <si>
    <t>Rewaz Garden</t>
  </si>
  <si>
    <t>GGHS CDG REHMAN PURA</t>
  </si>
  <si>
    <t>Sammnabad</t>
  </si>
  <si>
    <t>CDGGHS near pani wali tanki rehmanpura ichara lahore</t>
  </si>
  <si>
    <t>rehmanpura Ichara lahore</t>
  </si>
  <si>
    <t>rehmanpura</t>
  </si>
  <si>
    <t>syeda buland kokab</t>
  </si>
  <si>
    <t>GGHS CDG SAHWARI MUGHAL PURA</t>
  </si>
  <si>
    <t>City Distt Govt Girls Hiogh School Sahowari Mughal Pura LHR</t>
  </si>
  <si>
    <t>Qadria Colony</t>
  </si>
  <si>
    <t>Mujahid Abad</t>
  </si>
  <si>
    <t>GGHS CDG SANDA KALAN</t>
  </si>
  <si>
    <t>SANDA KALAN LHR</t>
  </si>
  <si>
    <t>CDGGHS SANDA KALAN LHR</t>
  </si>
  <si>
    <t>mohalla</t>
  </si>
  <si>
    <t>RABIA BASHIR D/O MUHAMMAD  BASHIR</t>
  </si>
  <si>
    <t>GGHS CDG SHADMAN COLONY</t>
  </si>
  <si>
    <t>cdg ghs shadman colony lahore</t>
  </si>
  <si>
    <t>Data Ganj Bksh</t>
  </si>
  <si>
    <t>SANOBER MEHMOOD RANA</t>
  </si>
  <si>
    <t>GGHS CDG SHISH MEHAL BILAL GUNJ</t>
  </si>
  <si>
    <t>CDG GIRLS HIGH SCHOOL  SHISH MAHAL  BILAL GANJ LHR.</t>
  </si>
  <si>
    <t>DARBAR PEER MAKI</t>
  </si>
  <si>
    <t>FARAH DEEBA</t>
  </si>
  <si>
    <t>GGHS CDG TAKIA LEHRI SHAH</t>
  </si>
  <si>
    <t>ichra</t>
  </si>
  <si>
    <t>Takia Lehri Shah Ichra Lahore</t>
  </si>
  <si>
    <t>inchra</t>
  </si>
  <si>
    <t>anisa khan</t>
  </si>
  <si>
    <t>GGHS CDG WAHDAT COLONY</t>
  </si>
  <si>
    <t>samnanbad</t>
  </si>
  <si>
    <t>cdg ghs wahdat nazd filter hospital</t>
  </si>
  <si>
    <t>wahdat colony</t>
  </si>
  <si>
    <t>muslim town</t>
  </si>
  <si>
    <t>ASIMA SAFDAR</t>
  </si>
  <si>
    <t>GGHS CHABA CHAK 169/RB</t>
  </si>
  <si>
    <t>Chabba</t>
  </si>
  <si>
    <t>chabba chak no.169/RB</t>
  </si>
  <si>
    <t>Chabba Chak No169/RB</t>
  </si>
  <si>
    <t>Qaisera Rashid</t>
  </si>
  <si>
    <t>GGHS CHABAH SINDWAN</t>
  </si>
  <si>
    <t>gghs chabbah sindhwan</t>
  </si>
  <si>
    <t>Chabbah Sindhwan</t>
  </si>
  <si>
    <t>Rubab Arif</t>
  </si>
  <si>
    <t>GGHS CHACHIAN</t>
  </si>
  <si>
    <t>Chaichian</t>
  </si>
  <si>
    <t>GGHS CHIACHIAN</t>
  </si>
  <si>
    <t>Rehana Bibi</t>
  </si>
  <si>
    <t>GGHS CHACHO WALI</t>
  </si>
  <si>
    <t>Lidher</t>
  </si>
  <si>
    <t>Bedian road lahore cantt.</t>
  </si>
  <si>
    <t>cantonment</t>
  </si>
  <si>
    <t>ANSAB PARWAZ WARSI</t>
  </si>
  <si>
    <t>GGHS CHACHRAN SHARIF</t>
  </si>
  <si>
    <t>chachrabshareef@yahoo. com</t>
  </si>
  <si>
    <t>Rubina Jabeen</t>
  </si>
  <si>
    <t>GGHS CHAH CHIMNI</t>
  </si>
  <si>
    <t>nill</t>
  </si>
  <si>
    <t>gghschahchimni bhakkar</t>
  </si>
  <si>
    <t>Urbun Bhakkar</t>
  </si>
  <si>
    <t>Seema Anjum</t>
  </si>
  <si>
    <t>GGHS CHAHAL KALAN</t>
  </si>
  <si>
    <t>POST OFFICE CHAHAL KALAN DISTRICT GUJRANWALA</t>
  </si>
  <si>
    <t>CHahal Kalan</t>
  </si>
  <si>
    <t>CHAHAL KALAN</t>
  </si>
  <si>
    <t>AQSA FARHAT ULLAH</t>
  </si>
  <si>
    <t>GGHS CHAHAR BAJWA</t>
  </si>
  <si>
    <t>CHAHAR BAJWA</t>
  </si>
  <si>
    <t>GGHS CHAHOOR</t>
  </si>
  <si>
    <t>Village &amp; P/O Chahoor Tehsil Pasrur, District Sialkot</t>
  </si>
  <si>
    <t>Dogree Harian</t>
  </si>
  <si>
    <t>Filtered Water</t>
  </si>
  <si>
    <t>GGHS CHAIT SINGH WALA</t>
  </si>
  <si>
    <t>Chait  Singh Wala</t>
  </si>
  <si>
    <t>chait  singh wala village</t>
  </si>
  <si>
    <t>Fakhira Miraj</t>
  </si>
  <si>
    <t>GGHS CHAJANA</t>
  </si>
  <si>
    <t>chajjana</t>
  </si>
  <si>
    <t>g.g.h.s chajjana</t>
  </si>
  <si>
    <t>Sajida Akhtar</t>
  </si>
  <si>
    <t>GGHS CHAK 10 THAL KASHMIRIAN</t>
  </si>
  <si>
    <t>Chak 10/1 Thal</t>
  </si>
  <si>
    <t>Govt. girls high school Chak 4/10 Thal kashmirian Tehseel 18hazari Jhang</t>
  </si>
  <si>
    <t>4/10Thal Kashmirian</t>
  </si>
  <si>
    <t>Uch Gull Imaam</t>
  </si>
  <si>
    <t>GGHS CHAK 100 RB</t>
  </si>
  <si>
    <t>chak no. 100/rB</t>
  </si>
  <si>
    <t>govt. Girls high school, 100/rB, Faisalabad</t>
  </si>
  <si>
    <t>100/rB Purana Rurka</t>
  </si>
  <si>
    <t>103 rB</t>
  </si>
  <si>
    <t>bushra saeed</t>
  </si>
  <si>
    <t>GGHS CHAK 102 JB BURJ MANDI CHAK JHUMRA FSD</t>
  </si>
  <si>
    <t>102jb Burj Mandi</t>
  </si>
  <si>
    <t>102jb burj Mandi fsd</t>
  </si>
  <si>
    <t>102JB BURJ MANDI</t>
  </si>
  <si>
    <t>102 Jb BurjMandi</t>
  </si>
  <si>
    <t>SAMINA ISMAIL</t>
  </si>
  <si>
    <t>GGHS CHAK 103 RB</t>
  </si>
  <si>
    <t>CHAK NO. 103RB</t>
  </si>
  <si>
    <t>CHAK NO. 103 RB</t>
  </si>
  <si>
    <t>103 RB PHALAHI WALA</t>
  </si>
  <si>
    <t>MARIAM ZAHOOR</t>
  </si>
  <si>
    <t>CANE WATER</t>
  </si>
  <si>
    <t>GGHS CHAK 104 GB JARANWALA</t>
  </si>
  <si>
    <t>chak no 104gb</t>
  </si>
  <si>
    <t>Chak no 104gb</t>
  </si>
  <si>
    <t>63 GB</t>
  </si>
  <si>
    <t>SOBIA MUZAFFAR</t>
  </si>
  <si>
    <t>GGHS CHAK 105 GB</t>
  </si>
  <si>
    <t>Bungay</t>
  </si>
  <si>
    <t>Chak no 105 GB</t>
  </si>
  <si>
    <t>Chak No 105 GB</t>
  </si>
  <si>
    <t>Chak No 109RB Roda</t>
  </si>
  <si>
    <t>Sidra Nasim</t>
  </si>
  <si>
    <t>GGHS CHAK 109 GB</t>
  </si>
  <si>
    <t>CHAK NO 109 GB</t>
  </si>
  <si>
    <t>GGHS 109 GB CHAK NO 109 GB</t>
  </si>
  <si>
    <t>109GB</t>
  </si>
  <si>
    <t>CHAK NO 112 GB</t>
  </si>
  <si>
    <t>neelam afzal</t>
  </si>
  <si>
    <t>GGHS CHAK 109/1-L</t>
  </si>
  <si>
    <t>CHAK 109/1-L</t>
  </si>
  <si>
    <t>GGHS CHAK NO.109/1-L</t>
  </si>
  <si>
    <t>CHAK NO.109/1-L</t>
  </si>
  <si>
    <t>maria islam</t>
  </si>
  <si>
    <t>GGHS CHAK 111 JB FSD</t>
  </si>
  <si>
    <t>DHOLANWAL</t>
  </si>
  <si>
    <t>Govt Girls High School 111 JB Faisalabad</t>
  </si>
  <si>
    <t>Chak 111 JB FAisalabad</t>
  </si>
  <si>
    <t>CHAK NO 113 JB FSD</t>
  </si>
  <si>
    <t>Sumaira Zafar</t>
  </si>
  <si>
    <t>GGHS CHAK 113 JB FSD</t>
  </si>
  <si>
    <t>chak no 113 jb</t>
  </si>
  <si>
    <t>chak # 113 jb, FSD</t>
  </si>
  <si>
    <t>chak 113 jb fsd</t>
  </si>
  <si>
    <t>chak 113 jb</t>
  </si>
  <si>
    <t>Zahra Ahmad</t>
  </si>
  <si>
    <t>GGHS CHAK 117 JB</t>
  </si>
  <si>
    <t>Dhanola</t>
  </si>
  <si>
    <t>GGHS 117/JB Dhanola</t>
  </si>
  <si>
    <t>117JB</t>
  </si>
  <si>
    <t>Nazia Musharaf</t>
  </si>
  <si>
    <t>GGHS CHAK 118 GB</t>
  </si>
  <si>
    <t>Chak No 118gb</t>
  </si>
  <si>
    <t>chak no 118 gb</t>
  </si>
  <si>
    <t>Chak no 118 Gb</t>
  </si>
  <si>
    <t>Chak No 115 Gb</t>
  </si>
  <si>
    <t>GGHS CHAK 120 JB ALI TOWN</t>
  </si>
  <si>
    <t>govt girls high school 120 jb fsd</t>
  </si>
  <si>
    <t>120j B Fsd</t>
  </si>
  <si>
    <t>Ali Town Fsd</t>
  </si>
  <si>
    <t>Chill water plant</t>
  </si>
  <si>
    <t>GGHS CHAK 126 RB FSD</t>
  </si>
  <si>
    <t>Chak No 126 RB</t>
  </si>
  <si>
    <t>Govt Girls High School 126 RB  Fsd</t>
  </si>
  <si>
    <t>Pahring</t>
  </si>
  <si>
    <t>127 RB Fsd</t>
  </si>
  <si>
    <t>Sajida Asif</t>
  </si>
  <si>
    <t>GGHS CHAK 132 RB SAHO WALA</t>
  </si>
  <si>
    <t>Chak No 132 RB Sahowala Tehsil Chak Jhumra, Faisalabad</t>
  </si>
  <si>
    <t>Chak No 127/RB Behlol pur</t>
  </si>
  <si>
    <t>GGHS CHAK 133 RB KAMAL PUR FSD</t>
  </si>
  <si>
    <t>133 rB kamalpur</t>
  </si>
  <si>
    <t>kamal pur</t>
  </si>
  <si>
    <t>bakhray wali</t>
  </si>
  <si>
    <t>Mrs Imtiaz akhter</t>
  </si>
  <si>
    <t>GGHS CHAK 135 RB CHAK JHUMRA FSD</t>
  </si>
  <si>
    <t>KANAN SIAN</t>
  </si>
  <si>
    <t>CHAK NO 135 RB</t>
  </si>
  <si>
    <t>135RB</t>
  </si>
  <si>
    <t>136RB</t>
  </si>
  <si>
    <t>Ayesha khadijah</t>
  </si>
  <si>
    <t>GGHS CHAK 135/SB</t>
  </si>
  <si>
    <t>Chak 135 SB</t>
  </si>
  <si>
    <t>chak 135 sb</t>
  </si>
  <si>
    <t>Chak 135 Sb</t>
  </si>
  <si>
    <t>Chak No 135 Sb</t>
  </si>
  <si>
    <t>Mehwish Ali</t>
  </si>
  <si>
    <t>GGHS CHAK 139 RB CHAK JHUMRA FSD</t>
  </si>
  <si>
    <t>Chak no 139 rb tehsil chak jhumra district fsd</t>
  </si>
  <si>
    <t>139RB</t>
  </si>
  <si>
    <t>Saadia Nasim</t>
  </si>
  <si>
    <t>GGHS CHAK 14/66</t>
  </si>
  <si>
    <t>chak no 14/66 NNS</t>
  </si>
  <si>
    <t>Chak No 14/66</t>
  </si>
  <si>
    <t>Shaista Ijaz</t>
  </si>
  <si>
    <t>GGHS CHAK 145/P</t>
  </si>
  <si>
    <t>adam sahaba</t>
  </si>
  <si>
    <t>govt girls high school 145p sadiq abad</t>
  </si>
  <si>
    <t>Chak 145p</t>
  </si>
  <si>
    <t>SHABANA RASHID</t>
  </si>
  <si>
    <t>GGHS CHAK 151 GB</t>
  </si>
  <si>
    <t>Chak No 151 GB</t>
  </si>
  <si>
    <t>GGHS 151 GB T.T.S</t>
  </si>
  <si>
    <t>151 GB</t>
  </si>
  <si>
    <t>Iqra Gul</t>
  </si>
  <si>
    <t>GGHS CHAK 151 RB</t>
  </si>
  <si>
    <t>Vinjwan</t>
  </si>
  <si>
    <t>Chak no 151 rb tehsil jaranwala distt faisalabad</t>
  </si>
  <si>
    <t>151 Rb</t>
  </si>
  <si>
    <t>Sana Shabbir</t>
  </si>
  <si>
    <t>GGHS CHAK 154 GB DOHTIAN</t>
  </si>
  <si>
    <t>154 GB</t>
  </si>
  <si>
    <t>Government Girls High school154GB Gojra</t>
  </si>
  <si>
    <t>Chak No 154GB</t>
  </si>
  <si>
    <t>Sarwat Iqbal</t>
  </si>
  <si>
    <t>GGHS CHAK 155 RB PUNWAN</t>
  </si>
  <si>
    <t>GGHS 155 RB</t>
  </si>
  <si>
    <t>155 RB Panwan</t>
  </si>
  <si>
    <t>Chak No 155 RB Panwan</t>
  </si>
  <si>
    <t>Khadija Aftab</t>
  </si>
  <si>
    <t>GGHS CHAK 157 RB FSD</t>
  </si>
  <si>
    <t>Gujra</t>
  </si>
  <si>
    <t>Chak No 157RB .Chak Jhumra.Fsd</t>
  </si>
  <si>
    <t>157RB</t>
  </si>
  <si>
    <t>Soby Chak 159RB</t>
  </si>
  <si>
    <t>Mussarat rafiq</t>
  </si>
  <si>
    <t>GGHS CHAK 159 GB</t>
  </si>
  <si>
    <t>159gb Gugomal</t>
  </si>
  <si>
    <t>GOVT. GIRLS HIGH SCHOOL 159/GB</t>
  </si>
  <si>
    <t>159 Gb</t>
  </si>
  <si>
    <t>CHAK NO.161/GB</t>
  </si>
  <si>
    <t>ZARINA ARSHAD</t>
  </si>
  <si>
    <t>GGHS CHAK 162 GB</t>
  </si>
  <si>
    <t>GOVT. GIRLS HIGH SCHOOL 162/GB</t>
  </si>
  <si>
    <t>CHAK NO.162/GB</t>
  </si>
  <si>
    <t>Azra Qamar</t>
  </si>
  <si>
    <t>GGHS CHAK 163 GB JAMARA</t>
  </si>
  <si>
    <t>Chak No 163 GB</t>
  </si>
  <si>
    <t>chak no 163 GB</t>
  </si>
  <si>
    <t>Jamara</t>
  </si>
  <si>
    <t>Qurrat Ul Aen</t>
  </si>
  <si>
    <t>GGHS CHAK 164 RB</t>
  </si>
  <si>
    <t>Chak No 164 RB</t>
  </si>
  <si>
    <t>chak no 164 R.B Faisalabad</t>
  </si>
  <si>
    <t>Chak No 156 RB</t>
  </si>
  <si>
    <t>Shaista tehseen</t>
  </si>
  <si>
    <t>GGHS CHAK 173/P</t>
  </si>
  <si>
    <t>173p</t>
  </si>
  <si>
    <t>chak 173p sadiqabad</t>
  </si>
  <si>
    <t>chak 173p</t>
  </si>
  <si>
    <t>muneeb farooq</t>
  </si>
  <si>
    <t>GGHS CHAK 178 GB</t>
  </si>
  <si>
    <t>CHAK NO. 178 GB</t>
  </si>
  <si>
    <t>CHAK NO 178 GB TEHSIL GOJRA TOBA TEK SINGH</t>
  </si>
  <si>
    <t>chak no. 178 gb ghoga</t>
  </si>
  <si>
    <t>GHOGA</t>
  </si>
  <si>
    <t>TEHMINA SAFDAR</t>
  </si>
  <si>
    <t>GGHS CHAK 182 GB</t>
  </si>
  <si>
    <t>GOVT GIRLS HIGH SCHOOL 182GB</t>
  </si>
  <si>
    <t>Chaplanwali182GB</t>
  </si>
  <si>
    <t>183gb</t>
  </si>
  <si>
    <t>Aafia Azhara</t>
  </si>
  <si>
    <t>GGHS CHAK 183 GB MIAN KOT</t>
  </si>
  <si>
    <t>Miankot</t>
  </si>
  <si>
    <t>chak no. 183GB miankot teh &amp; distt toba tek singh</t>
  </si>
  <si>
    <t>Chak No 183 GBMIANKOT</t>
  </si>
  <si>
    <t>Chak No 183GB</t>
  </si>
  <si>
    <t>SAMIA ANAM</t>
  </si>
  <si>
    <t>GGHS CHAK 184 GB</t>
  </si>
  <si>
    <t>Chak no 184 gb</t>
  </si>
  <si>
    <t>184 gb</t>
  </si>
  <si>
    <t>Naveed Naz</t>
  </si>
  <si>
    <t>GGHS CHAK 189 GB</t>
  </si>
  <si>
    <t>189gb</t>
  </si>
  <si>
    <t>chak # 189 GB</t>
  </si>
  <si>
    <t>Chak # 189 GB</t>
  </si>
  <si>
    <t>GGHS CHAK 192 RB FSD</t>
  </si>
  <si>
    <t>192 RB</t>
  </si>
  <si>
    <t>CHAK NO. 192 RB Rasool Nagar Faisalabad</t>
  </si>
  <si>
    <t>192 RB Rasool Nagar Faisalabad</t>
  </si>
  <si>
    <t>Bagewala</t>
  </si>
  <si>
    <t>GGHS CHAK 196 RB WEST</t>
  </si>
  <si>
    <t>GHONA GARBI</t>
  </si>
  <si>
    <t>CHAK NO 196.RB.GHONA .WEST.NEAR MILLAT TOWN. FSD.</t>
  </si>
  <si>
    <t>GHONA WEST.</t>
  </si>
  <si>
    <t>CHAK NO 117 JB Fsd</t>
  </si>
  <si>
    <t>Ghaza Anbreen</t>
  </si>
  <si>
    <t>GGHS CHAK 199 RB FSD</t>
  </si>
  <si>
    <t>CHAK NO. 199 RB  GATWALA</t>
  </si>
  <si>
    <t>CHAK NO. 199 RB GATWALA</t>
  </si>
  <si>
    <t>ZAHIDA HANIF</t>
  </si>
  <si>
    <t>GGHS CHAK 20/2-L</t>
  </si>
  <si>
    <t>20/2l</t>
  </si>
  <si>
    <t>GGHS20/2l</t>
  </si>
  <si>
    <t>Tanzeela Anber</t>
  </si>
  <si>
    <t>GGHS CHAK 200 RB</t>
  </si>
  <si>
    <t>cHAK NO. 200/RB, LATHIANWALA, FAISALABAD</t>
  </si>
  <si>
    <t>LATHIANWALA FSD</t>
  </si>
  <si>
    <t>200/RB</t>
  </si>
  <si>
    <t>khadija sughra</t>
  </si>
  <si>
    <t>GGHS CHAK 203 RB II MALIK PUR</t>
  </si>
  <si>
    <t>203/rb</t>
  </si>
  <si>
    <t>govt girls high school 203/rb malikpur fsd</t>
  </si>
  <si>
    <t>shahina Hanif</t>
  </si>
  <si>
    <t>GGHS CHAK 203 RB II SHAMAS ABAD</t>
  </si>
  <si>
    <t>203 RB</t>
  </si>
  <si>
    <t>chak no 203 RB SHAMASABAD</t>
  </si>
  <si>
    <t>SHAMASABAD</t>
  </si>
  <si>
    <t>203 RB 203 RB SHAMASABAD</t>
  </si>
  <si>
    <t>SHAKILA BABY</t>
  </si>
  <si>
    <t>purchase  water</t>
  </si>
  <si>
    <t>GGHS CHAK 213/9-R</t>
  </si>
  <si>
    <t>chak no 213/9-r</t>
  </si>
  <si>
    <t>213/9-r</t>
  </si>
  <si>
    <t>Shahida Balqees</t>
  </si>
  <si>
    <t>GGHS CHAK 214 RB DUDUW WALA</t>
  </si>
  <si>
    <t>chak no 214 RB</t>
  </si>
  <si>
    <t>214 RB himmatpura, faisalabad</t>
  </si>
  <si>
    <t>himmatpura</t>
  </si>
  <si>
    <t>HINA YAQUB</t>
  </si>
  <si>
    <t>GGHS CHAK 232 RB BAWAY WALA FSD</t>
  </si>
  <si>
    <t>Govt Girls High school 232RB</t>
  </si>
  <si>
    <t>232RB Bawaywala</t>
  </si>
  <si>
    <t>risalwala 231RB</t>
  </si>
  <si>
    <t>GGHS CHAK 24 GB</t>
  </si>
  <si>
    <t>24 Gb</t>
  </si>
  <si>
    <t>Govt girls high school 24 gb</t>
  </si>
  <si>
    <t>Chak 24 Gb</t>
  </si>
  <si>
    <t>22gb</t>
  </si>
  <si>
    <t>Madiha Hanif</t>
  </si>
  <si>
    <t>GGHS CHAK 24 JB CHAK JHUMRA FSD</t>
  </si>
  <si>
    <t>LAHORIAN</t>
  </si>
  <si>
    <t>GGHS 24 JB</t>
  </si>
  <si>
    <t>Chak NO 24 Jb</t>
  </si>
  <si>
    <t>KHAN KAY</t>
  </si>
  <si>
    <t>shagufta naheed</t>
  </si>
  <si>
    <t>GGHS CHAK 240 GB</t>
  </si>
  <si>
    <t>dana abad</t>
  </si>
  <si>
    <t>GGHS 240 GB</t>
  </si>
  <si>
    <t>240 gb</t>
  </si>
  <si>
    <t>240 GB</t>
  </si>
  <si>
    <t>Nighat Hameed</t>
  </si>
  <si>
    <t>GGHS CHAK 242 GB</t>
  </si>
  <si>
    <t>chk no 242gb gojra</t>
  </si>
  <si>
    <t>Chk No 242g</t>
  </si>
  <si>
    <t>Chk No 178 GB</t>
  </si>
  <si>
    <t>Nabeela Khatoon</t>
  </si>
  <si>
    <t>GGHS CHAK 247 GB</t>
  </si>
  <si>
    <t>247 GB</t>
  </si>
  <si>
    <t>G G H / S 247 G.B. T.T.SINGH</t>
  </si>
  <si>
    <t>251 GB</t>
  </si>
  <si>
    <t>FAHMIDA KHANUM</t>
  </si>
  <si>
    <t>GGHS CHAK 248 GB MALARRY</t>
  </si>
  <si>
    <t>CHAK NO. 248 GB TEHSIL GOJRA DISTRICT T.T.SINGH</t>
  </si>
  <si>
    <t>CHAK NO. 248 GB</t>
  </si>
  <si>
    <t>CHAK NO. 245 GB</t>
  </si>
  <si>
    <t>REHANA TABASSUM</t>
  </si>
  <si>
    <t>GGHS CHAK 248 RB BISMILLAH PUR</t>
  </si>
  <si>
    <t>GGHS CHAK NO 248/RB FSD</t>
  </si>
  <si>
    <t>Chak No 248rb Bismillahpur</t>
  </si>
  <si>
    <t>Chak NO 248/RB bismillahpur Fsd</t>
  </si>
  <si>
    <t>Fehmida Begum</t>
  </si>
  <si>
    <t>GGHS CHAK 250 GB</t>
  </si>
  <si>
    <t>Chak No 250 GB</t>
  </si>
  <si>
    <t>chak no 250 gb</t>
  </si>
  <si>
    <t>Chak No 251 GB</t>
  </si>
  <si>
    <t>GGHS CHAK 250 RB BARDAKEY</t>
  </si>
  <si>
    <t>250rb</t>
  </si>
  <si>
    <t>chak no 250 rb bardekay</t>
  </si>
  <si>
    <t>bardekay</t>
  </si>
  <si>
    <t>dehnga wala</t>
  </si>
  <si>
    <t>Talia Beenish</t>
  </si>
  <si>
    <t>filer plant</t>
  </si>
  <si>
    <t>GGHS CHAK 251 GB</t>
  </si>
  <si>
    <t>CHAK no 251 G.B TEH&amp;dist TOBA TEK SINGH</t>
  </si>
  <si>
    <t>251GB T T SINGH</t>
  </si>
  <si>
    <t>251GB UGGI</t>
  </si>
  <si>
    <t>Ammara Rasheed</t>
  </si>
  <si>
    <t>GGHS CHAK 251 RB FSD</t>
  </si>
  <si>
    <t>251 rb</t>
  </si>
  <si>
    <t>chak no 251 rb</t>
  </si>
  <si>
    <t>251 RB</t>
  </si>
  <si>
    <t>256 RB</t>
  </si>
  <si>
    <t>Ayesha Shahzadi</t>
  </si>
  <si>
    <t>GGHS CHAK 253 RB 1 JAHANGIR KALAN</t>
  </si>
  <si>
    <t>253 RB</t>
  </si>
  <si>
    <t>GGHS 253 RB JAHANGIR KALAN FAISALABAD</t>
  </si>
  <si>
    <t>253 RB Jahangir Kalan</t>
  </si>
  <si>
    <t>Shahida Adeeb</t>
  </si>
  <si>
    <t>GGHS CHAK 254 GB SOONDH</t>
  </si>
  <si>
    <t>CHAK NO 254 GB TEHSIL AND DISTRICT T.T.SINGH</t>
  </si>
  <si>
    <t>GOVT GIRLS HIGH SCHOOL 254 GB TEHSIL AND DISTRICT T.T.SINGH</t>
  </si>
  <si>
    <t>CHAK NO 254 GB SOONDH</t>
  </si>
  <si>
    <t>CHAK NO 256 GB TEHSIL AND DISTRICT T.T.SINGH</t>
  </si>
  <si>
    <t>Farkhanda  Mushtaq</t>
  </si>
  <si>
    <t>GGHS CHAK 255 GB</t>
  </si>
  <si>
    <t>Chak No 255 GB</t>
  </si>
  <si>
    <t>255 GB</t>
  </si>
  <si>
    <t>183 GB</t>
  </si>
  <si>
    <t>KHADIJA SATTAR</t>
  </si>
  <si>
    <t>GGHS CHAK 255 RB BOGAN</t>
  </si>
  <si>
    <t>CHAK NO 255 RB BOGAN FAISALABAD</t>
  </si>
  <si>
    <t>GGHS 255 RB BOGAN FSD</t>
  </si>
  <si>
    <t>CHAK NO 255 RB BOGAN</t>
  </si>
  <si>
    <t>CHAK NO 248 RB BASMALLAHPUR</t>
  </si>
  <si>
    <t>GGHS CHAK 255 RB NAWAN PIND</t>
  </si>
  <si>
    <t>255 RB</t>
  </si>
  <si>
    <t>govt girls high school 255 rb nawan pind faisalabad</t>
  </si>
  <si>
    <t>255 RB nawan Pind</t>
  </si>
  <si>
    <t>248 RB Bismillah pur</t>
  </si>
  <si>
    <t>Nadia Rafique</t>
  </si>
  <si>
    <t>GGHS CHAK 256 GB PHALOOR</t>
  </si>
  <si>
    <t>chak no. 256 gb t.t.singh</t>
  </si>
  <si>
    <t>Chak no. 256 gb</t>
  </si>
  <si>
    <t>GGHS CHAK 257 GB KOT BADAL KHAN</t>
  </si>
  <si>
    <t>Chak No 257 Gb</t>
  </si>
  <si>
    <t>GGHS 257 GB</t>
  </si>
  <si>
    <t>chak no 257 gb</t>
  </si>
  <si>
    <t>CHAK NO 256 GB</t>
  </si>
  <si>
    <t>Ambreen Anjum</t>
  </si>
  <si>
    <t>GGHS CHAK 257 RB FSD</t>
  </si>
  <si>
    <t>Chak No 257rb</t>
  </si>
  <si>
    <t>GGHS 257rb chak jahangir khurd</t>
  </si>
  <si>
    <t>Rubina Kauser</t>
  </si>
  <si>
    <t>GGHS CHAK 258 GB NOOR MAHAL</t>
  </si>
  <si>
    <t>258 GB NOOR MAHAL</t>
  </si>
  <si>
    <t>chak no 258 GB toba tek singh</t>
  </si>
  <si>
    <t>256 GB Phloor</t>
  </si>
  <si>
    <t>Uzma Tayyab</t>
  </si>
  <si>
    <t>GGHS CHAK 258 RB LAMA PIND FSD</t>
  </si>
  <si>
    <t>dijkot</t>
  </si>
  <si>
    <t>258rb lama pind</t>
  </si>
  <si>
    <t>lama pind</t>
  </si>
  <si>
    <t>pharala</t>
  </si>
  <si>
    <t>Gulraiz Ghazala</t>
  </si>
  <si>
    <t>GGHS CHAK 259 RB GOROSAR</t>
  </si>
  <si>
    <t>Gurusar</t>
  </si>
  <si>
    <t>chak no 259rb Gurusar FSD sadar</t>
  </si>
  <si>
    <t>259rb</t>
  </si>
  <si>
    <t>Chak 260 Rb</t>
  </si>
  <si>
    <t>Rukhshinda Begum</t>
  </si>
  <si>
    <t>GGHS CHAK 260 RB WAHILA CALLAN</t>
  </si>
  <si>
    <t>260 RB</t>
  </si>
  <si>
    <t>Chak No. 260 RB Waheela Kalan FSD</t>
  </si>
  <si>
    <t>Waheela Kalan</t>
  </si>
  <si>
    <t>Abida Riaz</t>
  </si>
  <si>
    <t>purchased from company</t>
  </si>
  <si>
    <t>GGHS CHAK 272 RB FSD</t>
  </si>
  <si>
    <t>CHAK NO 272 RB</t>
  </si>
  <si>
    <t>CHAK NO 272 RB SAIMA NAAG</t>
  </si>
  <si>
    <t>270 RB MAJHIWAL</t>
  </si>
  <si>
    <t>ROBILA KOUSAR</t>
  </si>
  <si>
    <t>GGHS CHAK 275 RB DIJKOT FSD</t>
  </si>
  <si>
    <t>kartat pur</t>
  </si>
  <si>
    <t>GOVT. GIRLS H/S 275 RB FAISALABAD.</t>
  </si>
  <si>
    <t>chak no 275 rb kartarpur</t>
  </si>
  <si>
    <t>CHAK NO 275 RB KARTARPUR</t>
  </si>
  <si>
    <t>MISBAH NAZIR</t>
  </si>
  <si>
    <t>GGHS CHAK 278 JB USMAN KOT</t>
  </si>
  <si>
    <t>chak no 278 jb Gojra T.T.singh</t>
  </si>
  <si>
    <t>Chak 278 Jb</t>
  </si>
  <si>
    <t>Chak No 278 Jb</t>
  </si>
  <si>
    <t>Kirn Neta</t>
  </si>
  <si>
    <t>GGHS CHAK 283 GB</t>
  </si>
  <si>
    <t>GOVT GIRLS HIGH SCHOOL 283GB DISTRICT FAISALABAD</t>
  </si>
  <si>
    <t>283GB</t>
  </si>
  <si>
    <t>Chak#283GB</t>
  </si>
  <si>
    <t>Sadaf Ghafoor</t>
  </si>
  <si>
    <t>GGHS CHAK 284 GB I</t>
  </si>
  <si>
    <t>CHAK NO 284 GB TOBA TEK SINGH</t>
  </si>
  <si>
    <t>Shahida Akhtar</t>
  </si>
  <si>
    <t>GGHS CHAK 287 JB</t>
  </si>
  <si>
    <t>287 JB</t>
  </si>
  <si>
    <t>CHAK NO 287 JB</t>
  </si>
  <si>
    <t>CHAK NO 287JB</t>
  </si>
  <si>
    <t>CHAK NO 284 JB</t>
  </si>
  <si>
    <t>GGHS CHAK 289 JB</t>
  </si>
  <si>
    <t>chak no 289 jb tehsil and disst toba tek singh</t>
  </si>
  <si>
    <t>289 Jb</t>
  </si>
  <si>
    <t>519 Gb</t>
  </si>
  <si>
    <t>Tanzeela Maqsood</t>
  </si>
  <si>
    <t>GGHS CHAK 290 GB</t>
  </si>
  <si>
    <t>chak no 290 gb Teh.&amp;Distt T.T.Singh</t>
  </si>
  <si>
    <t>290gb</t>
  </si>
  <si>
    <t>290 gb</t>
  </si>
  <si>
    <t>Sadia Amir</t>
  </si>
  <si>
    <t>GGHS CHAK 293 GB SHERON</t>
  </si>
  <si>
    <t>Chak No 293 GB TT Singh</t>
  </si>
  <si>
    <t>C/O Senior Headmistress Govt Girls H/S 293 GB TT Singh</t>
  </si>
  <si>
    <t>Chak No 293 GB TT S</t>
  </si>
  <si>
    <t>Chak No 295 GB</t>
  </si>
  <si>
    <t>Irfan Akram</t>
  </si>
  <si>
    <t>GGHS CHAK 294 GB I</t>
  </si>
  <si>
    <t>sial Pur</t>
  </si>
  <si>
    <t>Chak No 294 GB</t>
  </si>
  <si>
    <t>294 gB</t>
  </si>
  <si>
    <t>Chak no 296 GB</t>
  </si>
  <si>
    <t>Asma Shaheen</t>
  </si>
  <si>
    <t>GGHS CHAK 296 GB</t>
  </si>
  <si>
    <t>Chak No. 296/GB</t>
  </si>
  <si>
    <t>GGHS 296/GB Tehsil &amp; District T.t.Singh</t>
  </si>
  <si>
    <t>KANEEZ FATIMA Parveen</t>
  </si>
  <si>
    <t>GGHS CHAK 301 GB</t>
  </si>
  <si>
    <t>301gb</t>
  </si>
  <si>
    <t>gghs301gb</t>
  </si>
  <si>
    <t>Chak 301gb</t>
  </si>
  <si>
    <t>Aneela Jamil</t>
  </si>
  <si>
    <t>GGHS CHAK 301 JB</t>
  </si>
  <si>
    <t>CHAK NO 301 JB</t>
  </si>
  <si>
    <t>GOVT. GIRLS HIGH SCHOOL 301 JB</t>
  </si>
  <si>
    <t>SHAHIDA RAFIQ</t>
  </si>
  <si>
    <t>GGHS CHAK 301/HR</t>
  </si>
  <si>
    <t>301/HR</t>
  </si>
  <si>
    <t>301/HR P/O 302/HR Tehsil Fortabbas District Bahawalnagar</t>
  </si>
  <si>
    <t>304/HR</t>
  </si>
  <si>
    <t>GGHS CHAK 302 GB</t>
  </si>
  <si>
    <t>Chauttiana</t>
  </si>
  <si>
    <t>Chak NO.302 GB</t>
  </si>
  <si>
    <t>Chak No 302 GB</t>
  </si>
  <si>
    <t>Chak NO 301 GB</t>
  </si>
  <si>
    <t>saadia rani</t>
  </si>
  <si>
    <t>GGHS CHAK 304 GB</t>
  </si>
  <si>
    <t>Chak No 304GB</t>
  </si>
  <si>
    <t>GGHS 304 GB</t>
  </si>
  <si>
    <t>304GB</t>
  </si>
  <si>
    <t>GGHS CHAK 308 JB</t>
  </si>
  <si>
    <t>Chak No 308JB</t>
  </si>
  <si>
    <t>Govt Girls High School 308 JB Tehsil Gojra District Toba Tek Singh</t>
  </si>
  <si>
    <t>Chak No 308 JB</t>
  </si>
  <si>
    <t>GGHS CHAK 31/A</t>
  </si>
  <si>
    <t>Chak 32a</t>
  </si>
  <si>
    <t>GGHS chak  no 31/A liaqat pur</t>
  </si>
  <si>
    <t>Chak No 31/A</t>
  </si>
  <si>
    <t>Chak No 32/A</t>
  </si>
  <si>
    <t>samina kousar</t>
  </si>
  <si>
    <t>GGHS CHAK 318 JB</t>
  </si>
  <si>
    <t>Govt Girls Model High School 318 jb T T Singh</t>
  </si>
  <si>
    <t>318jb</t>
  </si>
  <si>
    <t>GGHS CHAK 320 GB</t>
  </si>
  <si>
    <t>CHAK NO 320 GB</t>
  </si>
  <si>
    <t>CHAK NO 319 GB</t>
  </si>
  <si>
    <t>SADAF ZIA</t>
  </si>
  <si>
    <t>GGHS CHAK 323 JB TRANDI</t>
  </si>
  <si>
    <t>Govt. Girls High School Chak No. 323/JB Trandi</t>
  </si>
  <si>
    <t>Chak no. 323/JB Trandi</t>
  </si>
  <si>
    <t>Chak No. 323/JB Rehmat Abad</t>
  </si>
  <si>
    <t>KISHWAR ASGHAR ALI</t>
  </si>
  <si>
    <t>GGHS CHAK 324 GB</t>
  </si>
  <si>
    <t>324 GB</t>
  </si>
  <si>
    <t>chak  no. 324 gb</t>
  </si>
  <si>
    <t>Chak  No 324 GB</t>
  </si>
  <si>
    <t>330 GB</t>
  </si>
  <si>
    <t>Afia Jabbar</t>
  </si>
  <si>
    <t>GGHS CHAK 324 JB</t>
  </si>
  <si>
    <t>Parra</t>
  </si>
  <si>
    <t>Govt Girls High School 324 JB TT SINGH</t>
  </si>
  <si>
    <t>GGHS CHAK 327 GB</t>
  </si>
  <si>
    <t>CHAK NO 327 GB</t>
  </si>
  <si>
    <t>GGHS  CHAK 327 G.B TEH PIRMAHAL  TTS.</t>
  </si>
  <si>
    <t>CHAK 327 G.B</t>
  </si>
  <si>
    <t>CHAK NO. 327 G.B</t>
  </si>
  <si>
    <t>SAADIA SARWAR</t>
  </si>
  <si>
    <t>GGHS CHAK 330 GB</t>
  </si>
  <si>
    <t>Chak 330 GB</t>
  </si>
  <si>
    <t>Chak no 330 GB</t>
  </si>
  <si>
    <t>Chak No 330 GBkotily KOTLI</t>
  </si>
  <si>
    <t>nazia nargis</t>
  </si>
  <si>
    <t>GGHS CHAK 331 JB ATHWAL</t>
  </si>
  <si>
    <t>Chak No 331 JB Athwal</t>
  </si>
  <si>
    <t>Chak No 331 JB Athwal,Tehseel &amp; District Toba Tek Singh</t>
  </si>
  <si>
    <t>Chak no 331 JB Athwal</t>
  </si>
  <si>
    <t>Chak No 391 JB Kenthan</t>
  </si>
  <si>
    <t>Nuzhat Yasmin</t>
  </si>
  <si>
    <t>GGHS CHAK 333 GB</t>
  </si>
  <si>
    <t>Chak No 333 GB</t>
  </si>
  <si>
    <t>FEHMIDA BEGUM</t>
  </si>
  <si>
    <t>GGHS CHAK 333 JB</t>
  </si>
  <si>
    <t>333jb</t>
  </si>
  <si>
    <t>chak no 333jb tehsil gojra distt t.t.singh</t>
  </si>
  <si>
    <t>334jb</t>
  </si>
  <si>
    <t>urooj tabasam</t>
  </si>
  <si>
    <t>GGHS CHAK 335 GB NAO BANGAY</t>
  </si>
  <si>
    <t>NAO BANGAY</t>
  </si>
  <si>
    <t>CHAK NO. 335 GB NAO BANGAY T.T.SINGH</t>
  </si>
  <si>
    <t>CHAK NO.335 GB</t>
  </si>
  <si>
    <t>GGHS CHAK 336 GB SARABA</t>
  </si>
  <si>
    <t>chak 336</t>
  </si>
  <si>
    <t>GGHS336GB</t>
  </si>
  <si>
    <t>CHAK NO 336 GB</t>
  </si>
  <si>
    <t>517/GB</t>
  </si>
  <si>
    <t>MISS NAHEELA ASHRAF</t>
  </si>
  <si>
    <t>GGHS CHAK 336 TDA</t>
  </si>
  <si>
    <t>chak no 336/TDA</t>
  </si>
  <si>
    <t>chak no 336/TDA TEHSIL &amp; DISTRICT LAYYAH</t>
  </si>
  <si>
    <t>LAYYAH THAL  KALAN</t>
  </si>
  <si>
    <t>GGHS CHAK 338 JB</t>
  </si>
  <si>
    <t>cHAK NO 338 JB</t>
  </si>
  <si>
    <t>GOVT. GIRLS HIGH SCHOOL CHAK NO 338 JB  ,NAYA LAHORE  TEHSL GOJRA TOBA TEK SINGH</t>
  </si>
  <si>
    <t>nIA lAHORE</t>
  </si>
  <si>
    <t>CHAK NO 338 JB NIA LAHORE</t>
  </si>
  <si>
    <t>IFFATAMBRIN</t>
  </si>
  <si>
    <t>GGHS CHAK 339 GB II KHURD</t>
  </si>
  <si>
    <t>chak 339 GBII kgurd</t>
  </si>
  <si>
    <t>Bukhtawar Shabbir</t>
  </si>
  <si>
    <t>GGHS CHAK 340 GB</t>
  </si>
  <si>
    <t>chak no 340 gb</t>
  </si>
  <si>
    <t>chak no 517 gb</t>
  </si>
  <si>
    <t>MUSSARAT BANO</t>
  </si>
  <si>
    <t>GGHS CHAK 342 GB</t>
  </si>
  <si>
    <t>chak no342gb</t>
  </si>
  <si>
    <t>gghs342gbttsingh</t>
  </si>
  <si>
    <t>chak no 342gb</t>
  </si>
  <si>
    <t>Rozina Zeb</t>
  </si>
  <si>
    <t>GGHS CHAK 348 JB</t>
  </si>
  <si>
    <t>348 JB</t>
  </si>
  <si>
    <t>chak 348 jb tehsil gojra distt. toba tek singh</t>
  </si>
  <si>
    <t>348 Jb</t>
  </si>
  <si>
    <t>GGHS CHAK 351 GB</t>
  </si>
  <si>
    <t>toba tek singh</t>
  </si>
  <si>
    <t>chak no 351 g.b toba tek singh</t>
  </si>
  <si>
    <t>chak no 351 g.b. nagrah</t>
  </si>
  <si>
    <t>bERIAN WALA</t>
  </si>
  <si>
    <t>samar sultana</t>
  </si>
  <si>
    <t>GGHS CHAK 353 GB</t>
  </si>
  <si>
    <t>CHAK NO. 353 GB</t>
  </si>
  <si>
    <t>GGHS 353 GB JARANWALA</t>
  </si>
  <si>
    <t>ROBINA ALI</t>
  </si>
  <si>
    <t>GGHS CHAK 353 JB MEDHI ABAD</t>
  </si>
  <si>
    <t>CHAK NO 353JB</t>
  </si>
  <si>
    <t>GOVT.GIRLS HIGH SCHOOL 353JB TEHSIL GOJRA DISTRICT TOBA TEK SINGH</t>
  </si>
  <si>
    <t>CHAK NO 349JB</t>
  </si>
  <si>
    <t>Shabnam Yasmin</t>
  </si>
  <si>
    <t>GGHS CHAK 360 JB BOBAK</t>
  </si>
  <si>
    <t>360 Jb</t>
  </si>
  <si>
    <t>gghs 360 jb chak no 360 jb gojra t.t.singh</t>
  </si>
  <si>
    <t>360 Jb Boobk</t>
  </si>
  <si>
    <t>GGHS CHAK 361 GB</t>
  </si>
  <si>
    <t>Chak No 361gb</t>
  </si>
  <si>
    <t>Govt.girls high school 361 gbt.t.singh</t>
  </si>
  <si>
    <t>Chak No 361 Gb</t>
  </si>
  <si>
    <t>Tasneem Afzal</t>
  </si>
  <si>
    <t>GGHS CHAK 362 JB</t>
  </si>
  <si>
    <t>Korean</t>
  </si>
  <si>
    <t>gghs362jb</t>
  </si>
  <si>
    <t>Chak362jb Koriangghs362jbKoriangghs362jbgKorianggh</t>
  </si>
  <si>
    <t>Chak 363jb</t>
  </si>
  <si>
    <t>Khadija</t>
  </si>
  <si>
    <t>GGHS CHAK 367 JB</t>
  </si>
  <si>
    <t>Jalianwala</t>
  </si>
  <si>
    <t>Govt. Girls High School 367/JB Gojra</t>
  </si>
  <si>
    <t>Chak No 367JB</t>
  </si>
  <si>
    <t>TAHIRA NASIR</t>
  </si>
  <si>
    <t>GGHS CHAK 370 JB TARIQ ABAD</t>
  </si>
  <si>
    <t>tTS</t>
  </si>
  <si>
    <t>370jbTariqbad</t>
  </si>
  <si>
    <t>Nosheen Hafiz</t>
  </si>
  <si>
    <t>GGHS CHAK 371 JB II</t>
  </si>
  <si>
    <t>Chak 371jb</t>
  </si>
  <si>
    <t>Govt Girls High School 371JB Ganda Singh Gojra</t>
  </si>
  <si>
    <t>371JB</t>
  </si>
  <si>
    <t>Rabeea Maqbool</t>
  </si>
  <si>
    <t>GGHS CHAK 375 JB</t>
  </si>
  <si>
    <t>Chak No 375Jb</t>
  </si>
  <si>
    <t>chak no 375jb TTSINGH</t>
  </si>
  <si>
    <t>Chak no 375jb</t>
  </si>
  <si>
    <t>KINZA HAMID</t>
  </si>
  <si>
    <t>GGHS CHAK 380 JB Tali</t>
  </si>
  <si>
    <t>380 Jb</t>
  </si>
  <si>
    <t>Govt girls high school 380 JB TTsingh</t>
  </si>
  <si>
    <t>Chak No 380 JB</t>
  </si>
  <si>
    <t>Chak No 324 Jb</t>
  </si>
  <si>
    <t>saima idrees</t>
  </si>
  <si>
    <t>GGHS CHAK 386 JB</t>
  </si>
  <si>
    <t>386jb</t>
  </si>
  <si>
    <t>gghs386jb toba</t>
  </si>
  <si>
    <t>rehana aftab</t>
  </si>
  <si>
    <t>GGHS CHAK 388 JB</t>
  </si>
  <si>
    <t>Chakno388jbtts</t>
  </si>
  <si>
    <t>chak no 388 jb tts</t>
  </si>
  <si>
    <t>Chakno388jb</t>
  </si>
  <si>
    <t>MAQADDAS RANA</t>
  </si>
  <si>
    <t>GGHS CHAK 392 JB GARH</t>
  </si>
  <si>
    <t>govt girls high school chak no 392 jb ghar toba tek singh</t>
  </si>
  <si>
    <t>chak no 392 jb ghr</t>
  </si>
  <si>
    <t>chak no 391 jb</t>
  </si>
  <si>
    <t>MARYAM MANZOOR</t>
  </si>
  <si>
    <t>GGHS CHAK 393 GB TANDLIANWALA</t>
  </si>
  <si>
    <t>Chak No 393gb</t>
  </si>
  <si>
    <t>GGHS 393 GB TANDLIANWALA</t>
  </si>
  <si>
    <t>393 GB</t>
  </si>
  <si>
    <t>416/GB</t>
  </si>
  <si>
    <t>Erum Shah</t>
  </si>
  <si>
    <t>GGHS CHAK 394 JB JAJA</t>
  </si>
  <si>
    <t>Chak No 394jb</t>
  </si>
  <si>
    <t>Chak no 394jb</t>
  </si>
  <si>
    <t>rafia kausar</t>
  </si>
  <si>
    <t>GGHS CHAK 408 JB</t>
  </si>
  <si>
    <t>408jb</t>
  </si>
  <si>
    <t>Chak no. 408jb T.T.SINGH</t>
  </si>
  <si>
    <t>Chak 314gb</t>
  </si>
  <si>
    <t>KHADIJA KOUSAR</t>
  </si>
  <si>
    <t>GGHS CHAK 417 JB MODEL</t>
  </si>
  <si>
    <t>seowal</t>
  </si>
  <si>
    <t>chak no 417 jb</t>
  </si>
  <si>
    <t>417 jb</t>
  </si>
  <si>
    <t>maqbool pur</t>
  </si>
  <si>
    <t>Fahmina Firdous</t>
  </si>
  <si>
    <t>GGHS CHAK 42/A</t>
  </si>
  <si>
    <t>Govt. Girls high  School Chak 42/A Liaquatpur</t>
  </si>
  <si>
    <t>Komal Tahir</t>
  </si>
  <si>
    <t>GGHS CHAK 424 JB MINTGUMARY WALA</t>
  </si>
  <si>
    <t>Chak  No 424  Jb</t>
  </si>
  <si>
    <t>govt.girls high school 424 jb mintghumray wala</t>
  </si>
  <si>
    <t>chak no 424 mintghumray wala</t>
  </si>
  <si>
    <t>chak no. 431 jb</t>
  </si>
  <si>
    <t>Farzana Majeed</t>
  </si>
  <si>
    <t>GGHS CHAK 425 JB</t>
  </si>
  <si>
    <t>CHAK 425JB TEHSIL GOJRA</t>
  </si>
  <si>
    <t>CHAK425JB</t>
  </si>
  <si>
    <t>CHAK 316JB</t>
  </si>
  <si>
    <t>SAEEDA BIBI</t>
  </si>
  <si>
    <t>GGHS CHAK 433 GB JHOKE DITTA</t>
  </si>
  <si>
    <t>433 gb</t>
  </si>
  <si>
    <t>433 Gb</t>
  </si>
  <si>
    <t>434 Gb</t>
  </si>
  <si>
    <t>Saba Naheed</t>
  </si>
  <si>
    <t>GGHS CHAK 434 JB</t>
  </si>
  <si>
    <t>Chak 434 JB</t>
  </si>
  <si>
    <t>GGHS 434 JB Gojra</t>
  </si>
  <si>
    <t>Chak 438 JB</t>
  </si>
  <si>
    <t>Sara Mahrukh</t>
  </si>
  <si>
    <t>GGHS CHAK 435 GB</t>
  </si>
  <si>
    <t>gghs 435 gb lasharian</t>
  </si>
  <si>
    <t>434 gb</t>
  </si>
  <si>
    <t>Faeza Fatima</t>
  </si>
  <si>
    <t>GGHS CHAK 465 GB SAMUNDRI</t>
  </si>
  <si>
    <t>chak no.465 gb samundri</t>
  </si>
  <si>
    <t>four sixty five gb</t>
  </si>
  <si>
    <t>GGHS CHAK 5 FAIZ MULTAN</t>
  </si>
  <si>
    <t>Chak 5 Faiz</t>
  </si>
  <si>
    <t>chak 5 faiz multan</t>
  </si>
  <si>
    <t>Chak  5 Faiz</t>
  </si>
  <si>
    <t>Fozia Siddique</t>
  </si>
  <si>
    <t>GGHS CHAK 51 JB</t>
  </si>
  <si>
    <t>Sajjad</t>
  </si>
  <si>
    <t>Govt Girls High School 51/JB, Faisalabad</t>
  </si>
  <si>
    <t>51 jb</t>
  </si>
  <si>
    <t>58 JB LALE</t>
  </si>
  <si>
    <t>GGHS CHAK 51/F</t>
  </si>
  <si>
    <t>51/f</t>
  </si>
  <si>
    <t>Govt. Girls High school Chak No. 51/F Tehsil Chishtian District BWN</t>
  </si>
  <si>
    <t>Chak No 51/F</t>
  </si>
  <si>
    <t>chak no 54/F</t>
  </si>
  <si>
    <t>GGHS CHAK 520 GB</t>
  </si>
  <si>
    <t>Toba Tek Singh</t>
  </si>
  <si>
    <t>gghs 520 gb</t>
  </si>
  <si>
    <t>Chak No 520 Gb</t>
  </si>
  <si>
    <t>Chak No 521 Gb</t>
  </si>
  <si>
    <t>Rufqa Sardar</t>
  </si>
  <si>
    <t>GGHS CHAK 521 GB</t>
  </si>
  <si>
    <t>Chak no.521 GB</t>
  </si>
  <si>
    <t>Chak No.521 GB Teh &amp; Distt Toba Tek Singh</t>
  </si>
  <si>
    <t>Chak No.521 GB</t>
  </si>
  <si>
    <t>Chak No.519 GB</t>
  </si>
  <si>
    <t>Shakila Perveen</t>
  </si>
  <si>
    <t>GGHS CHAK 535 GB FSD</t>
  </si>
  <si>
    <t>535GB</t>
  </si>
  <si>
    <t>gGHS 535GB FSD</t>
  </si>
  <si>
    <t>PATHANA WALI</t>
  </si>
  <si>
    <t>CHUGAL PURA 659GB</t>
  </si>
  <si>
    <t>Sana Tabassum</t>
  </si>
  <si>
    <t>GGHS CHAK 55 GB</t>
  </si>
  <si>
    <t>AWAGAT</t>
  </si>
  <si>
    <t>GGHS 55 GB</t>
  </si>
  <si>
    <t>55gb</t>
  </si>
  <si>
    <t>55 GB</t>
  </si>
  <si>
    <t>SHAZIA SHAUKAT</t>
  </si>
  <si>
    <t>GGHS CHAK 56 JB</t>
  </si>
  <si>
    <t>56jb</t>
  </si>
  <si>
    <t>chak 56 jb faisalabad</t>
  </si>
  <si>
    <t>56 Jb</t>
  </si>
  <si>
    <t>Chak 56 Jb</t>
  </si>
  <si>
    <t>Atifa Iftikhar</t>
  </si>
  <si>
    <t>GGHS CHAK 562 GB LUNDIANWALA</t>
  </si>
  <si>
    <t>GOVT GIRLS HIGH SCHOOL CHAK NO.562 GB JARANWALA</t>
  </si>
  <si>
    <t>CHAK NO. 562 GB</t>
  </si>
  <si>
    <t>MAHER-UN-NISA</t>
  </si>
  <si>
    <t>GGHS CHAK 591 GB GANGA PUR</t>
  </si>
  <si>
    <t>chk#591 gb</t>
  </si>
  <si>
    <t>591gb</t>
  </si>
  <si>
    <t>GGHS CHAK 60/JB</t>
  </si>
  <si>
    <t>chalady wala</t>
  </si>
  <si>
    <t>ch 60 jb</t>
  </si>
  <si>
    <t>60 jb</t>
  </si>
  <si>
    <t>59 jb</t>
  </si>
  <si>
    <t>NAHEED KAUSAR</t>
  </si>
  <si>
    <t>GGHS CHAK 624 GB JARANWALA</t>
  </si>
  <si>
    <t>chak no 624 gb</t>
  </si>
  <si>
    <t>chak no 624 gb haripur,jaranwala,faisalabad</t>
  </si>
  <si>
    <t>haripur</t>
  </si>
  <si>
    <t>fakhira niazi</t>
  </si>
  <si>
    <t>GGHS CHAK 65 GB</t>
  </si>
  <si>
    <t>65gb</t>
  </si>
  <si>
    <t>chak no 65gb</t>
  </si>
  <si>
    <t>Chak No 65gb</t>
  </si>
  <si>
    <t>Chak No 67gb</t>
  </si>
  <si>
    <t>RUBINA SHAHEEN</t>
  </si>
  <si>
    <t>GGHS CHAK 658/9 GB</t>
  </si>
  <si>
    <t>Chak No 658/9 GB</t>
  </si>
  <si>
    <t>GGHS CHAK NO,658/9 GB</t>
  </si>
  <si>
    <t>CHAK NO 658/9GB</t>
  </si>
  <si>
    <t>CHAK NO 235GB</t>
  </si>
  <si>
    <t>SAMEERA TAJ</t>
  </si>
  <si>
    <t>GGHS CHAK 66 GB</t>
  </si>
  <si>
    <t>Chak No. 66 GB Teh. Jaranwala District. Faisalabad</t>
  </si>
  <si>
    <t>Chak No  66 GB</t>
  </si>
  <si>
    <t>Chak No 67 GB</t>
  </si>
  <si>
    <t>GGHS CHAK 664/5 GB</t>
  </si>
  <si>
    <t>Chak no 664/5 G.B</t>
  </si>
  <si>
    <t>CHAK 664/5 GB</t>
  </si>
  <si>
    <t>CHAK NO 661/2 GB</t>
  </si>
  <si>
    <t>Gul-e-nargus</t>
  </si>
  <si>
    <t>GGHS CHAK 665/6 GB</t>
  </si>
  <si>
    <t>Headmistress Govt. Girls High School Chak # 665/6 G.B</t>
  </si>
  <si>
    <t>665/6 gB</t>
  </si>
  <si>
    <t>665/6GB</t>
  </si>
  <si>
    <t>Umme kalsoom Qayyum CH</t>
  </si>
  <si>
    <t>GGHS CHAK 669/10 GB</t>
  </si>
  <si>
    <t>chak no. 669/10 gb pirmahal</t>
  </si>
  <si>
    <t>Chak No 669/10 Gb</t>
  </si>
  <si>
    <t>Chak No 670/11 Gb</t>
  </si>
  <si>
    <t>Asima Sabir</t>
  </si>
  <si>
    <t>GGHS CHAK 67 JB</t>
  </si>
  <si>
    <t>sdhar</t>
  </si>
  <si>
    <t>chak no 67 jb, sdhaar, jhang road</t>
  </si>
  <si>
    <t>chak no 67 jb fsd</t>
  </si>
  <si>
    <t>Bushra Naheed</t>
  </si>
  <si>
    <t>GGHS CHAK 672/13 GB</t>
  </si>
  <si>
    <t>PARTAB PUR</t>
  </si>
  <si>
    <t>GGHS672/13GB</t>
  </si>
  <si>
    <t>CHAK NO.672/13 GB</t>
  </si>
  <si>
    <t>CHAK 674/15 GB</t>
  </si>
  <si>
    <t>Razia Manzoor</t>
  </si>
  <si>
    <t>GGHS CHAK 673/14 GB</t>
  </si>
  <si>
    <t>Chak No 673 GB Sadho Joniaj</t>
  </si>
  <si>
    <t>Chak No.673/14 GB Harisabad pirmahal</t>
  </si>
  <si>
    <t>Chak No.673/14 GB Harisabad</t>
  </si>
  <si>
    <t>C plot</t>
  </si>
  <si>
    <t>Mehreen Saleem</t>
  </si>
  <si>
    <t>GGHS CHAK 674/15GB</t>
  </si>
  <si>
    <t>674/15 GB</t>
  </si>
  <si>
    <t>Chak No 674/15 GB Pirmahal</t>
  </si>
  <si>
    <t>Rubina Hanif</t>
  </si>
  <si>
    <t>GGHS CHAK 68  GB</t>
  </si>
  <si>
    <t>68 GB</t>
  </si>
  <si>
    <t>Govt. girls High school 68 GB</t>
  </si>
  <si>
    <t>SHUMILA ANWAR</t>
  </si>
  <si>
    <t>GGHS CHAK 68 RB</t>
  </si>
  <si>
    <t>68 Rb</t>
  </si>
  <si>
    <t>GGHS68rb</t>
  </si>
  <si>
    <t>68rb</t>
  </si>
  <si>
    <t>Nadia tasneem alvi</t>
  </si>
  <si>
    <t>GGHS CHAK 680/21 GB</t>
  </si>
  <si>
    <t>Chak 680 GB</t>
  </si>
  <si>
    <t>Chak No. 680/21 GB Tehsil Pirmahal</t>
  </si>
  <si>
    <t>Chak No 680/21 GB</t>
  </si>
  <si>
    <t>Chak 670 GB</t>
  </si>
  <si>
    <t>Misbah Naz</t>
  </si>
  <si>
    <t>GGHS CHAK 681/22 GB</t>
  </si>
  <si>
    <t>CHAK NO 681/22 GB</t>
  </si>
  <si>
    <t>GGHS 681/22 GB TEHSIL PIRMAHAL</t>
  </si>
  <si>
    <t>ASIYA PARVEEN</t>
  </si>
  <si>
    <t>GGHS CHAK 683/24 GB</t>
  </si>
  <si>
    <t>Chak. No. 683/24 Gb teh. pirmahal</t>
  </si>
  <si>
    <t>chak no 683/24 gb</t>
  </si>
  <si>
    <t>chak no 674/15 gb</t>
  </si>
  <si>
    <t>GGHS CHAK 688/28 GB</t>
  </si>
  <si>
    <t>chak no. 688/28 g.b</t>
  </si>
  <si>
    <t>chak no 688/28</t>
  </si>
  <si>
    <t>khursheed abad</t>
  </si>
  <si>
    <t>Ayesha Rashid</t>
  </si>
  <si>
    <t>GGHS CHAK 689/31 GB</t>
  </si>
  <si>
    <t>Chak No. 689/31 GB Pirmahal</t>
  </si>
  <si>
    <t>Chak No 689/31 GB</t>
  </si>
  <si>
    <t>Nawab Bhooti</t>
  </si>
  <si>
    <t>ammara saleem</t>
  </si>
  <si>
    <t>GGHS CHAK 694/36 GB</t>
  </si>
  <si>
    <t>chak no 694/36 GB</t>
  </si>
  <si>
    <t>Chak no.694/36 GB</t>
  </si>
  <si>
    <t>Chak no 694/36 GB</t>
  </si>
  <si>
    <t>CHAK NO 694/36 GB</t>
  </si>
  <si>
    <t>FARIHA ARIF</t>
  </si>
  <si>
    <t>GGHS CHAK 7 JB</t>
  </si>
  <si>
    <t>nalka kohala</t>
  </si>
  <si>
    <t>chak no 7/jb nalka kohala fsd.</t>
  </si>
  <si>
    <t>7/jb nalka kohala</t>
  </si>
  <si>
    <t>shahnaz kousar</t>
  </si>
  <si>
    <t>water by tank</t>
  </si>
  <si>
    <t>GGHS CHAK 7 JB PUNJWAR</t>
  </si>
  <si>
    <t>7 JB</t>
  </si>
  <si>
    <t>7JB PUNJWAR FAISLABAD</t>
  </si>
  <si>
    <t>GHOSIA TOWN 7JB II</t>
  </si>
  <si>
    <t>Samina Nazar</t>
  </si>
  <si>
    <t>GGHS CHAK 7 UCC</t>
  </si>
  <si>
    <t>7chak Ucc</t>
  </si>
  <si>
    <t>chak no 7uc</t>
  </si>
  <si>
    <t>Chak No7ucc</t>
  </si>
  <si>
    <t>Abeera Shareef</t>
  </si>
  <si>
    <t>GGHS CHAK 705 GB</t>
  </si>
  <si>
    <t>705gb kamalia</t>
  </si>
  <si>
    <t>Chak#705gb</t>
  </si>
  <si>
    <t>Chak#661/2gb</t>
  </si>
  <si>
    <t>GGHS CHAK 712 GB</t>
  </si>
  <si>
    <t>chak no 712 gb kamalia</t>
  </si>
  <si>
    <t>Chak No 712gb</t>
  </si>
  <si>
    <t>robina mussarat</t>
  </si>
  <si>
    <t>GGHS CHAK 714 GB</t>
  </si>
  <si>
    <t>chak no 714gb</t>
  </si>
  <si>
    <t>chak no 724 gb</t>
  </si>
  <si>
    <t>shazia gillani</t>
  </si>
  <si>
    <t>GGHS CHAK 72 GB</t>
  </si>
  <si>
    <t>72 GB</t>
  </si>
  <si>
    <t>GGHS 72 GB</t>
  </si>
  <si>
    <t>GGHS CHAK 72 RB</t>
  </si>
  <si>
    <t>Bahmaniwala</t>
  </si>
  <si>
    <t>Chak No.72 RB</t>
  </si>
  <si>
    <t>Sheikho Ana</t>
  </si>
  <si>
    <t>Mrs Nazneen Ruhi</t>
  </si>
  <si>
    <t>GGHS CHAK 720 GB</t>
  </si>
  <si>
    <t>CHAK 720 GB</t>
  </si>
  <si>
    <t>chak no 720gb pirmahal</t>
  </si>
  <si>
    <t>Chak No 720gb</t>
  </si>
  <si>
    <t>Chak No 681/22</t>
  </si>
  <si>
    <t>GGHS CHAK 721 GB</t>
  </si>
  <si>
    <t>chak no.721gb</t>
  </si>
  <si>
    <t>Chak No721 Gb</t>
  </si>
  <si>
    <t>Chak No681/22</t>
  </si>
  <si>
    <t>GGHS CHAK 722 GB</t>
  </si>
  <si>
    <t>chak#722GB tehsil kamalia toba tek singh</t>
  </si>
  <si>
    <t>Chak No722GB</t>
  </si>
  <si>
    <t>Chak No 722GB</t>
  </si>
  <si>
    <t>Samara Naz</t>
  </si>
  <si>
    <t>GGHS CHAK 735 GB</t>
  </si>
  <si>
    <t>Chak No 735 GB Kamalia</t>
  </si>
  <si>
    <t>735 GB</t>
  </si>
  <si>
    <t>57/4</t>
  </si>
  <si>
    <t>khalida javed</t>
  </si>
  <si>
    <t>GGHS CHAK 737 GB</t>
  </si>
  <si>
    <t>chack no 737 GB</t>
  </si>
  <si>
    <t>Chack 737 GB</t>
  </si>
  <si>
    <t>Aneela Mushtaq</t>
  </si>
  <si>
    <t>GGHS CHAK 739 GB JAKHAR</t>
  </si>
  <si>
    <t>JAKHAR</t>
  </si>
  <si>
    <t>GGHS 739 GB JAKHAR</t>
  </si>
  <si>
    <t>CHAK NO 739 GB</t>
  </si>
  <si>
    <t>Tahmina Munir</t>
  </si>
  <si>
    <t>GGHS CHAK 746 GB</t>
  </si>
  <si>
    <t>Chak 722</t>
  </si>
  <si>
    <t>Chak no 746 GB kamalia</t>
  </si>
  <si>
    <t>746 Gb</t>
  </si>
  <si>
    <t>Kholla Latif</t>
  </si>
  <si>
    <t>GGHS CHAK 756 GB</t>
  </si>
  <si>
    <t>Najma Yasmeen</t>
  </si>
  <si>
    <t>GGHS CHAK 763 GB</t>
  </si>
  <si>
    <t>Govt girls high school 763 gb</t>
  </si>
  <si>
    <t>Chak No 763 GB</t>
  </si>
  <si>
    <t>Sandhilianwali</t>
  </si>
  <si>
    <t>Rubina fozia</t>
  </si>
  <si>
    <t>GGHS CHAK 84 JB FSD</t>
  </si>
  <si>
    <t>Chak No 84 Jb Fsd</t>
  </si>
  <si>
    <t>Chak no.84 jb fsd</t>
  </si>
  <si>
    <t>Chak No 84 Jb</t>
  </si>
  <si>
    <t>Chak no 84 Jb</t>
  </si>
  <si>
    <t>GGHS CHAK 85 JB LALIA</t>
  </si>
  <si>
    <t>GGHS 85 JB</t>
  </si>
  <si>
    <t>LEELAN</t>
  </si>
  <si>
    <t>CHAK NO.88 JB</t>
  </si>
  <si>
    <t>NASIRA NAHEED</t>
  </si>
  <si>
    <t>GGHS CHAK 87/A LIAQAT PUR</t>
  </si>
  <si>
    <t>sharki</t>
  </si>
  <si>
    <t>Govt Girls Secondary School Chak 87/a Liaquat Pur District Rahim Yar Khan</t>
  </si>
  <si>
    <t>chak 87/a liaquat pur</t>
  </si>
  <si>
    <t>head 42/a</t>
  </si>
  <si>
    <t>GGHS CHAK 91 GB FSD</t>
  </si>
  <si>
    <t>91 GB</t>
  </si>
  <si>
    <t>CHAK NO 91 GB FSD</t>
  </si>
  <si>
    <t>Umeesa Mazher</t>
  </si>
  <si>
    <t>GGHS CHAK 91 JB</t>
  </si>
  <si>
    <t>91 Jb</t>
  </si>
  <si>
    <t>chak no 91 jb tehsil Gojra,t.t.singh</t>
  </si>
  <si>
    <t>Chak No 91 Jb</t>
  </si>
  <si>
    <t>Chak No 93 Jb</t>
  </si>
  <si>
    <t>Noshaba Tehseen</t>
  </si>
  <si>
    <t>GGHS CHAK 91 RB</t>
  </si>
  <si>
    <t>91 Rb</t>
  </si>
  <si>
    <t>GGHS 91 rb teh jaranwala distt faisalabad</t>
  </si>
  <si>
    <t>91 Rb Dhunuana</t>
  </si>
  <si>
    <t>Sajida Mukhtar</t>
  </si>
  <si>
    <t>GGHS CHAK 95/F S CHISHTIAN</t>
  </si>
  <si>
    <t>GGHS 95/F(s)</t>
  </si>
  <si>
    <t>95/F(s)</t>
  </si>
  <si>
    <t>95A</t>
  </si>
  <si>
    <t>shakeela anwar</t>
  </si>
  <si>
    <t>GGHS CHAK 96 RB</t>
  </si>
  <si>
    <t>Chak 96 Rb</t>
  </si>
  <si>
    <t>chak 96 rb</t>
  </si>
  <si>
    <t>96 Rb</t>
  </si>
  <si>
    <t>99 Rb</t>
  </si>
  <si>
    <t>Shehnaz Kalsoom</t>
  </si>
  <si>
    <t>GGHS CHAK 99/F</t>
  </si>
  <si>
    <t>gGHS 99/F TEHSIL CHISHTIAN DISTT BWN</t>
  </si>
  <si>
    <t>chak no.99/f</t>
  </si>
  <si>
    <t>Naheed kousar</t>
  </si>
  <si>
    <t>GGHS CHAK AKKA</t>
  </si>
  <si>
    <t>Chakakka</t>
  </si>
  <si>
    <t>Gghs chakakka.village and po chakakka.tehsil dina.distt jhelum</t>
  </si>
  <si>
    <t>Shazia Irum</t>
  </si>
  <si>
    <t>GGHS CHAK AMRAL</t>
  </si>
  <si>
    <t>talla bajar</t>
  </si>
  <si>
    <t>chak amral</t>
  </si>
  <si>
    <t>gagan</t>
  </si>
  <si>
    <t>sadia rehman</t>
  </si>
  <si>
    <t>well</t>
  </si>
  <si>
    <t>GGHS CHAK BAQAR SHAH</t>
  </si>
  <si>
    <t>vill &amp;p.o chak baqar shah teh and distt chakwal</t>
  </si>
  <si>
    <t>Khizra Siddique</t>
  </si>
  <si>
    <t>GGHS CHAK BASAWA</t>
  </si>
  <si>
    <t>Chak Basawa</t>
  </si>
  <si>
    <t>chak baswa</t>
  </si>
  <si>
    <t>Ayesha Rani</t>
  </si>
  <si>
    <t>GGHS CHAK BEDI</t>
  </si>
  <si>
    <t>gghs chak bedi</t>
  </si>
  <si>
    <t>chak bedi</t>
  </si>
  <si>
    <t>Ayesha Shafi</t>
  </si>
  <si>
    <t>GGHS CHAK BEHRAM</t>
  </si>
  <si>
    <t>chak Behram</t>
  </si>
  <si>
    <t>vpo chak behram</t>
  </si>
  <si>
    <t>chak behram</t>
  </si>
  <si>
    <t>kala gujran</t>
  </si>
  <si>
    <t>Bismel Jamil</t>
  </si>
  <si>
    <t>GGHS CHAK BHATTI</t>
  </si>
  <si>
    <t>chak bhatti</t>
  </si>
  <si>
    <t>Husna Noreen</t>
  </si>
  <si>
    <t>GGHS CHAK CHATHA</t>
  </si>
  <si>
    <t>CHAK CHATTHA</t>
  </si>
  <si>
    <t>CHAK CHATTHA P/O SAME TEH &amp;DISTT HAFIZABAD</t>
  </si>
  <si>
    <t>Akhtar Nazir</t>
  </si>
  <si>
    <t>GGHS CHAK CHAUDHARY</t>
  </si>
  <si>
    <t>chak chaudhary</t>
  </si>
  <si>
    <t>Govt Girls High School Chak Chaudhary tehsil Noshera Virkan District Gujranwala</t>
  </si>
  <si>
    <t>Sadaf Kiran</t>
  </si>
  <si>
    <t>GGHS CHAK DARYA</t>
  </si>
  <si>
    <t>GOVT GIRLS HIGH SCHOOL CHAK DARYA</t>
  </si>
  <si>
    <t>CHAK DARYA</t>
  </si>
  <si>
    <t>Gul Naz</t>
  </si>
  <si>
    <t>GGHS CHAK DOULA</t>
  </si>
  <si>
    <t>Chak Doula</t>
  </si>
  <si>
    <t>Chak doula tehsil zafarwal district narowal</t>
  </si>
  <si>
    <t>Zaib-un-nisa</t>
  </si>
  <si>
    <t>GGHS CHAK HIMTA</t>
  </si>
  <si>
    <t>Chak himta</t>
  </si>
  <si>
    <t>Chak himta  TEHSIL and district lodhran</t>
  </si>
  <si>
    <t>ZARA BATOOL</t>
  </si>
  <si>
    <t>GGHS CHAK JAGNA</t>
  </si>
  <si>
    <t>Chak Jagna</t>
  </si>
  <si>
    <t>chak jagna grw</t>
  </si>
  <si>
    <t>kiran shahzadi</t>
  </si>
  <si>
    <t>GGHS CHAK JANO KALAN</t>
  </si>
  <si>
    <t>gghs chak jano kalan</t>
  </si>
  <si>
    <t>Kausar Tasneem</t>
  </si>
  <si>
    <t>GGHS CHAK KAMALA</t>
  </si>
  <si>
    <t>gghs chak kamala gujrat</t>
  </si>
  <si>
    <t>GGHS CHAK LALIKA</t>
  </si>
  <si>
    <t>laleka</t>
  </si>
  <si>
    <t>p/o box laleka</t>
  </si>
  <si>
    <t>GGHS CHAK LIAR</t>
  </si>
  <si>
    <t>CHAKLIYAR</t>
  </si>
  <si>
    <t>GOVT GIRLS HIGH SCHOOL CHAKLIYAR TEHSIL MAILSI DISTRICT VEHARI</t>
  </si>
  <si>
    <t>FARAH ASGHAR</t>
  </si>
  <si>
    <t>GGHS CHAK LOHARAN</t>
  </si>
  <si>
    <t>CHAK NOURANG</t>
  </si>
  <si>
    <t>GGHS CHAK LOHARAN TEHSIL APE BAHAWALPUR</t>
  </si>
  <si>
    <t>CHAK LOHARAN</t>
  </si>
  <si>
    <t>NOWSHAHRAH JADEED</t>
  </si>
  <si>
    <t>MISBAH SHAHID</t>
  </si>
  <si>
    <t>GGHS CHAK MAHNI NEAR PS UMER PUR</t>
  </si>
  <si>
    <t>Chak Mahni</t>
  </si>
  <si>
    <t>chak mahni Multan</t>
  </si>
  <si>
    <t>Umerpur</t>
  </si>
  <si>
    <t>farhat nasim</t>
  </si>
  <si>
    <t>GGHS CHAK MALOOK</t>
  </si>
  <si>
    <t>GGHS Chakmalook</t>
  </si>
  <si>
    <t>UC Chak Malook</t>
  </si>
  <si>
    <t>Azka Seemab Zahra</t>
  </si>
  <si>
    <t>GGHS CHAK MITRU</t>
  </si>
  <si>
    <t>Mitru</t>
  </si>
  <si>
    <t>GGHS mitru mailsi district vehari</t>
  </si>
  <si>
    <t>muqaddas noreen</t>
  </si>
  <si>
    <t>GGHS CHAK MUBARAK (OLD NAME CHAK RAMDAS)</t>
  </si>
  <si>
    <t>gghs chak mubarak</t>
  </si>
  <si>
    <t>Shamim Afzal</t>
  </si>
  <si>
    <t>GGHS CHAK NO 10 FW PO CHISHTIAN</t>
  </si>
  <si>
    <t>chak no 10 fw chishtian</t>
  </si>
  <si>
    <t>Gghs 10fw chishtian</t>
  </si>
  <si>
    <t>NAJAMA PARVEEN</t>
  </si>
  <si>
    <t>GGHS CHAK NO 100 GB</t>
  </si>
  <si>
    <t>GGHS 100GB Jaranwala</t>
  </si>
  <si>
    <t>Chak#100GB</t>
  </si>
  <si>
    <t>NOOR-UL-QAMAR</t>
  </si>
  <si>
    <t>GGHS CHAK NO 101 GB</t>
  </si>
  <si>
    <t>Chak 101gb</t>
  </si>
  <si>
    <t>chak 101gb</t>
  </si>
  <si>
    <t>Nayyab Arzoo</t>
  </si>
  <si>
    <t>GGHS CHAK NO 109 RB</t>
  </si>
  <si>
    <t>GGHS 109 RB ||, WORKSHOP, JARANWALA, FAISALABAD</t>
  </si>
  <si>
    <t>109 RB 2 WORKSHOP</t>
  </si>
  <si>
    <t>109 RB RODA</t>
  </si>
  <si>
    <t>TAIBA AROOJ</t>
  </si>
  <si>
    <t>GGHS CHAK NO 11 SIDHU</t>
  </si>
  <si>
    <t>CHAK NO 11J B</t>
  </si>
  <si>
    <t>CHAK NO 11J B,Tehsil &amp; Distt chiniot</t>
  </si>
  <si>
    <t>CHAK 13/JB</t>
  </si>
  <si>
    <t>GGHS CHAK NO 114 TDA HUSSAIN ABAD</t>
  </si>
  <si>
    <t>Oolakh Thal Gndi</t>
  </si>
  <si>
    <t>chak no 114tda Hussain abad layyah</t>
  </si>
  <si>
    <t>114tda Hussainabd</t>
  </si>
  <si>
    <t>SAMINA HUSSAIN</t>
  </si>
  <si>
    <t>GGHS CHAK NO 117 TDA (GHULAM HAIDER KULLO WALA)</t>
  </si>
  <si>
    <t>chak  117/TDA  haider kallu wala</t>
  </si>
  <si>
    <t>GGHS CHAK NO 117 TDA (GHULAM HAIDER KULLO WALA) Layyah</t>
  </si>
  <si>
    <t>chak  117/TDA Ghulam Haider</t>
  </si>
  <si>
    <t>Sajida Kanwal</t>
  </si>
  <si>
    <t>hand pump, motor pump</t>
  </si>
  <si>
    <t>GGHS CHAK NO 121 TDA</t>
  </si>
  <si>
    <t>NUSHARA THAL JANDI</t>
  </si>
  <si>
    <t>Chak no 121 Tda Layyah</t>
  </si>
  <si>
    <t>CHAH KHAIRA</t>
  </si>
  <si>
    <t>SALMA HAMID</t>
  </si>
  <si>
    <t>GGHS CHAK NO 124 JB MARZI PURA</t>
  </si>
  <si>
    <t>marzipura St#2 fsd</t>
  </si>
  <si>
    <t>marzipura</t>
  </si>
  <si>
    <t>Municipal Carporation</t>
  </si>
  <si>
    <t>naila roohi</t>
  </si>
  <si>
    <t>GGHS CHAK NO 124 RB PIOPIOM</t>
  </si>
  <si>
    <t>Propian</t>
  </si>
  <si>
    <t>chak No 124 RB Propian,Fsd.</t>
  </si>
  <si>
    <t>Chak No 139 RB Ghami</t>
  </si>
  <si>
    <t>HINA SARFRAZ</t>
  </si>
  <si>
    <t>electric cooler water pump hand pump</t>
  </si>
  <si>
    <t>GGHS CHAK NO 124 TDA</t>
  </si>
  <si>
    <t>Chak No.124 TDA</t>
  </si>
  <si>
    <t>GGHS CHAK NO.  124/ TDA</t>
  </si>
  <si>
    <t>Sofia Rahat</t>
  </si>
  <si>
    <t>GGHS CHAK NO 125 JB</t>
  </si>
  <si>
    <t>Chak No  125 Jappay</t>
  </si>
  <si>
    <t>gghs 125 jb Jappay tehsil and district chiniot.</t>
  </si>
  <si>
    <t>125 Jappay</t>
  </si>
  <si>
    <t>125 Jb Jappay</t>
  </si>
  <si>
    <t>ZAHIDA SHABBIR</t>
  </si>
  <si>
    <t>GGHS CHAK NO 127 TDA</t>
  </si>
  <si>
    <t>127/TDA</t>
  </si>
  <si>
    <t>GGHS  127/TDA P/O 136/TDA HEERA MINR</t>
  </si>
  <si>
    <t>MANDI TOWN</t>
  </si>
  <si>
    <t>GGHS CHAK NO 127/M</t>
  </si>
  <si>
    <t>Chak No 127M</t>
  </si>
  <si>
    <t>chak no 127 m tehsil chishtian district bahawalnagar</t>
  </si>
  <si>
    <t>Chak No 127m</t>
  </si>
  <si>
    <t>Chak No 128M</t>
  </si>
  <si>
    <t>Sidra Sharif</t>
  </si>
  <si>
    <t>GGHS CHAK NO 129 SB</t>
  </si>
  <si>
    <t>129 Sb</t>
  </si>
  <si>
    <t>chak no 129 s.b sillanwali sargodha</t>
  </si>
  <si>
    <t>Chak No 129 Sb</t>
  </si>
  <si>
    <t>125 Sb</t>
  </si>
  <si>
    <t>GGHS CHAK NO 13 JB</t>
  </si>
  <si>
    <t>Chak 13jb</t>
  </si>
  <si>
    <t>Chak No 13 Sarwala teh/distt. Chiniot</t>
  </si>
  <si>
    <t>Chak 13 Sarwala Chak 13 Sarwala</t>
  </si>
  <si>
    <t>Chak 13 Sarwala</t>
  </si>
  <si>
    <t>Rizwana Batool</t>
  </si>
  <si>
    <t>GGHS CHAK NO 134 GB</t>
  </si>
  <si>
    <t>134gb</t>
  </si>
  <si>
    <t>chak no.134gb</t>
  </si>
  <si>
    <t>Chak No 138gb</t>
  </si>
  <si>
    <t>Fouzia</t>
  </si>
  <si>
    <t>GGHS CHAK NO 134 JB LOONAY</t>
  </si>
  <si>
    <t>Puber Wala</t>
  </si>
  <si>
    <t>Chak no 134 Jb loonay</t>
  </si>
  <si>
    <t>Chak No 134 Jb Loonay</t>
  </si>
  <si>
    <t>Chak No 128</t>
  </si>
  <si>
    <t>Zeenat</t>
  </si>
  <si>
    <t>GGHS CHAK NO 135 TDA</t>
  </si>
  <si>
    <t>sumrah nashab thal jandi</t>
  </si>
  <si>
    <t>Chak  no135 Tda Layyah</t>
  </si>
  <si>
    <t>Chak No 135 TDA</t>
  </si>
  <si>
    <t>mandi town</t>
  </si>
  <si>
    <t>Kalsoom Mustafa</t>
  </si>
  <si>
    <t>GGHS CHAK NO 135/6-R</t>
  </si>
  <si>
    <t>govt girls high school 135/6r</t>
  </si>
  <si>
    <t>135/6r</t>
  </si>
  <si>
    <t>shahida fatima</t>
  </si>
  <si>
    <t>GGHS CHAK NO 136 GB</t>
  </si>
  <si>
    <t>Chak 136 GB FSD</t>
  </si>
  <si>
    <t>Chak 136 GB</t>
  </si>
  <si>
    <t>Chak 527 GB</t>
  </si>
  <si>
    <t>SAADIA RIAZ CHEEMA</t>
  </si>
  <si>
    <t>GGHS CHAK NO 144 RB GHOTAL</t>
  </si>
  <si>
    <t>check No144 to ghotal</t>
  </si>
  <si>
    <t>Check No144 Ghotal</t>
  </si>
  <si>
    <t>Bakhery Wali</t>
  </si>
  <si>
    <t>NAZIA RASHID</t>
  </si>
  <si>
    <t>GGHS CHAK NO 146 TDA DAGREE</t>
  </si>
  <si>
    <t>CHAK 146/TDA DAGREE</t>
  </si>
  <si>
    <t>146/TDA DAGREE</t>
  </si>
  <si>
    <t>Imtiaz tabassum</t>
  </si>
  <si>
    <t>GGHS CHAK NO 148 RB</t>
  </si>
  <si>
    <t>148RB</t>
  </si>
  <si>
    <t>CHAK NO148RB FSD</t>
  </si>
  <si>
    <t>SOHNA TOBA</t>
  </si>
  <si>
    <t>CHAK NO156RB</t>
  </si>
  <si>
    <t>Salma Nasim</t>
  </si>
  <si>
    <t>GGHS CHAK NO 152 JB</t>
  </si>
  <si>
    <t>GOVT. GIRLS HIGH SCHOOL, CHAK NO. 152-JB GATTI KAMOKA, TEHSIL &amp; DISTRICT CHINIOT</t>
  </si>
  <si>
    <t>GATTI KAMOKA</t>
  </si>
  <si>
    <t>CHAK NO. 153-JB GATTI SYEDAN</t>
  </si>
  <si>
    <t>Asmat Jalal</t>
  </si>
  <si>
    <t>GGHS CHAK NO 152 TDA</t>
  </si>
  <si>
    <t>Chak no.152/TDA,Layyah</t>
  </si>
  <si>
    <t>Ludhana</t>
  </si>
  <si>
    <t>Riffat sultana</t>
  </si>
  <si>
    <t>GGHS CHAK NO 153 RB BHROKI</t>
  </si>
  <si>
    <t>153rb</t>
  </si>
  <si>
    <t>GGHS153RB Bhroki</t>
  </si>
  <si>
    <t>Chak No 153RB Bhrok</t>
  </si>
  <si>
    <t>zubaida begum</t>
  </si>
  <si>
    <t>GGHS CHAK NO 166 EB</t>
  </si>
  <si>
    <t>chak no166/e.B</t>
  </si>
  <si>
    <t>govt girls high school 166/e.b vehari</t>
  </si>
  <si>
    <t>chak no 166/e.b vehari</t>
  </si>
  <si>
    <t>tahira nargis</t>
  </si>
  <si>
    <t>GGHS CHAK NO 166/7-R</t>
  </si>
  <si>
    <t>CHAK NO 166/7.R</t>
  </si>
  <si>
    <t>G.G.H.S 166/7.R Rafiqabad</t>
  </si>
  <si>
    <t>Chak No 167/7.R</t>
  </si>
  <si>
    <t>Shazia Aslam</t>
  </si>
  <si>
    <t>GGHS CHAK NO 169/7-R</t>
  </si>
  <si>
    <t>169/7r</t>
  </si>
  <si>
    <t>GGHS 169/7R tehsil fort abbas district Bahawalnagar</t>
  </si>
  <si>
    <t>Chak No 169/7R P/O Kichi Wala Tehsil Fort Abbas Di</t>
  </si>
  <si>
    <t>GGHS CHAK NO 17</t>
  </si>
  <si>
    <t>Chak 17</t>
  </si>
  <si>
    <t>chak 17, Chunian, kasur</t>
  </si>
  <si>
    <t>GGHS CHAK NO 17 GHAGH</t>
  </si>
  <si>
    <t>Chak No 17 Ghagh</t>
  </si>
  <si>
    <t>gghs 17 ghagh</t>
  </si>
  <si>
    <t>Chak No 3 Ghagh</t>
  </si>
  <si>
    <t>GGHS CHAK NO 170 GB</t>
  </si>
  <si>
    <t>chak no 170 gb samundri fsd</t>
  </si>
  <si>
    <t>qatrwal</t>
  </si>
  <si>
    <t>qatrwo wal</t>
  </si>
  <si>
    <t>zakia saleem</t>
  </si>
  <si>
    <t>plant water</t>
  </si>
  <si>
    <t>GGHS CHAK NO 174 GB II SOUTH</t>
  </si>
  <si>
    <t>Chak No 174 GB South</t>
  </si>
  <si>
    <t>CHAK NO. 174 G.B SOUTH TEHSIL SAMUNDRI DISTRICT FAISALABAD</t>
  </si>
  <si>
    <t>CHAK NO. 174 G.B SOUTH</t>
  </si>
  <si>
    <t>CHAK NO. 175 G.B</t>
  </si>
  <si>
    <t>ABIDA BATOOL</t>
  </si>
  <si>
    <t>GGHS CHAK NO 175 JB</t>
  </si>
  <si>
    <t>Chak No 175</t>
  </si>
  <si>
    <t>chak No 175/jb jhang</t>
  </si>
  <si>
    <t>Chak No 175/jb Jhang</t>
  </si>
  <si>
    <t>GGHS Chak No 179/7-R</t>
  </si>
  <si>
    <t>Chak 179/7-R</t>
  </si>
  <si>
    <t>chak 179/7-R near gulshan fraif</t>
  </si>
  <si>
    <t>Non-Functional</t>
  </si>
  <si>
    <t>filtration plant</t>
  </si>
  <si>
    <t>GGHS CHAK NO 180 EB</t>
  </si>
  <si>
    <t>chak no 180/EB Vehari</t>
  </si>
  <si>
    <t>Chak # 180/EB</t>
  </si>
  <si>
    <t>Chak # 166/EB</t>
  </si>
  <si>
    <t>Sumaira Amjad</t>
  </si>
  <si>
    <t>GGHS CHAK NO 183 TDA</t>
  </si>
  <si>
    <t>dagger rehtas</t>
  </si>
  <si>
    <t>chak no 183/tea bhakkar</t>
  </si>
  <si>
    <t>183/tda</t>
  </si>
  <si>
    <t>Daggar Rehtas</t>
  </si>
  <si>
    <t>WAQAR-UN-NISA SHAMIM</t>
  </si>
  <si>
    <t>GGHS CHAK NO 184 JB</t>
  </si>
  <si>
    <t>Janglu</t>
  </si>
  <si>
    <t>Chak No 184 Janglu</t>
  </si>
  <si>
    <t>CHAK NO 184 WEST Sial</t>
  </si>
  <si>
    <t>Surayya Batool</t>
  </si>
  <si>
    <t>GGHS CHAK NO 190 RB KARARY</t>
  </si>
  <si>
    <t>Chak No 190 Rb Faisalabad</t>
  </si>
  <si>
    <t>chak no 190/rb karari kalan faisalabad</t>
  </si>
  <si>
    <t>190/rb karari kalan</t>
  </si>
  <si>
    <t>chak 190/rb</t>
  </si>
  <si>
    <t>GGHS CHAK NO 190/7-R</t>
  </si>
  <si>
    <t>190/7r</t>
  </si>
  <si>
    <t>Chak no 190/7R PO Khichiwala</t>
  </si>
  <si>
    <t>Chak No 190/7R</t>
  </si>
  <si>
    <t>Shahnaz Kouser</t>
  </si>
  <si>
    <t>GGHS CHAK NO 192 GB</t>
  </si>
  <si>
    <t>Chak 192 Gb</t>
  </si>
  <si>
    <t>chak no.192gb tehsil sammundri distt.fsd.</t>
  </si>
  <si>
    <t>Chak No 192 Gb</t>
  </si>
  <si>
    <t>Chak no 193GB</t>
  </si>
  <si>
    <t>AASIA RASOOL</t>
  </si>
  <si>
    <t>GGHS CHAK NO 193 GB N</t>
  </si>
  <si>
    <t>YOUSAF PURA</t>
  </si>
  <si>
    <t>CHAK NO 193 G.B (N)</t>
  </si>
  <si>
    <t>CHAK NO 193 G.B (S)</t>
  </si>
  <si>
    <t>PARVEEN MAAN</t>
  </si>
  <si>
    <t>GGHS CHAK NO 195 GB</t>
  </si>
  <si>
    <t>Pindori</t>
  </si>
  <si>
    <t>Chak No. 195 GB</t>
  </si>
  <si>
    <t>Chak No. 193 G B</t>
  </si>
  <si>
    <t>gulshan parveen</t>
  </si>
  <si>
    <t>GGHS CHAK NO 195 RB FSD</t>
  </si>
  <si>
    <t>chak 195 RB Jandanwala Fsd</t>
  </si>
  <si>
    <t>195 RB Jandanwala</t>
  </si>
  <si>
    <t>Maimoona Yaqoob</t>
  </si>
  <si>
    <t>GGHS CHAK NO 197 GB</t>
  </si>
  <si>
    <t>197 gb</t>
  </si>
  <si>
    <t>chak no  197 gb</t>
  </si>
  <si>
    <t>chak 197 gb</t>
  </si>
  <si>
    <t>chak 198 gb</t>
  </si>
  <si>
    <t>SURRRIYA WARAICH</t>
  </si>
  <si>
    <t>GGHS CHAK NO 2 JB FSD</t>
  </si>
  <si>
    <t>2 Jb</t>
  </si>
  <si>
    <t>chak no 2 jb</t>
  </si>
  <si>
    <t>shagufta aziz</t>
  </si>
  <si>
    <t>GGHS CHAK NO 201 RB</t>
  </si>
  <si>
    <t>Chak No197 Rb</t>
  </si>
  <si>
    <t>GGHS197 rb</t>
  </si>
  <si>
    <t>NAJMA GILANI</t>
  </si>
  <si>
    <t>GGHS CHAK NO 203 GB</t>
  </si>
  <si>
    <t>Chak No 203GB</t>
  </si>
  <si>
    <t>Samreen Kokub</t>
  </si>
  <si>
    <t>GGHS CHAK NO 204 GB FSD</t>
  </si>
  <si>
    <t>Chak No 204GB FSD</t>
  </si>
  <si>
    <t>chak No 204Gb teh samundri dist FSD</t>
  </si>
  <si>
    <t>204GB</t>
  </si>
  <si>
    <t>Chak No 211GB</t>
  </si>
  <si>
    <t>ramlah malik zady</t>
  </si>
  <si>
    <t>GGHS CHAK NO 204 RB</t>
  </si>
  <si>
    <t>CHAK NO. 204 RB FSD</t>
  </si>
  <si>
    <t>204 RB FSD</t>
  </si>
  <si>
    <t>Gulraiz Naseem</t>
  </si>
  <si>
    <t>GGHS CHAK NO 206 GB</t>
  </si>
  <si>
    <t>Chak no 206 gb</t>
  </si>
  <si>
    <t>206gb</t>
  </si>
  <si>
    <t>205gb</t>
  </si>
  <si>
    <t>SOFIA SIDDIQUE</t>
  </si>
  <si>
    <t>GGHS CHAK NO 208 RB</t>
  </si>
  <si>
    <t>208/RB</t>
  </si>
  <si>
    <t>Govt girls high school chak no.208/RB tehsil,district Faisalabad.</t>
  </si>
  <si>
    <t>naheed anjum</t>
  </si>
  <si>
    <t>GGHS CHAK NO 209 RB</t>
  </si>
  <si>
    <t>CHAK NO 209/RB.FAISALABAD.</t>
  </si>
  <si>
    <t>GOVT. GIRLS HIGH SCHOOL 209/RB. FAISALABAD.</t>
  </si>
  <si>
    <t>CHAK NO 209/RB FAISALABAD.</t>
  </si>
  <si>
    <t>sHAHNAZ KAUSAR</t>
  </si>
  <si>
    <t>GGHS CHAK NO 214 JB MOCHIWALA</t>
  </si>
  <si>
    <t>mochiwla</t>
  </si>
  <si>
    <t>chakno214mochiwla</t>
  </si>
  <si>
    <t>IJAZ AKHTAR</t>
  </si>
  <si>
    <t>GGHS CHAK NO 215 RB</t>
  </si>
  <si>
    <t>Nathery</t>
  </si>
  <si>
    <t>215 rb nathery</t>
  </si>
  <si>
    <t>Kakuana</t>
  </si>
  <si>
    <t>musarrat afza</t>
  </si>
  <si>
    <t>GGHS CHAK NO 22 GB</t>
  </si>
  <si>
    <t>Jrw</t>
  </si>
  <si>
    <t>Jannat Ara</t>
  </si>
  <si>
    <t>GGHS CHAK NO 222 RB SHAIKHAWALA (RAJA WALA)</t>
  </si>
  <si>
    <t>sheikhanwala</t>
  </si>
  <si>
    <t>govt. girls high school 222 rb sheikhanwala fsd</t>
  </si>
  <si>
    <t>SHAGUFTA NAHEED</t>
  </si>
  <si>
    <t>perched drinking water</t>
  </si>
  <si>
    <t>GGHS CHAK NO 223 GB</t>
  </si>
  <si>
    <t>Chak 223gb</t>
  </si>
  <si>
    <t>chak no. 223gb samundri</t>
  </si>
  <si>
    <t>223gb</t>
  </si>
  <si>
    <t>214gb</t>
  </si>
  <si>
    <t>Sobia  Nazli</t>
  </si>
  <si>
    <t>GGHS CHAK NO 223 JB</t>
  </si>
  <si>
    <t>ramana</t>
  </si>
  <si>
    <t>Chak no 223jb tehsil bhowana</t>
  </si>
  <si>
    <t>chak no 190 jb arbian</t>
  </si>
  <si>
    <t>Riffat Ismail</t>
  </si>
  <si>
    <t>GGHS CHAK NO 224 RB WAZIR KHAN</t>
  </si>
  <si>
    <t>gGHS 224 r.B WAZIR KHAN WALI FSD</t>
  </si>
  <si>
    <t>224 r.b</t>
  </si>
  <si>
    <t>SHALIMAR PARK</t>
  </si>
  <si>
    <t>GGHS CHAK NO 225 RB</t>
  </si>
  <si>
    <t>CHAK NO 225 RB MALKHANWALA FAISALABAD</t>
  </si>
  <si>
    <t>Mamoona Yasmin</t>
  </si>
  <si>
    <t>FILTERED</t>
  </si>
  <si>
    <t>GGHS CHAK NO 226 GB</t>
  </si>
  <si>
    <t>chak no 226gb</t>
  </si>
  <si>
    <t>Chak No 226gb</t>
  </si>
  <si>
    <t>Chak Na 225gb</t>
  </si>
  <si>
    <t>ayesha siddique</t>
  </si>
  <si>
    <t>GGHS CHAK NO 228 GB</t>
  </si>
  <si>
    <t>gghs228gb</t>
  </si>
  <si>
    <t>Chak No 228GB</t>
  </si>
  <si>
    <t>228GB</t>
  </si>
  <si>
    <t>Samina Hassan</t>
  </si>
  <si>
    <t>GGHS CHAK NO 232 JB</t>
  </si>
  <si>
    <t>Chak No 232jb</t>
  </si>
  <si>
    <t>chak no 232jb</t>
  </si>
  <si>
    <t>Chak No 232</t>
  </si>
  <si>
    <t>Vairh Sipra</t>
  </si>
  <si>
    <t>Tahseen Zahra</t>
  </si>
  <si>
    <t>GGHS CHAK NO 235 EB GAGGOO</t>
  </si>
  <si>
    <t>235eb</t>
  </si>
  <si>
    <t>235EB</t>
  </si>
  <si>
    <t>Hafiza Sajida Perveen</t>
  </si>
  <si>
    <t>GGHS CHAK NO 240 JB</t>
  </si>
  <si>
    <t>govt girls high school chak no 240 jb tehsil bhowana dist chiniot</t>
  </si>
  <si>
    <t>chak no 240</t>
  </si>
  <si>
    <t>GGHS CHAK NO 241 RB</t>
  </si>
  <si>
    <t>govt.girls high school 241RB Faisalabad</t>
  </si>
  <si>
    <t>Chanchalwala</t>
  </si>
  <si>
    <t>abbaspur</t>
  </si>
  <si>
    <t>Qurratulain Aslam</t>
  </si>
  <si>
    <t>GGHS CHAK NO 26 MB</t>
  </si>
  <si>
    <t>chak no. 26 mb tehsil quaidabad district khushab</t>
  </si>
  <si>
    <t>Chak No 26 MB</t>
  </si>
  <si>
    <t>Chak No 14 MB</t>
  </si>
  <si>
    <t>Saira Anjum</t>
  </si>
  <si>
    <t>GGHS CHAK NO 262 JB</t>
  </si>
  <si>
    <t>GGHS CHAK NO 262 J.B JHANG</t>
  </si>
  <si>
    <t>KOT BHOJWANA</t>
  </si>
  <si>
    <t>MOKHIANA</t>
  </si>
  <si>
    <t>IFFAT IRSHAD</t>
  </si>
  <si>
    <t>GGHS CHAK NO 267 JB</t>
  </si>
  <si>
    <t>Chak No 267</t>
  </si>
  <si>
    <t>GGHS chk no 267 JB jhang</t>
  </si>
  <si>
    <t>Chk No 267 Chondra</t>
  </si>
  <si>
    <t>Chk No 265</t>
  </si>
  <si>
    <t>Sumia Bibi</t>
  </si>
  <si>
    <t>GGHS CHAK NO 272 JB</t>
  </si>
  <si>
    <t>272jb</t>
  </si>
  <si>
    <t>Chak no 272jb Fsd</t>
  </si>
  <si>
    <t>38jb Dabora</t>
  </si>
  <si>
    <t>Sabiha Khalid</t>
  </si>
  <si>
    <t>GGHS CHAK NO 273 JB</t>
  </si>
  <si>
    <t>273jb Fsd</t>
  </si>
  <si>
    <t>chak no 273jb fsd.</t>
  </si>
  <si>
    <t>chak no 41jb</t>
  </si>
  <si>
    <t>GGHS CHAK NO 275 JB</t>
  </si>
  <si>
    <t>275 Jb</t>
  </si>
  <si>
    <t>chk no 275 jb</t>
  </si>
  <si>
    <t>275jb</t>
  </si>
  <si>
    <t>Naz Parwr</t>
  </si>
  <si>
    <t>GGHS CHAK NO 282 HR</t>
  </si>
  <si>
    <t>282/hr</t>
  </si>
  <si>
    <t>281/hr</t>
  </si>
  <si>
    <t>Najma Nasreen</t>
  </si>
  <si>
    <t>GGHS CHAK NO 293 TDA</t>
  </si>
  <si>
    <t>Chak No 293/TDA</t>
  </si>
  <si>
    <t>gghsChak no 293/TDA</t>
  </si>
  <si>
    <t>chak no 293/TDA</t>
  </si>
  <si>
    <t>chak no 306/TDA</t>
  </si>
  <si>
    <t>Faiza Jabeen</t>
  </si>
  <si>
    <t>GGHS CHAK NO 296 HR</t>
  </si>
  <si>
    <t>ZAHIDA HAMID</t>
  </si>
  <si>
    <t>GGHS CHAK NO 303 EB</t>
  </si>
  <si>
    <t>chak no 303</t>
  </si>
  <si>
    <t>Chackno 265 EB</t>
  </si>
  <si>
    <t>GGHS CHAK NO 33 WB</t>
  </si>
  <si>
    <t>33/wb Vehari</t>
  </si>
  <si>
    <t>33/wb vehari</t>
  </si>
  <si>
    <t>RAANA UZMA</t>
  </si>
  <si>
    <t>GGHS CHAK NO 330 HR</t>
  </si>
  <si>
    <t>330/HR</t>
  </si>
  <si>
    <t>Chak #330/HR Tehsil Fortabbas District Bahawalnagar</t>
  </si>
  <si>
    <t>330/ HR</t>
  </si>
  <si>
    <t>Naila Rasheed</t>
  </si>
  <si>
    <t>GGHS CHAK NO 347 A TDA</t>
  </si>
  <si>
    <t>347A/TDA</t>
  </si>
  <si>
    <t>chak no347A/TDA tehsil Chubara district Layyah</t>
  </si>
  <si>
    <t>Sana Nazir</t>
  </si>
  <si>
    <t>GGHS CHAK NO 36 DB</t>
  </si>
  <si>
    <t>Chak no 36 db quaidabad</t>
  </si>
  <si>
    <t>Chak No 36 Db</t>
  </si>
  <si>
    <t>farah batool</t>
  </si>
  <si>
    <t>GGHS CHAK NO 40 JB HALWARA</t>
  </si>
  <si>
    <t>40 JB</t>
  </si>
  <si>
    <t>chak no 40 jb faisalabad</t>
  </si>
  <si>
    <t>Chak No 40 JB</t>
  </si>
  <si>
    <t>38 JB Daghora</t>
  </si>
  <si>
    <t>IFFAT NASEEM</t>
  </si>
  <si>
    <t>GGHS CHAK NO 41 JB</t>
  </si>
  <si>
    <t>GGHS CHAK NO 41 WB</t>
  </si>
  <si>
    <t>Chak#41/wb Danewal Town Vehari</t>
  </si>
  <si>
    <t>Chak#41/wb</t>
  </si>
  <si>
    <t>samia kouser</t>
  </si>
  <si>
    <t>GGHS CHAK NO 426 GB</t>
  </si>
  <si>
    <t>Chak No 426 GB</t>
  </si>
  <si>
    <t>426 gb</t>
  </si>
  <si>
    <t>Chak No 429</t>
  </si>
  <si>
    <t>Zarina Akhter</t>
  </si>
  <si>
    <t>GGHS CHAK NO 437 GB I</t>
  </si>
  <si>
    <t>Mayangara</t>
  </si>
  <si>
    <t>GGHS 437 GB, Samundri, Fsd.</t>
  </si>
  <si>
    <t>437 GB</t>
  </si>
  <si>
    <t>SAIMA TABASSUM</t>
  </si>
  <si>
    <t>GGHS CHAK NO 444 GB</t>
  </si>
  <si>
    <t>chak no 444 GB</t>
  </si>
  <si>
    <t>govt girls high school 444 GB</t>
  </si>
  <si>
    <t>CHAK no 441Gb</t>
  </si>
  <si>
    <t>GGHS CHAK NO 446 JB</t>
  </si>
  <si>
    <t>Chak No 446 JB</t>
  </si>
  <si>
    <t>Govt Girls High School Chak No 446 JB Jhang</t>
  </si>
  <si>
    <t>GGHS CHAK NO 45 GB FSD</t>
  </si>
  <si>
    <t>Trntaran</t>
  </si>
  <si>
    <t>chak no 45 gb,tehsil samundri</t>
  </si>
  <si>
    <t>chak no 45 gb</t>
  </si>
  <si>
    <t>BUSHRA MUSARRAT</t>
  </si>
  <si>
    <t>GGHS CHAK NO 45 MB</t>
  </si>
  <si>
    <t>45MB</t>
  </si>
  <si>
    <t>Chak No 50MB</t>
  </si>
  <si>
    <t>Sajida perveen</t>
  </si>
  <si>
    <t>GGHS CHAK NO 458 JB</t>
  </si>
  <si>
    <t>GGHS CHAK NO. 458/JB , JHANG</t>
  </si>
  <si>
    <t>KHOI ADDA CHAK nO.446/JB</t>
  </si>
  <si>
    <t>GGHS CHAK NO 463 GB</t>
  </si>
  <si>
    <t>463GB</t>
  </si>
  <si>
    <t>GGHS463GB</t>
  </si>
  <si>
    <t>GGHS CHAK NO 467 GB</t>
  </si>
  <si>
    <t>Govt Girls High School 467/GB.</t>
  </si>
  <si>
    <t>Chak No 467/GB</t>
  </si>
  <si>
    <t>Chak No 467/GB.</t>
  </si>
  <si>
    <t>GGHS CHAK NO 47 MB</t>
  </si>
  <si>
    <t>CHAK NO 47 MB KHB</t>
  </si>
  <si>
    <t>Chak NO 51 MBKHB</t>
  </si>
  <si>
    <t>MEMOONA IHSAN</t>
  </si>
  <si>
    <t>GGHS CHAK NO 477 EB</t>
  </si>
  <si>
    <t>477/EB</t>
  </si>
  <si>
    <t>chak 477/ E.B vehari</t>
  </si>
  <si>
    <t>Chak 477/EB</t>
  </si>
  <si>
    <t>Nailah Nosheen</t>
  </si>
  <si>
    <t>GGHS CHAK NO 477 GB W</t>
  </si>
  <si>
    <t>mOZA</t>
  </si>
  <si>
    <t>cHAK nO 477 GB (W)</t>
  </si>
  <si>
    <t>477 GB</t>
  </si>
  <si>
    <t>475 GB</t>
  </si>
  <si>
    <t>ZOHRA PARVEEN</t>
  </si>
  <si>
    <t>GGHS CHAK NO 478 GB</t>
  </si>
  <si>
    <t>cHAWA</t>
  </si>
  <si>
    <t>GGHS 478 GB</t>
  </si>
  <si>
    <t>478 G.B</t>
  </si>
  <si>
    <t>Fahrat Nazir</t>
  </si>
  <si>
    <t>GGHS CHAK NO 478 JB</t>
  </si>
  <si>
    <t>Chak no.  478 jb jhang</t>
  </si>
  <si>
    <t>government Girls high school chak no.  478 jb jhang</t>
  </si>
  <si>
    <t>chak no.  478 JB jhang</t>
  </si>
  <si>
    <t>chak no.  481 JB Bootay wali</t>
  </si>
  <si>
    <t>Saba Chaudhary</t>
  </si>
  <si>
    <t>GGHS CHAK NO 481 JB</t>
  </si>
  <si>
    <t>Chak No 481 JB Tehsil Shorkot District Jhang</t>
  </si>
  <si>
    <t>Chak no 481 JB</t>
  </si>
  <si>
    <t>Chak No 478  JB</t>
  </si>
  <si>
    <t>GGHS CHAK NO 483 GB</t>
  </si>
  <si>
    <t>483 GB</t>
  </si>
  <si>
    <t>CHAK NO 483 GB</t>
  </si>
  <si>
    <t>rubina kousar</t>
  </si>
  <si>
    <t>GGHS CHAK NO 483 JB</t>
  </si>
  <si>
    <t>Chak No. 483JB</t>
  </si>
  <si>
    <t>Chak No 483JB</t>
  </si>
  <si>
    <t>Chak No 478 JB</t>
  </si>
  <si>
    <t>Tahira Sadiqi</t>
  </si>
  <si>
    <t>GGHS CHAK NO 485 GB FSD</t>
  </si>
  <si>
    <t>Samoana Chatala</t>
  </si>
  <si>
    <t>chak no 485 GB Samundri faisalabad</t>
  </si>
  <si>
    <t>Chak No 484</t>
  </si>
  <si>
    <t>Saira Rehman</t>
  </si>
  <si>
    <t>GGHS CHAK NO 490 JB</t>
  </si>
  <si>
    <t>Chak no 490 jb Tehsil Shorkot District Jhang</t>
  </si>
  <si>
    <t>Chak No 490 JB</t>
  </si>
  <si>
    <t>Batianwala Chak No 493 JB</t>
  </si>
  <si>
    <t>syeda tatheer zahra</t>
  </si>
  <si>
    <t>GGHS CHAK NO 491 JB (Up-graded)</t>
  </si>
  <si>
    <t>Chain Wala</t>
  </si>
  <si>
    <t>chak491/jb markaz waryam wala tehsil shorkot zelah jhng</t>
  </si>
  <si>
    <t>Chakno491/jb</t>
  </si>
  <si>
    <t>Chaianwala</t>
  </si>
  <si>
    <t>Hajira Bibi</t>
  </si>
  <si>
    <t>GGHS CHAK NO 493 GB FSD</t>
  </si>
  <si>
    <t>Hussain Pur</t>
  </si>
  <si>
    <t>Chak No. 493 GB Mamunkanjan, Tehsil Tandlianwala District Faisalabad</t>
  </si>
  <si>
    <t>Chak No 493 GB</t>
  </si>
  <si>
    <t>Chak No 507 GB</t>
  </si>
  <si>
    <t>BUSHRA ASLAM</t>
  </si>
  <si>
    <t>GGHS CHAK NO 493 JB</t>
  </si>
  <si>
    <t>chak no.493/jb</t>
  </si>
  <si>
    <t>Chak 493/jb</t>
  </si>
  <si>
    <t>Chak No 493/jb</t>
  </si>
  <si>
    <t>Sadia Kousar</t>
  </si>
  <si>
    <t>GGHS CHAK NO 505 EB BUREWALA</t>
  </si>
  <si>
    <t>Gg</t>
  </si>
  <si>
    <t>CHAK # 505/e.b burewala</t>
  </si>
  <si>
    <t>Chak#505/eb</t>
  </si>
  <si>
    <t>435/eb</t>
  </si>
  <si>
    <t>Wageeha Rehana</t>
  </si>
  <si>
    <t>GGHS CHAK NO 51 MB</t>
  </si>
  <si>
    <t>CHAK NO 51MB</t>
  </si>
  <si>
    <t>GOVT. GIRLS HIGH SCHOOL CHAK NO 51 MB</t>
  </si>
  <si>
    <t>51MB</t>
  </si>
  <si>
    <t>HUMERA SAEED</t>
  </si>
  <si>
    <t>WATER SUPPLY</t>
  </si>
  <si>
    <t>GGHS CHAK NO 537 EB</t>
  </si>
  <si>
    <t>537/EB VEHARI</t>
  </si>
  <si>
    <t>CHAK NO.537/EB TEHSIL AND DISTRICT VEHARI.</t>
  </si>
  <si>
    <t>Night Islam ud Din</t>
  </si>
  <si>
    <t>GGHS CHAK NO 56 RB I</t>
  </si>
  <si>
    <t>56 RB</t>
  </si>
  <si>
    <t>56rb Teh jaranwala Distt Faisalabad</t>
  </si>
  <si>
    <t>56rb</t>
  </si>
  <si>
    <t>54rb</t>
  </si>
  <si>
    <t>Shamaila Sarwar</t>
  </si>
  <si>
    <t>GGHS CHAK NO 56 WB</t>
  </si>
  <si>
    <t>chak no 56/w.b post office same tehsil and district Vehari</t>
  </si>
  <si>
    <t>56/ Wb</t>
  </si>
  <si>
    <t>56/Wb</t>
  </si>
  <si>
    <t>Rafaqut Nasrullah</t>
  </si>
  <si>
    <t>GGHS CHAK NO 58 JB FSD</t>
  </si>
  <si>
    <t>58 Jb</t>
  </si>
  <si>
    <t>chak #58 jb lahla</t>
  </si>
  <si>
    <t>Lahla</t>
  </si>
  <si>
    <t>58 jb</t>
  </si>
  <si>
    <t>Samra Talib</t>
  </si>
  <si>
    <t>Purchase water cane</t>
  </si>
  <si>
    <t>GGHS CHAK NO 6 GIJANI</t>
  </si>
  <si>
    <t>Chak 6/G</t>
  </si>
  <si>
    <t>govt. girls high school chak 6/g tehsil chishtian district bahawalnagar</t>
  </si>
  <si>
    <t>Chak 6 Gajiani</t>
  </si>
  <si>
    <t>23 /G</t>
  </si>
  <si>
    <t>Kinza Hammad</t>
  </si>
  <si>
    <t>GGHS CHAK NO 6/1-R</t>
  </si>
  <si>
    <t>6/1R</t>
  </si>
  <si>
    <t>GGHS 6/1.R</t>
  </si>
  <si>
    <t>Bushra nazir</t>
  </si>
  <si>
    <t>GGHS CHAK NO 60-61 M L</t>
  </si>
  <si>
    <t>Chak no 60-61ML P/O Chak no 60-61ML Bhakkar</t>
  </si>
  <si>
    <t>Chak No 60-61ML</t>
  </si>
  <si>
    <t>Mamoona zia</t>
  </si>
  <si>
    <t>GGHS CHAK NO 61 JB</t>
  </si>
  <si>
    <t>61 Jb</t>
  </si>
  <si>
    <t>Chak No 61 JB FSD</t>
  </si>
  <si>
    <t>61 JB</t>
  </si>
  <si>
    <t>SHAMSHAD BEGUM</t>
  </si>
  <si>
    <t>GGHS CHAK NO 61 RB</t>
  </si>
  <si>
    <t>chak no 61 rb</t>
  </si>
  <si>
    <t>GGHS61RB FAISALABAD</t>
  </si>
  <si>
    <t>bedianwala</t>
  </si>
  <si>
    <t>chak no 61</t>
  </si>
  <si>
    <t>aziz fatima</t>
  </si>
  <si>
    <t>filtered water</t>
  </si>
  <si>
    <t>GGHS CHAK NO 62 JB</t>
  </si>
  <si>
    <t>Chak No 62 Jb Fds</t>
  </si>
  <si>
    <t>chak no 62 jb fds</t>
  </si>
  <si>
    <t>Chanankay</t>
  </si>
  <si>
    <t>64 Jb Fsd</t>
  </si>
  <si>
    <t>Zohra Batool</t>
  </si>
  <si>
    <t>GGHS CHAK NO 64 JB</t>
  </si>
  <si>
    <t>chak no 64 jb</t>
  </si>
  <si>
    <t>chak no 64 JB faisalabad</t>
  </si>
  <si>
    <t>chak no 64</t>
  </si>
  <si>
    <t>Shabnam Zia</t>
  </si>
  <si>
    <t>GGHS CHAK NO 68/4-R</t>
  </si>
  <si>
    <t>68/4R</t>
  </si>
  <si>
    <t>CHAK no 68/4R. Tehsil Haroonabad.Dist Bahawalnagar.PO same</t>
  </si>
  <si>
    <t>Sobia saleem</t>
  </si>
  <si>
    <t>GGHS CHAK NO 69 JB</t>
  </si>
  <si>
    <t>69 Jb</t>
  </si>
  <si>
    <t>CHackno.69 j.b. Faisalabad.</t>
  </si>
  <si>
    <t>Chak # 69jb Chabba</t>
  </si>
  <si>
    <t>70 j.b</t>
  </si>
  <si>
    <t>GGHS CHAK NO 70 RB</t>
  </si>
  <si>
    <t>70rb</t>
  </si>
  <si>
    <t>chak no 70rb gujjarsingh teh. jaranwala district faisalabad</t>
  </si>
  <si>
    <t>Gujjarsingh</t>
  </si>
  <si>
    <t>Nazia Shafiq</t>
  </si>
  <si>
    <t>GGHS CHAK NO 71 ML</t>
  </si>
  <si>
    <t>CHAK NO 71 ML MANKERA BHAKKAR</t>
  </si>
  <si>
    <t>71 ML</t>
  </si>
  <si>
    <t>Sabrina Asmat</t>
  </si>
  <si>
    <t>GGHS CHAK NO 73 JB</t>
  </si>
  <si>
    <t>GGHS 73 JB</t>
  </si>
  <si>
    <t>73 JB</t>
  </si>
  <si>
    <t>DR.Saima Naheed</t>
  </si>
  <si>
    <t>GGHS CHAK NO 75 TDA</t>
  </si>
  <si>
    <t>p/o 86ml chak no.75tda tehsel karor district layyah</t>
  </si>
  <si>
    <t>Chak No 75tda</t>
  </si>
  <si>
    <t>Maria Niaz</t>
  </si>
  <si>
    <t>GGHS CHAK NO 78 JB JODI</t>
  </si>
  <si>
    <t>Javadi</t>
  </si>
  <si>
    <t>78jb</t>
  </si>
  <si>
    <t>Nasira Saleemi</t>
  </si>
  <si>
    <t>GGHS CHAK NO 81 JB PINDORI</t>
  </si>
  <si>
    <t>81jb</t>
  </si>
  <si>
    <t>chak no 81 jb</t>
  </si>
  <si>
    <t>ZARINA KOUSAR</t>
  </si>
  <si>
    <t>GGHS CHAK NO 82 TDA</t>
  </si>
  <si>
    <t>Chak No 82 Tda</t>
  </si>
  <si>
    <t>chak no 82 tda</t>
  </si>
  <si>
    <t>Fouzia Begum</t>
  </si>
  <si>
    <t>GGHS CHAK NO 84 TDA</t>
  </si>
  <si>
    <t>chak no 84/ TDA</t>
  </si>
  <si>
    <t>Chak no. 84 TDA</t>
  </si>
  <si>
    <t>chak no 84 tda</t>
  </si>
  <si>
    <t>Karor Thal Jhandi</t>
  </si>
  <si>
    <t>Shabana Samreen</t>
  </si>
  <si>
    <t>GGHS CHAK NO 9/3-R</t>
  </si>
  <si>
    <t>Chak # 9/3-R</t>
  </si>
  <si>
    <t>Chak No. 9/3-R p/O 25/3R HND</t>
  </si>
  <si>
    <t>Chak No. 9/3-R</t>
  </si>
  <si>
    <t>Chak No. 30/3R</t>
  </si>
  <si>
    <t>Tanveer Kouser</t>
  </si>
  <si>
    <t>GGHS CHAK NO 92 TDA</t>
  </si>
  <si>
    <t>Chak92 Tda</t>
  </si>
  <si>
    <t>chak92 tda karor</t>
  </si>
  <si>
    <t>Chak 92 Tda</t>
  </si>
  <si>
    <t>Chak 98 Ml</t>
  </si>
  <si>
    <t>Rabia Mazhar</t>
  </si>
  <si>
    <t>GGHS CHAK NO 93 RB</t>
  </si>
  <si>
    <t>Chak 93 RB Chitti</t>
  </si>
  <si>
    <t>gghs 93 RB Chitt Tehsil Jaranwala District Faisalabad</t>
  </si>
  <si>
    <t>Chak 93 RB Chitt</t>
  </si>
  <si>
    <t>Chak 61 RB</t>
  </si>
  <si>
    <t>Wajeeha Khan</t>
  </si>
  <si>
    <t>GGHS CHAK NO 94 ML</t>
  </si>
  <si>
    <t>chak no 94ml tahseel karor district layyah</t>
  </si>
  <si>
    <t>94ml</t>
  </si>
  <si>
    <t>90ml</t>
  </si>
  <si>
    <t>samina saeed</t>
  </si>
  <si>
    <t>motor and hand pump</t>
  </si>
  <si>
    <t>GGHS CHAK NO 97 RB</t>
  </si>
  <si>
    <t>GOVT. GIRLS HIGH SCHOOL 97 RB JOHAL FSD</t>
  </si>
  <si>
    <t>NISHAT SULTANA</t>
  </si>
  <si>
    <t>GGHS CHAK NO. 1 ML</t>
  </si>
  <si>
    <t>GGHS Chak1ml, piplan, mianwali</t>
  </si>
  <si>
    <t>Chak1ml</t>
  </si>
  <si>
    <t>GGHS CHAK NO. 1/SP WASAWAY WALA</t>
  </si>
  <si>
    <t>Wasawewala</t>
  </si>
  <si>
    <t>GGHS 1S/P,Wasawewala, Depalpur, Okara</t>
  </si>
  <si>
    <t>GGHS CHAK NO. 10 ML</t>
  </si>
  <si>
    <t>chak no10ml</t>
  </si>
  <si>
    <t>Govt.Girls High School Chak 10ml .piplan .mianwali</t>
  </si>
  <si>
    <t>chak No10ml</t>
  </si>
  <si>
    <t>Qaisra Sultana</t>
  </si>
  <si>
    <t>GGHS CHAK NO. 100 ML</t>
  </si>
  <si>
    <t>Chak No100/ML</t>
  </si>
  <si>
    <t>govt girls high school chak no 100/mL karor lal eson dist. layyah</t>
  </si>
  <si>
    <t>Chak No 100/ML</t>
  </si>
  <si>
    <t>Chak No 98/ML</t>
  </si>
  <si>
    <t>Nazish Huma</t>
  </si>
  <si>
    <t>GGHS CHAK NO. 100/P</t>
  </si>
  <si>
    <t>Chak No 100/P</t>
  </si>
  <si>
    <t>GGHS Chak No 100/P Rahim Yar Khan</t>
  </si>
  <si>
    <t>SAIMA HABIB ULLAH</t>
  </si>
  <si>
    <t>GGHS CHAK NO. 100/WB</t>
  </si>
  <si>
    <t>100 wb mailsi,vehari</t>
  </si>
  <si>
    <t>100wb</t>
  </si>
  <si>
    <t>GARHA MORE</t>
  </si>
  <si>
    <t>Fouzia Anjum</t>
  </si>
  <si>
    <t>GGHS CHAK NO. 102/P</t>
  </si>
  <si>
    <t>serbhori</t>
  </si>
  <si>
    <t>Moza serbhori chak no.102/p Rahim yar Khan</t>
  </si>
  <si>
    <t>chak no102/p</t>
  </si>
  <si>
    <t>GGHS CHAK NO. 104 ML</t>
  </si>
  <si>
    <t>Chak No104ml</t>
  </si>
  <si>
    <t>GGHS chak no.104ml</t>
  </si>
  <si>
    <t>GGHS CHAK NO. 104/12-L</t>
  </si>
  <si>
    <t>CHAK # 104/12-L</t>
  </si>
  <si>
    <t>Chak No 104/12-L PO  SAME TEHSIL CHICHAWATNI DISTT SAHIWAL</t>
  </si>
  <si>
    <t>CHAK NO 50/12-L</t>
  </si>
  <si>
    <t>Misbah Rasool</t>
  </si>
  <si>
    <t>GGHS CHAK NO. 107 SB</t>
  </si>
  <si>
    <t>chak no 107 sb sgd</t>
  </si>
  <si>
    <t>Chak No 107 Sb Sgd</t>
  </si>
  <si>
    <t>107 Sb</t>
  </si>
  <si>
    <t>Sameela John</t>
  </si>
  <si>
    <t>GGHS CHAK NO. 109 ML WAKIL WALA</t>
  </si>
  <si>
    <t>Chak No109ml</t>
  </si>
  <si>
    <t>CHAK NO:109ML TEH:KAROR DISTT:LAYYAH</t>
  </si>
  <si>
    <t>CHAK NO109ML WAKEEL WALA</t>
  </si>
  <si>
    <t>CHAK NO .112ML</t>
  </si>
  <si>
    <t>nasreen bibi</t>
  </si>
  <si>
    <t>GGHS CHAK NO. 11/NP</t>
  </si>
  <si>
    <t>chak no.11np</t>
  </si>
  <si>
    <t>Chak No 11/Np</t>
  </si>
  <si>
    <t>Shama Ashraf</t>
  </si>
  <si>
    <t>GGHS CHAK NO. 110/TDA</t>
  </si>
  <si>
    <t>GOVT. GIRLS HIGH SCHOOL CHAK NO. 110/TDA</t>
  </si>
  <si>
    <t>CHAK NO. 110/TDA</t>
  </si>
  <si>
    <t>110/TDA</t>
  </si>
  <si>
    <t>Rimsha Javed</t>
  </si>
  <si>
    <t>GGHS CHAK NO. 113/P</t>
  </si>
  <si>
    <t>Wha Kona</t>
  </si>
  <si>
    <t>chak 113p post office 114p rahim yar khan</t>
  </si>
  <si>
    <t>Chak 113/P</t>
  </si>
  <si>
    <t>Chak No 114/P</t>
  </si>
  <si>
    <t>IRSHAD KOUSAR</t>
  </si>
  <si>
    <t>GGHS CHAK NO. 118/P</t>
  </si>
  <si>
    <t>KOKARI</t>
  </si>
  <si>
    <t>chak no 118p p.o.box 117p</t>
  </si>
  <si>
    <t>Chak 118p</t>
  </si>
  <si>
    <t>SAKHIA BANO</t>
  </si>
  <si>
    <t>GGHS CHAK NO. 120/DRB</t>
  </si>
  <si>
    <t>120/drb</t>
  </si>
  <si>
    <t>chakk 120/drb</t>
  </si>
  <si>
    <t>Chakk 120/drb</t>
  </si>
  <si>
    <t>Chann Peer</t>
  </si>
  <si>
    <t>Warda Batool</t>
  </si>
  <si>
    <t>GGHS CHAK NO. 123 MURAD</t>
  </si>
  <si>
    <t>Chak 123/M</t>
  </si>
  <si>
    <t>CHAK NO. 123/M P.O CHAK NO.124/M TEHSIL CHISHTIAN DISTT.BWN</t>
  </si>
  <si>
    <t>CHAK NO. 123/M</t>
  </si>
  <si>
    <t>CHAK NO.118/M</t>
  </si>
  <si>
    <t>GGHS CHAK NO. 124/M</t>
  </si>
  <si>
    <t>124 / M</t>
  </si>
  <si>
    <t>chak no 124m</t>
  </si>
  <si>
    <t>124m</t>
  </si>
  <si>
    <t>118murad</t>
  </si>
  <si>
    <t>GGHS CHAK NO. 125/P</t>
  </si>
  <si>
    <t>Wahkona</t>
  </si>
  <si>
    <t>govt.girls high school chak no.125/p</t>
  </si>
  <si>
    <t>chak no.125/p</t>
  </si>
  <si>
    <t>wahkona</t>
  </si>
  <si>
    <t>MADAM SHAMIM AKHTAR</t>
  </si>
  <si>
    <t>GGHS CHAK NO. 127/6-R</t>
  </si>
  <si>
    <t>127/6,r</t>
  </si>
  <si>
    <t>127/6R</t>
  </si>
  <si>
    <t>132/6R</t>
  </si>
  <si>
    <t>Shagufta Bagum</t>
  </si>
  <si>
    <t>GGHS CHAK NO. 128 A TDA</t>
  </si>
  <si>
    <t>Thal Monddy</t>
  </si>
  <si>
    <t>chak no 128A tda p./o 275 tda  teh./distt Layyah</t>
  </si>
  <si>
    <t>Chak 128A</t>
  </si>
  <si>
    <t>Mondi Town</t>
  </si>
  <si>
    <t>salma sattar</t>
  </si>
  <si>
    <t>GGHS CHAK NO. 12-MR SADDAR MULTAN</t>
  </si>
  <si>
    <t>CHAK NO 12/MR P/O 18/MR MULTAN</t>
  </si>
  <si>
    <t>CHAK NO 12/MR</t>
  </si>
  <si>
    <t>CHAK NO 18/MR MULTAN</t>
  </si>
  <si>
    <t>safia khatoon hashmi</t>
  </si>
  <si>
    <t>GGHS CHAK NO. 13</t>
  </si>
  <si>
    <t>CHAK NO. 13</t>
  </si>
  <si>
    <t>GOVT GIRLS HIGH SCHOOL CHAK NO. 13 TEH &amp; DISTT MANDI BAHAUDDIN</t>
  </si>
  <si>
    <t>CHAK NO. 40</t>
  </si>
  <si>
    <t>Nuzhat Ambreen</t>
  </si>
  <si>
    <t>GGHS CHAK NO. 13 GB RANDHIR</t>
  </si>
  <si>
    <t>Chak no 13 randhir</t>
  </si>
  <si>
    <t>govt girls high school chak no 13 randhir</t>
  </si>
  <si>
    <t>chak no 13 randhir</t>
  </si>
  <si>
    <t>talat javed</t>
  </si>
  <si>
    <t>GGHS CHAK NO. 130 M</t>
  </si>
  <si>
    <t>Chak No.130/m  P.O  Same Tehsil Chishtian District Bahawalnagar</t>
  </si>
  <si>
    <t>Naveeda Kousar</t>
  </si>
  <si>
    <t>GGHS CHAK NO. 131/DNB</t>
  </si>
  <si>
    <t>chak # 131/ dnb yazmam</t>
  </si>
  <si>
    <t>Chak # 131/ Dnb</t>
  </si>
  <si>
    <t>Ammara Tahir</t>
  </si>
  <si>
    <t>GGHS CHAK NO. 137 TDA</t>
  </si>
  <si>
    <t>Sumra Thal</t>
  </si>
  <si>
    <t>CHAK NO.137/TDA LAYYAH</t>
  </si>
  <si>
    <t>CHAK NO.137/TDA</t>
  </si>
  <si>
    <t>zaib imtiaz</t>
  </si>
  <si>
    <t>GGHS CHAK NO. 14/1-L</t>
  </si>
  <si>
    <t>14/1L</t>
  </si>
  <si>
    <t>DAAK KHANA KHAAS CHAK NO 14/1-L TEHSIL RENALA KHURD DISTT OKARA</t>
  </si>
  <si>
    <t>CHAK NO 14/1-L</t>
  </si>
  <si>
    <t>13/1-L</t>
  </si>
  <si>
    <t>hamida nazish</t>
  </si>
  <si>
    <t>GGHS CHAK NO. 14/1-R</t>
  </si>
  <si>
    <t>14/1-R</t>
  </si>
  <si>
    <t>GOVT. GIRLS HIGH SCHOOL 14/1-R</t>
  </si>
  <si>
    <t>CHAK NO. 15/1-R</t>
  </si>
  <si>
    <t>KHALIDA MALIK</t>
  </si>
  <si>
    <t>GGHS CHAK NO. 14/A</t>
  </si>
  <si>
    <t>chak 14/a</t>
  </si>
  <si>
    <t>govt.girls high school chak no 14/a liaquatpur dist rahim yar khan</t>
  </si>
  <si>
    <t>chak no 14/a liaquatpur</t>
  </si>
  <si>
    <t>chak no 25/a</t>
  </si>
  <si>
    <t>SALMA TABSSUM</t>
  </si>
  <si>
    <t>GGHS CHAK NO. 14/G</t>
  </si>
  <si>
    <t>14G CHISHTIAN</t>
  </si>
  <si>
    <t>14G</t>
  </si>
  <si>
    <t>SHAGUFTA NOREEN</t>
  </si>
  <si>
    <t>GGHS CHAK NO. 14/GD</t>
  </si>
  <si>
    <t>14 gd raza abad</t>
  </si>
  <si>
    <t>gghs14 Gd Raza Abad</t>
  </si>
  <si>
    <t>14 Gd Raza Abad</t>
  </si>
  <si>
    <t>14 /Gd</t>
  </si>
  <si>
    <t>azra khanam</t>
  </si>
  <si>
    <t>GGHS CHAK NO. 140/P</t>
  </si>
  <si>
    <t>140p</t>
  </si>
  <si>
    <t>chak no 140 p east ryk</t>
  </si>
  <si>
    <t>Chak No 140p</t>
  </si>
  <si>
    <t>139-P</t>
  </si>
  <si>
    <t>Kehkashan Maqbool</t>
  </si>
  <si>
    <t>GGHS CHAK NO. 142/ML</t>
  </si>
  <si>
    <t>Chak No142/ML</t>
  </si>
  <si>
    <t>GGHS chak no.142/ML</t>
  </si>
  <si>
    <t>Chak No 142/ML</t>
  </si>
  <si>
    <t>Chak No 518/TDA</t>
  </si>
  <si>
    <t>Shazia Allah Bakhsh</t>
  </si>
  <si>
    <t>GGHS CHAK NO. 143 /WB</t>
  </si>
  <si>
    <t>chak no.143/wb p/o dokota tehsil.mailsi district vehari</t>
  </si>
  <si>
    <t>143/wb</t>
  </si>
  <si>
    <t>Chak 100/1M</t>
  </si>
  <si>
    <t>SAMINA NAZIR</t>
  </si>
  <si>
    <t>GGHS CHAK NO. 143/P</t>
  </si>
  <si>
    <t>Sadar A</t>
  </si>
  <si>
    <t>GGHS 143P</t>
  </si>
  <si>
    <t>143P</t>
  </si>
  <si>
    <t>Mehvish Aqeel</t>
  </si>
  <si>
    <t>GGHS CHAK NO. 146/P</t>
  </si>
  <si>
    <t>Chak No. 146/P P/o. Chak No. 148/P Tehsil Sadiq abad</t>
  </si>
  <si>
    <t>Chak No. 146/P</t>
  </si>
  <si>
    <t>Chak No. 148/P</t>
  </si>
  <si>
    <t>GGHS CHAK NO. 15 ML</t>
  </si>
  <si>
    <t>GGHMS Chak No. 15/ML Teh Piplan Distt. Mianwali</t>
  </si>
  <si>
    <t>Chak No 15/ML</t>
  </si>
  <si>
    <t>GGHS CHAK NO. 152/2-L</t>
  </si>
  <si>
    <t>152/2-L</t>
  </si>
  <si>
    <t>GOVT.GIRLS HIGH SCHOOL CHAK NO.152/2-L P/O MIAN WALA BANGLA TEHSIL HAROONABAD DISTRICT BAHAWALNAGAR</t>
  </si>
  <si>
    <t>Maria Ilyas</t>
  </si>
  <si>
    <t>GGHS CHAK NO. 156 TDA LAYYAH</t>
  </si>
  <si>
    <t>Chalk No 156</t>
  </si>
  <si>
    <t>Chak No 156/TDA Layyah</t>
  </si>
  <si>
    <t>Chak No 156</t>
  </si>
  <si>
    <t>SHAZIA ASLAM</t>
  </si>
  <si>
    <t>GGHS CHAK NO. 156/P</t>
  </si>
  <si>
    <t>Sadar - A</t>
  </si>
  <si>
    <t>GGHS CHAK # 156/P SADIQABAD</t>
  </si>
  <si>
    <t>CHAK 156/P</t>
  </si>
  <si>
    <t>GOTH JANGOO</t>
  </si>
  <si>
    <t>Asma Siddique</t>
  </si>
  <si>
    <t>GGHS CHAK NO. 157 EB</t>
  </si>
  <si>
    <t>157/EB ARIFWALA</t>
  </si>
  <si>
    <t>GOVT GIRLS HIGH SCHOOL 157/EB ARIFWALA</t>
  </si>
  <si>
    <t>Ghazala Musawir</t>
  </si>
  <si>
    <t>GGHS CHAK NO. 158/P</t>
  </si>
  <si>
    <t>Chak 158p</t>
  </si>
  <si>
    <t>gghs 158 p teh.sdk distt. ryk</t>
  </si>
  <si>
    <t>GGHS CHAK NO. 158/WB</t>
  </si>
  <si>
    <t>158wb</t>
  </si>
  <si>
    <t>chak 158wb teh Mailsi dist Vehari</t>
  </si>
  <si>
    <t>GGHS CHAK NO. 16</t>
  </si>
  <si>
    <t>Chak No 16</t>
  </si>
  <si>
    <t>disst.m.b.din teh. malakwal p.o.box chak no 16</t>
  </si>
  <si>
    <t>Chak No 16 Krariwala</t>
  </si>
  <si>
    <t>Raazia Khizar</t>
  </si>
  <si>
    <t>GGHS CHAK NO. 16 ML</t>
  </si>
  <si>
    <t>chak no 16 ml piplan mianwali</t>
  </si>
  <si>
    <t>Chak No 16ml</t>
  </si>
  <si>
    <t>Shamim Karamit</t>
  </si>
  <si>
    <t>GGHS CHAK NO. 160/9-L</t>
  </si>
  <si>
    <t>Chak No 160/9L</t>
  </si>
  <si>
    <t>chak no. 160/9_L  chichawatni,sahiwal</t>
  </si>
  <si>
    <t>147/9L</t>
  </si>
  <si>
    <t>GGHS CHAK NO. 163 NB</t>
  </si>
  <si>
    <t>gghs 163nb</t>
  </si>
  <si>
    <t>163nb</t>
  </si>
  <si>
    <t>Chak No 163</t>
  </si>
  <si>
    <t>Masooda Aziz</t>
  </si>
  <si>
    <t>GGHS CHAK NO. 170 M</t>
  </si>
  <si>
    <t>170/M</t>
  </si>
  <si>
    <t>GOVT GIRLS HIGH SCHOOL 170/M, P.O:SAME, TEH:CTN, DISTT:BWN</t>
  </si>
  <si>
    <t>TANVEER NIGAM</t>
  </si>
  <si>
    <t>GGHS CHAK NO. 172/M</t>
  </si>
  <si>
    <t>chak no 172/M</t>
  </si>
  <si>
    <t>Chak No 172/M tehsile chishtian districtr bwn</t>
  </si>
  <si>
    <t>Chak No 172/M</t>
  </si>
  <si>
    <t>Chak No 173/M</t>
  </si>
  <si>
    <t>zahida naseem</t>
  </si>
  <si>
    <t>GGHS CHAK NO. 173 TDA</t>
  </si>
  <si>
    <t>Ameer Kalasra</t>
  </si>
  <si>
    <t>chak no 173 tda layyah</t>
  </si>
  <si>
    <t>Chak No 173</t>
  </si>
  <si>
    <t>Tahreem Shahnawaz</t>
  </si>
  <si>
    <t>electrical cooler</t>
  </si>
  <si>
    <t>GGHS CHAK NO. 18/G</t>
  </si>
  <si>
    <t>18/g</t>
  </si>
  <si>
    <t>18G chishtian</t>
  </si>
  <si>
    <t>18 G Chishtian</t>
  </si>
  <si>
    <t>42 F</t>
  </si>
  <si>
    <t>Nargis Rasheed</t>
  </si>
  <si>
    <t>GGHS CHAK NO. 188 RB NALAWALA</t>
  </si>
  <si>
    <t>Nallay Wala</t>
  </si>
  <si>
    <t>gghs188rb,nallay Wala, tehsil jhumra,district faisalabad</t>
  </si>
  <si>
    <t>189rb</t>
  </si>
  <si>
    <t>Naheed Cheena</t>
  </si>
  <si>
    <t>GGHS CHAK NO. 195/P</t>
  </si>
  <si>
    <t>Chak 195P</t>
  </si>
  <si>
    <t>Chak No.195 P tehsil Sadiq Abad district Rahim yar Khan</t>
  </si>
  <si>
    <t>Chak 195/PA</t>
  </si>
  <si>
    <t>Chak 173 P</t>
  </si>
  <si>
    <t>Nasim Saddique</t>
  </si>
  <si>
    <t>GGHS CHAK NO. 196 GB</t>
  </si>
  <si>
    <t>196 GB</t>
  </si>
  <si>
    <t>196 Gb</t>
  </si>
  <si>
    <t>Tahseen Sadia Hafeez</t>
  </si>
  <si>
    <t>GGHS CHAK NO. 199 JB</t>
  </si>
  <si>
    <t>chak num 199JB  BHOWANA CHINIOT</t>
  </si>
  <si>
    <t>Chak No 199JB</t>
  </si>
  <si>
    <t>Nazia Bano</t>
  </si>
  <si>
    <t>GGHS CHAK NO. 2 DB</t>
  </si>
  <si>
    <t>Chak No 2db</t>
  </si>
  <si>
    <t>g.g.h/s chak no2db</t>
  </si>
  <si>
    <t>Chak 2db</t>
  </si>
  <si>
    <t>1-4 DB</t>
  </si>
  <si>
    <t>SURAIYA KHATOON</t>
  </si>
  <si>
    <t>GGHS CHAK NO. 2 JANUBI</t>
  </si>
  <si>
    <t>2 Chak Janubi</t>
  </si>
  <si>
    <t>gghs chak no.2 janubi m.b.din</t>
  </si>
  <si>
    <t>nusrat shaheen</t>
  </si>
  <si>
    <t>GGHS CHAK NO. 2 SHAMALI</t>
  </si>
  <si>
    <t>chak no 2 shumali</t>
  </si>
  <si>
    <t>chak no2 shumali distt M.B.Din</t>
  </si>
  <si>
    <t>Chak No2 Shumali</t>
  </si>
  <si>
    <t>Azra Barkat Ali</t>
  </si>
  <si>
    <t>GGHS CHAK NO. 20 JB</t>
  </si>
  <si>
    <t>Khan K 20jb</t>
  </si>
  <si>
    <t>chak 20jb khan k</t>
  </si>
  <si>
    <t>Khan K</t>
  </si>
  <si>
    <t>Ansa Manzoor</t>
  </si>
  <si>
    <t>GGHS CHAK NO. 204/M (WEST)</t>
  </si>
  <si>
    <t>CHAK NO 204/M (W) TEHSIL CHISHTIAN DISTRICT BAHAWALNAGAR</t>
  </si>
  <si>
    <t>204/M</t>
  </si>
  <si>
    <t>177/M</t>
  </si>
  <si>
    <t>Talat Shaheen</t>
  </si>
  <si>
    <t>GGHS CHAK NO. 206 M</t>
  </si>
  <si>
    <t>206m</t>
  </si>
  <si>
    <t>gghs 206m tehsil. chistian district. bahawalnagar</t>
  </si>
  <si>
    <t>Anila Kokab</t>
  </si>
  <si>
    <t>GGHS CHAK NO. 21 GB</t>
  </si>
  <si>
    <t>21 Gb</t>
  </si>
  <si>
    <t>CHAK NO 21 GB JARANWALA</t>
  </si>
  <si>
    <t>21 gb</t>
  </si>
  <si>
    <t>22 GB</t>
  </si>
  <si>
    <t>ZAHIDA ZARINA KAUSAR</t>
  </si>
  <si>
    <t>GGHS CHAK NO. 211/ WB</t>
  </si>
  <si>
    <t>GGHS 211W.B P/O DOKOTA TEHSIL MAILSI</t>
  </si>
  <si>
    <t>Chak No211wb</t>
  </si>
  <si>
    <t>151wb</t>
  </si>
  <si>
    <t>GGHS CHAK NO. 213/GB</t>
  </si>
  <si>
    <t>213 GB</t>
  </si>
  <si>
    <t>CHAK NO 213 GB TEH SAMUNDRI DIST FAISALABAD O</t>
  </si>
  <si>
    <t>211 GB</t>
  </si>
  <si>
    <t>RIFAT SALEEM</t>
  </si>
  <si>
    <t>GGHS CHAK NO. 218/TDA</t>
  </si>
  <si>
    <t>chak NO.218/TDA</t>
  </si>
  <si>
    <t>GOVT.GIRLS HIGH SCHOOL 218/TDA</t>
  </si>
  <si>
    <t>218/TDA</t>
  </si>
  <si>
    <t>93/M.L</t>
  </si>
  <si>
    <t>Sakeena Barket</t>
  </si>
  <si>
    <t>GGHS CHAK NO. 224/ TDA</t>
  </si>
  <si>
    <t>224/tda</t>
  </si>
  <si>
    <t>GGHS CHAK NO. 234-A/TDA</t>
  </si>
  <si>
    <t>govt.girls high school 234A/TDA fateh pur tehsil karor district layah</t>
  </si>
  <si>
    <t>234A/TDA</t>
  </si>
  <si>
    <t>Sahrish Khan</t>
  </si>
  <si>
    <t>GGHS CHAK NO. 237 TDA</t>
  </si>
  <si>
    <t>Chak No 237/T DA</t>
  </si>
  <si>
    <t>Chak No 237/TDA</t>
  </si>
  <si>
    <t>Asma Hamed</t>
  </si>
  <si>
    <t>GGHS CHAK NO. 24/2.L</t>
  </si>
  <si>
    <t>24/2l RENALA KHURD DISTRICT OKARA</t>
  </si>
  <si>
    <t>24/2l</t>
  </si>
  <si>
    <t>24/2-L</t>
  </si>
  <si>
    <t>Mubeen Akhtar</t>
  </si>
  <si>
    <t>GGHS CHAK NO. 24/2-R</t>
  </si>
  <si>
    <t>24/2R</t>
  </si>
  <si>
    <t>24/2R,Okara</t>
  </si>
  <si>
    <t>25/2R</t>
  </si>
  <si>
    <t>sajida kanwal</t>
  </si>
  <si>
    <t>GGHS CHAK NO. 247/P</t>
  </si>
  <si>
    <t>Chak 247/P</t>
  </si>
  <si>
    <t>Govt. girls high school chak no. 247/p rahimyarkhan</t>
  </si>
  <si>
    <t>228/p</t>
  </si>
  <si>
    <t>Asma Amin</t>
  </si>
  <si>
    <t>GGHS CHAK NO. 250/TDA</t>
  </si>
  <si>
    <t>Chak No 250/TDA</t>
  </si>
  <si>
    <t>chak no. 250/TDA Tehsail Karor District Layyah</t>
  </si>
  <si>
    <t>250/TDA</t>
  </si>
  <si>
    <t>GGHS CHAK NO. 26</t>
  </si>
  <si>
    <t>Chak 26</t>
  </si>
  <si>
    <t>Gghs chak26 the malakwal dust M. B. Din</t>
  </si>
  <si>
    <t>Waryait</t>
  </si>
  <si>
    <t>Mrs Khalida Rao</t>
  </si>
  <si>
    <t>GGHS CHAK NO. 265 RB</t>
  </si>
  <si>
    <t>Chak No. 265 RB Faisalabad</t>
  </si>
  <si>
    <t>Chak No. 265 RB</t>
  </si>
  <si>
    <t>Chak No 267 RB</t>
  </si>
  <si>
    <t>Anjum nirala</t>
  </si>
  <si>
    <t>GGHS CHAK NO. 268 TDA</t>
  </si>
  <si>
    <t>Gghs 268/tda</t>
  </si>
  <si>
    <t>Chak No 268/tda</t>
  </si>
  <si>
    <t>Noshahra Thal Klan</t>
  </si>
  <si>
    <t>Rizwana Shaeen</t>
  </si>
  <si>
    <t>GGHS CHAK NO. 271/JB</t>
  </si>
  <si>
    <t>271/jb</t>
  </si>
  <si>
    <t>chak # 271/jb Faisalabad</t>
  </si>
  <si>
    <t>34/jb</t>
  </si>
  <si>
    <t>Sidra Hanif</t>
  </si>
  <si>
    <t>GGHS CHAK NO. 303/HR</t>
  </si>
  <si>
    <t>CHAK NO 303 HR</t>
  </si>
  <si>
    <t>chak no. 303 HR tehsil fortabbas district bahawalagar</t>
  </si>
  <si>
    <t>CHAK NO 304 HR</t>
  </si>
  <si>
    <t>Gulshan Ijaz</t>
  </si>
  <si>
    <t>GGHS CHAK NO. 31/P BAGHO BAHAR</t>
  </si>
  <si>
    <t>BAGHOBAHAR</t>
  </si>
  <si>
    <t>GOVT GIRLS HIGH SCHOOL 31/P BAGHOBHAR</t>
  </si>
  <si>
    <t>chak 31/p</t>
  </si>
  <si>
    <t>BAGHOBHAR</t>
  </si>
  <si>
    <t>SHAISTA PARVAIZ</t>
  </si>
  <si>
    <t>GGHS CHAK NO. 32/2-L</t>
  </si>
  <si>
    <t>Shahbor</t>
  </si>
  <si>
    <t>chak No. 32/2l Teh and Distt Okara</t>
  </si>
  <si>
    <t>Chak No 32/2L</t>
  </si>
  <si>
    <t>Chak No 32/2L Okara</t>
  </si>
  <si>
    <t>GGHS CHAK NO. 32/BC</t>
  </si>
  <si>
    <t>Govt. Girls High School. Chak No. 32/BC, Dera Bakha Bahawalpur</t>
  </si>
  <si>
    <t>Chak no. 32/BC dera bakha BWP</t>
  </si>
  <si>
    <t>4-BC</t>
  </si>
  <si>
    <t>FOZIA NAZAR</t>
  </si>
  <si>
    <t>GGHS CHAK NO. 3-4 ML</t>
  </si>
  <si>
    <t>GGHS Chak 3.4ML, Piplan</t>
  </si>
  <si>
    <t>Chak 3-4ML</t>
  </si>
  <si>
    <t>Kausar Fatima</t>
  </si>
  <si>
    <t>GGHS CHAK NO. 34 SB SARGODHA</t>
  </si>
  <si>
    <t>34 SB</t>
  </si>
  <si>
    <t>GGHS Chak 34 SB</t>
  </si>
  <si>
    <t>33 SB</t>
  </si>
  <si>
    <t>Shagufta Aslam</t>
  </si>
  <si>
    <t>GGHS CHAK NO. 35/F</t>
  </si>
  <si>
    <t>GGHS 35F</t>
  </si>
  <si>
    <t>CHAK NO 35F</t>
  </si>
  <si>
    <t>FOZIA NAHEED</t>
  </si>
  <si>
    <t>GGHS CHAK NO. 37/A</t>
  </si>
  <si>
    <t>37/A</t>
  </si>
  <si>
    <t>CHAK NO 37/A</t>
  </si>
  <si>
    <t>Chak No 37/A</t>
  </si>
  <si>
    <t>AFSHAN NOREEN</t>
  </si>
  <si>
    <t>GGHS CHAK NO. 377 TDA</t>
  </si>
  <si>
    <t>377/TDA CHOUBARA</t>
  </si>
  <si>
    <t>GGHS 377/TDA CHOUBARA</t>
  </si>
  <si>
    <t>CHAK NO 377/TDA</t>
  </si>
  <si>
    <t>SAHARAN</t>
  </si>
  <si>
    <t>shahida Mehboob</t>
  </si>
  <si>
    <t>GGHS CHAK NO. 38/2-RA</t>
  </si>
  <si>
    <t>gghs.38.2ra</t>
  </si>
  <si>
    <t>chk no 38.2r</t>
  </si>
  <si>
    <t>35/2r</t>
  </si>
  <si>
    <t>GGHS CHAK NO. 4/1-RA</t>
  </si>
  <si>
    <t>Chak no 4/GD</t>
  </si>
  <si>
    <t>Chak no 4/1.RA RENALA KHURD Okara</t>
  </si>
  <si>
    <t>Chak no 4/1RA</t>
  </si>
  <si>
    <t>GGHS CHAK NO. 40 ML</t>
  </si>
  <si>
    <t>GGHS chak no.40ml</t>
  </si>
  <si>
    <t>Surrya Kausar</t>
  </si>
  <si>
    <t>GGHS CHAK NO. 40/D DEPALPUR</t>
  </si>
  <si>
    <t>chak no 40/d</t>
  </si>
  <si>
    <t>chak no 40/d depalpur (okara)</t>
  </si>
  <si>
    <t>40/D</t>
  </si>
  <si>
    <t>MRS AZRA SHAUKAT</t>
  </si>
  <si>
    <t>GGHS CHAK NO. 40/F</t>
  </si>
  <si>
    <t>Govt Girls High School 40/F Tehsil Chishtian</t>
  </si>
  <si>
    <t>GGHS CHAK NO. 408 TDA</t>
  </si>
  <si>
    <t>408TDA</t>
  </si>
  <si>
    <t>Amtul Hafeez</t>
  </si>
  <si>
    <t>GGHS CHAK NO. 41 SB</t>
  </si>
  <si>
    <t>Chak No 41 Sb</t>
  </si>
  <si>
    <t>chak No 41 sb</t>
  </si>
  <si>
    <t>Chak No 40 Sb</t>
  </si>
  <si>
    <t>Hina Rubab</t>
  </si>
  <si>
    <t>GGHS CHAK NO. 42-43 TDA</t>
  </si>
  <si>
    <t>Chak No 42/43tda Bhakkar</t>
  </si>
  <si>
    <t>chak no 42 tda bhakkar</t>
  </si>
  <si>
    <t>Chak No 42/43 Tda Bhakkar</t>
  </si>
  <si>
    <t>Pir-Ashab</t>
  </si>
  <si>
    <t>abida akhtar</t>
  </si>
  <si>
    <t>GGHS CHAK NO. 428/6-R</t>
  </si>
  <si>
    <t>chak no 428/6R</t>
  </si>
  <si>
    <t>CHAK NO 428/6R TEHSIL HAROONABAD DISTT BAHAWALNAGAR</t>
  </si>
  <si>
    <t>chak no 432/6R</t>
  </si>
  <si>
    <t>Munazza Bibi</t>
  </si>
  <si>
    <t>GGHS CHAK NO. 43/F</t>
  </si>
  <si>
    <t>43/F</t>
  </si>
  <si>
    <t>chak no. 43/f</t>
  </si>
  <si>
    <t>42/F</t>
  </si>
  <si>
    <t>Shahnaz Nazir</t>
  </si>
  <si>
    <t>GGHS CHAK NO. 44/ GD</t>
  </si>
  <si>
    <t>Bakhtawer Wala</t>
  </si>
  <si>
    <t>GGHS 44/GD OKARA</t>
  </si>
  <si>
    <t>chak no 44/gd kothakamria okara</t>
  </si>
  <si>
    <t>ZAKHIRA GHASHKORI</t>
  </si>
  <si>
    <t>Afshn Nazli</t>
  </si>
  <si>
    <t>GGHS CHAK NO. 443 GB</t>
  </si>
  <si>
    <t>443gb</t>
  </si>
  <si>
    <t>chak#443 gb</t>
  </si>
  <si>
    <t>GGHS CHAK NO. 447 EB</t>
  </si>
  <si>
    <t>447EB</t>
  </si>
  <si>
    <t>GGHS 447EB BUREWALA</t>
  </si>
  <si>
    <t>CHAK NO 447EB</t>
  </si>
  <si>
    <t>BTM</t>
  </si>
  <si>
    <t>SUMAIRA NASEEM</t>
  </si>
  <si>
    <t>GGHS CHAK NO. 45/A</t>
  </si>
  <si>
    <t>45A</t>
  </si>
  <si>
    <t>gGHS CHAK 45/A LQP</t>
  </si>
  <si>
    <t>CHAK 45/A</t>
  </si>
  <si>
    <t>46A</t>
  </si>
  <si>
    <t>GGHS CHAK NO. 45/P</t>
  </si>
  <si>
    <t>45p</t>
  </si>
  <si>
    <t>chak 45p</t>
  </si>
  <si>
    <t>Mussrat Begum</t>
  </si>
  <si>
    <t>GGHS CHAK NO. 45-AMB</t>
  </si>
  <si>
    <t>45amb</t>
  </si>
  <si>
    <t>Azam colony 45amb jauharabad district khushab</t>
  </si>
  <si>
    <t>51mb</t>
  </si>
  <si>
    <t>GGHS CHAK NO. 47/TDA</t>
  </si>
  <si>
    <t>47 TDA</t>
  </si>
  <si>
    <t>chak no 47 tDA</t>
  </si>
  <si>
    <t>Chak No 47/TDA</t>
  </si>
  <si>
    <t>chak no 45 TDA</t>
  </si>
  <si>
    <t>Naseema Masud</t>
  </si>
  <si>
    <t>GGHS CHAK NO. 49 GB</t>
  </si>
  <si>
    <t>49 GB</t>
  </si>
  <si>
    <t>chak no.49 GB chawinda</t>
  </si>
  <si>
    <t>Chak 49 GB</t>
  </si>
  <si>
    <t>48 GB</t>
  </si>
  <si>
    <t>SAIMA BASHIR</t>
  </si>
  <si>
    <t>GGHS CHAK NO. 497 JB</t>
  </si>
  <si>
    <t>Chak#497/Jb</t>
  </si>
  <si>
    <t>GGHS Chak#497/Jb tehsil shorkot (jhang)</t>
  </si>
  <si>
    <t>Mehreen Khalil</t>
  </si>
  <si>
    <t>GGHS CHAK NO. 51/P R.Y.KHAN</t>
  </si>
  <si>
    <t>CHAK 51/P</t>
  </si>
  <si>
    <t>GGHS CHAK 51/P, RAHIM YAR KHAN</t>
  </si>
  <si>
    <t>chak 51/P</t>
  </si>
  <si>
    <t>CHAK NO. 51/P</t>
  </si>
  <si>
    <t>shaheen babar</t>
  </si>
  <si>
    <t>GGHS CHAK NO. 5-1/RA</t>
  </si>
  <si>
    <t>Chak No51RA</t>
  </si>
  <si>
    <t>chak no 5/1.R.A renala khurd okara</t>
  </si>
  <si>
    <t>MARIA ALI</t>
  </si>
  <si>
    <t>GGHS CHAK NO. 518/TDA</t>
  </si>
  <si>
    <t>chak no 518/TDA</t>
  </si>
  <si>
    <t>PIR JAGGI MORH CHAK NO.518/TDA</t>
  </si>
  <si>
    <t>CHAK NO.518/TDA</t>
  </si>
  <si>
    <t>amna naz</t>
  </si>
  <si>
    <t>GGHS CHAK NO. 52 DB NOORPUR</t>
  </si>
  <si>
    <t>chak no.52db</t>
  </si>
  <si>
    <t>p/o chak no.50db</t>
  </si>
  <si>
    <t>Tasawer Aziz</t>
  </si>
  <si>
    <t>GGHS CHAK NO. 52/2-L</t>
  </si>
  <si>
    <t>CHAK NO 52/2.L OKARA</t>
  </si>
  <si>
    <t>GGHS 52/2.L OKARA</t>
  </si>
  <si>
    <t>GGHS CHAK NO. 525 EB</t>
  </si>
  <si>
    <t>Mrzi Pura</t>
  </si>
  <si>
    <t>chak no 525/eb</t>
  </si>
  <si>
    <t>Asma Iqbal</t>
  </si>
  <si>
    <t>GGHS CHAK NO. 53 ML</t>
  </si>
  <si>
    <t>Dagar Qureshi</t>
  </si>
  <si>
    <t>gghs53ml barkat wala darya khan</t>
  </si>
  <si>
    <t>53ml</t>
  </si>
  <si>
    <t>iffat saeed</t>
  </si>
  <si>
    <t>GGHS CHAK NO. 530 GB</t>
  </si>
  <si>
    <t>Chak No 530 GB</t>
  </si>
  <si>
    <t>chak no 530 GB tehsil Samundri district Faisalabad</t>
  </si>
  <si>
    <t>GGHS CHAK NO. 54/F CHISHTIAN</t>
  </si>
  <si>
    <t>CHAK NO 54/F P/O BKHSHAN KHAN</t>
  </si>
  <si>
    <t>ghazala yasmeen</t>
  </si>
  <si>
    <t>GGHS CHAK NO. 56 MB</t>
  </si>
  <si>
    <t>56mb</t>
  </si>
  <si>
    <t>vpo chak no 56mb tehsil District khushab</t>
  </si>
  <si>
    <t>56 Mb</t>
  </si>
  <si>
    <t>Chak No 63 Mb</t>
  </si>
  <si>
    <t>Hifza Bibi</t>
  </si>
  <si>
    <t>GGHS CHAK NO. 5-6 ML</t>
  </si>
  <si>
    <t>5-6ml</t>
  </si>
  <si>
    <t>Chak no. 5-6ml</t>
  </si>
  <si>
    <t>Chak No 5-6 Ml</t>
  </si>
  <si>
    <t>Mehreen Malik</t>
  </si>
  <si>
    <t>GGHS CHAK NO. 611/TDA (PATHAN HOTEL)</t>
  </si>
  <si>
    <t>611/tda</t>
  </si>
  <si>
    <t>chak no 611/tda pathan hotel</t>
  </si>
  <si>
    <t>Zulifqara Abad</t>
  </si>
  <si>
    <t>Sajida Manzoor</t>
  </si>
  <si>
    <t>GGHS CHAK NO. 63 DB</t>
  </si>
  <si>
    <t>CHAK NO 63 DB</t>
  </si>
  <si>
    <t>GGHS63DB</t>
  </si>
  <si>
    <t>MUMTAZ AKHTAR</t>
  </si>
  <si>
    <t>GGHS CHAK NO. 64 SB</t>
  </si>
  <si>
    <t>Chak No 64SB</t>
  </si>
  <si>
    <t>CHAK NO 64 SB SILLANWALI SARGODHA</t>
  </si>
  <si>
    <t>Chak 49 SB</t>
  </si>
  <si>
    <t>Samreen Tahir</t>
  </si>
  <si>
    <t>GGHS CHAK NO. 69 RB</t>
  </si>
  <si>
    <t>Chak No 69 RB</t>
  </si>
  <si>
    <t>chak no 69 RB</t>
  </si>
  <si>
    <t>Chak No 70 RB</t>
  </si>
  <si>
    <t>Ismat Batool</t>
  </si>
  <si>
    <t>GGHS CHAK NO. 7/1-AL OKARA</t>
  </si>
  <si>
    <t>7/1AL</t>
  </si>
  <si>
    <t>chck no.7/1.A.L</t>
  </si>
  <si>
    <t>NAILA ATTA</t>
  </si>
  <si>
    <t>GGHS CHAK NO. 7/P</t>
  </si>
  <si>
    <t>7/P</t>
  </si>
  <si>
    <t>GGHS CHAK 7P</t>
  </si>
  <si>
    <t>Sheikha bhatta</t>
  </si>
  <si>
    <t>GGHS CHAK NO. 71 JB FSD</t>
  </si>
  <si>
    <t>FSD</t>
  </si>
  <si>
    <t>GOVT GIRLS HIGH SCHOOL 71 JB DISTRICT FSD TEHSIL SADDAR FSD</t>
  </si>
  <si>
    <t>CHAK NO. 71 JB FSD</t>
  </si>
  <si>
    <t>CHAK NO. 73 JB JHAPAL</t>
  </si>
  <si>
    <t>Sumaira Aqdus</t>
  </si>
  <si>
    <t>GGHS CHAK NO. 72/NP</t>
  </si>
  <si>
    <t>Gghs chak no 72/np Rahim yar khan</t>
  </si>
  <si>
    <t>Chak No 72 /np</t>
  </si>
  <si>
    <t>Rahim Yar Khan Dah</t>
  </si>
  <si>
    <t>own</t>
  </si>
  <si>
    <t>GGHS CHAK NO. 73/4-R</t>
  </si>
  <si>
    <t>73/4R Sahiwal</t>
  </si>
  <si>
    <t>77/5R</t>
  </si>
  <si>
    <t>Ayesha Kanwal</t>
  </si>
  <si>
    <t>GGHS CHAK NO. 76/5-R</t>
  </si>
  <si>
    <t>76/5R</t>
  </si>
  <si>
    <t>chak no 76/5R</t>
  </si>
  <si>
    <t>SYEDA SAIMA FIAZ</t>
  </si>
  <si>
    <t>GGHS CHAK NO. 78/5-R</t>
  </si>
  <si>
    <t>GGHS 78/5-R,Swl</t>
  </si>
  <si>
    <t>78/5-R</t>
  </si>
  <si>
    <t>GGHS CHAK NO. 8 ANNAD GARH</t>
  </si>
  <si>
    <t>Chak No 8 Anand Garh</t>
  </si>
  <si>
    <t>chak no.8 Anand garh</t>
  </si>
  <si>
    <t>Chak No 8</t>
  </si>
  <si>
    <t>Chak No13 Randeer</t>
  </si>
  <si>
    <t>FARHANA YASMEEN</t>
  </si>
  <si>
    <t>GGHS CHAK NO. 8/FW SEETHAN WALA</t>
  </si>
  <si>
    <t>8fw</t>
  </si>
  <si>
    <t>8 Fw bakhashan khan</t>
  </si>
  <si>
    <t>9/ FW</t>
  </si>
  <si>
    <t>Azra Nasim Rashid</t>
  </si>
  <si>
    <t>GGHS CHAK NO. 82/ML</t>
  </si>
  <si>
    <t>90 ML</t>
  </si>
  <si>
    <t>chak 82ml p/o 83ml teh.karor distt.layyah</t>
  </si>
  <si>
    <t>chak no.82/ML</t>
  </si>
  <si>
    <t>ZARTASHIA MEHMOOD</t>
  </si>
  <si>
    <t>GGHS CHAK NO. 83/A</t>
  </si>
  <si>
    <t>Chak 83/a</t>
  </si>
  <si>
    <t>GGH/S CHAK 83/A</t>
  </si>
  <si>
    <t>83/A</t>
  </si>
  <si>
    <t>CHAK 68</t>
  </si>
  <si>
    <t>Naeema Nighat</t>
  </si>
  <si>
    <t>GGHS CHAK NO. 85 GB</t>
  </si>
  <si>
    <t>Manpur</t>
  </si>
  <si>
    <t>chak# 85 ,GB fsd</t>
  </si>
  <si>
    <t>Jgarpur</t>
  </si>
  <si>
    <t>NAZIMA  NAZIR</t>
  </si>
  <si>
    <t>GGHS CHAK NO. 90 ML</t>
  </si>
  <si>
    <t>GGHS 90ml karor</t>
  </si>
  <si>
    <t>Chak 90ml</t>
  </si>
  <si>
    <t>NASREEN RAFIQ</t>
  </si>
  <si>
    <t>GGHS CHAK NO. 92/P</t>
  </si>
  <si>
    <t>CHAK  No  92/P</t>
  </si>
  <si>
    <t>CHAK  no 92/P Rahim Yar Khan</t>
  </si>
  <si>
    <t>CHAK No  92/P</t>
  </si>
  <si>
    <t>92/P</t>
  </si>
  <si>
    <t>Rabia Gulzar</t>
  </si>
  <si>
    <t>GGHS CHAK NO. 96 D</t>
  </si>
  <si>
    <t>CHAK NO 96/D</t>
  </si>
  <si>
    <t>IQBAL SATTAR</t>
  </si>
  <si>
    <t>GGHS CHAK NO. 97/6-R</t>
  </si>
  <si>
    <t>Chak 97/6R</t>
  </si>
  <si>
    <t>gg hs 97/6r</t>
  </si>
  <si>
    <t>97/6r</t>
  </si>
  <si>
    <t>chak no 94/6r</t>
  </si>
  <si>
    <t>nasreen jan</t>
  </si>
  <si>
    <t>GGHS CHAK NO. 97/DB</t>
  </si>
  <si>
    <t>97db</t>
  </si>
  <si>
    <t>chak no 97db</t>
  </si>
  <si>
    <t>97 db</t>
  </si>
  <si>
    <t>88db</t>
  </si>
  <si>
    <t>GGHS CHAK NO.1/4L</t>
  </si>
  <si>
    <t>1/4-L</t>
  </si>
  <si>
    <t>GGHS chak no 1/4-L okara</t>
  </si>
  <si>
    <t>SHAMSHAD AKHTER</t>
  </si>
  <si>
    <t>GGHS CHAK NO.1/DNB YAZMAN</t>
  </si>
  <si>
    <t>G. G. H School chak 1/ dnb</t>
  </si>
  <si>
    <t>1/ DNB</t>
  </si>
  <si>
    <t>6/DNB</t>
  </si>
  <si>
    <t>Gulliram</t>
  </si>
  <si>
    <t>GGHS CHAK NO.10 NB</t>
  </si>
  <si>
    <t>CHAK 10 NB</t>
  </si>
  <si>
    <t>gghs 10nb bhalwal</t>
  </si>
  <si>
    <t>Chak 10 Nb</t>
  </si>
  <si>
    <t>GGHS CHAK NO.100 SB</t>
  </si>
  <si>
    <t>Chak No100 SB</t>
  </si>
  <si>
    <t>chak no.100 sb sargodha</t>
  </si>
  <si>
    <t>100 sb</t>
  </si>
  <si>
    <t>chak 100 sb</t>
  </si>
  <si>
    <t>Nusrat kalsoom</t>
  </si>
  <si>
    <t>GGHS CHAK NO.101 NB</t>
  </si>
  <si>
    <t>GGHS 101 NB Sargodha</t>
  </si>
  <si>
    <t>Chak No 101 NB</t>
  </si>
  <si>
    <t>97/NB</t>
  </si>
  <si>
    <t>Mrs. Gulshan Ara</t>
  </si>
  <si>
    <t>GGHS CHAK NO.102 NB SARGODHA</t>
  </si>
  <si>
    <t>Chak 102 NB Sgd</t>
  </si>
  <si>
    <t>GOVT.GIRLS HIGH SCHOOL 102 NB SGD</t>
  </si>
  <si>
    <t>Chak 102 NB SGD</t>
  </si>
  <si>
    <t>97 NB Sgd</t>
  </si>
  <si>
    <t>Faiza Shahana Abbas</t>
  </si>
  <si>
    <t>GGHS CHAK NO.102 SB</t>
  </si>
  <si>
    <t>Chak 102 SB SGD</t>
  </si>
  <si>
    <t>chak 102 SB tehsil and district Sargodha</t>
  </si>
  <si>
    <t>Chak NO 100 SB</t>
  </si>
  <si>
    <t>Ghulam Fatima</t>
  </si>
  <si>
    <t>GGHS CHAK NO.103 SB</t>
  </si>
  <si>
    <t>Chak NO 103 SB</t>
  </si>
  <si>
    <t>CHAK NO 103 SB SARGODHA</t>
  </si>
  <si>
    <t>CHAK NO 103 SB</t>
  </si>
  <si>
    <t>CHAK NO 100 SB</t>
  </si>
  <si>
    <t>SHAMS BATOOL</t>
  </si>
  <si>
    <t>GGHS CHAK NO.103/DNB</t>
  </si>
  <si>
    <t>103DNB</t>
  </si>
  <si>
    <t>chak no 103/dnb post office same tehsil yazman district bahawalpur</t>
  </si>
  <si>
    <t>98dnb</t>
  </si>
  <si>
    <t>Imrozia sharif</t>
  </si>
  <si>
    <t>GGHS CHAK NO.104 SB</t>
  </si>
  <si>
    <t>Chak 104 Sb</t>
  </si>
  <si>
    <t>chak 104 sb</t>
  </si>
  <si>
    <t>Chak 109 Sb</t>
  </si>
  <si>
    <t>GGHS CHAK NO.106/6-R</t>
  </si>
  <si>
    <t>CHAK NO. 106/6R</t>
  </si>
  <si>
    <t>GOVT. GIRLS HIGH SCHOOL 106/6R P/O 105/6R</t>
  </si>
  <si>
    <t>CHAK NO.109/6R</t>
  </si>
  <si>
    <t>NOSHIA KIRAN</t>
  </si>
  <si>
    <t>GGHS CHAK NO.106/DB</t>
  </si>
  <si>
    <t>106DB</t>
  </si>
  <si>
    <t>GGHS 106 DB Yazman</t>
  </si>
  <si>
    <t>Chak No 106DB</t>
  </si>
  <si>
    <t>Saba javed</t>
  </si>
  <si>
    <t>GGHS CHAK NO.108 SB</t>
  </si>
  <si>
    <t>chak no 108 sb</t>
  </si>
  <si>
    <t>GGHS CHAK NO.108/DB</t>
  </si>
  <si>
    <t>chak no 108db</t>
  </si>
  <si>
    <t>108/db</t>
  </si>
  <si>
    <t>Chak 108/db</t>
  </si>
  <si>
    <t>sadia abbas</t>
  </si>
  <si>
    <t>GGHS CHAK NO.11 SB</t>
  </si>
  <si>
    <t>Kotmoman</t>
  </si>
  <si>
    <t>chak 11 sb kotmoman</t>
  </si>
  <si>
    <t>Chak 11 Sb</t>
  </si>
  <si>
    <t>GGHS CHAK NO.110/WB</t>
  </si>
  <si>
    <t>110 wb mailsi</t>
  </si>
  <si>
    <t>110 Wb Mailsi</t>
  </si>
  <si>
    <t>Raffia Rubab Jafari</t>
  </si>
  <si>
    <t>GGHS CHAK NO.111 SB</t>
  </si>
  <si>
    <t>111 Sb Sgd</t>
  </si>
  <si>
    <t>chak no.111 sb sgd</t>
  </si>
  <si>
    <t>Chak 111 Sb Sgd</t>
  </si>
  <si>
    <t>Zamara Nasir</t>
  </si>
  <si>
    <t>GGHS CHAK NO.112 EB</t>
  </si>
  <si>
    <t>112/EB</t>
  </si>
  <si>
    <t>Chak no 112/eb burewala</t>
  </si>
  <si>
    <t>112/eb</t>
  </si>
  <si>
    <t>124/eb</t>
  </si>
  <si>
    <t>anum rasheed</t>
  </si>
  <si>
    <t>GGHS CHAK NO.112 SB</t>
  </si>
  <si>
    <t>112 Sb</t>
  </si>
  <si>
    <t>chak no 112sb Sargodha</t>
  </si>
  <si>
    <t>Chak 112sb</t>
  </si>
  <si>
    <t>Chak No 113 SB</t>
  </si>
  <si>
    <t>Samreen Iqbal</t>
  </si>
  <si>
    <t>GGHS CHAK NO.113 SB</t>
  </si>
  <si>
    <t>Chak No113sb</t>
  </si>
  <si>
    <t>chak no 113sb tehsil / distrect sargodha</t>
  </si>
  <si>
    <t>Chak No 113sb</t>
  </si>
  <si>
    <t>GGHS CHAK NO.114 NB</t>
  </si>
  <si>
    <t>chak no. 114NB</t>
  </si>
  <si>
    <t>GGHS 114NB p/o shainaabad tehsil Sillanwali Distt. Sargodha</t>
  </si>
  <si>
    <t>Chak No.114NB</t>
  </si>
  <si>
    <t>Chak No 111NB</t>
  </si>
  <si>
    <t>Samia Fatima</t>
  </si>
  <si>
    <t>GGHS CHAK NO.115 SB</t>
  </si>
  <si>
    <t>115sb</t>
  </si>
  <si>
    <t>chak No. 115sb sgd</t>
  </si>
  <si>
    <t>Chak No 58 ASB</t>
  </si>
  <si>
    <t>GGHS CHAK NO.116 NB</t>
  </si>
  <si>
    <t>CK 116 NB</t>
  </si>
  <si>
    <t>CK 116NB</t>
  </si>
  <si>
    <t>CK 118 NB</t>
  </si>
  <si>
    <t>Sadia Ahmad</t>
  </si>
  <si>
    <t>GGHS CHAK NO.117 SB</t>
  </si>
  <si>
    <t>gghs Chak no 117 SB</t>
  </si>
  <si>
    <t>Shah Bano Maken</t>
  </si>
  <si>
    <t>GGHS CHAK NO.117/DB</t>
  </si>
  <si>
    <t>chak no 117D/B</t>
  </si>
  <si>
    <t>Chak 117D/B</t>
  </si>
  <si>
    <t>SADIA JALIL KHAN</t>
  </si>
  <si>
    <t>GGHS CHAK NO.119 NB</t>
  </si>
  <si>
    <t>chak # 119 nb</t>
  </si>
  <si>
    <t>Chak# 119 Nb</t>
  </si>
  <si>
    <t>Iram Iqbal</t>
  </si>
  <si>
    <t>GGHS CHAK NO.119 SB</t>
  </si>
  <si>
    <t>Chak 119 SB</t>
  </si>
  <si>
    <t>119sb silanwali</t>
  </si>
  <si>
    <t>119sb</t>
  </si>
  <si>
    <t>120sb</t>
  </si>
  <si>
    <t>GGHS CHAK NO.12/1-L</t>
  </si>
  <si>
    <t>12/1-l</t>
  </si>
  <si>
    <t>chak no 12/1.L Okara</t>
  </si>
  <si>
    <t>Chak No 12/1L Okara</t>
  </si>
  <si>
    <t>Chak No 11/1L</t>
  </si>
  <si>
    <t>naseem  kausar</t>
  </si>
  <si>
    <t>GGHS CHAK NO.120 SB</t>
  </si>
  <si>
    <t>120SB</t>
  </si>
  <si>
    <t>Chak #120SB, sillanwali</t>
  </si>
  <si>
    <t>GGHS CHAK NO.121 NB</t>
  </si>
  <si>
    <t>Chak No 12 Nb</t>
  </si>
  <si>
    <t>chak no 121 nb sillanwali district Sargodha</t>
  </si>
  <si>
    <t>Chak No 121 Nb</t>
  </si>
  <si>
    <t>135 SB</t>
  </si>
  <si>
    <t>Nida Sehar</t>
  </si>
  <si>
    <t>GGHS CHAK NO.122 NB</t>
  </si>
  <si>
    <t>122 NB</t>
  </si>
  <si>
    <t>chak no 122 Nb tehsil sillanwali district sargodha</t>
  </si>
  <si>
    <t>Chak 122 NB</t>
  </si>
  <si>
    <t>SAIMA ALI</t>
  </si>
  <si>
    <t>GGHS CHAK NO.122 SB</t>
  </si>
  <si>
    <t>Chak#122sb</t>
  </si>
  <si>
    <t>Chak #122sb Shaheenabad Sillanwalli Sargodha</t>
  </si>
  <si>
    <t>Chak# 122sb</t>
  </si>
  <si>
    <t>water supply connection as source of drinking water</t>
  </si>
  <si>
    <t>GGHS CHAK NO.123 SB</t>
  </si>
  <si>
    <t>123SB</t>
  </si>
  <si>
    <t>chak no 123 SB, P/O 124 SB, tehsil: sillanwali</t>
  </si>
  <si>
    <t>shaheenabad</t>
  </si>
  <si>
    <t>Aysha Sadaf</t>
  </si>
  <si>
    <t>GGHS CHAK NO.125 NB</t>
  </si>
  <si>
    <t>125NB</t>
  </si>
  <si>
    <t>chak no 125NB sillanwali sargodha</t>
  </si>
  <si>
    <t>Chak no 129NB</t>
  </si>
  <si>
    <t>GGHS CHAK NO.125 SB</t>
  </si>
  <si>
    <t>Chak 125SB</t>
  </si>
  <si>
    <t>Chak 125 SB Tehsil Sillanwali District Sargodha</t>
  </si>
  <si>
    <t>Chak 125sb</t>
  </si>
  <si>
    <t>Chak 125 SB</t>
  </si>
  <si>
    <t>Zeenat Begum</t>
  </si>
  <si>
    <t>GGHS CHAK NO.126 SB</t>
  </si>
  <si>
    <t>CHAK NO 126 SB SGD</t>
  </si>
  <si>
    <t>Chak No 126 SB</t>
  </si>
  <si>
    <t>Sobia Afzal</t>
  </si>
  <si>
    <t>GGHS CHAK NO.13/BC</t>
  </si>
  <si>
    <t>Chak12BC</t>
  </si>
  <si>
    <t>GGHSCHAK13\BcBWP</t>
  </si>
  <si>
    <t>Chak13BC</t>
  </si>
  <si>
    <t>Mrs. Shagufta Yasmin</t>
  </si>
  <si>
    <t>GGHS CHAK NO.130 EB</t>
  </si>
  <si>
    <t>chak no.130/eb burewala</t>
  </si>
  <si>
    <t>130/eb</t>
  </si>
  <si>
    <t>128/eb</t>
  </si>
  <si>
    <t>RUKHSHANDA NAZEER</t>
  </si>
  <si>
    <t>GGHS CHAK NO.130/TDA</t>
  </si>
  <si>
    <t>Chowazam</t>
  </si>
  <si>
    <t>chak no 130</t>
  </si>
  <si>
    <t>LAYYAH YHAL KALAN</t>
  </si>
  <si>
    <t>asma manzoor</t>
  </si>
  <si>
    <t>GGHS CHAK NO.132 SB</t>
  </si>
  <si>
    <t>Chak No 132 Sb</t>
  </si>
  <si>
    <t>gghs chak no 132 sb</t>
  </si>
  <si>
    <t>SAIMA YAQUB</t>
  </si>
  <si>
    <t>GGHS CHAK NO.133/TDA</t>
  </si>
  <si>
    <t>CHAK NO. 133/TDA</t>
  </si>
  <si>
    <t>GGHS CHAK NO. 133/TDA LALAZAR LAYYAH</t>
  </si>
  <si>
    <t>CHOWK AZAM RURAL</t>
  </si>
  <si>
    <t>Asima Amin</t>
  </si>
  <si>
    <t>GGHS CHAK NO.135 NB</t>
  </si>
  <si>
    <t>Chak No. 135 N.B.</t>
  </si>
  <si>
    <t>Tabinda Zaheer</t>
  </si>
  <si>
    <t>GGHS CHAK NO.137/138 NB SOBAGHA</t>
  </si>
  <si>
    <t>GGHS 137/138 NB Sobhaga</t>
  </si>
  <si>
    <t>Chak 137/138 NB</t>
  </si>
  <si>
    <t>Hifsa Ammara Naeem</t>
  </si>
  <si>
    <t>GGHS CHAK NO.140 M</t>
  </si>
  <si>
    <t>140m</t>
  </si>
  <si>
    <t>chak no. 140m</t>
  </si>
  <si>
    <t>169m</t>
  </si>
  <si>
    <t>Shabana Choudhary</t>
  </si>
  <si>
    <t>GGHS CHAK NO.141/TDA</t>
  </si>
  <si>
    <t>Lohanch</t>
  </si>
  <si>
    <t>chak no 141tda Layyah</t>
  </si>
  <si>
    <t>141 tda</t>
  </si>
  <si>
    <t>Chawk Azam</t>
  </si>
  <si>
    <t>GGHS CHAK NO.142 SB</t>
  </si>
  <si>
    <t>chak no 142sb sargodha</t>
  </si>
  <si>
    <t>Chak No 142sb</t>
  </si>
  <si>
    <t>Shakira Khanum</t>
  </si>
  <si>
    <t>GGHS CHAK NO.142/6-R</t>
  </si>
  <si>
    <t>Chak No 1426r</t>
  </si>
  <si>
    <t>chak no 1426r</t>
  </si>
  <si>
    <t>anwari maqbool</t>
  </si>
  <si>
    <t>GGHS CHAK NO.146/6-R</t>
  </si>
  <si>
    <t>chak no146/6r.tehsil haroonabad.bwn</t>
  </si>
  <si>
    <t>146/6r</t>
  </si>
  <si>
    <t>Maryam Amin</t>
  </si>
  <si>
    <t>GGHS CHAK NO.150/NP</t>
  </si>
  <si>
    <t>Mahmood Mahtam</t>
  </si>
  <si>
    <t>jhagir wali puli chak no 150 np</t>
  </si>
  <si>
    <t>Chak No 150 Np</t>
  </si>
  <si>
    <t>GGHS CHAK NO.151/WB</t>
  </si>
  <si>
    <t>151/WB</t>
  </si>
  <si>
    <t>Govt.girls high school 151/wb</t>
  </si>
  <si>
    <t>SHAZIA IRUM</t>
  </si>
  <si>
    <t>GGHS CHAK NO.152 NB</t>
  </si>
  <si>
    <t>Chak 152 Nb</t>
  </si>
  <si>
    <t>Chak no. 152nb sillanwali sargodha</t>
  </si>
  <si>
    <t>Chak 152 nb</t>
  </si>
  <si>
    <t>NAFEESA KANWAL</t>
  </si>
  <si>
    <t>GGHS CHAK NO.16 SB</t>
  </si>
  <si>
    <t>16sb</t>
  </si>
  <si>
    <t>gghs16sb,bhalwal</t>
  </si>
  <si>
    <t>15sb</t>
  </si>
  <si>
    <t>Shahida Wafai</t>
  </si>
  <si>
    <t>GGHS CHAK NO.16/DNB</t>
  </si>
  <si>
    <t>16/DNB</t>
  </si>
  <si>
    <t>Govt.Girls.High.School 16/DNB.YazmanBWP</t>
  </si>
  <si>
    <t>Ishrat Kalsoom</t>
  </si>
  <si>
    <t>GGHS CHAK NO.162/TDA</t>
  </si>
  <si>
    <t>chak no 162/tda post office kotsultan district layyah</t>
  </si>
  <si>
    <t>Chak No 162/Tda</t>
  </si>
  <si>
    <t>164A/Tda</t>
  </si>
  <si>
    <t>SHAZIA BANO</t>
  </si>
  <si>
    <t>GGHS CHAK NO.164-A/TDA</t>
  </si>
  <si>
    <t>Thal  Jandi</t>
  </si>
  <si>
    <t>GGHS164a/TDA Layyah</t>
  </si>
  <si>
    <t>Chak #164a</t>
  </si>
  <si>
    <t>Chak # 164 TDA</t>
  </si>
  <si>
    <t>Uzma Perveen</t>
  </si>
  <si>
    <t>GGHS CHAK NO.174/TDA</t>
  </si>
  <si>
    <t>Ameer Klasra</t>
  </si>
  <si>
    <t>chak no 174TDA layhah</t>
  </si>
  <si>
    <t>Chak No 174</t>
  </si>
  <si>
    <t>Safia Manzoor</t>
  </si>
  <si>
    <t>GGHS CHAK NO.179/M</t>
  </si>
  <si>
    <t>179/M</t>
  </si>
  <si>
    <t>chak no. 179/m hasilpur</t>
  </si>
  <si>
    <t>Chak No179/M</t>
  </si>
  <si>
    <t>Chak No 163/M</t>
  </si>
  <si>
    <t>Fozia Tasleem</t>
  </si>
  <si>
    <t>GGHS CHAK NO.182/M</t>
  </si>
  <si>
    <t>182m</t>
  </si>
  <si>
    <t>chak no 182m p/o chakno186m hasilpur</t>
  </si>
  <si>
    <t>Chak No 182m</t>
  </si>
  <si>
    <t>Chak No163m</t>
  </si>
  <si>
    <t>Nadia Iram</t>
  </si>
  <si>
    <t>GGHS CHAK NO.189/M</t>
  </si>
  <si>
    <t>189/M</t>
  </si>
  <si>
    <t>Govt.Girls High school189/M.Teh:Hasilpur(BWP)</t>
  </si>
  <si>
    <t>chak no.189/M</t>
  </si>
  <si>
    <t>Chak No.192/M</t>
  </si>
  <si>
    <t>Perveen Tahira</t>
  </si>
  <si>
    <t>GGHS CHAK NO.19 SB</t>
  </si>
  <si>
    <t>CHAK NO. 19 S.B</t>
  </si>
  <si>
    <t>VILL. P/O CHAK NO. 19 S.B TEH. KOTMOMAN DISST. SARGODHA</t>
  </si>
  <si>
    <t>Mussarat Zahra</t>
  </si>
  <si>
    <t>GGHS CHAK NO.19/F.W JINNAH COLONY</t>
  </si>
  <si>
    <t>19/fw Hasilpur</t>
  </si>
  <si>
    <t>gghs 19fw hasilpur</t>
  </si>
  <si>
    <t>Ruqia murtaza</t>
  </si>
  <si>
    <t>GGHS CHAK NO.194/M</t>
  </si>
  <si>
    <t>chak 194/m hasilpur</t>
  </si>
  <si>
    <t>194/M</t>
  </si>
  <si>
    <t>192/M</t>
  </si>
  <si>
    <t>Batool Akhtar</t>
  </si>
  <si>
    <t>GGHS CHAK NO.195/WB</t>
  </si>
  <si>
    <t>chak no 195/WB P/O Dokota , tehsil mailsi district vehari</t>
  </si>
  <si>
    <t>Chak No 195/WB</t>
  </si>
  <si>
    <t>Tayyba Rashid</t>
  </si>
  <si>
    <t>GGHS CHAK NO.198 RB FSD</t>
  </si>
  <si>
    <t>muniwala</t>
  </si>
  <si>
    <t>govt girls high school 198 rb muniwala fsd</t>
  </si>
  <si>
    <t>chak no 198 rb fsd</t>
  </si>
  <si>
    <t>199 rb gutwala</t>
  </si>
  <si>
    <t>GGHS CHAK NO.199/7-R</t>
  </si>
  <si>
    <t>Chak No 199/7R</t>
  </si>
  <si>
    <t>chak no 199/7R Fort abbas</t>
  </si>
  <si>
    <t>Chak No 199/8R</t>
  </si>
  <si>
    <t>Nasira Khalid</t>
  </si>
  <si>
    <t>GGHS CHAK NO.199/GB</t>
  </si>
  <si>
    <t>Sotehri</t>
  </si>
  <si>
    <t>chak no 199gb samundri fsd</t>
  </si>
  <si>
    <t>199gb</t>
  </si>
  <si>
    <t>Chak No 196gb</t>
  </si>
  <si>
    <t>rabia sadaf</t>
  </si>
  <si>
    <t>GGHS CHAK NO.208/GB</t>
  </si>
  <si>
    <t>Kalar</t>
  </si>
  <si>
    <t>chak no 208 gb</t>
  </si>
  <si>
    <t>Chak No 208 Gb</t>
  </si>
  <si>
    <t>Chak No 205 Gb</t>
  </si>
  <si>
    <t>Shahida Majeed</t>
  </si>
  <si>
    <t>GGHS CHAK NO.215 EB</t>
  </si>
  <si>
    <t>215EB</t>
  </si>
  <si>
    <t>chak no 215 EB tehsil burewala district vehari</t>
  </si>
  <si>
    <t>215 EB</t>
  </si>
  <si>
    <t>Chak No 215 EB</t>
  </si>
  <si>
    <t>Saba Bashir</t>
  </si>
  <si>
    <t>GGHS CHAK NO.22 NB</t>
  </si>
  <si>
    <t>Chak No 22nb</t>
  </si>
  <si>
    <t>Chak No 22 Nb</t>
  </si>
  <si>
    <t>Chak No10 Nb</t>
  </si>
  <si>
    <t>Rahila Nahid</t>
  </si>
  <si>
    <t>GGHS CHAK NO.22/DNB</t>
  </si>
  <si>
    <t>CHAK 22/dnb</t>
  </si>
  <si>
    <t>CHAK NO 22/DNB TEHSIL YAZMAN</t>
  </si>
  <si>
    <t>22/DNB</t>
  </si>
  <si>
    <t>CHAK NO 22/DNB</t>
  </si>
  <si>
    <t>Nousheen Ijaz</t>
  </si>
  <si>
    <t>GGHS CHAK NO.227/9-R</t>
  </si>
  <si>
    <t>Girls School</t>
  </si>
  <si>
    <t>Govt. Girls H/S 227/9-r Tehsile Fortabbas Distt.  Bahawalnagar</t>
  </si>
  <si>
    <t>227/9-r</t>
  </si>
  <si>
    <t>126/9-r</t>
  </si>
  <si>
    <t>TAYYABA YAQUB</t>
  </si>
  <si>
    <t>GGHS CHAK NO.23/2-L</t>
  </si>
  <si>
    <t>chak no 23/2L renala khurd. okara</t>
  </si>
  <si>
    <t>Chak No 23/2L</t>
  </si>
  <si>
    <t>Sidra Faiz</t>
  </si>
  <si>
    <t>GGHS CHAK NO.243 RB FSD</t>
  </si>
  <si>
    <t>243/rbRoshanwala</t>
  </si>
  <si>
    <t>GGHS 243/RB ROSHAN WALA FSD.</t>
  </si>
  <si>
    <t>243/rb</t>
  </si>
  <si>
    <t>242/rb Dasuha</t>
  </si>
  <si>
    <t>GGHS CHAK NO.247 EB</t>
  </si>
  <si>
    <t>chak no 247</t>
  </si>
  <si>
    <t>FARAH HABIB</t>
  </si>
  <si>
    <t>GGHS CHAK NO.25 SB</t>
  </si>
  <si>
    <t>Gghschak 25sb</t>
  </si>
  <si>
    <t>Chak 25sb</t>
  </si>
  <si>
    <t>Yasmin Kausar</t>
  </si>
  <si>
    <t>GGHS CHAK NO.251 TDA</t>
  </si>
  <si>
    <t>gghs251/tda</t>
  </si>
  <si>
    <t>251/Tda</t>
  </si>
  <si>
    <t>GGHS CHAK NO.26/BC</t>
  </si>
  <si>
    <t>Chak 26 Bc</t>
  </si>
  <si>
    <t>CHAK 26/BC, YAZMAN ROAD, BAHAWALPUR</t>
  </si>
  <si>
    <t>CHAK 26/BC</t>
  </si>
  <si>
    <t>CHAK 24/BC</t>
  </si>
  <si>
    <t>SARA SAJJAD</t>
  </si>
  <si>
    <t>GGHS CHAK NO.27 NB</t>
  </si>
  <si>
    <t>chak no. 27 nb sargodha</t>
  </si>
  <si>
    <t>Chak No 27</t>
  </si>
  <si>
    <t>Shahneela sabohi</t>
  </si>
  <si>
    <t>GGHS CHAK NO.27 SB</t>
  </si>
  <si>
    <t>Chak No27sb</t>
  </si>
  <si>
    <t>Chak no.27sb</t>
  </si>
  <si>
    <t>Chak No28 Sb</t>
  </si>
  <si>
    <t>GGHS CHAK NO.274 JB</t>
  </si>
  <si>
    <t>Near Painsara</t>
  </si>
  <si>
    <t>chak# 274jb serhala kalan fsd</t>
  </si>
  <si>
    <t>274jb Fsd</t>
  </si>
  <si>
    <t>41 Jb</t>
  </si>
  <si>
    <t>GGHS CHAK NO.279 TDA</t>
  </si>
  <si>
    <t>Chak No 279/tda</t>
  </si>
  <si>
    <t>chak no 279/ tda layyah</t>
  </si>
  <si>
    <t>alia tufail</t>
  </si>
  <si>
    <t>GGHS CHAK NO.28 SB</t>
  </si>
  <si>
    <t>Chak No 28 Sb</t>
  </si>
  <si>
    <t>GGHS 28 SB sargodha</t>
  </si>
  <si>
    <t>Chak No 28 SB Sargodha</t>
  </si>
  <si>
    <t>Asma Hamid Alvi</t>
  </si>
  <si>
    <t>GGHS CHAK NO.30 NB MITHA LAK</t>
  </si>
  <si>
    <t>Chak No 30 NB</t>
  </si>
  <si>
    <t>GGHS CHAK NO. 30 NB MITHA LAK SGD</t>
  </si>
  <si>
    <t>30 North</t>
  </si>
  <si>
    <t>Misbah Iqbal</t>
  </si>
  <si>
    <t>GGHS CHAK NO.30 SB</t>
  </si>
  <si>
    <t>30 Sb</t>
  </si>
  <si>
    <t>chak no 30 sb sargodha</t>
  </si>
  <si>
    <t>30 Sb Sargodha</t>
  </si>
  <si>
    <t>30/SB</t>
  </si>
  <si>
    <t>Farast Choudhary</t>
  </si>
  <si>
    <t>GGHS CHAK NO.30/3-R</t>
  </si>
  <si>
    <t>Chak 30/3R</t>
  </si>
  <si>
    <t>chak 30/3R tehsil hnd distt bwn</t>
  </si>
  <si>
    <t>30/3R</t>
  </si>
  <si>
    <t>Sajida Shafi</t>
  </si>
  <si>
    <t>GGHS CHAK NO.31 SB</t>
  </si>
  <si>
    <t>31chak</t>
  </si>
  <si>
    <t>govt girls high school 31sb sargodha</t>
  </si>
  <si>
    <t>31sb</t>
  </si>
  <si>
    <t>30sb</t>
  </si>
  <si>
    <t>Farah Riaz</t>
  </si>
  <si>
    <t>GGHS CHAK NO.33 SB</t>
  </si>
  <si>
    <t>Chao No 33sb</t>
  </si>
  <si>
    <t>chak no 33sb sgd</t>
  </si>
  <si>
    <t>33 Sb</t>
  </si>
  <si>
    <t>33/SB</t>
  </si>
  <si>
    <t>GGHS CHAK NO.330 TDA</t>
  </si>
  <si>
    <t>GHG H/S 330 TDA  JAMAL CHAPRI TEHSIL CHOUBARA</t>
  </si>
  <si>
    <t>chak no 330  tda</t>
  </si>
  <si>
    <t>JAMAL CHAPRI</t>
  </si>
  <si>
    <t>Ishrat Sultana</t>
  </si>
  <si>
    <t>GGHS CHAK NO.339/TDA</t>
  </si>
  <si>
    <t>Chak No 339</t>
  </si>
  <si>
    <t>gghs chak no 339 tda</t>
  </si>
  <si>
    <t>Khuzama khan</t>
  </si>
  <si>
    <t>GGHS CHAK NO.34 NB</t>
  </si>
  <si>
    <t>34nb sargodha</t>
  </si>
  <si>
    <t>Kalsoom Aziz</t>
  </si>
  <si>
    <t>GGHS CHAK NO.34/4-L</t>
  </si>
  <si>
    <t>CHAK NO 34/4L</t>
  </si>
  <si>
    <t>CHAK NO 34/4L POST OFF SAME</t>
  </si>
  <si>
    <t>CHAK NO 33/4L</t>
  </si>
  <si>
    <t>SHAMIM AKHTAR</t>
  </si>
  <si>
    <t>GGHS CHAK NO.344 TDA</t>
  </si>
  <si>
    <t>Chack No 344</t>
  </si>
  <si>
    <t>etfaq traders fathay pur road chowk azam</t>
  </si>
  <si>
    <t>344/TDA</t>
  </si>
  <si>
    <t>Rashida Memona</t>
  </si>
  <si>
    <t>GGHS CHAK NO.35 SB</t>
  </si>
  <si>
    <t>35sb</t>
  </si>
  <si>
    <t>gghs 35 sb chak # 35 sb sargodha</t>
  </si>
  <si>
    <t>35 SB</t>
  </si>
  <si>
    <t>28sb</t>
  </si>
  <si>
    <t>Qandeel Farooqi</t>
  </si>
  <si>
    <t>GGHS CHAK NO.36 NB SARGODHA</t>
  </si>
  <si>
    <t>chak no 36 NB</t>
  </si>
  <si>
    <t>36/NB</t>
  </si>
  <si>
    <t>Shabana Nosheen</t>
  </si>
  <si>
    <t>GGHS CHAK NO.36 SB</t>
  </si>
  <si>
    <t>36 SB Sargodha</t>
  </si>
  <si>
    <t>chak no. 36 SB Sargodha</t>
  </si>
  <si>
    <t>36S SB Sargodha</t>
  </si>
  <si>
    <t>Chak no 36 SB</t>
  </si>
  <si>
    <t>Farzana Shafqt</t>
  </si>
  <si>
    <t>Hand pump, E Water cooler</t>
  </si>
  <si>
    <t>GGHS CHAK NO.36/DNB</t>
  </si>
  <si>
    <t>CHAK No. 36/DNB</t>
  </si>
  <si>
    <t>36/DNB</t>
  </si>
  <si>
    <t>Saba Aftab</t>
  </si>
  <si>
    <t>GGHS CHAK NO.37 SB</t>
  </si>
  <si>
    <t>Chak No37SB</t>
  </si>
  <si>
    <t>chak no.37SB</t>
  </si>
  <si>
    <t>Chak 36 SB Sargodha</t>
  </si>
  <si>
    <t>Shaista Mariam</t>
  </si>
  <si>
    <t>GGHS CHAK NO.37/BC (E)</t>
  </si>
  <si>
    <t>GGHS 37/bc Abbas Nagar (E)</t>
  </si>
  <si>
    <t>37/Bc</t>
  </si>
  <si>
    <t>Ms. Fouzia Nawaz</t>
  </si>
  <si>
    <t>GGHS CHAK NO.38 SB</t>
  </si>
  <si>
    <t>Chak No 38 SB</t>
  </si>
  <si>
    <t>CHAK NO. 38SB SGD</t>
  </si>
  <si>
    <t>Anqa Zarish</t>
  </si>
  <si>
    <t>GGHS CHAK NO.38/3-R</t>
  </si>
  <si>
    <t>38/3R</t>
  </si>
  <si>
    <t>chak no 38/3R</t>
  </si>
  <si>
    <t>38/R</t>
  </si>
  <si>
    <t>42/3R</t>
  </si>
  <si>
    <t>Asia khatoon</t>
  </si>
  <si>
    <t>GGHS CHAK NO.38/BC</t>
  </si>
  <si>
    <t>Chak 38 Bc</t>
  </si>
  <si>
    <t>govt. girls high school chak 38 bc bahawalpur</t>
  </si>
  <si>
    <t>KOUSAR    IRFAN</t>
  </si>
  <si>
    <t>GGHS CHAK NO.39 SP</t>
  </si>
  <si>
    <t>39sp</t>
  </si>
  <si>
    <t>Peer Ghini</t>
  </si>
  <si>
    <t>Asma naz</t>
  </si>
  <si>
    <t>GGHS CHAK NO.4 4L</t>
  </si>
  <si>
    <t>chak no 4/4-L Okara</t>
  </si>
  <si>
    <t>GGHS 4/4-L, Okara</t>
  </si>
  <si>
    <t>4/4-L Military Farm Okara</t>
  </si>
  <si>
    <t>4/4-L</t>
  </si>
  <si>
    <t>Dur-e-Shahwar</t>
  </si>
  <si>
    <t>GGHS CHAK NO.4 JAGO WALA</t>
  </si>
  <si>
    <t>Jagoowala</t>
  </si>
  <si>
    <t>jagoowala</t>
  </si>
  <si>
    <t>GGHS CHAK NO.4 SB</t>
  </si>
  <si>
    <t>Chak 4sb</t>
  </si>
  <si>
    <t>Govt. Girls High School chak 4 SB Bhalwal , Sargodha</t>
  </si>
  <si>
    <t>GGHS CHAK NO.4/1-R</t>
  </si>
  <si>
    <t>Chak 4/1R</t>
  </si>
  <si>
    <t>Chak no 4/1.R</t>
  </si>
  <si>
    <t>Chak 15/1R</t>
  </si>
  <si>
    <t>GGHS CHAK NO.40 SB</t>
  </si>
  <si>
    <t>Pull 111</t>
  </si>
  <si>
    <t>chak no 40sb sargodha</t>
  </si>
  <si>
    <t>40sb</t>
  </si>
  <si>
    <t>40/SB</t>
  </si>
  <si>
    <t>GGHS CHAK NO.402 TDA</t>
  </si>
  <si>
    <t>Chak No 402 Tda</t>
  </si>
  <si>
    <t>CHAK NO. 402/TDA TEHSIL CHOUBARA LAYYAH</t>
  </si>
  <si>
    <t>CHAK NO.402/TDA</t>
  </si>
  <si>
    <t>SURRYA PERVEEN</t>
  </si>
  <si>
    <t>GGHS CHAK NO.41/DB</t>
  </si>
  <si>
    <t>yazman</t>
  </si>
  <si>
    <t>chak 41 db west tehsil yazman dist. bahawalpur</t>
  </si>
  <si>
    <t>41 db</t>
  </si>
  <si>
    <t>44 db</t>
  </si>
  <si>
    <t>Sadaf Shafique</t>
  </si>
  <si>
    <t>GGHS CHAK NO.42 NB GILL WALA</t>
  </si>
  <si>
    <t>Chak No 42NB Gillwala</t>
  </si>
  <si>
    <t>GGHS 42NB GILLWALA Sargodha</t>
  </si>
  <si>
    <t>MC Sargodha</t>
  </si>
  <si>
    <t>Misbah Shahid Khawaja</t>
  </si>
  <si>
    <t>GGHS CHAK NO.429 EB</t>
  </si>
  <si>
    <t>Chack No. 429eb Burewala</t>
  </si>
  <si>
    <t>Chack No 429/Eb</t>
  </si>
  <si>
    <t>199/Eb</t>
  </si>
  <si>
    <t>GGHS CHAK NO.43/GD</t>
  </si>
  <si>
    <t>chak no. 43 GD okara</t>
  </si>
  <si>
    <t>GGHS Chak No. 43 GD Okara</t>
  </si>
  <si>
    <t>Chak No. 43 GD Okara</t>
  </si>
  <si>
    <t>BURJ JIWI KHAN</t>
  </si>
  <si>
    <t>GGHS CHAK NO.432/TDA</t>
  </si>
  <si>
    <t>chak no 432tda layyah</t>
  </si>
  <si>
    <t>Chak No 432/TDA Layyah</t>
  </si>
  <si>
    <t>SHAKEELA MEHREEN</t>
  </si>
  <si>
    <t>GGHS CHAK NO.433/6-R</t>
  </si>
  <si>
    <t>Chak 433/6R</t>
  </si>
  <si>
    <t>GGHS Chak 433/6R HND</t>
  </si>
  <si>
    <t>Bushra Ali Dewan</t>
  </si>
  <si>
    <t>GGHS CHAK NO.434/TDA</t>
  </si>
  <si>
    <t>CHAK NO 434/TDA</t>
  </si>
  <si>
    <t>CHAK NO  434/TDA DHORI ADDA</t>
  </si>
  <si>
    <t>MARHAN</t>
  </si>
  <si>
    <t>SALMA KOUSAR                                                                                                                             sALMA KOUSAR</t>
  </si>
  <si>
    <t>GGHS CHAK NO.44 TDA</t>
  </si>
  <si>
    <t>44TDA</t>
  </si>
  <si>
    <t>GOVT GIRLS HIGH SCHOOL 44TDA BKR</t>
  </si>
  <si>
    <t>chak#4444TDA</t>
  </si>
  <si>
    <t>hafiza Ayesha Yaqoob</t>
  </si>
  <si>
    <t>GGHS CHAK NO.44/2-L</t>
  </si>
  <si>
    <t>chak 44.2L</t>
  </si>
  <si>
    <t>Chak 44/2L</t>
  </si>
  <si>
    <t>442L</t>
  </si>
  <si>
    <t>Salma Naheed</t>
  </si>
  <si>
    <t>GGHS CHAK NO.459/TDA</t>
  </si>
  <si>
    <t>dstrct layyah tehsil layyah near dhori adda</t>
  </si>
  <si>
    <t>Chak No459tda</t>
  </si>
  <si>
    <t>Nadia Riaz</t>
  </si>
  <si>
    <t>electric motor and hand pumps</t>
  </si>
  <si>
    <t>GGHS CHAK NO.46/DB</t>
  </si>
  <si>
    <t>46/DB</t>
  </si>
  <si>
    <t>Chak no.46/DB,yazman</t>
  </si>
  <si>
    <t>44 DB</t>
  </si>
  <si>
    <t>AISHA MUZAHIR</t>
  </si>
  <si>
    <t>GGHS CHAK NO.47 NB</t>
  </si>
  <si>
    <t>47nb</t>
  </si>
  <si>
    <t>GGHS chak # 47 NB SARGODHA</t>
  </si>
  <si>
    <t>47 NB</t>
  </si>
  <si>
    <t>GGHS CHAK NO.48 NB</t>
  </si>
  <si>
    <t>Chak48 NB SGD</t>
  </si>
  <si>
    <t>chak 48 NB SGD</t>
  </si>
  <si>
    <t>Chak 48 Nb Sgd</t>
  </si>
  <si>
    <t>Ammara Sumreen</t>
  </si>
  <si>
    <t>GGHS CHAK NO.48 SB</t>
  </si>
  <si>
    <t>Chak 48 Sb</t>
  </si>
  <si>
    <t>chak 48 sb tehsil sillanwali district sargodha</t>
  </si>
  <si>
    <t>Chak 120 Sb</t>
  </si>
  <si>
    <t>GGHS CHAK NO.48/DB</t>
  </si>
  <si>
    <t>Chak No 48/db</t>
  </si>
  <si>
    <t>GGHS 48/DB YAZMAN</t>
  </si>
  <si>
    <t>Warda Jamil</t>
  </si>
  <si>
    <t>GGHS CHAK NO.49 NB</t>
  </si>
  <si>
    <t>Chak 49 Nb</t>
  </si>
  <si>
    <t>Government girls high school Chak 49 Nb sargodha</t>
  </si>
  <si>
    <t>Muhammad Bibi</t>
  </si>
  <si>
    <t>GGHS CHAK NO.4-GD</t>
  </si>
  <si>
    <t>4/GD GHULAM RASOOLWALA</t>
  </si>
  <si>
    <t>4/GD GHULAM RASOOL WALA THE.RENALA KHURD DISTT.OKARA</t>
  </si>
  <si>
    <t>CHAK NO 4/GD</t>
  </si>
  <si>
    <t>naseem e saher</t>
  </si>
  <si>
    <t>GGHS CHAK NO.50 NB</t>
  </si>
  <si>
    <t>Chak No. 50/NB Sargodha</t>
  </si>
  <si>
    <t>Chak No 50/NB Sargodha</t>
  </si>
  <si>
    <t>50/NB</t>
  </si>
  <si>
    <t>GGHS CHAK NO.50/DB</t>
  </si>
  <si>
    <t>CHAK 50/DB EAST</t>
  </si>
  <si>
    <t>GGHS CHAK NO. 50/DB EAST YAZMAN</t>
  </si>
  <si>
    <t>57/DB</t>
  </si>
  <si>
    <t>rAZIA SULTANA</t>
  </si>
  <si>
    <t>GGHS CHAK NO.509 EB</t>
  </si>
  <si>
    <t>chak no 509/eB</t>
  </si>
  <si>
    <t>CHAK NO 509/EB BUREWALA</t>
  </si>
  <si>
    <t>chak no 509/EB</t>
  </si>
  <si>
    <t>CHAK NO 521/EB</t>
  </si>
  <si>
    <t>Saleema Begum</t>
  </si>
  <si>
    <t>GGHS CHAK NO.52 A-NB LUDAY WALA</t>
  </si>
  <si>
    <t>Ludsy Wala</t>
  </si>
  <si>
    <t>GGHS 52 ANB Luday Wala</t>
  </si>
  <si>
    <t>52 ANB</t>
  </si>
  <si>
    <t>Farhana Noreen</t>
  </si>
  <si>
    <t>GGHS CHAK NO.53/TDA</t>
  </si>
  <si>
    <t>Govt.Girls High School ChakNo. 53 TDA Bhakkar</t>
  </si>
  <si>
    <t>Chak No 53 TDA Bkr</t>
  </si>
  <si>
    <t>Chak No 57 TDA Bkr</t>
  </si>
  <si>
    <t>GGHS CHAK NO.54 SB</t>
  </si>
  <si>
    <t>54sb</t>
  </si>
  <si>
    <t>chak 54sb sgd</t>
  </si>
  <si>
    <t>Chak 54 SB</t>
  </si>
  <si>
    <t>52SB</t>
  </si>
  <si>
    <t>Fouzia Lal</t>
  </si>
  <si>
    <t>GGHS CHAK NO.55 NB</t>
  </si>
  <si>
    <t>Jhal Chakian</t>
  </si>
  <si>
    <t>chak no 55nb tehsil sargodha</t>
  </si>
  <si>
    <t>55nb</t>
  </si>
  <si>
    <t>Samreen Akhtar</t>
  </si>
  <si>
    <t>GGHS CHAK NO.55 SB</t>
  </si>
  <si>
    <t>Chak 55 SB</t>
  </si>
  <si>
    <t>CHAK NO 55 SB SARGODHA</t>
  </si>
  <si>
    <t>CHAK 55 SB SGD</t>
  </si>
  <si>
    <t>CHAK 55 SB</t>
  </si>
  <si>
    <t>Aliya Batool</t>
  </si>
  <si>
    <t>GGHS CHAK NO.56/TDA</t>
  </si>
  <si>
    <t>Bhakar</t>
  </si>
  <si>
    <t>chak 56/tda</t>
  </si>
  <si>
    <t>56/tda</t>
  </si>
  <si>
    <t>farzana naz</t>
  </si>
  <si>
    <t>GGHS CHAK NO.58 NB</t>
  </si>
  <si>
    <t>58nb</t>
  </si>
  <si>
    <t>Gghs58nb</t>
  </si>
  <si>
    <t>Chak no 58nb</t>
  </si>
  <si>
    <t>Saba Shamim</t>
  </si>
  <si>
    <t>GGHS CHAK NO.58/4-R</t>
  </si>
  <si>
    <t>chak no 58/4r haroonabad distt bahawalnagar</t>
  </si>
  <si>
    <t>KOSAR PERVEEN</t>
  </si>
  <si>
    <t>GGHS CHAK NO.58/F</t>
  </si>
  <si>
    <t>58f</t>
  </si>
  <si>
    <t>58f, Hasilpur</t>
  </si>
  <si>
    <t>Ummara Tahir</t>
  </si>
  <si>
    <t>GGHS CHAK NO.59 SB</t>
  </si>
  <si>
    <t>chak no 59 SB sargodha</t>
  </si>
  <si>
    <t>59 SB</t>
  </si>
  <si>
    <t>58/SB</t>
  </si>
  <si>
    <t>Karim Bibi</t>
  </si>
  <si>
    <t>GGHS CHAK NO.6/BC</t>
  </si>
  <si>
    <t>govt girls high school chak no 6/bc bwp sadar</t>
  </si>
  <si>
    <t>Chak No 6/bc</t>
  </si>
  <si>
    <t>Chak No 4/bc</t>
  </si>
  <si>
    <t>Kahkashan Nawaz</t>
  </si>
  <si>
    <t>GGHS CHAK NO.6/FW</t>
  </si>
  <si>
    <t>6Fw</t>
  </si>
  <si>
    <t>chak no 6fw p/o bakhshun khan</t>
  </si>
  <si>
    <t>5FW</t>
  </si>
  <si>
    <t>SOBIA ASLAM</t>
  </si>
  <si>
    <t>GGHS CHAK NO.60 NB</t>
  </si>
  <si>
    <t>60 Nb</t>
  </si>
  <si>
    <t>60 NB sgd</t>
  </si>
  <si>
    <t>Noureen Akhtar</t>
  </si>
  <si>
    <t>GGHS CHAK NO.60 SB</t>
  </si>
  <si>
    <t>chak 60 sb</t>
  </si>
  <si>
    <t>60 Sb</t>
  </si>
  <si>
    <t>Iqra Malik</t>
  </si>
  <si>
    <t>GGHS CHAK NO.62/4-R</t>
  </si>
  <si>
    <t>CHAK NO 62/4R</t>
  </si>
  <si>
    <t>CHAK NO 62/4-R</t>
  </si>
  <si>
    <t>SAIMA ANJUM</t>
  </si>
  <si>
    <t>GGHS CHAK NO.63 MB</t>
  </si>
  <si>
    <t>63mb</t>
  </si>
  <si>
    <t>GGHS CHAK NO.63/F</t>
  </si>
  <si>
    <t>63/f</t>
  </si>
  <si>
    <t>Gghs chak no  63/f hsp</t>
  </si>
  <si>
    <t>Hasil Pur</t>
  </si>
  <si>
    <t>shazia hussain</t>
  </si>
  <si>
    <t>GGHS CHAK NO.64/F</t>
  </si>
  <si>
    <t>chak no 64/f</t>
  </si>
  <si>
    <t>TAHIRA NASEEM KOUSAR</t>
  </si>
  <si>
    <t>GGHS CHAK NO.67/ML</t>
  </si>
  <si>
    <t>Chak no 67 ML Tehsil Mankera District Bhakkar</t>
  </si>
  <si>
    <t>HALEMA SADIA</t>
  </si>
  <si>
    <t>GGHS CHAK NO.68/DB JAJJA</t>
  </si>
  <si>
    <t>GGHS Chak No 68/DB (Jajja wala)Yazman</t>
  </si>
  <si>
    <t>Chak No 68/DB</t>
  </si>
  <si>
    <t>Shahina Kouser</t>
  </si>
  <si>
    <t>GGHS CHAK NO.69/WB</t>
  </si>
  <si>
    <t>69/WB</t>
  </si>
  <si>
    <t>GGHS 69/WB MAILSI</t>
  </si>
  <si>
    <t>KALSOOM AKHTAR</t>
  </si>
  <si>
    <t>GGHS CHAK NO.7 NB</t>
  </si>
  <si>
    <t>Chak No 7NB</t>
  </si>
  <si>
    <t>GGHS Chak No 7NB</t>
  </si>
  <si>
    <t>Chak 6SB</t>
  </si>
  <si>
    <t>Gulnaz bano</t>
  </si>
  <si>
    <t>GGHS CHAK NO.71/F</t>
  </si>
  <si>
    <t>71/F</t>
  </si>
  <si>
    <t>shakila akhtar</t>
  </si>
  <si>
    <t>GGHS CHAK NO.73 SB</t>
  </si>
  <si>
    <t>govt girls high school chak 73 sb sargodha</t>
  </si>
  <si>
    <t>73 Sb</t>
  </si>
  <si>
    <t>Kashifa Iram</t>
  </si>
  <si>
    <t>GGHS CHAK NO.74 NB</t>
  </si>
  <si>
    <t>Chak No 74nb</t>
  </si>
  <si>
    <t>GGHS chak No 74 NB Sargodha</t>
  </si>
  <si>
    <t>Chak No 67alif Nb</t>
  </si>
  <si>
    <t>Faiza Hamid</t>
  </si>
  <si>
    <t>GGHS CHAK NO.74 SB</t>
  </si>
  <si>
    <t>74SB</t>
  </si>
  <si>
    <t>GGHS Chak No 74SB</t>
  </si>
  <si>
    <t>Chak  No 74SB SGD</t>
  </si>
  <si>
    <t>74/SB</t>
  </si>
  <si>
    <t>GGHS CHAK NO.75 SB</t>
  </si>
  <si>
    <t>CHAK # 75 SB</t>
  </si>
  <si>
    <t>CHAK # 75 Sb sargodha</t>
  </si>
  <si>
    <t>CHAUKERA</t>
  </si>
  <si>
    <t>SHAMSA RAFIQUE</t>
  </si>
  <si>
    <t>GGHS CHAK NO.75/DB</t>
  </si>
  <si>
    <t>75db</t>
  </si>
  <si>
    <t>Chak no 75/db</t>
  </si>
  <si>
    <t>Saeeda Akhter</t>
  </si>
  <si>
    <t>GGHS CHAK NO.79 NB</t>
  </si>
  <si>
    <t>gghs chak 79 nb Sargodha</t>
  </si>
  <si>
    <t>Chak 79 nb</t>
  </si>
  <si>
    <t>Shahnaz Ali</t>
  </si>
  <si>
    <t>GGHS CHAK NO.79/F</t>
  </si>
  <si>
    <t>CHAK 79F</t>
  </si>
  <si>
    <t>79F</t>
  </si>
  <si>
    <t>CHAK79F</t>
  </si>
  <si>
    <t>Tanzeela khalid</t>
  </si>
  <si>
    <t>GGHS CHAK NO.81 SB</t>
  </si>
  <si>
    <t>81 Sb</t>
  </si>
  <si>
    <t>chak no 81 sb sgd</t>
  </si>
  <si>
    <t>84/SB</t>
  </si>
  <si>
    <t>GGHS CHAK NO.82 NB</t>
  </si>
  <si>
    <t>82 nb</t>
  </si>
  <si>
    <t>gghs 82 nb sargodha</t>
  </si>
  <si>
    <t>chak no 82 nb sargodha</t>
  </si>
  <si>
    <t>Farzana Punnah</t>
  </si>
  <si>
    <t>GGHS CHAK NO.84 NB</t>
  </si>
  <si>
    <t>Chak No 84 N B-SGD</t>
  </si>
  <si>
    <t>Chak no 84 N B-SGD</t>
  </si>
  <si>
    <t>Chak no 92 Nb</t>
  </si>
  <si>
    <t>Ghazala Mumtaz</t>
  </si>
  <si>
    <t>GGHS CHAK NO.85 SB</t>
  </si>
  <si>
    <t>85 SB</t>
  </si>
  <si>
    <t>chak no.85sb</t>
  </si>
  <si>
    <t>Talat Sibtain</t>
  </si>
  <si>
    <t>GGHS CHAK NO.86 SB</t>
  </si>
  <si>
    <t>gghs 86 sb sgd</t>
  </si>
  <si>
    <t>chak no 84 sb</t>
  </si>
  <si>
    <t>Iffat Un Nisa</t>
  </si>
  <si>
    <t>GGHS CHAK NO.86/6-R</t>
  </si>
  <si>
    <t>sadar 1</t>
  </si>
  <si>
    <t>chak no 86/6r sahiwal</t>
  </si>
  <si>
    <t>86/6r</t>
  </si>
  <si>
    <t>chak 86/6r</t>
  </si>
  <si>
    <t>Kalsoom Shaukat</t>
  </si>
  <si>
    <t>GGHS CHAK NO.88 NB</t>
  </si>
  <si>
    <t>Chack 88 NB</t>
  </si>
  <si>
    <t>chack 88 NB</t>
  </si>
  <si>
    <t>SHAMIM FATIMA</t>
  </si>
  <si>
    <t>GGHS CHAK NO.88/DB HAKIM WALI</t>
  </si>
  <si>
    <t>88/DB hakim Wali</t>
  </si>
  <si>
    <t>Govt.Girls High School 88/DB yazman ,BWP</t>
  </si>
  <si>
    <t>Chak No. 88/DB Yazman Bwp</t>
  </si>
  <si>
    <t>88/db yazman</t>
  </si>
  <si>
    <t>BUSHRA BASHIR</t>
  </si>
  <si>
    <t>GGHS CHAK NO.88/F</t>
  </si>
  <si>
    <t>chak no.88F</t>
  </si>
  <si>
    <t>CHAK NO.88F</t>
  </si>
  <si>
    <t>CHAK 89F</t>
  </si>
  <si>
    <t>FARHANA RUBY</t>
  </si>
  <si>
    <t>GGHS CHAK NO.89 SB</t>
  </si>
  <si>
    <t>89 SB Sargodha</t>
  </si>
  <si>
    <t>96 SB Sargodha</t>
  </si>
  <si>
    <t>Zahida Noreen</t>
  </si>
  <si>
    <t>GGHS CHAK NO.89/F</t>
  </si>
  <si>
    <t>gGHS chak no.89/F</t>
  </si>
  <si>
    <t>CHAK NO.89/F</t>
  </si>
  <si>
    <t>mrs salma naz</t>
  </si>
  <si>
    <t>GGHS CHAK NO.9 NB</t>
  </si>
  <si>
    <t>Chak 9 NB Bhalwal</t>
  </si>
  <si>
    <t>Chak No.9 NB BHALWAL</t>
  </si>
  <si>
    <t>Chak No 9 NB Bhalwal</t>
  </si>
  <si>
    <t>NADIA NOOR</t>
  </si>
  <si>
    <t>GGHS CHAK NO.9/FW</t>
  </si>
  <si>
    <t>Chak No 9/fw</t>
  </si>
  <si>
    <t>chak no 9/fw Tehsil Chishtian.Distt.BWN</t>
  </si>
  <si>
    <t>Chak No9/fw</t>
  </si>
  <si>
    <t>9/fw Bakhshan Khan</t>
  </si>
  <si>
    <t>Aasma Sikandar</t>
  </si>
  <si>
    <t>GGHS CHAK NO.90 NB</t>
  </si>
  <si>
    <t>90nb</t>
  </si>
  <si>
    <t>gghs90nbsargodha</t>
  </si>
  <si>
    <t>Chak 90 Nb</t>
  </si>
  <si>
    <t>Ghazala Noreen</t>
  </si>
  <si>
    <t>GGHS CHAK NO.90 SB</t>
  </si>
  <si>
    <t>Chak No 90 SB</t>
  </si>
  <si>
    <t>gghs chak No.  90 SB Sargodha</t>
  </si>
  <si>
    <t>Chak No 36 SB</t>
  </si>
  <si>
    <t>Komal Shahzadi</t>
  </si>
  <si>
    <t>GGHS CHAK NO.91 NB</t>
  </si>
  <si>
    <t>91 NB</t>
  </si>
  <si>
    <t>CHAK # 91NB SARGODHA</t>
  </si>
  <si>
    <t>90 NB</t>
  </si>
  <si>
    <t>HUMAIRA ISMAIL</t>
  </si>
  <si>
    <t>GGHS CHAK NO.92 NB</t>
  </si>
  <si>
    <t>Chak No 92 NB</t>
  </si>
  <si>
    <t>chak no 92 NB sargodha</t>
  </si>
  <si>
    <t>GGHS CHAK NO.94/TDA</t>
  </si>
  <si>
    <t>chak no 94 tda karor</t>
  </si>
  <si>
    <t>94 Tda</t>
  </si>
  <si>
    <t>FARAH UZMA</t>
  </si>
  <si>
    <t>GGHS CHAK NO.95 SB</t>
  </si>
  <si>
    <t>Chak No 95 SB</t>
  </si>
  <si>
    <t>Chak No 95 SB Tehsil &amp; District Sargodha</t>
  </si>
  <si>
    <t>Kulsoom Fatima</t>
  </si>
  <si>
    <t>GGHS CHAK NO.95/FA CHISHTIAN</t>
  </si>
  <si>
    <t>95FA</t>
  </si>
  <si>
    <t>GGHS 95FA</t>
  </si>
  <si>
    <t>shahana faiz</t>
  </si>
  <si>
    <t>GGHS CHAK NO.96 NB</t>
  </si>
  <si>
    <t>79 NB</t>
  </si>
  <si>
    <t>GGHS96NB Sargodha</t>
  </si>
  <si>
    <t>GGHS96NB SARGODHA</t>
  </si>
  <si>
    <t>121/97</t>
  </si>
  <si>
    <t>GGHS CHAK NO.98 NB</t>
  </si>
  <si>
    <t>98nb</t>
  </si>
  <si>
    <t>chak  no 98nb Sargodha</t>
  </si>
  <si>
    <t>100NB</t>
  </si>
  <si>
    <t>GGHS CHAK NO.98/DNB</t>
  </si>
  <si>
    <t>Chak 98/dnb</t>
  </si>
  <si>
    <t>Adda shahiwala yazman</t>
  </si>
  <si>
    <t>Chak 98dnb</t>
  </si>
  <si>
    <t>Saima Athar Alvi</t>
  </si>
  <si>
    <t>GGHS CHAK NO.98/ML</t>
  </si>
  <si>
    <t>chak no.98/ml teh karor dist.layyah</t>
  </si>
  <si>
    <t>RAHAT PERVEEN</t>
  </si>
  <si>
    <t>hand pump water pump</t>
  </si>
  <si>
    <t>GGHS CHAK NO.99 NB</t>
  </si>
  <si>
    <t>99 NB</t>
  </si>
  <si>
    <t>chak no 99 nb Sargodha</t>
  </si>
  <si>
    <t>100 Nb</t>
  </si>
  <si>
    <t>Sumera Yasmeen Malik</t>
  </si>
  <si>
    <t>GGHS CHAK NOOR MUHAMMAD 11/SP</t>
  </si>
  <si>
    <t>govt.girls high school chak noor muhammad 11/s.p pakpattan</t>
  </si>
  <si>
    <t>chak Noor Muhammad 11/s.p</t>
  </si>
  <si>
    <t>chak noor muhammad</t>
  </si>
  <si>
    <t>Munawar Jabeen</t>
  </si>
  <si>
    <t>GGHS CHAK PINDI</t>
  </si>
  <si>
    <t>Chak Pindi, Gujrat</t>
  </si>
  <si>
    <t>Maqsooda Javaid</t>
  </si>
  <si>
    <t>GGHS CHAK SADA</t>
  </si>
  <si>
    <t>GGHS chak sada tehsila and district gujrat</t>
  </si>
  <si>
    <t>Kokab Jabeen</t>
  </si>
  <si>
    <t>GGHS CHAK SHADI</t>
  </si>
  <si>
    <t>village Chakshadi post office dharyala jalip tehsil pind dadan Khan jhelum</t>
  </si>
  <si>
    <t>chak shadi</t>
  </si>
  <si>
    <t>water supply  scheme</t>
  </si>
  <si>
    <t>GGHS CHAK SHAFI</t>
  </si>
  <si>
    <t>GGHS Chak Shafi</t>
  </si>
  <si>
    <t>GGHS CHAK SHUMALI</t>
  </si>
  <si>
    <t>gghs chak shumali sargoda road jhang</t>
  </si>
  <si>
    <t>Hader Colony</t>
  </si>
  <si>
    <t>farrukh shafi</t>
  </si>
  <si>
    <t>GGHS CHAK UMRA</t>
  </si>
  <si>
    <t>chakumra</t>
  </si>
  <si>
    <t>GGHS CHAKUMRA TEH &amp; DISTT CHAKWAL</t>
  </si>
  <si>
    <t>NAVEEDA ZAFAR U NISA</t>
  </si>
  <si>
    <t>GGHS CHAK ZAHIR</t>
  </si>
  <si>
    <t>Chak Zahir</t>
  </si>
  <si>
    <t>chak zahir</t>
  </si>
  <si>
    <t>Haigerwala</t>
  </si>
  <si>
    <t>Naveela Akhtar</t>
  </si>
  <si>
    <t>GGHS CHAKI FAIQ</t>
  </si>
  <si>
    <t>Khakis Khurd</t>
  </si>
  <si>
    <t>chakki Faiq</t>
  </si>
  <si>
    <t>Chaki faiq</t>
  </si>
  <si>
    <t>Akbar Maria Nehal</t>
  </si>
  <si>
    <t>Hina Umbreen</t>
  </si>
  <si>
    <t>GGHS CHAKI GERA</t>
  </si>
  <si>
    <t>CHAKI GHAIRA</t>
  </si>
  <si>
    <t>FAIZPUR KALAN</t>
  </si>
  <si>
    <t>Riffat Alam</t>
  </si>
  <si>
    <t>GGHS CHAKKI</t>
  </si>
  <si>
    <t>gghs chakkI vpo chakki tehsil pindi gheb district attock</t>
  </si>
  <si>
    <t>SHAHIDA SHARIF</t>
  </si>
  <si>
    <t>GGHS CHAKORA CHAKWAL</t>
  </si>
  <si>
    <t>village chakora post office ghaziabad tehsil and district chakwal</t>
  </si>
  <si>
    <t>GGHS CHAKORI BHELWAL</t>
  </si>
  <si>
    <t>PO Village Chakori Bhelowal Tehsil Kharian Distt Gujrat</t>
  </si>
  <si>
    <t>anzal raz noureen</t>
  </si>
  <si>
    <t>GGHS CHAKRAL</t>
  </si>
  <si>
    <t>chakral</t>
  </si>
  <si>
    <t>chakral.teh &amp; distt chakwal</t>
  </si>
  <si>
    <t>chakmalook</t>
  </si>
  <si>
    <t>Nighat Minhas</t>
  </si>
  <si>
    <t>GGHS CHAKRALA</t>
  </si>
  <si>
    <t>gghs chakrala</t>
  </si>
  <si>
    <t>Sadaf Farheen</t>
  </si>
  <si>
    <t>GGHS CHAKRI</t>
  </si>
  <si>
    <t>gghs chakri vill &amp; p.o chakri</t>
  </si>
  <si>
    <t>BUSHRA HIJAZI</t>
  </si>
  <si>
    <t>GGHS CHAMRA MANDI FAIZ BAGH</t>
  </si>
  <si>
    <t>near Gujja Peer darbar G.T.Road Faiz bagh Lahore</t>
  </si>
  <si>
    <t>Faiz bagh</t>
  </si>
  <si>
    <t>sakina shahnaz</t>
  </si>
  <si>
    <t>GGHS CHANAB RASOOLPUR</t>
  </si>
  <si>
    <t>GGHS CHANAB RASOOL PUR</t>
  </si>
  <si>
    <t>Basti Maqbool Arain</t>
  </si>
  <si>
    <t>Rehana Shaukat Ch</t>
  </si>
  <si>
    <t>GGHS CHANAM</t>
  </si>
  <si>
    <t>Chanam</t>
  </si>
  <si>
    <t>vpo chanam tehsil kallar syedan district rwp</t>
  </si>
  <si>
    <t>Noureen Safdar Raja</t>
  </si>
  <si>
    <t>GGHS CHANBA KARPAL</t>
  </si>
  <si>
    <t>gghs chamba karpal teh kallar syedan distt rwp</t>
  </si>
  <si>
    <t>Chamba Karpal</t>
  </si>
  <si>
    <t>Mamoona Shahzad</t>
  </si>
  <si>
    <t>GGHS CHAND RAMI</t>
  </si>
  <si>
    <t>GOVT. GIRLS HIGH SCHOOL CHANDRAMI SADIQ ABAD DISTT. RAHIM YAR KHAN</t>
  </si>
  <si>
    <t>ADAM SAHABA</t>
  </si>
  <si>
    <t>Farhat sultana</t>
  </si>
  <si>
    <t>GGHS CHANDALA</t>
  </si>
  <si>
    <t>village chandala tehsil and district gujrat</t>
  </si>
  <si>
    <t>injector pump</t>
  </si>
  <si>
    <t>GGHS CHANDALI</t>
  </si>
  <si>
    <t>chandali tehsil kamonke , district   gujranwala</t>
  </si>
  <si>
    <t>Chandali</t>
  </si>
  <si>
    <t>Iram Nawaz</t>
  </si>
  <si>
    <t>GGHS CHANDAR NAGAR</t>
  </si>
  <si>
    <t>Chandar Nagar</t>
  </si>
  <si>
    <t>CHAK No 5</t>
  </si>
  <si>
    <t>Saima Iftikhar</t>
  </si>
  <si>
    <t>GGHS CHANDER KAY RAJPUTAN</t>
  </si>
  <si>
    <t>Chanderke Rajputan</t>
  </si>
  <si>
    <t>Chanderke Rajputan Teh Narowal district Narowal</t>
  </si>
  <si>
    <t>NADIA RIAZ</t>
  </si>
  <si>
    <t>GGHS CHANDERKE MANGOLAY</t>
  </si>
  <si>
    <t>Chanderke Mangolay</t>
  </si>
  <si>
    <t>GGHS chanderke mangolay</t>
  </si>
  <si>
    <t>Mangoly</t>
  </si>
  <si>
    <t>Seemab Ilyas Warraich</t>
  </si>
  <si>
    <t>GGHS CHANDOWAL KALAN</t>
  </si>
  <si>
    <t>village chandowal kalan Tehsil &amp; District Narowal</t>
  </si>
  <si>
    <t>Rashida Tabussam</t>
  </si>
  <si>
    <t>GGHS CHANDRAI</t>
  </si>
  <si>
    <t>snober afzal</t>
  </si>
  <si>
    <t>GGHS CHANGA BANGIAL</t>
  </si>
  <si>
    <t>GGHS Changa Bangial Gujar Khan Rawalpindi</t>
  </si>
  <si>
    <t>Changs Bangial</t>
  </si>
  <si>
    <t>SAIMA ADALAT</t>
  </si>
  <si>
    <t>boring and motor</t>
  </si>
  <si>
    <t>GGHS CHANGA MANGA</t>
  </si>
  <si>
    <t>Changa Manga</t>
  </si>
  <si>
    <t>gghs changa manga</t>
  </si>
  <si>
    <t>Rehman Pora</t>
  </si>
  <si>
    <t>Aliya Ferzana</t>
  </si>
  <si>
    <t>WATER COOLER</t>
  </si>
  <si>
    <t>GGHS CHANGRAN WALA</t>
  </si>
  <si>
    <t>village changranwala p/o langar Makhdoom</t>
  </si>
  <si>
    <t>BAHIWAL</t>
  </si>
  <si>
    <t>SAMRA MUNIR</t>
  </si>
  <si>
    <t>GGHS CHANNAN</t>
  </si>
  <si>
    <t>Channan</t>
  </si>
  <si>
    <t>Samra Afzal</t>
  </si>
  <si>
    <t>GGHS CHANNI GOTH</t>
  </si>
  <si>
    <t>ggh/s chani goth, mohallah aslam khan</t>
  </si>
  <si>
    <t>GGHS CHAPRAR</t>
  </si>
  <si>
    <t>Chaprar</t>
  </si>
  <si>
    <t>Vill. Chaprar P/O Chaprar TEH/DISTT. Sialkot</t>
  </si>
  <si>
    <t>sameera sadiq</t>
  </si>
  <si>
    <t>GGHS CHAPRI</t>
  </si>
  <si>
    <t>vpo chapri teh jand distt attock</t>
  </si>
  <si>
    <t>GGHS CHARHAN</t>
  </si>
  <si>
    <t>vpo charhan tehsil murree dist rwp</t>
  </si>
  <si>
    <t>Shahina Bibi</t>
  </si>
  <si>
    <t>GGHS CHARRAR</t>
  </si>
  <si>
    <t>CHARRAR</t>
  </si>
  <si>
    <t>GOVT GIRLS HIGH SCHOOL CHARRAR LHR CANTT</t>
  </si>
  <si>
    <t>walton Cantonment</t>
  </si>
  <si>
    <t>IFFAT PARVEEN</t>
  </si>
  <si>
    <t>GGHS CHARWAH</t>
  </si>
  <si>
    <t>CHARWA</t>
  </si>
  <si>
    <t>VPO CHARWA TEH PASRUR DISTT SIALKOT</t>
  </si>
  <si>
    <t>kiran waris ali</t>
  </si>
  <si>
    <t>GGHS CHATANI</t>
  </si>
  <si>
    <t>Chattani</t>
  </si>
  <si>
    <t>mouza chattani mailsi</t>
  </si>
  <si>
    <t>Nadia Haq Nawaz</t>
  </si>
  <si>
    <t>GGHS CHATIAN WALA</t>
  </si>
  <si>
    <t>P/O ChathianwaaLa</t>
  </si>
  <si>
    <t>Sarwat Aslam</t>
  </si>
  <si>
    <t>GGHS CHATTA</t>
  </si>
  <si>
    <t>Chhatta</t>
  </si>
  <si>
    <t>Govt girls high school chhatta tehsil and dist jhang</t>
  </si>
  <si>
    <t>aneela akbar</t>
  </si>
  <si>
    <t>GGHS CHAWALI</t>
  </si>
  <si>
    <t>CHAWALI</t>
  </si>
  <si>
    <t>VILLAGE CHAWLI TEH &amp; DISTT CHAKWAL PUNJAB</t>
  </si>
  <si>
    <t>KARSAL</t>
  </si>
  <si>
    <t>FARZANA KOUSAR</t>
  </si>
  <si>
    <t>GGHS CHELA</t>
  </si>
  <si>
    <t>P/o chela, tehsil o zila jhang</t>
  </si>
  <si>
    <t>Saira nasir</t>
  </si>
  <si>
    <t>GGHS CHELLY WAHIN</t>
  </si>
  <si>
    <t>Chellay wahin</t>
  </si>
  <si>
    <t>GGHS Chellay wahimn kahror pacca (lodhran)</t>
  </si>
  <si>
    <t>GGHS CHHOHAN</t>
  </si>
  <si>
    <t>Gghs chohan hasilpur</t>
  </si>
  <si>
    <t>Palla</t>
  </si>
  <si>
    <t>Salma Amin</t>
  </si>
  <si>
    <t>GGHS CHICHAWATANI</t>
  </si>
  <si>
    <t>govt girls high school chichawatni</t>
  </si>
  <si>
    <t>Chichawatni City</t>
  </si>
  <si>
    <t>GGHS CHICHER WALI</t>
  </si>
  <si>
    <t>v.p.o.chicherwali tehsil pasrur district sialkot</t>
  </si>
  <si>
    <t>Uzma Abdul Rashid</t>
  </si>
  <si>
    <t>GGHS CHICHO KI MALIAN</t>
  </si>
  <si>
    <t>CHICHO KI MALIAN</t>
  </si>
  <si>
    <t>CHICHO KI MALIAN P/O MANOPUR</t>
  </si>
  <si>
    <t>GGHS CHINIOT</t>
  </si>
  <si>
    <t>govt.girls high school chiniot</t>
  </si>
  <si>
    <t>mohallah garha chiniot</t>
  </si>
  <si>
    <t>MEHNAZ RAFI NAZLI</t>
  </si>
  <si>
    <t>GGHS CHINJI VILL &amp; P/O CHINJI</t>
  </si>
  <si>
    <t>Chinji</t>
  </si>
  <si>
    <t>vpo chinji</t>
  </si>
  <si>
    <t>Arshad Begum</t>
  </si>
  <si>
    <t>GGHS CHIRAGH BEGUM PURA</t>
  </si>
  <si>
    <t>Begumpura</t>
  </si>
  <si>
    <t>begumpura lahore</t>
  </si>
  <si>
    <t>aALIA aZEEM</t>
  </si>
  <si>
    <t>GGHS CHIRIANWALA</t>
  </si>
  <si>
    <t>CHIRYAWLA</t>
  </si>
  <si>
    <t>VPO CHIRYAWLA TEHSILKHARIAN DISTRCT GUJRAT</t>
  </si>
  <si>
    <t>UZMA ASGHAR</t>
  </si>
  <si>
    <t>GGHS CHISHTIAN</t>
  </si>
  <si>
    <t>gghs chishtian</t>
  </si>
  <si>
    <t>nazli anjum</t>
  </si>
  <si>
    <t>GGHS CHITRA DOONGA</t>
  </si>
  <si>
    <t>Chitradoonga</t>
  </si>
  <si>
    <t>GGHS Chitradoonga</t>
  </si>
  <si>
    <t>Darya gali</t>
  </si>
  <si>
    <t>Naseemakhter</t>
  </si>
  <si>
    <t>GGHS CHITTI SHAIKHAN</t>
  </si>
  <si>
    <t>village chittisheikhan P O Gohdpur</t>
  </si>
  <si>
    <t>Chitti sheikhan</t>
  </si>
  <si>
    <t>Kourpur</t>
  </si>
  <si>
    <t>Nusrat iqbal</t>
  </si>
  <si>
    <t>GGHS CHOA SAIDEN SHAH</t>
  </si>
  <si>
    <t>CHOA SAIDEN SHAH</t>
  </si>
  <si>
    <t>CHAKWAL ROAD NEAR GRID STATION CHOA SAIDEN SHAH</t>
  </si>
  <si>
    <t>CHOA SAIDEN Shah</t>
  </si>
  <si>
    <t>GGHS CHOBARA</t>
  </si>
  <si>
    <t>village Chobara pob chobara Tehsil Pasrur District sialkot</t>
  </si>
  <si>
    <t>GGHS CHOBURJI GARDEN</t>
  </si>
  <si>
    <t>govt girls high school, chauburji gardens, lahore</t>
  </si>
  <si>
    <t>MRS FARZANA MANZOOR</t>
  </si>
  <si>
    <t>GGHS CHOHAN</t>
  </si>
  <si>
    <t>gghs chohan</t>
  </si>
  <si>
    <t>Attia Munir</t>
  </si>
  <si>
    <t>GGHS CHOORA SHARIF</t>
  </si>
  <si>
    <t>choora sharif</t>
  </si>
  <si>
    <t>Ishrat bibi</t>
  </si>
  <si>
    <t>buy on cash</t>
  </si>
  <si>
    <t>GGHS CHOPALA</t>
  </si>
  <si>
    <t>Village and P/O Chopala Teh. and Distt. Gujrat</t>
  </si>
  <si>
    <t>Faiza Yousaf</t>
  </si>
  <si>
    <t>GGHS CHORUND</t>
  </si>
  <si>
    <t>Chorund</t>
  </si>
  <si>
    <t>vpo chorund tehsil and district mandi bahuudin</t>
  </si>
  <si>
    <t>KHURSHEED NOOR</t>
  </si>
  <si>
    <t>GGHS CHOT DHEERAN</t>
  </si>
  <si>
    <t>Chot Dheeran</t>
  </si>
  <si>
    <t>gghs chot dheeran</t>
  </si>
  <si>
    <t>GGHS CHOTALA</t>
  </si>
  <si>
    <t>VPO Chotala Tehsil and District Jhelum</t>
  </si>
  <si>
    <t>Yasmeen Younas</t>
  </si>
  <si>
    <t>GGHS CHOTI ZAREEN</t>
  </si>
  <si>
    <t>Chak Bakhar</t>
  </si>
  <si>
    <t>Amna Batool</t>
  </si>
  <si>
    <t>GGHS CHOUBARA</t>
  </si>
  <si>
    <t>govt. girls high school choubara</t>
  </si>
  <si>
    <t>FIZA BATOOL</t>
  </si>
  <si>
    <t>GGHS CHOWK AZAM</t>
  </si>
  <si>
    <t>chowk azam</t>
  </si>
  <si>
    <t>WARD NO 1 LAYYAH ROAD CHOWK AZAM</t>
  </si>
  <si>
    <t>ward no 1 chowk azam</t>
  </si>
  <si>
    <t>CHOWK AZAM</t>
  </si>
  <si>
    <t>Abida Saira</t>
  </si>
  <si>
    <t>GGHS CHOWK PERMAT</t>
  </si>
  <si>
    <t>Jhallarin</t>
  </si>
  <si>
    <t>gghschowk naseerabad permat</t>
  </si>
  <si>
    <t>GGHS CHOWKHANDI</t>
  </si>
  <si>
    <t>VPO Chowkhandi</t>
  </si>
  <si>
    <t>Mamoona Jabeen</t>
  </si>
  <si>
    <t>GGHS CHOWKI BURHAD</t>
  </si>
  <si>
    <t>Burhad</t>
  </si>
  <si>
    <t>Burhad Kotli sattian dist rwp</t>
  </si>
  <si>
    <t>GGHS CHRISTAN HAJI PURA</t>
  </si>
  <si>
    <t>daska road haji pura sialkot</t>
  </si>
  <si>
    <t>haji pura</t>
  </si>
  <si>
    <t>Ambreen Gul</t>
  </si>
  <si>
    <t>GGHS CHRISTIAN BARA PATHER</t>
  </si>
  <si>
    <t>Bara Pathar</t>
  </si>
  <si>
    <t>bara pathar sialkot</t>
  </si>
  <si>
    <t>Christian Town</t>
  </si>
  <si>
    <t>Kotli Behram</t>
  </si>
  <si>
    <t>RUBINA TABASSUM</t>
  </si>
  <si>
    <t>GGHS CHUGHTAI GARHI SHAHU</t>
  </si>
  <si>
    <t>ghari shahu lahore</t>
  </si>
  <si>
    <t>27 HUSSAIN DIN ST NEAR RAILWAY STADIUM GHARI SHAHU LHR.</t>
  </si>
  <si>
    <t>GHARI SHAHU</t>
  </si>
  <si>
    <t>Mrs. Kausar Saleem D/O Muhammad Saddique</t>
  </si>
  <si>
    <t>GGHS CHULLO CHAKRAL</t>
  </si>
  <si>
    <t>Chullo Chakral</t>
  </si>
  <si>
    <t>GGHS Chullo Chakral,p/o Daryala Segon.The Gujar khan</t>
  </si>
  <si>
    <t>Tabbbasam Parveen</t>
  </si>
  <si>
    <t>GGHS CHUNA MANDI LAHORE</t>
  </si>
  <si>
    <t>Chuna Mandi</t>
  </si>
  <si>
    <t>chuna mandi lahore</t>
  </si>
  <si>
    <t>Shahiqila</t>
  </si>
  <si>
    <t>FAIZA ARSHAD</t>
  </si>
  <si>
    <t>GGHS CHUND BHARWANA</t>
  </si>
  <si>
    <t>Govt. girls high school chund bharwana</t>
  </si>
  <si>
    <t>Naheed Abbas</t>
  </si>
  <si>
    <t>both water pump and hand pump</t>
  </si>
  <si>
    <t>GGHS CHUNIAN</t>
  </si>
  <si>
    <t>Cantt road Chunian</t>
  </si>
  <si>
    <t>city 1</t>
  </si>
  <si>
    <t>mussarat jabeen</t>
  </si>
  <si>
    <t>GGHS CITY ARIFWALA</t>
  </si>
  <si>
    <t>ARIWALA</t>
  </si>
  <si>
    <t>gghs city arifwala</t>
  </si>
  <si>
    <t>FAZAL COLONY WARD NO 10</t>
  </si>
  <si>
    <t>ARIFA MUMTAZ</t>
  </si>
  <si>
    <t>GGHS CITY BAHAWALNAGAR</t>
  </si>
  <si>
    <t>Police Line Road, BWN.</t>
  </si>
  <si>
    <t>Mrs Khadijaha</t>
  </si>
  <si>
    <t>GGHS CITY HAROON ABAD</t>
  </si>
  <si>
    <t>Baldia Colony</t>
  </si>
  <si>
    <t>govt. girls city high school haroonabad</t>
  </si>
  <si>
    <t>Haroonabad</t>
  </si>
  <si>
    <t>Mrs shahnaz saeed</t>
  </si>
  <si>
    <t>GGHS CITY NISBAT ROAD</t>
  </si>
  <si>
    <t>nisbat road lahore</t>
  </si>
  <si>
    <t>Nisbat Road</t>
  </si>
  <si>
    <t>gawalamandi</t>
  </si>
  <si>
    <t>Ghazala Fraz Khan</t>
  </si>
  <si>
    <t>GGHS CIVIL STATION CANAL COLONY MIANWALI</t>
  </si>
  <si>
    <t>humera Yssmin</t>
  </si>
  <si>
    <t>GGHS CM LANGRAYALI</t>
  </si>
  <si>
    <t>GGHS langeriali Sialkot</t>
  </si>
  <si>
    <t>langeriali</t>
  </si>
  <si>
    <t>Rizwana Asher</t>
  </si>
  <si>
    <t>GGHS COLLEGE ROAD CHAKWAL</t>
  </si>
  <si>
    <t>gghs no.3 sargojra chakwal</t>
  </si>
  <si>
    <t>mohallah sargojra chakwal</t>
  </si>
  <si>
    <t>chakwal city</t>
  </si>
  <si>
    <t>SAMINA SHAHEEN</t>
  </si>
  <si>
    <t>GGHS COLONY AREA PAKPATTAN</t>
  </si>
  <si>
    <t>Colony Area Pakpattan</t>
  </si>
  <si>
    <t>CANAL COLONY PPN</t>
  </si>
  <si>
    <t>Muncial Committee</t>
  </si>
  <si>
    <t>Mrs. Farzana Anjum</t>
  </si>
  <si>
    <t>GGHS COMMUNITY BAHAWALPUR</t>
  </si>
  <si>
    <t>Muhammd Pura</t>
  </si>
  <si>
    <t>Phata wali gali near shahi bazar bwp</t>
  </si>
  <si>
    <t>City Patha Wali Gali</t>
  </si>
  <si>
    <t>city bwp</t>
  </si>
  <si>
    <t>Hanifa Akhtar</t>
  </si>
  <si>
    <t>GGHS COMPREHENSIVE OLD CIVIL LINE SARGODHA</t>
  </si>
  <si>
    <t>107 a oldcivilline Bahadarshah zafar road sgd</t>
  </si>
  <si>
    <t>45nb</t>
  </si>
  <si>
    <t>Sadar</t>
  </si>
  <si>
    <t>GGHS CRESCENT CHICHAWATNI</t>
  </si>
  <si>
    <t>Okanwala Road CCE</t>
  </si>
  <si>
    <t>Govt. Crescent girls high school chichawatni.</t>
  </si>
  <si>
    <t>Urban Shahri</t>
  </si>
  <si>
    <t>SHAMIM IMRAN</t>
  </si>
  <si>
    <t>GGHS CRESCENT MODEL BOLE KE JOGI</t>
  </si>
  <si>
    <t>BOLE KE JOGI</t>
  </si>
  <si>
    <t>GGHS CRESCENT MODEL BOLE KE JOGI,Faisalabad</t>
  </si>
  <si>
    <t>NOOR PUR</t>
  </si>
  <si>
    <t>GHAZALA YASEEN</t>
  </si>
  <si>
    <t>GGHS CUSTOM COLONY</t>
  </si>
  <si>
    <t>Kalan</t>
  </si>
  <si>
    <t>Govt. Girls High School Custom Colony, Academy Road, Walton Road Lahore Cantt.</t>
  </si>
  <si>
    <t>CBW Ward # 5</t>
  </si>
  <si>
    <t>CSS ACADEMY</t>
  </si>
  <si>
    <t>GGHS DAB FATIMA-TU-ZAHRA GUJRAT</t>
  </si>
  <si>
    <t>MOHALLAH RONTI WALI MASJID. GUJRAT.</t>
  </si>
  <si>
    <t>RONTI WALI MASJID</t>
  </si>
  <si>
    <t>GUJRAT-II</t>
  </si>
  <si>
    <t>RUKHSANA QADEER</t>
  </si>
  <si>
    <t>GGHS DAB KALAN</t>
  </si>
  <si>
    <t>gghsdabkalan Tehsil Shorkot</t>
  </si>
  <si>
    <t>GGHS DABB</t>
  </si>
  <si>
    <t>near imambargah,p.o dabb,teh.piplan,distt mwi</t>
  </si>
  <si>
    <t>GGHS DAD WALI</t>
  </si>
  <si>
    <t>gghs dadwali,teh wzd,dist grw.</t>
  </si>
  <si>
    <t>dadwali</t>
  </si>
  <si>
    <t>Saira Jamil</t>
  </si>
  <si>
    <t>GGHS DAFTOOH</t>
  </si>
  <si>
    <t>govt girls high school daftooh district kasur</t>
  </si>
  <si>
    <t>Shamim Akhter HM</t>
  </si>
  <si>
    <t>GGHS DAGAR NOON</t>
  </si>
  <si>
    <t>daggar noon tehsil kkot district bhakkar</t>
  </si>
  <si>
    <t>Dania Amtul Hafeez</t>
  </si>
  <si>
    <t>GGHS DAGGAR RATHAS</t>
  </si>
  <si>
    <t>GGHS DAGGAR RAHTAS NEAR UC DAGGAR RAHTAS BASTI MIAN PANJA</t>
  </si>
  <si>
    <t>naheed parveen</t>
  </si>
  <si>
    <t>GGHS DAGRI</t>
  </si>
  <si>
    <t>DAGREE</t>
  </si>
  <si>
    <t>GOVT GIRLS HIGH SCHOOL DAGREE TEHSIL AHMAD PUR SIAL DISTRICT JHANG</t>
  </si>
  <si>
    <t>DAAD WALA</t>
  </si>
  <si>
    <t>FATEH PUR PRITTY</t>
  </si>
  <si>
    <t>shaher bano ashraf</t>
  </si>
  <si>
    <t>GGHS DAIRA SHAH</t>
  </si>
  <si>
    <t>basti daira shah tehsil taunsa distt. d.g.khan</t>
  </si>
  <si>
    <t>Daira Shah</t>
  </si>
  <si>
    <t>NIGHAT PARVEEN</t>
  </si>
  <si>
    <t>GGHS DAIT</t>
  </si>
  <si>
    <t>Dait</t>
  </si>
  <si>
    <t>village Dait PO Gulbahar khurd tehsil and district Sialkot.</t>
  </si>
  <si>
    <t>Marakiwal</t>
  </si>
  <si>
    <t>Ulfat Noreen</t>
  </si>
  <si>
    <t>GGHS DAK CHIBBAN</t>
  </si>
  <si>
    <t>Dak Chibban</t>
  </si>
  <si>
    <t>VPO-Dak Chibban</t>
  </si>
  <si>
    <t>Syeda Aqeela Athar</t>
  </si>
  <si>
    <t>GGHS DAKHNAIR</t>
  </si>
  <si>
    <t>Narra Sweden Narra Syedan Khail</t>
  </si>
  <si>
    <t>vpo dakhnair Tehsil jand district attock</t>
  </si>
  <si>
    <t>GGHS DAKHNAIR (ATTOCK)</t>
  </si>
  <si>
    <t>village and PO Dakhnair Attock</t>
  </si>
  <si>
    <t>DAKHNAIR</t>
  </si>
  <si>
    <t>Khalida Tabbasum</t>
  </si>
  <si>
    <t>GGHS DALI BANTH</t>
  </si>
  <si>
    <t>Dali Banth</t>
  </si>
  <si>
    <t>VPO Dali Banth GGHS Dali Banth Tehsil &amp; District Gujrat</t>
  </si>
  <si>
    <t>dali banth</t>
  </si>
  <si>
    <t>michhiana</t>
  </si>
  <si>
    <t>Nargis Gull</t>
  </si>
  <si>
    <t>GGHS DALOWALI</t>
  </si>
  <si>
    <t>gghsdallowalisialkot</t>
  </si>
  <si>
    <t>naeem un nisa</t>
  </si>
  <si>
    <t>GGHS DANDA SHAH BILAWAL</t>
  </si>
  <si>
    <t>DANDA SHAH BILAWAL</t>
  </si>
  <si>
    <t>KOT QAZI</t>
  </si>
  <si>
    <t>GGHS DANDIAN</t>
  </si>
  <si>
    <t>Wandho</t>
  </si>
  <si>
    <t>GGHS  Dandian</t>
  </si>
  <si>
    <t>GGHS DANDOOT</t>
  </si>
  <si>
    <t>Dandot</t>
  </si>
  <si>
    <t>Dandot Tehsil C.S Shah,Distt Chakwal</t>
  </si>
  <si>
    <t>Qurratulain</t>
  </si>
  <si>
    <t>water sipply</t>
  </si>
  <si>
    <t>GGHS DARKHANA, ABDUL HAKIM</t>
  </si>
  <si>
    <t>Darkhana</t>
  </si>
  <si>
    <t>govt girls high school darkhana abdulhakim</t>
  </si>
  <si>
    <t>Sumera Iqbal</t>
  </si>
  <si>
    <t>GGHS DARMAN</t>
  </si>
  <si>
    <t>vill. darman teh. zafarwal distt. narowal</t>
  </si>
  <si>
    <t>Shagufta Ghulam Nabi</t>
  </si>
  <si>
    <t>GGHS DARNOIAN</t>
  </si>
  <si>
    <t>village darnoian tehsil KOTLI SATTIAN rwp</t>
  </si>
  <si>
    <t>Tmc Kotli Sattian</t>
  </si>
  <si>
    <t>water sply2</t>
  </si>
  <si>
    <t>GGHS DAROOT</t>
  </si>
  <si>
    <t>Vpo daroot teh.lawa   district Chakwal</t>
  </si>
  <si>
    <t>Gulzar Begum</t>
  </si>
  <si>
    <t>GGHS DARSGHA I AZEEM FSD JINNAH COLONY</t>
  </si>
  <si>
    <t>JINNAH COLONY</t>
  </si>
  <si>
    <t>GOVT.DARS GAH-E-AZEEM GIRLS  HIGH SCHOOL JINNAH COLONY FSD.</t>
  </si>
  <si>
    <t>Gulnaz Sumera</t>
  </si>
  <si>
    <t>GGHS DAR-UN-NISWAN 65 JAIL ROAD</t>
  </si>
  <si>
    <t>65/a, jail road, lahore.</t>
  </si>
  <si>
    <t>GOR-1</t>
  </si>
  <si>
    <t>Anam Siddique</t>
  </si>
  <si>
    <t>GGHS DARYA KHAN</t>
  </si>
  <si>
    <t>opposite railway station mohalla islam nagger darya khan bhakkar</t>
  </si>
  <si>
    <t>darya khan</t>
  </si>
  <si>
    <t>SURAYYA MASUD</t>
  </si>
  <si>
    <t>GGHS DASKA KALAN</t>
  </si>
  <si>
    <t>Daska Kalan</t>
  </si>
  <si>
    <t>govt girls high school daska kalan</t>
  </si>
  <si>
    <t>daska kalan</t>
  </si>
  <si>
    <t>daska</t>
  </si>
  <si>
    <t>GGHS DATA BHATT</t>
  </si>
  <si>
    <t>vpo data bhatt</t>
  </si>
  <si>
    <t>Devi</t>
  </si>
  <si>
    <t>BINISH ISHTIAQ</t>
  </si>
  <si>
    <t>GGHS DATEWAL</t>
  </si>
  <si>
    <t>Datewal , Narowal</t>
  </si>
  <si>
    <t>GGHS DATWAL</t>
  </si>
  <si>
    <t>kharpa</t>
  </si>
  <si>
    <t>gghs datwal tehsil pindigheb attock</t>
  </si>
  <si>
    <t>datwal</t>
  </si>
  <si>
    <t>GGHS DAUD KHEL</t>
  </si>
  <si>
    <t>Daudkhel</t>
  </si>
  <si>
    <t>Mohalla Lamay khel daudkhel Teh/Dist Mianwali</t>
  </si>
  <si>
    <t>daudkhel</t>
  </si>
  <si>
    <t>GGHS DAULAT PUR</t>
  </si>
  <si>
    <t>doulat pur</t>
  </si>
  <si>
    <t>v.p.o. daulat pur tehsil pind dadan khan district jhelum</t>
  </si>
  <si>
    <t>Sadia Arshad</t>
  </si>
  <si>
    <t>GGHS DAULTALA</t>
  </si>
  <si>
    <t>Daultala</t>
  </si>
  <si>
    <t>VPO Daultala, Tehsil: Gujarkhan, District: rawalpindi</t>
  </si>
  <si>
    <t>Nazneen Nazak</t>
  </si>
  <si>
    <t>GGHS DECCAN SAMANABAD FSD</t>
  </si>
  <si>
    <t>gov.deccan girls high school samanabad fsd</t>
  </si>
  <si>
    <t>SAMANABAD</t>
  </si>
  <si>
    <t>tahira deep</t>
  </si>
  <si>
    <t>GGHS DEHLLA CHATHA</t>
  </si>
  <si>
    <t>Dehla Chattha</t>
  </si>
  <si>
    <t>GGHS Dehla Chattha</t>
  </si>
  <si>
    <t>bomma Bath</t>
  </si>
  <si>
    <t>nazia mansha</t>
  </si>
  <si>
    <t>GGHS DEHLRA</t>
  </si>
  <si>
    <t>Dehlra</t>
  </si>
  <si>
    <t>dehlra</t>
  </si>
  <si>
    <t>saira anjum</t>
  </si>
  <si>
    <t>GGHS DEHRI SYEDAN</t>
  </si>
  <si>
    <t>Dehri Syedan</t>
  </si>
  <si>
    <t>vpo dehri syedan tehsil choa saiden shah distt chakwal</t>
  </si>
  <si>
    <t>Fatima Sultan</t>
  </si>
  <si>
    <t>GGHS DELHI GATE LAHORE</t>
  </si>
  <si>
    <t>dehli gate lahore</t>
  </si>
  <si>
    <t>Miss Sidra Tariq</t>
  </si>
  <si>
    <t>warte cooler</t>
  </si>
  <si>
    <t>GGHS DEPALPUR</t>
  </si>
  <si>
    <t>MRS. NUSRAT PERVEEN</t>
  </si>
  <si>
    <t>GGHS DEPALPUR NO 4</t>
  </si>
  <si>
    <t>khalil  abad colony depalpur</t>
  </si>
  <si>
    <t>Ward No 4 Depalpur</t>
  </si>
  <si>
    <t>SAJIDA SARWAT</t>
  </si>
  <si>
    <t>GGHS DERA NAWAB SAHIB</t>
  </si>
  <si>
    <t>Dera Nawab Sahib</t>
  </si>
  <si>
    <t>Rashda Rani</t>
  </si>
  <si>
    <t>GGHS DERA SHAH JAMAL</t>
  </si>
  <si>
    <t>Dera shah Jamal p/o lot ladha tahsil noshera  virkan district gujranwala</t>
  </si>
  <si>
    <t>Lot Ladha</t>
  </si>
  <si>
    <t>Rahat Jabeen</t>
  </si>
  <si>
    <t>GGHS DERIAN WALA</t>
  </si>
  <si>
    <t>Derianwala</t>
  </si>
  <si>
    <t>GGHS DERIANWALA Village/PO DERIANWALA</t>
  </si>
  <si>
    <t>DERIANWALA</t>
  </si>
  <si>
    <t>pejowali</t>
  </si>
  <si>
    <t>NADRA SHAHBAZ KHAN</t>
  </si>
  <si>
    <t>GGHS DEVI</t>
  </si>
  <si>
    <t>vpo devi</t>
  </si>
  <si>
    <t>Shahnaz Fatima Naqvi</t>
  </si>
  <si>
    <t>GGHS DEWALA</t>
  </si>
  <si>
    <t>Dewala</t>
  </si>
  <si>
    <t>basti moza dewala p /o dewala m.garh</t>
  </si>
  <si>
    <t>Manka bhutta</t>
  </si>
  <si>
    <t>Tabinda Tenveer</t>
  </si>
  <si>
    <t>GGHS DHAB PARI</t>
  </si>
  <si>
    <t>dhab pari</t>
  </si>
  <si>
    <t>vpo dhab pari tehsil &amp; distt chakwal</t>
  </si>
  <si>
    <t>her char dhab</t>
  </si>
  <si>
    <t>Rizwana Tallat</t>
  </si>
  <si>
    <t>GGHS DHABLI WALA</t>
  </si>
  <si>
    <t>Dhabliwala</t>
  </si>
  <si>
    <t>Govt Girls High School dhabliwala (NWL)</t>
  </si>
  <si>
    <t>Sadowala Uchah</t>
  </si>
  <si>
    <t>Aneela Prem</t>
  </si>
  <si>
    <t>GGHS DHAL</t>
  </si>
  <si>
    <t>Ammara Farooq</t>
  </si>
  <si>
    <t>GGHS DHALLA</t>
  </si>
  <si>
    <t>Dhalla</t>
  </si>
  <si>
    <t>gghsdhalla, po dhalla Rawalpindi</t>
  </si>
  <si>
    <t>Tayyaba Farooq</t>
  </si>
  <si>
    <t>GGHS DHAMAN SYEDAN</t>
  </si>
  <si>
    <t>Ali town adiala road rawalpindi</t>
  </si>
  <si>
    <t>RUBINA AFZAL</t>
  </si>
  <si>
    <t>GGHS DHAMIAL RWP</t>
  </si>
  <si>
    <t>dhamial</t>
  </si>
  <si>
    <t>govt girls high school dhamial rwp</t>
  </si>
  <si>
    <t>Tayyaba Kiran</t>
  </si>
  <si>
    <t>GGHS DHAMTHAL</t>
  </si>
  <si>
    <t>Govt. Girls High School Dhamthal</t>
  </si>
  <si>
    <t>GGHS DHANAN WALI</t>
  </si>
  <si>
    <t>dhanawali</t>
  </si>
  <si>
    <t>village and postoffice dhanawali</t>
  </si>
  <si>
    <t>Muqaddas Rukhsana</t>
  </si>
  <si>
    <t>GGHS DHANDA</t>
  </si>
  <si>
    <t>Vill &amp; P/O  Dhanda The/Distt Rawaloindi</t>
  </si>
  <si>
    <t>Arshia Zaheer</t>
  </si>
  <si>
    <t>GGHS DHANYALA</t>
  </si>
  <si>
    <t>govt.Girl's High School dhanyala Tehsil dina district (JHELUM)</t>
  </si>
  <si>
    <t>dhanyala</t>
  </si>
  <si>
    <t>GGHS DHAREK</t>
  </si>
  <si>
    <t>dhreak</t>
  </si>
  <si>
    <t>Shabnam naheed</t>
  </si>
  <si>
    <t>GGHS DHAREKAN KALAN</t>
  </si>
  <si>
    <t>dherakan kalan</t>
  </si>
  <si>
    <t>SAIMA NAWAZ</t>
  </si>
  <si>
    <t>GGHS DHAREMA</t>
  </si>
  <si>
    <t>Dharema</t>
  </si>
  <si>
    <t>gghs dharema,sargodha</t>
  </si>
  <si>
    <t>Bushra Ijaz</t>
  </si>
  <si>
    <t>GGHS DHARIALA JALIB</t>
  </si>
  <si>
    <t>Dharyala Jalap</t>
  </si>
  <si>
    <t>Govt Girls high School Dharyala Jalap</t>
  </si>
  <si>
    <t>NOUREEN AKHTER</t>
  </si>
  <si>
    <t>GGHS DHARIALA KAHOON</t>
  </si>
  <si>
    <t>Dharyala Kahoon</t>
  </si>
  <si>
    <t>v.p.o dharyala kahoon teh.csshah distt. chakwal</t>
  </si>
  <si>
    <t>Nosheen Akthar</t>
  </si>
  <si>
    <t>GGHS DHARMA WALA</t>
  </si>
  <si>
    <t>DHARMAYWALA</t>
  </si>
  <si>
    <t>GOVT.GIRLS HIGH SCHOOL DHARMAYWALA</t>
  </si>
  <si>
    <t>Rafia Asif</t>
  </si>
  <si>
    <t>GGHS DHARO WAL</t>
  </si>
  <si>
    <t>dharowal</t>
  </si>
  <si>
    <t>gghs dharowal</t>
  </si>
  <si>
    <t>dilawar cheema</t>
  </si>
  <si>
    <t>Naila Jabeen Butt</t>
  </si>
  <si>
    <t>GGHS DHARUGI</t>
  </si>
  <si>
    <t>Dharuggi</t>
  </si>
  <si>
    <t>VPO DHARUGGI CHAKWAL</t>
  </si>
  <si>
    <t>GGHS DHAUNKAL</t>
  </si>
  <si>
    <t>DHOUNKAL</t>
  </si>
  <si>
    <t>VPO DHOUNKAL WAZIRABAD GUJRANWALA</t>
  </si>
  <si>
    <t>GGHS DHEDO WALI</t>
  </si>
  <si>
    <t>Dhidowali</t>
  </si>
  <si>
    <t>Mundakey Goraya</t>
  </si>
  <si>
    <t>GGHS DHEEDWAL</t>
  </si>
  <si>
    <t>DHEEDWAL</t>
  </si>
  <si>
    <t>vpo dheedwal teh and dist chakwal</t>
  </si>
  <si>
    <t>Saira Jabeen</t>
  </si>
  <si>
    <t>GGHS DHEERA SANDA</t>
  </si>
  <si>
    <t>Govt Girls High School Dheera Sandha Sialkot</t>
  </si>
  <si>
    <t>Nazia Pervaiz</t>
  </si>
  <si>
    <t>GGHS DHEERNKE LALKE</t>
  </si>
  <si>
    <t>Dherenke Mirdadke</t>
  </si>
  <si>
    <t>GGHS Dherenke Lalke, Hafizabad.</t>
  </si>
  <si>
    <t>Dherenke Lalke</t>
  </si>
  <si>
    <t>Shadia Parveen</t>
  </si>
  <si>
    <t>GGHS DHERI HASSAN ABAD</t>
  </si>
  <si>
    <t>GOVT GIRLS HIGH SCHOOL DHERI HASSANABAD,RAWALPINDI</t>
  </si>
  <si>
    <t>Dheri Hassanabad</t>
  </si>
  <si>
    <t>CANTT AREA</t>
  </si>
  <si>
    <t>MANAZZA MANAWAR</t>
  </si>
  <si>
    <t>GGHS DHERMOND</t>
  </si>
  <si>
    <t>DHERMOND</t>
  </si>
  <si>
    <t>VPO DHERMOND</t>
  </si>
  <si>
    <t>GGHS DHERO GHUNA</t>
  </si>
  <si>
    <t>Dheru Ghuna</t>
  </si>
  <si>
    <t>village dheru ghuna p/o gujrat</t>
  </si>
  <si>
    <t>Dheru Ghuns</t>
  </si>
  <si>
    <t>Farhat Ijaz</t>
  </si>
  <si>
    <t>GGHS DHILLAN WALI</t>
  </si>
  <si>
    <t>Dhillanwali</t>
  </si>
  <si>
    <t>gghs dhillanwali more eminabad</t>
  </si>
  <si>
    <t>Sameena Javed</t>
  </si>
  <si>
    <t>GGHS DHINGANA</t>
  </si>
  <si>
    <t>GGHS DHINGANA, TEHSIL MANKERA, DISTRICT BHAKKAR</t>
  </si>
  <si>
    <t>Sidrah Saeedi</t>
  </si>
  <si>
    <t>GGHS DHIR KOT SATTIAN</t>
  </si>
  <si>
    <t>Vpo dhir kot sattian tehsil kotli sattian dist rawalpindi</t>
  </si>
  <si>
    <t>temprory attched with public pipeline</t>
  </si>
  <si>
    <t>GGHS DHODHA</t>
  </si>
  <si>
    <t>DHODHA</t>
  </si>
  <si>
    <t>DHODA TEHSIL PASRUR DISTRICT SIALKOT</t>
  </si>
  <si>
    <t>Aqsa Yousaf</t>
  </si>
  <si>
    <t>GGHS DHODO WAL</t>
  </si>
  <si>
    <t>Saranky</t>
  </si>
  <si>
    <t>Village dhodowal tehsil sambrial district sialkot</t>
  </si>
  <si>
    <t>Dhodowal</t>
  </si>
  <si>
    <t>asma  Aslam</t>
  </si>
  <si>
    <t>GGHS DHOK AWAN</t>
  </si>
  <si>
    <t>Village Dhoke Awan PO Darkali Khurd  Teh Gujar Khan District Rawalpindi</t>
  </si>
  <si>
    <t>Sidrah Arif</t>
  </si>
  <si>
    <t>GGHS DHOK DHERA</t>
  </si>
  <si>
    <t>Doke Dera</t>
  </si>
  <si>
    <t>V&amp;P Dk Dera Teh Pindi Gheb District Attock</t>
  </si>
  <si>
    <t>NAYYAR SULTANA</t>
  </si>
  <si>
    <t>GGHS DHOK GHAZAN CHAKRALA MIANWALI</t>
  </si>
  <si>
    <t>GGHS DHOK GHAZAN</t>
  </si>
  <si>
    <t>Dhok Ghazan</t>
  </si>
  <si>
    <t>Chikrala</t>
  </si>
  <si>
    <t>Rehana Gul</t>
  </si>
  <si>
    <t>GGHS DHOK HASSU</t>
  </si>
  <si>
    <t>Dhoke Hassu RAwalpindi</t>
  </si>
  <si>
    <t>GGHS Dhoke Hassu Rawalpindi</t>
  </si>
  <si>
    <t>Dhoke Hassu</t>
  </si>
  <si>
    <t>Mrs Shahnaz Jabeen</t>
  </si>
  <si>
    <t>GGHS DHOK JUMMA KHAN</t>
  </si>
  <si>
    <t>gghs dhoke jumma khan rwp</t>
  </si>
  <si>
    <t>zeba rehman</t>
  </si>
  <si>
    <t>GGHS DHOK KARSAL</t>
  </si>
  <si>
    <t>Vpo karsal tehsil and district chakwal</t>
  </si>
  <si>
    <t>Rehana Kaleem</t>
  </si>
  <si>
    <t>GGHS DHOK LAHAM</t>
  </si>
  <si>
    <t>VPO Dhoke Laham</t>
  </si>
  <si>
    <t>Dhoke Laham</t>
  </si>
  <si>
    <t>GGHS DHOK LOONA</t>
  </si>
  <si>
    <t>Dhoke Loona</t>
  </si>
  <si>
    <t>Gghs dhoke loona</t>
  </si>
  <si>
    <t>Memoona Sajid</t>
  </si>
  <si>
    <t>GGHS DHOK MIRZAL</t>
  </si>
  <si>
    <t>PACHNAND</t>
  </si>
  <si>
    <t>DK MIRZAL PO PACHNAND TEHSIL LAWA DISTRICT CHAKWAL</t>
  </si>
  <si>
    <t>DHOK MIRZAL</t>
  </si>
  <si>
    <t>Sajida Tasnim</t>
  </si>
  <si>
    <t>GGHS DHOK MURAD</t>
  </si>
  <si>
    <t>Dhokmurad</t>
  </si>
  <si>
    <t>vpo dhokmurad tehsil and district Mandibahauddin</t>
  </si>
  <si>
    <t>Maryam Sharif</t>
  </si>
  <si>
    <t>GGHS DHOK NAWAN LOK</t>
  </si>
  <si>
    <t>Dhok Nawanlok</t>
  </si>
  <si>
    <t>vpo dhoknawanlok teh.distt.m.b.din.</t>
  </si>
  <si>
    <t>Azmat Bibi</t>
  </si>
  <si>
    <t>GGHS DHOK SAHARAN</t>
  </si>
  <si>
    <t>DHOK SAHARAN</t>
  </si>
  <si>
    <t>VPO DHOK SAHARAN TEHSIL AND DISTRICT MANDI BAHAUD DIN</t>
  </si>
  <si>
    <t>Saeeda Nasim</t>
  </si>
  <si>
    <t>GGHS DHOK WAHAB DIN</t>
  </si>
  <si>
    <t>Dhok Wahab Din</t>
  </si>
  <si>
    <t>gghs wahab colony jhelum</t>
  </si>
  <si>
    <t>GGHS DHOKE MANGTAL MISRIAL</t>
  </si>
  <si>
    <t>GGHS Misrial Road Near Dewan-e-Khas Rwp</t>
  </si>
  <si>
    <t>cantt area</t>
  </si>
  <si>
    <t>saima azhar</t>
  </si>
  <si>
    <t>GGHS DHOLAN HITHAR</t>
  </si>
  <si>
    <t>Dholan Hithar</t>
  </si>
  <si>
    <t>Dholan hithar</t>
  </si>
  <si>
    <t>AMNA BASHIR</t>
  </si>
  <si>
    <t>GGHS DHONG</t>
  </si>
  <si>
    <t>dhoong</t>
  </si>
  <si>
    <t>GGH/S DHOONG P/O DHOONG TEHSIL GUJAR KHAN DISTT RWP</t>
  </si>
  <si>
    <t>AHDI</t>
  </si>
  <si>
    <t>MARIA  NAZIR</t>
  </si>
  <si>
    <t>GGHS DHOOL BALA</t>
  </si>
  <si>
    <t>Dhool Bala</t>
  </si>
  <si>
    <t>GGHS Dhool bala tehsil Sahiwal</t>
  </si>
  <si>
    <t>GGHS DHOOP SARI NO.2</t>
  </si>
  <si>
    <t>dhoop sari kamoki</t>
  </si>
  <si>
    <t>Kamoke7</t>
  </si>
  <si>
    <t>Sumiara Ishaq</t>
  </si>
  <si>
    <t>GGHS DHOOR KOT</t>
  </si>
  <si>
    <t>dhoor kot post office uch sharief tehseel Ahmad pur east dst bwp</t>
  </si>
  <si>
    <t>GGHS DHORIA</t>
  </si>
  <si>
    <t>v.p.o dhoria teh.kharian dist.Gujrat</t>
  </si>
  <si>
    <t>RIZWANA KOUSAR</t>
  </si>
  <si>
    <t>GGHS DHOUL RANJHA</t>
  </si>
  <si>
    <t>Dhoul Ranjha</t>
  </si>
  <si>
    <t>vpo dhoul ranjha</t>
  </si>
  <si>
    <t>zubaida ahsan</t>
  </si>
  <si>
    <t>GGHS DHQ MIANWALI</t>
  </si>
  <si>
    <t>MIANWALI GITY</t>
  </si>
  <si>
    <t>GOVT GIRLS HIGH SCHOOL DHQ MIANWALI</t>
  </si>
  <si>
    <t>YARO KHEL</t>
  </si>
  <si>
    <t>SHAMSHAD BIBI</t>
  </si>
  <si>
    <t>GGHS DHUDHI PHAPHRA</t>
  </si>
  <si>
    <t>vill &amp; p/o box dhudhi phaphra tehsil pind dadan khan district jhelum</t>
  </si>
  <si>
    <t>Sody Gujjar</t>
  </si>
  <si>
    <t>Saklan Zahra</t>
  </si>
  <si>
    <t>GGHS DHUDIAL</t>
  </si>
  <si>
    <t>DHUDIAL</t>
  </si>
  <si>
    <t>GOVT. GIRLS HIGH SCHOOL DHUDIAL TEHSIL &amp; DISTRICT CHAKWAL</t>
  </si>
  <si>
    <t>FOUZIA NAZMEEN</t>
  </si>
  <si>
    <t>GGHS DHULIAL</t>
  </si>
  <si>
    <t>GGHS Dhulial p/o village Dhulial t/d Rawapindi</t>
  </si>
  <si>
    <t>GGHS DHULLEY</t>
  </si>
  <si>
    <t>MAIN BAZAR DHULLEY NEAR U.P CHUECH DHULLEY</t>
  </si>
  <si>
    <t>DHULLEY</t>
  </si>
  <si>
    <t>Nabila Khanum</t>
  </si>
  <si>
    <t>GGHS DHULLI</t>
  </si>
  <si>
    <t>Dhulli</t>
  </si>
  <si>
    <t>vpo dhulli</t>
  </si>
  <si>
    <t>Saadia Mazhar</t>
  </si>
  <si>
    <t>GGHS DHULLIAN</t>
  </si>
  <si>
    <t>GHARIBWAL</t>
  </si>
  <si>
    <t>Uzma Rahat ijaz</t>
  </si>
  <si>
    <t>GGHS DIALI</t>
  </si>
  <si>
    <t>Govt. Girls High School Diali</t>
  </si>
  <si>
    <t>Nabila begum</t>
  </si>
  <si>
    <t>GGHS DIANI</t>
  </si>
  <si>
    <t>Diani</t>
  </si>
  <si>
    <t>Mojoka</t>
  </si>
  <si>
    <t>Tallat Niaz</t>
  </si>
  <si>
    <t>GGHS DILAWAR CHEEMA</t>
  </si>
  <si>
    <t>Near union council Dilawar cheema</t>
  </si>
  <si>
    <t>Nazia Alyas</t>
  </si>
  <si>
    <t>GGHS DILAWAR PUR</t>
  </si>
  <si>
    <t>Gghsdilawarpur</t>
  </si>
  <si>
    <t>GGHS DILLE WALI</t>
  </si>
  <si>
    <t>P/O Dillewali Tehsil and District Mianwali.</t>
  </si>
  <si>
    <t>Dillewali Qurashian</t>
  </si>
  <si>
    <t>GGHS DINA</t>
  </si>
  <si>
    <t>dina</t>
  </si>
  <si>
    <t>GGHS MAIN BAZAR DINA</t>
  </si>
  <si>
    <t>DINA-ll</t>
  </si>
  <si>
    <t>NIGHAT SULTANA</t>
  </si>
  <si>
    <t>GGHS DINGA</t>
  </si>
  <si>
    <t>DARASGAH ROAD DINGA</t>
  </si>
  <si>
    <t>NYLA SHARIF</t>
  </si>
  <si>
    <t>GGHS DISTRICT JAIL ROAD MULTAN</t>
  </si>
  <si>
    <t>Govt. Girls High  school District jail road multan</t>
  </si>
  <si>
    <t>Gulshan Kareem  sadiq colony</t>
  </si>
  <si>
    <t>Mrs Iffat Waseem</t>
  </si>
  <si>
    <t>GGHS DITTO CHOUR, MBDIN</t>
  </si>
  <si>
    <t>Ditto Chour</t>
  </si>
  <si>
    <t>Villege Ditto Chour</t>
  </si>
  <si>
    <t>Ahla</t>
  </si>
  <si>
    <t>ROQIA BIBI</t>
  </si>
  <si>
    <t>GGHS DOBERAN KALAN</t>
  </si>
  <si>
    <t>doberan kallan</t>
  </si>
  <si>
    <t>vpo doberan kallan Tehsil Kallar syedan district rawalpindi</t>
  </si>
  <si>
    <t>irsa yaqoob</t>
  </si>
  <si>
    <t>GGHS DOBERAN KHURD</t>
  </si>
  <si>
    <t>village Doberan khurd,kahuta</t>
  </si>
  <si>
    <t>Doberan</t>
  </si>
  <si>
    <t>AALISHBAH NAHEED</t>
  </si>
  <si>
    <t>GGHS DOBURJI CHANDA SINGH</t>
  </si>
  <si>
    <t>Dburji Chandasingh</t>
  </si>
  <si>
    <t>dburji Chandasingh sambrial ,sialkot</t>
  </si>
  <si>
    <t>Copra</t>
  </si>
  <si>
    <t>Uzma Sanaullah</t>
  </si>
  <si>
    <t>GGHS DODHA</t>
  </si>
  <si>
    <t>dodha teh kotmoman sargodha</t>
  </si>
  <si>
    <t>Samra Ishaq</t>
  </si>
  <si>
    <t>GGHS DOGER KLASRA</t>
  </si>
  <si>
    <t>dogar kalasra</t>
  </si>
  <si>
    <t>NASEEM AKHTAR MALIK</t>
  </si>
  <si>
    <t>GGHS DOGRAN WALA CHAK NO.58 ASB</t>
  </si>
  <si>
    <t>Chak # 58 Sb</t>
  </si>
  <si>
    <t>Chak # 58 SB (A) sgd</t>
  </si>
  <si>
    <t>Chak 58 SB</t>
  </si>
  <si>
    <t>Shabnum-un-Nisa</t>
  </si>
  <si>
    <t>GGHS DOMALI</t>
  </si>
  <si>
    <t>domali</t>
  </si>
  <si>
    <t>vill domali Po dhoong, teh &amp; dist chakwal</t>
  </si>
  <si>
    <t>Domali</t>
  </si>
  <si>
    <t>Tayyaba Razzaq</t>
  </si>
  <si>
    <t>GGHS DOMEL</t>
  </si>
  <si>
    <t>Domail</t>
  </si>
  <si>
    <t>Vpo domail tehsil jand distt attock</t>
  </si>
  <si>
    <t>SADIA KHATOON</t>
  </si>
  <si>
    <t>GGHS DONGIAN</t>
  </si>
  <si>
    <t>Village Dongian Narowal</t>
  </si>
  <si>
    <t>Farah Adeeba</t>
  </si>
  <si>
    <t>GGHS DOUBLE SECTION ALI PUR ROAD</t>
  </si>
  <si>
    <t>ali pur road hafizabad</t>
  </si>
  <si>
    <t>Ali Pur Road Hafizabad</t>
  </si>
  <si>
    <t>Nasreen Mairaj</t>
  </si>
  <si>
    <t>GGHS DOULAT NAGAR</t>
  </si>
  <si>
    <t>village. p.o daulat nagar</t>
  </si>
  <si>
    <t>rukhsana  kousar</t>
  </si>
  <si>
    <t>GGHS DUDHU CHAK</t>
  </si>
  <si>
    <t>vpo dudhuchak tehseel shakargarh district narowal</t>
  </si>
  <si>
    <t>GGHS DUDIAL</t>
  </si>
  <si>
    <t>Dudial</t>
  </si>
  <si>
    <t>dudial</t>
  </si>
  <si>
    <t>samina iqbal</t>
  </si>
  <si>
    <t>GGHS DUGRI HERIAN</t>
  </si>
  <si>
    <t>Dugri Herrian</t>
  </si>
  <si>
    <t>dugri Herrian teh.pasrur,distt.sialkot</t>
  </si>
  <si>
    <t>Dugri Harrian</t>
  </si>
  <si>
    <t>Shazia Islam</t>
  </si>
  <si>
    <t>GGHS DUGRI HUNDWAN</t>
  </si>
  <si>
    <t>Dugri Hundwan</t>
  </si>
  <si>
    <t>GGHS DUGRI KALAN DASKA,SIALKOT</t>
  </si>
  <si>
    <t>dugri kalan daska</t>
  </si>
  <si>
    <t>budah goraya</t>
  </si>
  <si>
    <t>Syeda Farhat</t>
  </si>
  <si>
    <t>GGHS DULLAH</t>
  </si>
  <si>
    <t>vpo dullah teh &amp; distt chakwal</t>
  </si>
  <si>
    <t>NASEERA Bibi</t>
  </si>
  <si>
    <t>GGHS DULLO KHURD</t>
  </si>
  <si>
    <t>Dullo Khurd</t>
  </si>
  <si>
    <t>21km Feroze Pur Road Dullo Khurd LHR</t>
  </si>
  <si>
    <t>Youhanabad</t>
  </si>
  <si>
    <t>kishwar wahab</t>
  </si>
  <si>
    <t>GGHS DULLY WALA</t>
  </si>
  <si>
    <t>DULLEY WALA</t>
  </si>
  <si>
    <t>GGH/S DULLEY WALA</t>
  </si>
  <si>
    <t>MUMTAZ BIBI</t>
  </si>
  <si>
    <t>GGHS DULMIAL</t>
  </si>
  <si>
    <t>dulmial</t>
  </si>
  <si>
    <t>vpo dulmial tehsil cs shah distt chakwal</t>
  </si>
  <si>
    <t>Safina Akhtar</t>
  </si>
  <si>
    <t>GGHS DUNYA PUR</t>
  </si>
  <si>
    <t>COMMETTI ROAD DUNYAPUR</t>
  </si>
  <si>
    <t>EID GAH WALI</t>
  </si>
  <si>
    <t>ALICE GILL</t>
  </si>
  <si>
    <t>GGHS DUR PUR</t>
  </si>
  <si>
    <t>Babani</t>
  </si>
  <si>
    <t>G. G E /dur pur k. P. T</t>
  </si>
  <si>
    <t>Zobia Andleeb</t>
  </si>
  <si>
    <t>GGHS DURATTA</t>
  </si>
  <si>
    <t>Doratta</t>
  </si>
  <si>
    <t>gghs doratta</t>
  </si>
  <si>
    <t>116A/TDA</t>
  </si>
  <si>
    <t>Shadoo Khan</t>
  </si>
  <si>
    <t>NUSRAT SHAHEEN</t>
  </si>
  <si>
    <t>GGHS ELLAH ABAD</t>
  </si>
  <si>
    <t>kaNgan pur road ellah abad tehsil chunian distt.kasur</t>
  </si>
  <si>
    <t>kalsoom mansha</t>
  </si>
  <si>
    <t>GGHS ESHERKEE</t>
  </si>
  <si>
    <t>Esherke</t>
  </si>
  <si>
    <t>GGHS ESHERKE GAON</t>
  </si>
  <si>
    <t>Fehmida Kasuar Maan</t>
  </si>
  <si>
    <t>2 electric coolers</t>
  </si>
  <si>
    <t>GGHS F BLOCK RWP</t>
  </si>
  <si>
    <t>New Town</t>
  </si>
  <si>
    <t>GGHS F-BLOCK S/TOWN RAWALPINDI</t>
  </si>
  <si>
    <t>SAIMA NAUREEN</t>
  </si>
  <si>
    <t>GGHS F.D. ISLAMIA GUJRANWALA</t>
  </si>
  <si>
    <t>GGHS F D ISLAMIA, GRW</t>
  </si>
  <si>
    <t>Chowk niaee gali badron kalan</t>
  </si>
  <si>
    <t>Mubarak shah</t>
  </si>
  <si>
    <t>Mrs Shaheen Aziz</t>
  </si>
  <si>
    <t>GGHS FAISAL TOWN LAHORE</t>
  </si>
  <si>
    <t>423 B Block Faisal Town Lahore</t>
  </si>
  <si>
    <t>dr. najma arshad</t>
  </si>
  <si>
    <t>GGHS FAIZ PUR KHURD</t>
  </si>
  <si>
    <t>faizpur khurd</t>
  </si>
  <si>
    <t>govt girls high school faizpur khurd</t>
  </si>
  <si>
    <t>TABANA TENZEELA</t>
  </si>
  <si>
    <t>GGHS FAQEER ABAD</t>
  </si>
  <si>
    <t>near railway station village faqirabad</t>
  </si>
  <si>
    <t>Faqirabad</t>
  </si>
  <si>
    <t>Gorla</t>
  </si>
  <si>
    <t>dilshad bibi</t>
  </si>
  <si>
    <t>GGHS FARID KASSAR</t>
  </si>
  <si>
    <t>Farid Kassar</t>
  </si>
  <si>
    <t>vpo farid kassar tehsil and district chakwal</t>
  </si>
  <si>
    <t>Rizwana yasmin</t>
  </si>
  <si>
    <t>GGHS FAROGH-E-TALEEM NST SARGODHA</t>
  </si>
  <si>
    <t>NST Block Z Sargodha</t>
  </si>
  <si>
    <t>Nabila Ashraf</t>
  </si>
  <si>
    <t>GGHS FAROOKA</t>
  </si>
  <si>
    <t>gghsfarooka  tehsil shaiwal district sargodha</t>
  </si>
  <si>
    <t>Nasira Jalal</t>
  </si>
  <si>
    <t>GGHS FAROOQ ABAD (W)</t>
  </si>
  <si>
    <t>GGHS Farooqabad Model Town BWN</t>
  </si>
  <si>
    <t>Bwn</t>
  </si>
  <si>
    <t>SAEEDA BUKHARI</t>
  </si>
  <si>
    <t>GGHS FATEH GARH</t>
  </si>
  <si>
    <t>fateh Garh Agency Sialkot, Teh. &amp;Distt. Sialkot</t>
  </si>
  <si>
    <t>Fate Garh</t>
  </si>
  <si>
    <t>Robina Shaheen Mir</t>
  </si>
  <si>
    <t>GGHS FATEH JANG NO. 1</t>
  </si>
  <si>
    <t>FATEHJANG</t>
  </si>
  <si>
    <t>NEAR POST OFFICE FATEHJANG</t>
  </si>
  <si>
    <t>RAHEELA BIBI</t>
  </si>
  <si>
    <t>GGHS FATEH JANG NO.2</t>
  </si>
  <si>
    <t>FATEH Jang</t>
  </si>
  <si>
    <t>pindi road FATEH jang</t>
  </si>
  <si>
    <t>Fateh Jang</t>
  </si>
  <si>
    <t>GGHS FATEH JANG NO.3</t>
  </si>
  <si>
    <t>Fatehjang</t>
  </si>
  <si>
    <t>mohallah masjid mian Noor fatehjang district attock</t>
  </si>
  <si>
    <t>Rashida Sarwar</t>
  </si>
  <si>
    <t>GGHS FATEH PUR ARAIN</t>
  </si>
  <si>
    <t>Fateh Pur Arain</t>
  </si>
  <si>
    <t>gghs fateh Pur arain rahim Yar khan</t>
  </si>
  <si>
    <t>Kot Mehndi Shah</t>
  </si>
  <si>
    <t>GGHS FATEH PUR KAMAL</t>
  </si>
  <si>
    <t>government girls high school fateh pur kamal</t>
  </si>
  <si>
    <t>Tabinda Anjum</t>
  </si>
  <si>
    <t>GGHS FATIMA 2-FANE ROAD LAHORE</t>
  </si>
  <si>
    <t>2 fane road lahore</t>
  </si>
  <si>
    <t>MrRS  RIFFAT  SULTANA</t>
  </si>
  <si>
    <t>GGHS FATIMA JINNAH PINDI GHEB</t>
  </si>
  <si>
    <t>madina masjid p.g</t>
  </si>
  <si>
    <t>Pidigheb</t>
  </si>
  <si>
    <t>Gherbi</t>
  </si>
  <si>
    <t>FAREEDA  AMBREEN</t>
  </si>
  <si>
    <t>GGHS FATIMA JINNAH SHEIKHUPURA</t>
  </si>
  <si>
    <t>company bagh fatima jinnah road Sheikhupura</t>
  </si>
  <si>
    <t>MRS.MUQADDAS AMIN KAHLOON</t>
  </si>
  <si>
    <t>GGHS FATWAL</t>
  </si>
  <si>
    <t>Fatwal</t>
  </si>
  <si>
    <t>village fatwal post office babral tehsil shakargarh district narowal</t>
  </si>
  <si>
    <t>Asifa Bibi</t>
  </si>
  <si>
    <t>GGHS FAZAL-E-UMAR CHANAB NAGAR</t>
  </si>
  <si>
    <t>Chani</t>
  </si>
  <si>
    <t>near  bashir abad  sahiwal road chanab nager</t>
  </si>
  <si>
    <t>BUSHRA AKHTAR</t>
  </si>
  <si>
    <t>GGHS FAZIL</t>
  </si>
  <si>
    <t>fazil</t>
  </si>
  <si>
    <t>fazil tehsil k.kot bhakkar</t>
  </si>
  <si>
    <t>GGHS FEROZ WATTOWAN</t>
  </si>
  <si>
    <t>ferozwattowan</t>
  </si>
  <si>
    <t>gghs ferozwattowan skp</t>
  </si>
  <si>
    <t>ferozwattowan-1</t>
  </si>
  <si>
    <t>Kausar Nazir</t>
  </si>
  <si>
    <t>GGHS FEROZE ABAD GUJRAT</t>
  </si>
  <si>
    <t>mohallah Ferozabad  ferozabad</t>
  </si>
  <si>
    <t>gghs ferozabad gujrat</t>
  </si>
  <si>
    <t>ferozabad gujrat</t>
  </si>
  <si>
    <t>khalidabad gujrat</t>
  </si>
  <si>
    <t>gulshan shama</t>
  </si>
  <si>
    <t>GGHS FEROZE PUR ROAD</t>
  </si>
  <si>
    <t>59 ferozepur Road Lahore</t>
  </si>
  <si>
    <t>Ferozepur Road</t>
  </si>
  <si>
    <t>Bahawalpur House</t>
  </si>
  <si>
    <t>Azra Amir</t>
  </si>
  <si>
    <t>GGHS FEROZEWALA</t>
  </si>
  <si>
    <t>p.o.khas ferozewala</t>
  </si>
  <si>
    <t>NAJAM-UN-NISA</t>
  </si>
  <si>
    <t>GGHS FOREMAN SHAHALAM MARKET</t>
  </si>
  <si>
    <t>SHAH ALAM MARKET</t>
  </si>
  <si>
    <t>GOVT.FORMAN GIRLS HIGH SCHOOL SHAH ALAM MARKET,LAHORE.</t>
  </si>
  <si>
    <t>Parvin Kausar</t>
  </si>
  <si>
    <t>GGHS FORMULI</t>
  </si>
  <si>
    <t>Formali</t>
  </si>
  <si>
    <t>village and post office formali.Tehsil Hazro District Attock</t>
  </si>
  <si>
    <t>GGHS FORT ABBAS</t>
  </si>
  <si>
    <t>Ayoub Road Diggi Muhallah FORT ABBAS</t>
  </si>
  <si>
    <t>ayoub road diggi muhallah FTS</t>
  </si>
  <si>
    <t>MUNICIPAL COMMITTEE</t>
  </si>
  <si>
    <t>GGHS GADAI</t>
  </si>
  <si>
    <t>gghs Gadai</t>
  </si>
  <si>
    <t>shakeela khanum</t>
  </si>
  <si>
    <t>GGHS GADDY WAL</t>
  </si>
  <si>
    <t>GGHS GADDYWAL HUJRA</t>
  </si>
  <si>
    <t>sumaira ali</t>
  </si>
  <si>
    <t>GGHS GADGORE</t>
  </si>
  <si>
    <t>GADGORE</t>
  </si>
  <si>
    <t>v&amp; p/o GADGORE teh pasrur dist Sialkot</t>
  </si>
  <si>
    <t>GGHS GAH</t>
  </si>
  <si>
    <t>Gah Begal</t>
  </si>
  <si>
    <t>vpo gah tehsil &amp; distt chakwal</t>
  </si>
  <si>
    <t>Qurat-ul-ain</t>
  </si>
  <si>
    <t>water pump,govt water supp</t>
  </si>
  <si>
    <t>GGHS GAHI</t>
  </si>
  <si>
    <t>gahi</t>
  </si>
  <si>
    <t>gghs gahi</t>
  </si>
  <si>
    <t>buchal khurd</t>
  </si>
  <si>
    <t>SHAISTA NAWAZ</t>
  </si>
  <si>
    <t>GGHS GAHREE</t>
  </si>
  <si>
    <t>Gharee</t>
  </si>
  <si>
    <t>GGHSGahree Noshera Virkan</t>
  </si>
  <si>
    <t>Gahree</t>
  </si>
  <si>
    <t>Noshera Vkrkan</t>
  </si>
  <si>
    <t>attia jabeen</t>
  </si>
  <si>
    <t>GGHS GAKHAR NO.2</t>
  </si>
  <si>
    <t>muhala lakh data ghakhar</t>
  </si>
  <si>
    <t>Shamsa Masud</t>
  </si>
  <si>
    <t>GGHS GAKHRA KALAN</t>
  </si>
  <si>
    <t>Ghakra Kalan</t>
  </si>
  <si>
    <t>Govt Girls High School Gakhra Kalan Gujrat</t>
  </si>
  <si>
    <t>GGHS GAKKA MITTAR</t>
  </si>
  <si>
    <t>Ghakka mitter Daska road Wzd</t>
  </si>
  <si>
    <t>Ghakkamitter</t>
  </si>
  <si>
    <t>Hafiza Saera</t>
  </si>
  <si>
    <t>GGHS GALI JAGEER</t>
  </si>
  <si>
    <t>vpo Gali jageer</t>
  </si>
  <si>
    <t>Gali  jageer</t>
  </si>
  <si>
    <t>Galijageer</t>
  </si>
  <si>
    <t>Nabila  Aziz</t>
  </si>
  <si>
    <t>purchase</t>
  </si>
  <si>
    <t>GGHS GALLAY WALA</t>
  </si>
  <si>
    <t>Govt. Girls High School Gaily Wala Lodhran</t>
  </si>
  <si>
    <t>Briha Zainab</t>
  </si>
  <si>
    <t>GGHS GANDRA KALAN</t>
  </si>
  <si>
    <t>Gandra Kalan</t>
  </si>
  <si>
    <t>Govt girls high school gandra kalan, teh and district gujrat</t>
  </si>
  <si>
    <t>SHABANA ASHRAF</t>
  </si>
  <si>
    <t>GGHS GANESH PURA</t>
  </si>
  <si>
    <t>Ganesh Pura</t>
  </si>
  <si>
    <t>Talli wala minchinabad</t>
  </si>
  <si>
    <t>Shamas Wala</t>
  </si>
  <si>
    <t>Behkan Bodla</t>
  </si>
  <si>
    <t>Fozia Anjum Bukhari</t>
  </si>
  <si>
    <t>GGHS GANGA ICE FACTORY GULBERG</t>
  </si>
  <si>
    <t>Govt Girls High school ganga Ice factory Gulberg 2 lahore</t>
  </si>
  <si>
    <t>Ghous-ul-Azam Colony</t>
  </si>
  <si>
    <t>Alia Rqfique</t>
  </si>
  <si>
    <t>GGHS GANGAL GULZAR-E-QUAID RAWALPINDI</t>
  </si>
  <si>
    <t>Main Gulzar e Quaid entrance rwp</t>
  </si>
  <si>
    <t>Gulzar e Quaid</t>
  </si>
  <si>
    <t>Ms. Riffat Naheed Raja</t>
  </si>
  <si>
    <t>GGHS GANGOHAR</t>
  </si>
  <si>
    <t>gangohar</t>
  </si>
  <si>
    <t>Yasmeen Alam</t>
  </si>
  <si>
    <t>GGHS GANJA</t>
  </si>
  <si>
    <t>Gunja</t>
  </si>
  <si>
    <t>Govt. Girls High School Gunja.Tehsil Kharian. District Gujrat..</t>
  </si>
  <si>
    <t>GGHS GARH FATEH SHAH FSD</t>
  </si>
  <si>
    <t>garh fateh shah</t>
  </si>
  <si>
    <t>g.g.h/s garh fateh shah</t>
  </si>
  <si>
    <t>fariha shabbir</t>
  </si>
  <si>
    <t>filltered water</t>
  </si>
  <si>
    <t>GGHS GARH MAHARAJA</t>
  </si>
  <si>
    <t>gghs g.m raja</t>
  </si>
  <si>
    <t>GGHS GEHLAN HITTAR</t>
  </si>
  <si>
    <t>GGHS GEHLAN HITHAR</t>
  </si>
  <si>
    <t>gehlan hithar</t>
  </si>
  <si>
    <t>GGHS GHABRIKKA</t>
  </si>
  <si>
    <t>Ghubrika</t>
  </si>
  <si>
    <t>pindi bhatyian village ghubrika</t>
  </si>
  <si>
    <t>GGHS GHAFOOR ABAD</t>
  </si>
  <si>
    <t>Basti Ghafoor Abad</t>
  </si>
  <si>
    <t>Khanoo wali</t>
  </si>
  <si>
    <t>GGHS GHAFOOR ABAD NO.1</t>
  </si>
  <si>
    <t>mohallah ghafoorabad chiniot</t>
  </si>
  <si>
    <t>Rubina Chaudhary</t>
  </si>
  <si>
    <t>hand pump and water pump both</t>
  </si>
  <si>
    <t>GGHS GHANG</t>
  </si>
  <si>
    <t>GHANG</t>
  </si>
  <si>
    <t>UC-GHANG</t>
  </si>
  <si>
    <t>GGHS GHANIAA KEY PO. KOT RADH KISHAN</t>
  </si>
  <si>
    <t>Ghniakey</t>
  </si>
  <si>
    <t>ghniakey, tehsil krk</t>
  </si>
  <si>
    <t>GGHS GHANIAN</t>
  </si>
  <si>
    <t>VPO Ghanian Tehsil Phalia District Mandi Baha Uddin</t>
  </si>
  <si>
    <t>Shagufta Tabassum</t>
  </si>
  <si>
    <t>GGHS GHANSIA</t>
  </si>
  <si>
    <t>GHANSIA</t>
  </si>
  <si>
    <t>Govt.Girls High School Ghansia Tehsil and Distt.Gujrat</t>
  </si>
  <si>
    <t>CHECHIAN SHAMAS</t>
  </si>
  <si>
    <t>Mamoona Nasira</t>
  </si>
  <si>
    <t>GGHS GHARHI IKHTIAR KHAN</t>
  </si>
  <si>
    <t>Garhi Ikhtiar Khan</t>
  </si>
  <si>
    <t>garhi ikhtiar khan</t>
  </si>
  <si>
    <t>Dhand Gangri</t>
  </si>
  <si>
    <t>ZAHRA BIBI</t>
  </si>
  <si>
    <t>GGHS GHARI AFGHANAN</t>
  </si>
  <si>
    <t>Taxila</t>
  </si>
  <si>
    <t>VILLAGE AND PO GARHI AFGHANAN</t>
  </si>
  <si>
    <t>Garhi Afghanan</t>
  </si>
  <si>
    <t>ANEESA KHANAM</t>
  </si>
  <si>
    <t>GGHS GHARIAL KALAN</t>
  </si>
  <si>
    <t>Village Gharial Kalan</t>
  </si>
  <si>
    <t>Munaza Mustafa</t>
  </si>
  <si>
    <t>GGHS GHARIB ABAD</t>
  </si>
  <si>
    <t>near eid gah gharib Abad khan pur</t>
  </si>
  <si>
    <t>Gharib Abad</t>
  </si>
  <si>
    <t>nuzhat yasmeen</t>
  </si>
  <si>
    <t>GGHS GHARIB WAL</t>
  </si>
  <si>
    <t>VILL &amp; P/O GHARIBWAL PIND DADAN KHAN DISTT JHELUM.</t>
  </si>
  <si>
    <t>SAUWAL</t>
  </si>
  <si>
    <t>pERVEEN AKHTAR</t>
  </si>
  <si>
    <t>GGHS GHARJAKH</t>
  </si>
  <si>
    <t>main road garjakh grw</t>
  </si>
  <si>
    <t>Mansoora Shafqat</t>
  </si>
  <si>
    <t>GGHS GHARMALA</t>
  </si>
  <si>
    <t>vpo gharmala jhelum</t>
  </si>
  <si>
    <t>Mamoona Mushtaq</t>
  </si>
  <si>
    <t>GGHS GHATALIAN</t>
  </si>
  <si>
    <t>village and p/o ghatialian tehsil pasrur district sialkot</t>
  </si>
  <si>
    <t>GGHS GHAZI ABAD</t>
  </si>
  <si>
    <t>ghaziabad</t>
  </si>
  <si>
    <t>govt. Girls High School Ghaziabad Lahore</t>
  </si>
  <si>
    <t>ghaziabad lahore</t>
  </si>
  <si>
    <t>Ghaziabad</t>
  </si>
  <si>
    <t>naheeda shamim</t>
  </si>
  <si>
    <t>GGHS GHIAL ZAREEN</t>
  </si>
  <si>
    <t>ghial zaireen</t>
  </si>
  <si>
    <t>ghial zaireen p/o bulani teh sarai alamgir distt.gujrat</t>
  </si>
  <si>
    <t>pir khana</t>
  </si>
  <si>
    <t>shehnaz begum</t>
  </si>
  <si>
    <t>GGHS GHOURGHUSHTI</t>
  </si>
  <si>
    <t>Mohallah ishaq zai ghourghushti</t>
  </si>
  <si>
    <t>Humera Qayyum</t>
  </si>
  <si>
    <t>GGHS GHOUS ABAD</t>
  </si>
  <si>
    <t>GhousAbad</t>
  </si>
  <si>
    <t>GGHS GHOUSABAD</t>
  </si>
  <si>
    <t>GHOUS ABAD</t>
  </si>
  <si>
    <t>GGHS GHOUS NAGAR KHUSHAB</t>
  </si>
  <si>
    <t>mohallah postian wala khb</t>
  </si>
  <si>
    <t>shazia jabeen</t>
  </si>
  <si>
    <t>GGHS GHOWIND LAHORE CANTT</t>
  </si>
  <si>
    <t>Village Ghawind PO Barki Lahore Cantt</t>
  </si>
  <si>
    <t>GGHS GHUINKEY</t>
  </si>
  <si>
    <t>Ghuinke</t>
  </si>
  <si>
    <t>gghs ghuinke tehsil daska district sialkot</t>
  </si>
  <si>
    <t>TALLAT  YASMIN</t>
  </si>
  <si>
    <t>boring water</t>
  </si>
  <si>
    <t>GGHS GHULAM FATIMA NAROWAL</t>
  </si>
  <si>
    <t>RAHILA ARSHAD</t>
  </si>
  <si>
    <t>GGHS GHULLAY BAJWA</t>
  </si>
  <si>
    <t>Ghully Bajwa</t>
  </si>
  <si>
    <t>village Ghullay bajwa Tehsil zafarwal district narowal</t>
  </si>
  <si>
    <t>Ferozpur</t>
  </si>
  <si>
    <t>aqsa Safdar</t>
  </si>
  <si>
    <t>GGHS GHUMMAN WALA</t>
  </si>
  <si>
    <t>ghumman wala</t>
  </si>
  <si>
    <t>govt girls high school ghumman wala</t>
  </si>
  <si>
    <t>abida majeed</t>
  </si>
  <si>
    <t>GGHS GILANI WAH CANTT</t>
  </si>
  <si>
    <t>Govt.Gilani Girls High school Wah Cantt near milad chowk wah cantt</t>
  </si>
  <si>
    <t>Cantonment Board Wah Cantt</t>
  </si>
  <si>
    <t>rUBINA aKHTER</t>
  </si>
  <si>
    <t>pOF WAH CANTT</t>
  </si>
  <si>
    <t>GGHS GILLAN WALA</t>
  </si>
  <si>
    <t>gillanwala</t>
  </si>
  <si>
    <t>GGHS GILLANWALA TEHSILE &amp; DISTRICT. GUJRAT</t>
  </si>
  <si>
    <t>MISBAH AMIN</t>
  </si>
  <si>
    <t>GGHS GIRJA RWP</t>
  </si>
  <si>
    <t>Govt.Girls High School Girja RWP</t>
  </si>
  <si>
    <t>Qamar-un-Nisa</t>
  </si>
  <si>
    <t>GGHS GIROTE KHUSHAB</t>
  </si>
  <si>
    <t>VPO  girote</t>
  </si>
  <si>
    <t>FARHAT YASMEEN ALVI</t>
  </si>
  <si>
    <t>GGHS GLOTIAN KHURD</t>
  </si>
  <si>
    <t>Galotian Khurd</t>
  </si>
  <si>
    <t>Vill. &amp; P.O Galotian Khurd teh. Daska Distt. Sialkot</t>
  </si>
  <si>
    <t>Galotian khurd</t>
  </si>
  <si>
    <t>uzma parveen</t>
  </si>
  <si>
    <t>GGHS GOACHH</t>
  </si>
  <si>
    <t>Goachh</t>
  </si>
  <si>
    <t>vill: goachh p/o achh teh: kharian distt: gujrat</t>
  </si>
  <si>
    <t>Achh</t>
  </si>
  <si>
    <t>rehana kousar</t>
  </si>
  <si>
    <t>GGHS GOBIND GARH</t>
  </si>
  <si>
    <t>gghs gobind garh</t>
  </si>
  <si>
    <t>Gobind Garh</t>
  </si>
  <si>
    <t>Rahat</t>
  </si>
  <si>
    <t>GGHS GODHA</t>
  </si>
  <si>
    <t>Godha</t>
  </si>
  <si>
    <t>village godha, p.o. Randhawa, Tehsil Pasrur, Distt. Sialkot</t>
  </si>
  <si>
    <t>tayyaba nasir</t>
  </si>
  <si>
    <t>GGHS GOGRA</t>
  </si>
  <si>
    <t>Ghogra</t>
  </si>
  <si>
    <t>vill &amp; P/O Ghogra Teh &amp; Distt Rwp</t>
  </si>
  <si>
    <t>rashida faiz</t>
  </si>
  <si>
    <t>GGHS GOGRAN</t>
  </si>
  <si>
    <t>GGHS Gogran</t>
  </si>
  <si>
    <t>SHUMAILA RIAZ</t>
  </si>
  <si>
    <t>GGHS GOHAR KHAN WALA</t>
  </si>
  <si>
    <t>Abbakhel</t>
  </si>
  <si>
    <t>G.g.h/s abbakhel</t>
  </si>
  <si>
    <t>Fazlan Zamaz</t>
  </si>
  <si>
    <t>GGHS GOHER WALA</t>
  </si>
  <si>
    <t>Goher Wala Teh. Mankera Distt. Bhakkar.</t>
  </si>
  <si>
    <t>GGHS GOINDKAY</t>
  </si>
  <si>
    <t>village &amp; post office goindke tehsil daska district sialkot</t>
  </si>
  <si>
    <t>NIGHAT YASMIN</t>
  </si>
  <si>
    <t>GGHS GOJRA QUAID AZAM ROAD</t>
  </si>
  <si>
    <t>GGHS QUAID AZAM ROAD,GOJRA.</t>
  </si>
  <si>
    <t>municipal committee gojra</t>
  </si>
  <si>
    <t>nasira anwaar</t>
  </si>
  <si>
    <t>GGHS GOPAL NAGAR</t>
  </si>
  <si>
    <t>NASEERABAD</t>
  </si>
  <si>
    <t>GGHS GOPAL NAGAR GULBERG III LAHORE</t>
  </si>
  <si>
    <t>gopal nagar lahore</t>
  </si>
  <si>
    <t>NASEERA BAD</t>
  </si>
  <si>
    <t>GGHS GOPAL PUR</t>
  </si>
  <si>
    <t>Gopalpur</t>
  </si>
  <si>
    <t>GghsGopalpur</t>
  </si>
  <si>
    <t>Syendawali</t>
  </si>
  <si>
    <t>Rehana Kauusar</t>
  </si>
  <si>
    <t>GGHS GORAKHPUR</t>
  </si>
  <si>
    <t>village gorakhpur post office dahgal tehsil &amp; district rwp</t>
  </si>
  <si>
    <t>adyala</t>
  </si>
  <si>
    <t>chasme huma</t>
  </si>
  <si>
    <t>GGHS GORALA</t>
  </si>
  <si>
    <t>sadia idrees</t>
  </si>
  <si>
    <t>GGHS GOTERYALA</t>
  </si>
  <si>
    <t>goteriala</t>
  </si>
  <si>
    <t>v.p.o. goteriala tehsil kharian district gujrat</t>
  </si>
  <si>
    <t>Goteriala</t>
  </si>
  <si>
    <t>thutha rai bahadur</t>
  </si>
  <si>
    <t>saba Noreen</t>
  </si>
  <si>
    <t>GGHS GOTH MEHRAB</t>
  </si>
  <si>
    <t>GGHS GOTH MEHRAB BWP</t>
  </si>
  <si>
    <t>Uzma Faheem</t>
  </si>
  <si>
    <t>GGHS GOVERNOR HOUSE LAHORE</t>
  </si>
  <si>
    <t>GOVT. GIRLS HIGH SCHOOL GOVERNOR'S HOUSE LAHORE</t>
  </si>
  <si>
    <t>/ Muhallah GOVERNOR HOUSE</t>
  </si>
  <si>
    <t>QILA GUJJAR SINGH</t>
  </si>
  <si>
    <t>FARRUKH SIDDIQUE</t>
  </si>
  <si>
    <t>GGHS GREEN KOT</t>
  </si>
  <si>
    <t>green kot</t>
  </si>
  <si>
    <t>village green kot</t>
  </si>
  <si>
    <t>IBRAHIM ABAD</t>
  </si>
  <si>
    <t>Rehana Sadique</t>
  </si>
  <si>
    <t>GGHS GREEN TOWN</t>
  </si>
  <si>
    <t>govt.girls high school block 3 sector D II green town lhr</t>
  </si>
  <si>
    <t>sajida tahir</t>
  </si>
  <si>
    <t>GGHS GUDARA</t>
  </si>
  <si>
    <t>GOVT. GIRLS HIGH SCHOOL GUDARA.P/O G.M.RAJA.TEHSIL.AHMAD. PUR SIAL.JHANG</t>
  </si>
  <si>
    <t>GGHS GUFFANWALA</t>
  </si>
  <si>
    <t>guffanwala</t>
  </si>
  <si>
    <t>guffanwala tehsil kalllar kahar district chakwal</t>
  </si>
  <si>
    <t>GGHS GUJIANA NAU</t>
  </si>
  <si>
    <t>GUJIANA NAU</t>
  </si>
  <si>
    <t>Govt Girls High school, Gujiana Nao, SKP</t>
  </si>
  <si>
    <t>Gujiana Nao</t>
  </si>
  <si>
    <t>GUJIANA NAO</t>
  </si>
  <si>
    <t>Riffat Liaqat</t>
  </si>
  <si>
    <t>GGHS GUJRAT</t>
  </si>
  <si>
    <t>Qasbagujrat</t>
  </si>
  <si>
    <t>gghs qasba gujrat</t>
  </si>
  <si>
    <t>Qasba  gujrat</t>
  </si>
  <si>
    <t>Samina Khalid</t>
  </si>
  <si>
    <t>GGHS GULAB ALI</t>
  </si>
  <si>
    <t>Gulab Ali</t>
  </si>
  <si>
    <t>gghs gulab ali bwn</t>
  </si>
  <si>
    <t>Zaitoon Kousar</t>
  </si>
  <si>
    <t>GGHS GULISTAN COLONY</t>
  </si>
  <si>
    <t>Gulistan Colony</t>
  </si>
  <si>
    <t>aziz Fatima road near masjid quba millat chowk faisalabad</t>
  </si>
  <si>
    <t>Rukhsana Ismail</t>
  </si>
  <si>
    <t>chiller</t>
  </si>
  <si>
    <t>GGHS GULSHAN IQBAL</t>
  </si>
  <si>
    <t>CHAK NO. 110/P</t>
  </si>
  <si>
    <t>BLOCK Y SCHEME NO. 2 GULSHAN E IQBAL RYK</t>
  </si>
  <si>
    <t>GULSHAN E IQBAL</t>
  </si>
  <si>
    <t>SAJIDA PERVEEN</t>
  </si>
  <si>
    <t>GGHS GULYAL FATEH JANG</t>
  </si>
  <si>
    <t>GULIAL</t>
  </si>
  <si>
    <t>GGHS GULIAL P/O KOT FATEH KHAN TEH FATEH JANG DISTRICT ATTOCK</t>
  </si>
  <si>
    <t>FARHAT ZAHRA</t>
  </si>
  <si>
    <t>GGHS GULYANA</t>
  </si>
  <si>
    <t>iqbal colony vpo gulyana gujar khan</t>
  </si>
  <si>
    <t>BEENA NAWAZ</t>
  </si>
  <si>
    <t>GGHS GULZAR JAGIR</t>
  </si>
  <si>
    <t>P/O Gulzar Jagir Tehsil Pattoki, district Kasur</t>
  </si>
  <si>
    <t>Gulzar jagir</t>
  </si>
  <si>
    <t>Zartaj Iqbal</t>
  </si>
  <si>
    <t>GGHS GULZAR-E-ISLAM</t>
  </si>
  <si>
    <t>Satellite town grw</t>
  </si>
  <si>
    <t>GUL-E-RAANA</t>
  </si>
  <si>
    <t>GGHS GUMTALA</t>
  </si>
  <si>
    <t>gghs gumtala shakargarh</t>
  </si>
  <si>
    <t>GGHS GUNA KALAN</t>
  </si>
  <si>
    <t>Gunna Kalan</t>
  </si>
  <si>
    <t>Village &amp; p.o. gunna kalan</t>
  </si>
  <si>
    <t>Parag Pur</t>
  </si>
  <si>
    <t>GGHS GUNGRAN</t>
  </si>
  <si>
    <t>Gungran</t>
  </si>
  <si>
    <t>govt. girls high school gungran</t>
  </si>
  <si>
    <t>Mariam Bibi</t>
  </si>
  <si>
    <t>GGHS GUNJIAL</t>
  </si>
  <si>
    <t>GUNJIAL</t>
  </si>
  <si>
    <t>P/O GUNJIAL TEHSIL QUAID ABAD DISST KHUSHAB</t>
  </si>
  <si>
    <t>Maryam Shabbir</t>
  </si>
  <si>
    <t>GGHS GUNNA AUR</t>
  </si>
  <si>
    <t>Gunna Aur</t>
  </si>
  <si>
    <t>Gunna Aur tehsil kamoke district gujranwala</t>
  </si>
  <si>
    <t>Shamaila Arif</t>
  </si>
  <si>
    <t>GGHS GURA UTEM SINGH</t>
  </si>
  <si>
    <t>Gurrah</t>
  </si>
  <si>
    <t>Gurrah Utam singh</t>
  </si>
  <si>
    <t>Gurrah Utam Singh</t>
  </si>
  <si>
    <t>Jajail</t>
  </si>
  <si>
    <t>Khadija Muzzaffar</t>
  </si>
  <si>
    <t>GGHS GURMANI</t>
  </si>
  <si>
    <t>GGHSGurmani</t>
  </si>
  <si>
    <t>Qasba Gurmani</t>
  </si>
  <si>
    <t>Nighat Saeed Chishti</t>
  </si>
  <si>
    <t>GGHS HABIB COLONY BAHAWALPUR</t>
  </si>
  <si>
    <t>zakhera samma satta</t>
  </si>
  <si>
    <t>GGHS habib colony bwp</t>
  </si>
  <si>
    <t>habib colony</t>
  </si>
  <si>
    <t>bahawalpur-18 city</t>
  </si>
  <si>
    <t>shagufta parveen</t>
  </si>
  <si>
    <t>GGHS HABIB PURA</t>
  </si>
  <si>
    <t>Govt. Girls High School Habib Pura Sialkot City</t>
  </si>
  <si>
    <t>Nughaz Afifa Naz</t>
  </si>
  <si>
    <t>GGHS HADALI</t>
  </si>
  <si>
    <t>Govt. Girls High School Hadali Tehsil and District Khushab</t>
  </si>
  <si>
    <t>MC Hadali</t>
  </si>
  <si>
    <t>FARZANA NASEEM SAGGU</t>
  </si>
  <si>
    <t>GGHS HADDOWALI</t>
  </si>
  <si>
    <t>Vpo Haddowali Teh Jand Attock</t>
  </si>
  <si>
    <t>Haddowali</t>
  </si>
  <si>
    <t>Shazia Naureen</t>
  </si>
  <si>
    <t>GGHS HADYARA LAHORE CANTT</t>
  </si>
  <si>
    <t>Hadyara</t>
  </si>
  <si>
    <t>Govt Girls High School Hadyara lahore Cantt</t>
  </si>
  <si>
    <t>Syeda Riffat Sabri</t>
  </si>
  <si>
    <t>GGHS HAIBAT PUR</t>
  </si>
  <si>
    <t>haibat pur</t>
  </si>
  <si>
    <t>haibatpur tehsil zafarwal district narrowal</t>
  </si>
  <si>
    <t>uncha kalan</t>
  </si>
  <si>
    <t>Irshad bajwa</t>
  </si>
  <si>
    <t>GGHS HAIDER ABAD</t>
  </si>
  <si>
    <t>haiderabad</t>
  </si>
  <si>
    <t>GGHS HAIDERABAD</t>
  </si>
  <si>
    <t>HAIDERABAD</t>
  </si>
  <si>
    <t>RABIA KHAN</t>
  </si>
  <si>
    <t>GGHS HAIGAR WALA</t>
  </si>
  <si>
    <t>haigarwala</t>
  </si>
  <si>
    <t>V.Haigarwala P/O Pahrianwali</t>
  </si>
  <si>
    <t>Haigarwala</t>
  </si>
  <si>
    <t>GGHS HAIR LAHORE CANTT</t>
  </si>
  <si>
    <t>HEIR</t>
  </si>
  <si>
    <t>GGHS HEIR LAHORE CANTT</t>
  </si>
  <si>
    <t>ROBINA AKBAR</t>
  </si>
  <si>
    <t>GGHS HAITTU</t>
  </si>
  <si>
    <t>Haittu</t>
  </si>
  <si>
    <t>Haittu teh KallurkotDistrictbhakkar</t>
  </si>
  <si>
    <t>MEHWISH  INAM</t>
  </si>
  <si>
    <t>GGHS HAJI PUR</t>
  </si>
  <si>
    <t>Hajipur</t>
  </si>
  <si>
    <t>hajipur tehsil jampur zila rajanpur</t>
  </si>
  <si>
    <t>Nelofer Manzoor</t>
  </si>
  <si>
    <t>fetched from outside</t>
  </si>
  <si>
    <t>GGHS HAJI SHAH</t>
  </si>
  <si>
    <t>Bank stop, GGHS Hajishah, Attock</t>
  </si>
  <si>
    <t>Naj mul Sahir</t>
  </si>
  <si>
    <t>GGHS HAJI WALA</t>
  </si>
  <si>
    <t>Village &amp; P/O Hajiwala Teh &amp; Distt Gujrat</t>
  </si>
  <si>
    <t>GGHS HAKIM BIBI</t>
  </si>
  <si>
    <t>Gala Mehar Baguwala</t>
  </si>
  <si>
    <t>GOVT HAKAM BIBI GIRLS HIGH SCHOOL GUJRANWALA</t>
  </si>
  <si>
    <t>Chah Malhian</t>
  </si>
  <si>
    <t>SAYMA BATOOL</t>
  </si>
  <si>
    <t>GGHS HALLAH</t>
  </si>
  <si>
    <t>gghs hallah P/O Halla Teh.Pattoki Distt.Kasur</t>
  </si>
  <si>
    <t>GGHS HALLO WAL</t>
  </si>
  <si>
    <t>PO Hallowal T&amp;D Narowal</t>
  </si>
  <si>
    <t>GGHS HALLOKI</t>
  </si>
  <si>
    <t>Halloki Tehsil Model Town Lahore</t>
  </si>
  <si>
    <t>Mrs. Bilquis Akhtar D/O Rafiq-ul-Hassan</t>
  </si>
  <si>
    <t>GGHS HAMEED</t>
  </si>
  <si>
    <t>Govt. Girls High School HameedTehsil Hazro Distt. Attock</t>
  </si>
  <si>
    <t>Sidra Sajid</t>
  </si>
  <si>
    <t>GGHS HAMID JHANGI</t>
  </si>
  <si>
    <t>Hamid Jhangi</t>
  </si>
  <si>
    <t>GGHS, Hamid Jhangi, tehsil Gujar Khan, District Rawalpindi</t>
  </si>
  <si>
    <t>Jhangi Jalal</t>
  </si>
  <si>
    <t>Rizwana Saddique</t>
  </si>
  <si>
    <t>govt. water and school boring</t>
  </si>
  <si>
    <t>GGHS HAMID PUR KALAN</t>
  </si>
  <si>
    <t>Hamid Pur Kalan</t>
  </si>
  <si>
    <t>hameed pur kalan</t>
  </si>
  <si>
    <t>GGHS HAMU GAKHAR</t>
  </si>
  <si>
    <t>Hammu gakhar</t>
  </si>
  <si>
    <t>Hammu Gakhar</t>
  </si>
  <si>
    <t>sheni</t>
  </si>
  <si>
    <t>Khadija Khanam</t>
  </si>
  <si>
    <t>GGHS HANGLEE CHAK 121/RB</t>
  </si>
  <si>
    <t>Hanjali</t>
  </si>
  <si>
    <t>Govt.  Girls High School Hanjali</t>
  </si>
  <si>
    <t>GGHS HANJAR WAL</t>
  </si>
  <si>
    <t>Hanjarwal</t>
  </si>
  <si>
    <t>GOVT GIRLS HIGH SCHOOL HANJARWAL MULTAN ROAD LAHORE</t>
  </si>
  <si>
    <t>HANJARWAL</t>
  </si>
  <si>
    <t>Mahmooda nasreen</t>
  </si>
  <si>
    <t>GGHS HARAM GATE MULTAN</t>
  </si>
  <si>
    <t>Multan City</t>
  </si>
  <si>
    <t>GGHS Haram Gate Multan</t>
  </si>
  <si>
    <t>Shah Gardaiz</t>
  </si>
  <si>
    <t>Mrs. Andleeb Zafar D/o Muhammad Zafar Khan</t>
  </si>
  <si>
    <t>GGHS HARAN PUR</t>
  </si>
  <si>
    <t>govt girls high school haranpur</t>
  </si>
  <si>
    <t>jaria batool</t>
  </si>
  <si>
    <t>GGHS HARAPPA</t>
  </si>
  <si>
    <t>HARAPPA CITY</t>
  </si>
  <si>
    <t>GOVT.GIRLS HIGH SCHOOL HARAPPA CITY DISTT.SAHIWAL</t>
  </si>
  <si>
    <t>FARKHANDA MUNAWAR</t>
  </si>
  <si>
    <t>GGHS HARDO BOHAT</t>
  </si>
  <si>
    <t>HARDO BOHAT</t>
  </si>
  <si>
    <t>VPO HARDO BOHAT TEHSIL &amp; DISTRICT M.B Din</t>
  </si>
  <si>
    <t>CHOROND</t>
  </si>
  <si>
    <t>AYESHA ARSHAD</t>
  </si>
  <si>
    <t>WATER FILTRATION PLANT</t>
  </si>
  <si>
    <t>GGHS HARIA</t>
  </si>
  <si>
    <t>Village Haria Teh.Malakwal disst m.b.din</t>
  </si>
  <si>
    <t>Raqeeb Imtiaz</t>
  </si>
  <si>
    <t>GGHS HAROON</t>
  </si>
  <si>
    <t>Village Haroon Tehsil Hazro District Attock</t>
  </si>
  <si>
    <t>Robina Kalsoom</t>
  </si>
  <si>
    <t>GGHS HAROON ABAD WARD NO. 1</t>
  </si>
  <si>
    <t>City Haroonabad</t>
  </si>
  <si>
    <t>GGHS hnd</t>
  </si>
  <si>
    <t>City Hnd</t>
  </si>
  <si>
    <t>Mc Haroon Abad</t>
  </si>
  <si>
    <t>MRS.TASLEEM TARIQ</t>
  </si>
  <si>
    <t>GGHS HARRAND</t>
  </si>
  <si>
    <t>Harrand</t>
  </si>
  <si>
    <t>Basti panah Ali Harrand</t>
  </si>
  <si>
    <t>Anila Talib</t>
  </si>
  <si>
    <t>GGHS HARRAPA STATION</t>
  </si>
  <si>
    <t>Harappa Station</t>
  </si>
  <si>
    <t>govt. girls high school harappa station Sahiwal</t>
  </si>
  <si>
    <t>Jinnah Town</t>
  </si>
  <si>
    <t>Sehreem Qayyum Toor</t>
  </si>
  <si>
    <t>GGHS HASAL</t>
  </si>
  <si>
    <t>Hasil</t>
  </si>
  <si>
    <t>vpo hasil tehsil district chakwal</t>
  </si>
  <si>
    <t>GGHS HASAN ABAD</t>
  </si>
  <si>
    <t>RAJAN PUR KHURD</t>
  </si>
  <si>
    <t>GGHS HASSAN ABAD RYK</t>
  </si>
  <si>
    <t>RAJAN PUR KALAN</t>
  </si>
  <si>
    <t>GGHS HASIL SARU</t>
  </si>
  <si>
    <t>Govt.Girls High School Hasil Saru</t>
  </si>
  <si>
    <t>Rashida Nawaz</t>
  </si>
  <si>
    <t>GGHS HASILPUR MANDI</t>
  </si>
  <si>
    <t>hasilpur</t>
  </si>
  <si>
    <t>GGMHS HASILPUR MANDI</t>
  </si>
  <si>
    <t>hasilpur mandi</t>
  </si>
  <si>
    <t>MC HASILPUR</t>
  </si>
  <si>
    <t>Mrs Shehnaz Firdous</t>
  </si>
  <si>
    <t>GGHS HASILPUR OLD</t>
  </si>
  <si>
    <t>Sr. Headmistress Govt. Girls High School Hasilpur Old</t>
  </si>
  <si>
    <t>Mrs. Shahida saeed</t>
  </si>
  <si>
    <t>GGHS HASSAN ABDAL</t>
  </si>
  <si>
    <t>hazara road hassan abdal</t>
  </si>
  <si>
    <t>GGHS HASSAN MODEL, COLONY NO.3 KHANEWAL</t>
  </si>
  <si>
    <t>khanewal</t>
  </si>
  <si>
    <t>gghs hassan model col#3 kwl</t>
  </si>
  <si>
    <t>col3kwl</t>
  </si>
  <si>
    <t>LUBNA MAZHAR</t>
  </si>
  <si>
    <t>GGHS HASSAN PATHAN</t>
  </si>
  <si>
    <t>VPO HASSAN PATHAN TEHSAIL KHARAIN DISTRICT GUJRAT</t>
  </si>
  <si>
    <t>AZIZ FATIMA</t>
  </si>
  <si>
    <t>GGHS HASSU BLAIL</t>
  </si>
  <si>
    <t>Hassu balail</t>
  </si>
  <si>
    <t>gGHS Hassu balail tehsil ahmad pur sial district jhang</t>
  </si>
  <si>
    <t>hassu balail</t>
  </si>
  <si>
    <t>Shazia Akhtar</t>
  </si>
  <si>
    <t>GGHS HATTAR</t>
  </si>
  <si>
    <t>village &amp; post office Hattar,Tehsil Fateh Jang District Attock</t>
  </si>
  <si>
    <t>GGHS HAVELI BAHADAR SHAH</t>
  </si>
  <si>
    <t>Haveli Bahadur Shah</t>
  </si>
  <si>
    <t>P/O Haveli Bahadur Shah</t>
  </si>
  <si>
    <t>GGHS HAVELI KABLI MILL AZAM CLOTH MARKET LAHORE</t>
  </si>
  <si>
    <t>Govt. Girls High School Haveli Kabli Mal Azam Market Lahore</t>
  </si>
  <si>
    <t>Shahi Qila</t>
  </si>
  <si>
    <t>FOUZIA IBRAHIM</t>
  </si>
  <si>
    <t>GGHS HAVELI LONG</t>
  </si>
  <si>
    <t>Theiklan</t>
  </si>
  <si>
    <t>Haveli Lang Teh JPPW Multan</t>
  </si>
  <si>
    <t>Haveli Lang</t>
  </si>
  <si>
    <t>Karam Ali Wala</t>
  </si>
  <si>
    <t>Saadia Nihal Qureshi</t>
  </si>
  <si>
    <t>GGHS HAZARA COLONY RAWALPINDI</t>
  </si>
  <si>
    <t>Govt Girls High School Hazara Colony Rawalpindi</t>
  </si>
  <si>
    <t>Hazara Colony</t>
  </si>
  <si>
    <t>SHAHIDA BASHEER</t>
  </si>
  <si>
    <t>GGHS HAZARA MUGHLAN</t>
  </si>
  <si>
    <t>village Hazara Mughlan post office karianwala tehsil &amp; district gujrat</t>
  </si>
  <si>
    <t>Narjis Bano</t>
  </si>
  <si>
    <t>GGHS HAZOOR PUR</t>
  </si>
  <si>
    <t>gghs hazoorpur tehsile bhera distt. sargodha</t>
  </si>
  <si>
    <t>hazoorpur</t>
  </si>
  <si>
    <t>Tehmina Shehzadi</t>
  </si>
  <si>
    <t>GGHS HAZRAT KAILIAN WALA</t>
  </si>
  <si>
    <t>Hazrat Kailiamwala Kailianwala</t>
  </si>
  <si>
    <t>hazrat kailianwala tehsil wazirabad distt grw</t>
  </si>
  <si>
    <t>Hazrat Kailianwala</t>
  </si>
  <si>
    <t>hazrat kailianwala</t>
  </si>
  <si>
    <t>Miss Shaista Qaiser</t>
  </si>
  <si>
    <t>GGHS HAZRO NO.1</t>
  </si>
  <si>
    <t>Fawara chowk Tehsil Hazro Distt.Attock</t>
  </si>
  <si>
    <t>Mrs Farriha Tasadque</t>
  </si>
  <si>
    <t>GGHS HAZRO NO.2 (NAWAZ SHARIF)</t>
  </si>
  <si>
    <t>Peerdad</t>
  </si>
  <si>
    <t>Mohallah Abdul post office hazro tehsil hazro</t>
  </si>
  <si>
    <t>Hamida Tauseef</t>
  </si>
  <si>
    <t>GGHS HAZRO NO.3</t>
  </si>
  <si>
    <t>govt girls high school no.3 hazro</t>
  </si>
  <si>
    <t>Hazro-ll</t>
  </si>
  <si>
    <t>Asma farid</t>
  </si>
  <si>
    <t>GGHS H-BLOCK VEHARI</t>
  </si>
  <si>
    <t>GGHS hblock,vehari</t>
  </si>
  <si>
    <t>City Vehari</t>
  </si>
  <si>
    <t>Aalia Firdous</t>
  </si>
  <si>
    <t>GGHS HEAD SULEMANKI</t>
  </si>
  <si>
    <t>delaly kay</t>
  </si>
  <si>
    <t>canal colony head sulemanki disst okara tehsil depalpur</t>
  </si>
  <si>
    <t>head sulemanki</t>
  </si>
  <si>
    <t>nehal mahr</t>
  </si>
  <si>
    <t>SAEEDA PARVEEN</t>
  </si>
  <si>
    <t>GGHS HERDEV</t>
  </si>
  <si>
    <t>Gghs herdev</t>
  </si>
  <si>
    <t>GGHS HERMAL PUR</t>
  </si>
  <si>
    <t>govt. girls high school harmalpur jhang</t>
  </si>
  <si>
    <t>Harmalpur</t>
  </si>
  <si>
    <t>Dr.Imrana Muzammil Sial</t>
  </si>
  <si>
    <t>GGHS HERSA SHEIKH</t>
  </si>
  <si>
    <t>Hersa sheikh</t>
  </si>
  <si>
    <t>gghs hersa sheikh lahore road 15 km, chiniot</t>
  </si>
  <si>
    <t>IQRA SAJID</t>
  </si>
  <si>
    <t>GGHS HOKRA KERI</t>
  </si>
  <si>
    <t>Hokra</t>
  </si>
  <si>
    <t>village Hokra Keri p.o. lower topa Tehsil Murree District Rwp</t>
  </si>
  <si>
    <t>Hokra Keri</t>
  </si>
  <si>
    <t>Sehrbagla</t>
  </si>
  <si>
    <t>Humaira Fayyaz</t>
  </si>
  <si>
    <t>GGHS HOTE WALA</t>
  </si>
  <si>
    <t>Hotewala</t>
  </si>
  <si>
    <t>Gghs Hotewala Bahawalpur city</t>
  </si>
  <si>
    <t>Bwp City</t>
  </si>
  <si>
    <t>Naseem Anwer</t>
  </si>
  <si>
    <t>GGHS HOTHLA</t>
  </si>
  <si>
    <t>Gghs hothla p.o hothla tehsil kahuta distt. rawalpindi</t>
  </si>
  <si>
    <t>Rubina Begum</t>
  </si>
  <si>
    <t>GGHS HOUSING COLONY</t>
  </si>
  <si>
    <t>GGHS HOUSING COLONY SHEIKHUPURA</t>
  </si>
  <si>
    <t>salma mumtaz</t>
  </si>
  <si>
    <t>GGHS HOUSING COLONY GOJRA</t>
  </si>
  <si>
    <t>housing colony gojra</t>
  </si>
  <si>
    <t>T.M.O office</t>
  </si>
  <si>
    <t>Saima Khalid</t>
  </si>
  <si>
    <t>GGHS HUJJAN</t>
  </si>
  <si>
    <t>VPO Hujjan teh .kotmomin , distt. sgd</t>
  </si>
  <si>
    <t>GGHS HUJRA SHAH MUQEEM</t>
  </si>
  <si>
    <t>hUJRA</t>
  </si>
  <si>
    <t>NAI ABADI CHUNIAN ROAD HUJRA SHAH hujra</t>
  </si>
  <si>
    <t>CHUNIAN ROAD</t>
  </si>
  <si>
    <t>Town Committe Hujra Shah Muqeem</t>
  </si>
  <si>
    <t>GGHS HUSSA JAJJA</t>
  </si>
  <si>
    <t>Hussa Jajja</t>
  </si>
  <si>
    <t>GGHS HUSSA JAJJA PASRUR SIALKOT</t>
  </si>
  <si>
    <t>Soukanwind</t>
  </si>
  <si>
    <t>Shahnaz Mubashar</t>
  </si>
  <si>
    <t>GGHS HUSSAIN KHAN WALA CHAK NO 8</t>
  </si>
  <si>
    <t>hussain khan wala ch.8</t>
  </si>
  <si>
    <t>Hussin Khan Wala</t>
  </si>
  <si>
    <t>Deo Sial</t>
  </si>
  <si>
    <t>rashida perveen</t>
  </si>
  <si>
    <t>GGHS HUSSIAN KHAN WALA HITTAR</t>
  </si>
  <si>
    <t>HussainKhanwala</t>
  </si>
  <si>
    <t>HussainKhanwala hithar</t>
  </si>
  <si>
    <t>HussainKhanwala hi</t>
  </si>
  <si>
    <t>SAMINA KAUSAR</t>
  </si>
  <si>
    <t>GGHS IKHLAS</t>
  </si>
  <si>
    <t>ikhlas</t>
  </si>
  <si>
    <t>NEELAM FARRUKH BUKHARI</t>
  </si>
  <si>
    <t>GGHS IKHLAS GARH</t>
  </si>
  <si>
    <t>Akhlas Garh</t>
  </si>
  <si>
    <t>GGHS AKHLAS GARH</t>
  </si>
  <si>
    <t>AKHLAS GARH</t>
  </si>
  <si>
    <t>Nazia Shahzadi</t>
  </si>
  <si>
    <t>GGHS IKHLAS PUR</t>
  </si>
  <si>
    <t>Ikhlaspur</t>
  </si>
  <si>
    <t>ikhlaspur</t>
  </si>
  <si>
    <t>Tasneem Iqbal</t>
  </si>
  <si>
    <t>GGHS INAITI</t>
  </si>
  <si>
    <t>anaiti</t>
  </si>
  <si>
    <t>Ghazala Shafi</t>
  </si>
  <si>
    <t>GGHS INJRA</t>
  </si>
  <si>
    <t>--------</t>
  </si>
  <si>
    <t>GGHS INJRA RS</t>
  </si>
  <si>
    <t>Injra</t>
  </si>
  <si>
    <t>Lubnashehnaz</t>
  </si>
  <si>
    <t>GGHS IQBAL COLONY SARGODHA</t>
  </si>
  <si>
    <t>GGHS Iqbal Colony Sgd</t>
  </si>
  <si>
    <t>MC 13</t>
  </si>
  <si>
    <t>SAMINA YASMIN</t>
  </si>
  <si>
    <t>GGHS IQBAL HUSSAIN AGAHI ROAD MULTAN</t>
  </si>
  <si>
    <t>Shah Rukn E Shah Rukn E Shah Rukne Alam</t>
  </si>
  <si>
    <t>Govt Iqbal Girls High school Hussain Agahi Multan</t>
  </si>
  <si>
    <t>Hussain Agahi</t>
  </si>
  <si>
    <t>Abid Colony</t>
  </si>
  <si>
    <t>GGHS IQBAL MODEL TARIQ ABAD</t>
  </si>
  <si>
    <t>tariqabad</t>
  </si>
  <si>
    <t>st no 10 tariqabad fsd</t>
  </si>
  <si>
    <t>GGHS IQBAL SHAHEED PINDI PANJORAN</t>
  </si>
  <si>
    <t>pindi panjoran  post office Abadi Mehar hakam din</t>
  </si>
  <si>
    <t>Pindi Panjoran</t>
  </si>
  <si>
    <t>Pindi Ponjoran</t>
  </si>
  <si>
    <t>Faiza Jameel</t>
  </si>
  <si>
    <t>GGHS ISA KHEL</t>
  </si>
  <si>
    <t>gghs isakhel</t>
  </si>
  <si>
    <t>Maimoona Bibi</t>
  </si>
  <si>
    <t>GGHS ISLAM NAGAR</t>
  </si>
  <si>
    <t>MC Sangla</t>
  </si>
  <si>
    <t>GGHS ISLAM NAGAR, SANGLA HILL, DISTRICT NANKANA SAHIB.</t>
  </si>
  <si>
    <t>MOHALLA ISLAM PURA</t>
  </si>
  <si>
    <t>MC SANGLA HILL</t>
  </si>
  <si>
    <t>SAMINA YOUNIS</t>
  </si>
  <si>
    <t>GGHS ISLAM PUR</t>
  </si>
  <si>
    <t>GGHS Islampur multan sadar</t>
  </si>
  <si>
    <t>Khalida Saleem</t>
  </si>
  <si>
    <t>GGHS ISLAM PURA SHAHDARA NEAR MATCH FACTORY SHAHDARA</t>
  </si>
  <si>
    <t>Islamoura Shahdara</t>
  </si>
  <si>
    <t>Islam Pura Match Factory Shahdra Lahore</t>
  </si>
  <si>
    <t>MATCH FACTORY</t>
  </si>
  <si>
    <t>noor us sabah</t>
  </si>
  <si>
    <t>GGHS ISLAMI COLONY BAHAWALPUR</t>
  </si>
  <si>
    <t>GGHS ISLAMI COLONY BWP</t>
  </si>
  <si>
    <t>ISLAMI COLONY</t>
  </si>
  <si>
    <t>Aneeqa Mazhar</t>
  </si>
  <si>
    <t>GGHS ISLAMIA BRANDRATH ROAD</t>
  </si>
  <si>
    <t>Govt Islamia Girls High School Brandreth Road Lahore</t>
  </si>
  <si>
    <t>gawalmandi</t>
  </si>
  <si>
    <t>GGHS ISLAMIA DASKA</t>
  </si>
  <si>
    <t>Govt. islamia girls high school daska</t>
  </si>
  <si>
    <t>haq pura</t>
  </si>
  <si>
    <t>Zeenat Firdous</t>
  </si>
  <si>
    <t>WATER FILTERATION PLANT</t>
  </si>
  <si>
    <t>GGHS ISLAMIA DOULAT GATE MULTAN</t>
  </si>
  <si>
    <t>Juma khalsa</t>
  </si>
  <si>
    <t>Govt Islamia Girls high school Doulat gate Multan</t>
  </si>
  <si>
    <t>Mrs.Samina Zafar</t>
  </si>
  <si>
    <t>GGHS ISLAMIA J.P.JATTAN</t>
  </si>
  <si>
    <t>umar farooq road mohallah clerk pura chandandni chowk jalal pur jattan</t>
  </si>
  <si>
    <t>clerk pura</t>
  </si>
  <si>
    <t>bahjat firdaus</t>
  </si>
  <si>
    <t>GGHS ISLAMIA KHUKHA</t>
  </si>
  <si>
    <t>GGIHS Khukha</t>
  </si>
  <si>
    <t>zakia rasheed</t>
  </si>
  <si>
    <t>GGHS ISLAMIA KUNJAH</t>
  </si>
  <si>
    <t>near national bank kunjah branch</t>
  </si>
  <si>
    <t>KUNJAH</t>
  </si>
  <si>
    <t>GGHS ISLAMIA LAHORE CANTT</t>
  </si>
  <si>
    <t>Govt Islamia Girls High School Dahka Road Lahore cantt</t>
  </si>
  <si>
    <t>Safia Naureen</t>
  </si>
  <si>
    <t>GGHS ISLAMIA LAYYAH</t>
  </si>
  <si>
    <t>Layyah</t>
  </si>
  <si>
    <t>Near nadra office layyah</t>
  </si>
  <si>
    <t>Multan Road Layyah</t>
  </si>
  <si>
    <t>GGHS ISLAMIA MADINA</t>
  </si>
  <si>
    <t>madina syedan gujrat</t>
  </si>
  <si>
    <t>madina</t>
  </si>
  <si>
    <t>maria batool</t>
  </si>
  <si>
    <t>GGHS ISLAMIA MUSTAFABAD</t>
  </si>
  <si>
    <t>Govt. Islamia GHS, Main Bazar, Mustafabad, Dharam Pura, Lhr</t>
  </si>
  <si>
    <t>Mian Mir</t>
  </si>
  <si>
    <t>GGHS ISLAMIA SAHIWAL</t>
  </si>
  <si>
    <t>Fateh sher road sahiwal</t>
  </si>
  <si>
    <t>MRS. SHAHNAZ ANWAR BHUTTA</t>
  </si>
  <si>
    <t>GGHS ISLAMIA SIALKOT</t>
  </si>
  <si>
    <t>Govt  islamia girls high school sialkot</t>
  </si>
  <si>
    <t>Kareem Pura</t>
  </si>
  <si>
    <t>GGHS ISMAILWAL</t>
  </si>
  <si>
    <t>jutana</t>
  </si>
  <si>
    <t>p.o gharibwal cement factory teh pind dadan khan jhelum</t>
  </si>
  <si>
    <t>ismailwal</t>
  </si>
  <si>
    <t>sauwal</t>
  </si>
  <si>
    <t>Samia Shahwar Khanum</t>
  </si>
  <si>
    <t>GGHS ISRANI</t>
  </si>
  <si>
    <t>azharabad israni tehsil kpt</t>
  </si>
  <si>
    <t>SHABANA NAZ</t>
  </si>
  <si>
    <t>GGHS JABA</t>
  </si>
  <si>
    <t>vpo Jaba</t>
  </si>
  <si>
    <t>GGHS JABAIR PUR CHAKWAL</t>
  </si>
  <si>
    <t>JABAIRPUR</t>
  </si>
  <si>
    <t>GGHS JABAIRPUR, TEH &amp; DISTT CHAKWAL</t>
  </si>
  <si>
    <t>GGHS JABBI</t>
  </si>
  <si>
    <t>gghs jabbi sharif</t>
  </si>
  <si>
    <t>Jabbi Sharif</t>
  </si>
  <si>
    <t>FATIMA ANWAR</t>
  </si>
  <si>
    <t>GGHS JABBI KASRAN</t>
  </si>
  <si>
    <t>JABBI KASRAN</t>
  </si>
  <si>
    <t>GGHS JABBI KASRAN TAH FATEH JANG DISTT ATTOCK</t>
  </si>
  <si>
    <t>Darwesha Jan</t>
  </si>
  <si>
    <t>GGHS JABBUKI</t>
  </si>
  <si>
    <t>Jabboke p/o same kamoke Gujranwala</t>
  </si>
  <si>
    <t>Chak Ram Das Nou</t>
  </si>
  <si>
    <t>Sahar Amjad</t>
  </si>
  <si>
    <t>GGHS JABOKA</t>
  </si>
  <si>
    <t>jaboka</t>
  </si>
  <si>
    <t>govt.Girls High School Jaboka -p/o same jaboka</t>
  </si>
  <si>
    <t>naila shahzady</t>
  </si>
  <si>
    <t>GGHS JADA JHELUM</t>
  </si>
  <si>
    <t>jada</t>
  </si>
  <si>
    <t>near jada chungi jhelum</t>
  </si>
  <si>
    <t>GGHS JAFARIA HOUSING COLONY T.T.SINGH</t>
  </si>
  <si>
    <t>T.T.Singh</t>
  </si>
  <si>
    <t>Housing Colony T.T.Singh</t>
  </si>
  <si>
    <t>Housing colony T.T.Singh</t>
  </si>
  <si>
    <t>city-II</t>
  </si>
  <si>
    <t>Zubaira Majeed</t>
  </si>
  <si>
    <t>GGHS JAFFAR</t>
  </si>
  <si>
    <t>Jaffar</t>
  </si>
  <si>
    <t>vpo jaffar tehsil fateh jang</t>
  </si>
  <si>
    <t>Ajwala</t>
  </si>
  <si>
    <t>Bibi sumaira khatoon</t>
  </si>
  <si>
    <t>GGHS JAGGO WALA CHAK NO. 40</t>
  </si>
  <si>
    <t>Jagoo WalaChak  40</t>
  </si>
  <si>
    <t>Jagoo Wala chak 40 , Tehsil Pattoki, District kasur</t>
  </si>
  <si>
    <t>Behrwal Kalan</t>
  </si>
  <si>
    <t>urooj rasheed</t>
  </si>
  <si>
    <t>GGHS JAHAN ABAD</t>
  </si>
  <si>
    <t>POURMIANA</t>
  </si>
  <si>
    <t>POST OFFICE PIND MEHRI VILLAGE JAHANABAD TEHSIL HASSAN ABDAL  DISTRICT  ATTOCK</t>
  </si>
  <si>
    <t>JAHANABAD</t>
  </si>
  <si>
    <t>SIDDIQA PERVEEN</t>
  </si>
  <si>
    <t>GGHS JAHANABAD</t>
  </si>
  <si>
    <t>jahanabad tehsil shahpur, district sargodha</t>
  </si>
  <si>
    <t>Irbat Nosheen</t>
  </si>
  <si>
    <t>GGHS JAHANGIR</t>
  </si>
  <si>
    <t>jahangir</t>
  </si>
  <si>
    <t>gghs jahangir p.o chak doulat</t>
  </si>
  <si>
    <t>jahahgir</t>
  </si>
  <si>
    <t>boken</t>
  </si>
  <si>
    <t>tehreem gul</t>
  </si>
  <si>
    <t>GGHS JAHANIAN, JAHANIAN</t>
  </si>
  <si>
    <t>jahanian</t>
  </si>
  <si>
    <t>gghs jahania</t>
  </si>
  <si>
    <t>jahania</t>
  </si>
  <si>
    <t>mc 500</t>
  </si>
  <si>
    <t>farhat sultana</t>
  </si>
  <si>
    <t>GGHS JAHMAN</t>
  </si>
  <si>
    <t>village jahman</t>
  </si>
  <si>
    <t>Misbah-Ul-Ain</t>
  </si>
  <si>
    <t>GGHS JAISAL KALASRA</t>
  </si>
  <si>
    <t>Kharal azeem</t>
  </si>
  <si>
    <t>Basti jaisal kalasra</t>
  </si>
  <si>
    <t>Basti jaisal</t>
  </si>
  <si>
    <t>Kot sultan rural</t>
  </si>
  <si>
    <t>Suria jabeen</t>
  </si>
  <si>
    <t>GGHS JAJJAH ABBASIAN</t>
  </si>
  <si>
    <t>jajja abbasian</t>
  </si>
  <si>
    <t>govt girls high school jajja abbasian tehsil khan pur</t>
  </si>
  <si>
    <t>Shahnaz Hafeez</t>
  </si>
  <si>
    <t>GGHS JAJOKE</t>
  </si>
  <si>
    <t>jajoke</t>
  </si>
  <si>
    <t>GGHS Jajoke tehsil nowshera virkan</t>
  </si>
  <si>
    <t>Jajoke</t>
  </si>
  <si>
    <t>budha  goraya</t>
  </si>
  <si>
    <t>Khalida Ilyas</t>
  </si>
  <si>
    <t>GGHS JAL WALA NEAR MATTITAL MULTAN</t>
  </si>
  <si>
    <t>multan</t>
  </si>
  <si>
    <t>GGHS JALWALA MULTAN</t>
  </si>
  <si>
    <t>jalwala</t>
  </si>
  <si>
    <t>MATTITAL</t>
  </si>
  <si>
    <t>yasmeen mushtaq</t>
  </si>
  <si>
    <t>GGHS JALAL BALAGAN</t>
  </si>
  <si>
    <t>jalal balagan</t>
  </si>
  <si>
    <t>gghsjalalbalagan</t>
  </si>
  <si>
    <t>Shamim Choudhry</t>
  </si>
  <si>
    <t>GGHS JALAL PUR</t>
  </si>
  <si>
    <t>JALAL PUR</t>
  </si>
  <si>
    <t>ANEELA AWAN</t>
  </si>
  <si>
    <t>GGHS JALAL PUR BHATTIAN</t>
  </si>
  <si>
    <t>Govt.Girls High School, Jalalpur Bhattian</t>
  </si>
  <si>
    <t>GGHS JALAL PUR JATTAN</t>
  </si>
  <si>
    <t>GGHS JALAL PUR JATTAN,GUJRAT.</t>
  </si>
  <si>
    <t>Momi Gul</t>
  </si>
  <si>
    <t>deep well bore</t>
  </si>
  <si>
    <t>GGHS JALAL PUR PIRWALA</t>
  </si>
  <si>
    <t>jppw</t>
  </si>
  <si>
    <t>near Town committee</t>
  </si>
  <si>
    <t>FARHAT Zeba</t>
  </si>
  <si>
    <t>GGHS JALAL PUR SHARIF</t>
  </si>
  <si>
    <t>Jalal Pur Sharif</t>
  </si>
  <si>
    <t>jalal pur Sharif</t>
  </si>
  <si>
    <t>Nabila Asif</t>
  </si>
  <si>
    <t>GGHS JALAL PUR SOBTIAN</t>
  </si>
  <si>
    <t>jalal pur sobtian</t>
  </si>
  <si>
    <t>jalal pur sobtian gujrat</t>
  </si>
  <si>
    <t>Andleeb Tariq</t>
  </si>
  <si>
    <t>GGHS JALLAH JEEM</t>
  </si>
  <si>
    <t>gghs jallah jeem</t>
  </si>
  <si>
    <t>jallah jeem</t>
  </si>
  <si>
    <t>union council</t>
  </si>
  <si>
    <t>maria ashraf</t>
  </si>
  <si>
    <t>GGHS JALLAN</t>
  </si>
  <si>
    <t>P.o.box Jalhan Tehsil Noshera Virkan District Gujranwala</t>
  </si>
  <si>
    <t>Tallat Mehmood</t>
  </si>
  <si>
    <t>GGHS JALLO STATION</t>
  </si>
  <si>
    <t>jallo</t>
  </si>
  <si>
    <t>govt. girls high school jallo station, lahore cantt</t>
  </si>
  <si>
    <t>jallo pind</t>
  </si>
  <si>
    <t>Mrs. Razia Perveen</t>
  </si>
  <si>
    <t>GGHS JALLO WALI</t>
  </si>
  <si>
    <t>jallu wali</t>
  </si>
  <si>
    <t>Asma Bano</t>
  </si>
  <si>
    <t>GGHS JALO</t>
  </si>
  <si>
    <t>Raheela Nawaz</t>
  </si>
  <si>
    <t>GGHS JAMAL ABAD</t>
  </si>
  <si>
    <t>Jamalabad  nawan kot road khanpur</t>
  </si>
  <si>
    <t>Jamalabad</t>
  </si>
  <si>
    <t>GGHS JAMAL DIN WALI</t>
  </si>
  <si>
    <t>JAMAL DIN WALI</t>
  </si>
  <si>
    <t>GOVT GIRLS SECONDARY SCHOOL JAMAL DIN WALI</t>
  </si>
  <si>
    <t>GGHS JAMAL KOT</t>
  </si>
  <si>
    <t>Rukhsana Ghulam Nabi</t>
  </si>
  <si>
    <t>GGHS JAMALI</t>
  </si>
  <si>
    <t>Government Girls High School Jamali Balochan</t>
  </si>
  <si>
    <t>GGHS JAMALPUR</t>
  </si>
  <si>
    <t>Jamal pur, Tehsil Hasil pur District Bahawal pur</t>
  </si>
  <si>
    <t>Shamim Ishaq</t>
  </si>
  <si>
    <t>GGHS JAMALWAL</t>
  </si>
  <si>
    <t>VPO Jamalwal Teshil and District Chakwal</t>
  </si>
  <si>
    <t>Balo Kassar</t>
  </si>
  <si>
    <t>SHAHNAZ NAHEED</t>
  </si>
  <si>
    <t>GGHS JAMAN SHAH</t>
  </si>
  <si>
    <t>chak# 149C/TDA</t>
  </si>
  <si>
    <t>GGHS Jaman Shah</t>
  </si>
  <si>
    <t>jaman shah</t>
  </si>
  <si>
    <t>fozia saeed</t>
  </si>
  <si>
    <t>GGHS JAMES ABAD, KABIRWALA</t>
  </si>
  <si>
    <t>jamesabad</t>
  </si>
  <si>
    <t>GGHS Jamesabad</t>
  </si>
  <si>
    <t>Jamesabad</t>
  </si>
  <si>
    <t>safia khaliq</t>
  </si>
  <si>
    <t>GGHS JAMKAY CHEEMA</t>
  </si>
  <si>
    <t>govt. girlS high school jamke cheema</t>
  </si>
  <si>
    <t>anisa rani</t>
  </si>
  <si>
    <t>GGHS JAMKE CHATHA</t>
  </si>
  <si>
    <t>Jamke Chattha</t>
  </si>
  <si>
    <t>v.p.o jamke chattha tehsil wazirabad, dist gujranwala</t>
  </si>
  <si>
    <t>Robeena Shaheen</t>
  </si>
  <si>
    <t>GGHS JAMO WACHAL</t>
  </si>
  <si>
    <t>Jammu Wachal</t>
  </si>
  <si>
    <t>Jammun Wachal</t>
  </si>
  <si>
    <t>Maria Khan</t>
  </si>
  <si>
    <t>GGHS JAMSHAIR KALAN</t>
  </si>
  <si>
    <t>JAMSHER KALAN</t>
  </si>
  <si>
    <t>GOVT GIRLS HIGH SCHOOL JAMSHER KALAN</t>
  </si>
  <si>
    <t>jAMSHER KALAN</t>
  </si>
  <si>
    <t>Saima Azeem</t>
  </si>
  <si>
    <t>GGHS JAN BIBI</t>
  </si>
  <si>
    <t>Street No.  6 Mohallah Islamabad, gujranwala</t>
  </si>
  <si>
    <t>Moh Faisalabad</t>
  </si>
  <si>
    <t>NAZIA HABIB</t>
  </si>
  <si>
    <t>GGHS JAN MUHAMMAD WALA</t>
  </si>
  <si>
    <t>GGHS Jan Muhammad wala</t>
  </si>
  <si>
    <t>Uffaq Feroze</t>
  </si>
  <si>
    <t>GGHS JAN PUR</t>
  </si>
  <si>
    <t>GGHS JANPUR</t>
  </si>
  <si>
    <t>bilqees bano</t>
  </si>
  <si>
    <t>motor,electric coller</t>
  </si>
  <si>
    <t>GGHS JAND KHANZADA</t>
  </si>
  <si>
    <t>Jandkhanzada</t>
  </si>
  <si>
    <t>jand khanzada p/0 dohman  tehsil&amp;dist chakwal</t>
  </si>
  <si>
    <t>Nurjus Khatoon</t>
  </si>
  <si>
    <t>GGHS JAND NAJAR</t>
  </si>
  <si>
    <t>jand najjar</t>
  </si>
  <si>
    <t>gghs jand najjar</t>
  </si>
  <si>
    <t>bhadana</t>
  </si>
  <si>
    <t>GGHS JANDALA</t>
  </si>
  <si>
    <t>vILLAGE &amp; P/O JANDALA, TEHSIL SOHAWA, DISTRICT JHELUM</t>
  </si>
  <si>
    <t>ADRANA</t>
  </si>
  <si>
    <t>NOSHABA TOSEEF</t>
  </si>
  <si>
    <t>GGHS JANDAN WALA KALUR KOT</t>
  </si>
  <si>
    <t>Mohallah khannan khel jandanwala</t>
  </si>
  <si>
    <t>nusrat yasin</t>
  </si>
  <si>
    <t>GGHS JANDANWALA</t>
  </si>
  <si>
    <t>V.P.O jandanwala tehsil kharian distt gujrat</t>
  </si>
  <si>
    <t>Marala Gujran</t>
  </si>
  <si>
    <t>GGHS JANDIALA</t>
  </si>
  <si>
    <t>Govt Girls high School jandiala district Narowal</t>
  </si>
  <si>
    <t>GGHS JANDIALA BAGH WALA</t>
  </si>
  <si>
    <t>JANDIALA BAGH WALA</t>
  </si>
  <si>
    <t>GOVT.GIRLS HIGH SCHOOL JANDIALA BAGH WALA GUJRANWALA</t>
  </si>
  <si>
    <t>SHAMSA NAHEED</t>
  </si>
  <si>
    <t>GGHS JANDIALA DHAB WALA</t>
  </si>
  <si>
    <t>Jandiala Dhab Wala</t>
  </si>
  <si>
    <t>Dhounkal</t>
  </si>
  <si>
    <t>GGHS JANDIALA KALSAN</t>
  </si>
  <si>
    <t>JANDIALA KALSAN</t>
  </si>
  <si>
    <t>JANDIALA KALSAN P/O SAME TEH MURIDKE DISTT SKP</t>
  </si>
  <si>
    <t>RATTA GUJRAN</t>
  </si>
  <si>
    <t>Sadia Noreen</t>
  </si>
  <si>
    <t>GGHS JANDIALA SHER KHAN</t>
  </si>
  <si>
    <t>Sr.Headmistress GGHS Jandiala sher khan</t>
  </si>
  <si>
    <t>Jandiala sher khan</t>
  </si>
  <si>
    <t>jandiala sher khan sheikhupura</t>
  </si>
  <si>
    <t>Afnan Habib</t>
  </si>
  <si>
    <t>GGHS JANDOKE</t>
  </si>
  <si>
    <t>Jandoke</t>
  </si>
  <si>
    <t>Jandoke, p/o sukheki mandi, Tehsil pindi Bhattian, District hafizabad.</t>
  </si>
  <si>
    <t>Misbah Hayat</t>
  </si>
  <si>
    <t>GGHS JANDRAKA</t>
  </si>
  <si>
    <t>jandraka</t>
  </si>
  <si>
    <t>GGHS JANDRAKA OKARA</t>
  </si>
  <si>
    <t>Shafqat Zahra</t>
  </si>
  <si>
    <t>GGHS JANDU SAHI</t>
  </si>
  <si>
    <t>Jandu Sahi</t>
  </si>
  <si>
    <t>jandu sahi pobox jandu sahi daska</t>
  </si>
  <si>
    <t>GGHS JANGA P.O. JANGA</t>
  </si>
  <si>
    <t>Janga</t>
  </si>
  <si>
    <t>vpo janga teh&amp;disst.chakwal</t>
  </si>
  <si>
    <t>Adeela Irum</t>
  </si>
  <si>
    <t>GGHS JASIAL</t>
  </si>
  <si>
    <t>p/o jasial</t>
  </si>
  <si>
    <t>SUMMAIRA IRAM</t>
  </si>
  <si>
    <t>GGHS JASSAR</t>
  </si>
  <si>
    <t>Rukhsana Ijaz</t>
  </si>
  <si>
    <t>GGHS JASSER WALA</t>
  </si>
  <si>
    <t>Jassarwala</t>
  </si>
  <si>
    <t>jassarwala tehsil daska district sialkot</t>
  </si>
  <si>
    <t>Kanwanlit</t>
  </si>
  <si>
    <t>GGHS JASSOKI</t>
  </si>
  <si>
    <t>jassoki</t>
  </si>
  <si>
    <t>GGHS jassoki gujrat</t>
  </si>
  <si>
    <t>GGHS JATHEKAY</t>
  </si>
  <si>
    <t>Jathikay</t>
  </si>
  <si>
    <t>gghsjathikay,sambial</t>
  </si>
  <si>
    <t>GGHS JATIAL</t>
  </si>
  <si>
    <t>Jatial</t>
  </si>
  <si>
    <t>Gghs Jatial Hazro Attock.</t>
  </si>
  <si>
    <t>GGHS JATLI</t>
  </si>
  <si>
    <t>JATLI</t>
  </si>
  <si>
    <t>vpo jatli teh gujar khan rwp</t>
  </si>
  <si>
    <t>SALMA NAUREEN</t>
  </si>
  <si>
    <t>GGHS JATOI</t>
  </si>
  <si>
    <t>circular road jatoi</t>
  </si>
  <si>
    <t>cercular road jatoi city</t>
  </si>
  <si>
    <t>GGHS JATRI KOHNA</t>
  </si>
  <si>
    <t>GGHS JAUHAR NO 1 NAZIM ABAD FSD</t>
  </si>
  <si>
    <t>NAZIMABAD</t>
  </si>
  <si>
    <t>Nazimabad Faisalabad</t>
  </si>
  <si>
    <t>AYUB RESEARCH</t>
  </si>
  <si>
    <t>KAUSAR SHAKOOR</t>
  </si>
  <si>
    <t>GGHS JAUHAR NO 2 GULBERG B FSD</t>
  </si>
  <si>
    <t>Govt Jauhar Gsh gulberg B FsD</t>
  </si>
  <si>
    <t>GULBERg B</t>
  </si>
  <si>
    <t>Afghanabad No 1</t>
  </si>
  <si>
    <t>shagufta anjum</t>
  </si>
  <si>
    <t>GGHS JAURA KALAN</t>
  </si>
  <si>
    <t>Jaura kalan</t>
  </si>
  <si>
    <t>Jaura kalan tehsil noorpur thal district khushab</t>
  </si>
  <si>
    <t>MARY STELLA</t>
  </si>
  <si>
    <t>GGHS JAVAID GUJRAT</t>
  </si>
  <si>
    <t>HASSAN CHOWK NEAR SARWAR GOLD PLAZA GUJRAT</t>
  </si>
  <si>
    <t>MOH KHAWAJGAN</t>
  </si>
  <si>
    <t>Mussarat Naz</t>
  </si>
  <si>
    <t>GGHS JEWEN BHINDAR</t>
  </si>
  <si>
    <t>Jewen Bhindar</t>
  </si>
  <si>
    <t>Jewen bhindar p/o baddomali dist &amp; tehsil Narowal</t>
  </si>
  <si>
    <t>Alia Khalid</t>
  </si>
  <si>
    <t>GGHS JHABRA NO. 2</t>
  </si>
  <si>
    <t>Near sargodha road mianwali</t>
  </si>
  <si>
    <t>Jhambra</t>
  </si>
  <si>
    <t>Asma Hayat</t>
  </si>
  <si>
    <t>GGHS JHABRAN</t>
  </si>
  <si>
    <t>jhabbran</t>
  </si>
  <si>
    <t>govt girls high school jhabbran distt sheikhupura</t>
  </si>
  <si>
    <t>GGHS JHAMAT</t>
  </si>
  <si>
    <t>VPO JHAMAT TEH. JAND DISTT.ATTOCK</t>
  </si>
  <si>
    <t>Jabba</t>
  </si>
  <si>
    <t>TAHIRA NASIM</t>
  </si>
  <si>
    <t>water supply &amp;water pump</t>
  </si>
  <si>
    <t>GGHS JHAMKEY</t>
  </si>
  <si>
    <t>Jhamke</t>
  </si>
  <si>
    <t>Gghs Jhamke skp</t>
  </si>
  <si>
    <t>GGHS JHANDA CHICHI</t>
  </si>
  <si>
    <t>R.W.P</t>
  </si>
  <si>
    <t>GOVT. GIRLS HIGH SCHOOL JHANDA CHICHI NEW CIVIL LINE RAWALPINDI</t>
  </si>
  <si>
    <t>JHANDA CHICHI</t>
  </si>
  <si>
    <t>CHAMAN ZAR</t>
  </si>
  <si>
    <t>SOBIA CHAUDHRY</t>
  </si>
  <si>
    <t>GGHS JHANDA GUJAR KHAN</t>
  </si>
  <si>
    <t>Gujar Khan</t>
  </si>
  <si>
    <t>Ward No 27 Jhanda Gujar Khan</t>
  </si>
  <si>
    <t>Jhanda Gujar Khan</t>
  </si>
  <si>
    <t>Municipality Committee  Gk</t>
  </si>
  <si>
    <t>Qaisra Asghar Raja</t>
  </si>
  <si>
    <t>GGHS JHANG</t>
  </si>
  <si>
    <t>Govt.girls high school jhang</t>
  </si>
  <si>
    <t>Jabeen Kausar Kahoot</t>
  </si>
  <si>
    <t>GGHS JHANG CITY</t>
  </si>
  <si>
    <t>ADDA TANGA JHANG CITY</t>
  </si>
  <si>
    <t>SHAH BLOCK</t>
  </si>
  <si>
    <t>MOH HAIDRY</t>
  </si>
  <si>
    <t>FARZANA YAWAR</t>
  </si>
  <si>
    <t>GGHS JHANG SADAR</t>
  </si>
  <si>
    <t>opposite Govt. College for Women Jhang</t>
  </si>
  <si>
    <t>civil line</t>
  </si>
  <si>
    <t>GGHS JHANGI MISRI</t>
  </si>
  <si>
    <t>Jhangi Misri</t>
  </si>
  <si>
    <t>GGES Jhangi Misri P. O Miani Bala tehsil Sohawa district jhelum</t>
  </si>
  <si>
    <t>Nazara Nousheen</t>
  </si>
  <si>
    <t>GGHS JHANGI WALI</t>
  </si>
  <si>
    <t>basti maqboolabad near ada jhangiwali bwp</t>
  </si>
  <si>
    <t>Maqboolabad</t>
  </si>
  <si>
    <t>Azra Bibi</t>
  </si>
  <si>
    <t>GGHS JHARAN WALA</t>
  </si>
  <si>
    <t>Govt girls high school jharanwala</t>
  </si>
  <si>
    <t>Aneela  Ijaz Khan</t>
  </si>
  <si>
    <t>GGHS JHARKIL</t>
  </si>
  <si>
    <t>Gghs Jharkal tehsil karor district layyah</t>
  </si>
  <si>
    <t>SHAHEEN KAUSAR</t>
  </si>
  <si>
    <t>GGHS JHEURAN WALI</t>
  </si>
  <si>
    <t>jheuranwali</t>
  </si>
  <si>
    <t>GGHS JHEURANWALI</t>
  </si>
  <si>
    <t>shabana malik</t>
  </si>
  <si>
    <t>GGHS JHOKE UTTRA</t>
  </si>
  <si>
    <t>Govt girls high school jhok uttra</t>
  </si>
  <si>
    <t>GGHS JHONGAL</t>
  </si>
  <si>
    <t>Govt girls high school jhungal Gujarkhan rwp</t>
  </si>
  <si>
    <t>Jhnugal</t>
  </si>
  <si>
    <t>salma noreen</t>
  </si>
  <si>
    <t>GGHS JHUGGI WALA</t>
  </si>
  <si>
    <t>Kotla Band Ali</t>
  </si>
  <si>
    <t>GGHS jhuggiwala</t>
  </si>
  <si>
    <t>Jhuggiwala R</t>
  </si>
  <si>
    <t>tahira parveen</t>
  </si>
  <si>
    <t>GGHS JHULANA</t>
  </si>
  <si>
    <t>jhulana M.B.Din</t>
  </si>
  <si>
    <t>GGHS JIA BAGGA RAIWIND ROAD</t>
  </si>
  <si>
    <t>Jia Bsgga</t>
  </si>
  <si>
    <t>post office jia bagga</t>
  </si>
  <si>
    <t>syeda Rashida Sami</t>
  </si>
  <si>
    <t>Motor pump with filter</t>
  </si>
  <si>
    <t>GGHS JINNAH PARK R.Y. KHAN</t>
  </si>
  <si>
    <t>Gghs Jinnah Park Street No 10</t>
  </si>
  <si>
    <t>Jinnah Park</t>
  </si>
  <si>
    <t>32c</t>
  </si>
  <si>
    <t>ROZEENA NASREEN</t>
  </si>
  <si>
    <t>GGHS JOHAR COLONY SGD</t>
  </si>
  <si>
    <t>JOUHAR COLONY SARGODHA</t>
  </si>
  <si>
    <t>Jouhar Colony</t>
  </si>
  <si>
    <t>TASNEEM SULTANA</t>
  </si>
  <si>
    <t>GGHS JOHAR MEMORIAL</t>
  </si>
  <si>
    <t>Dhoke Ellahi Buksh</t>
  </si>
  <si>
    <t>GGHS Johar Memorial Dhoke ellahi Bukhsh Rawalpindi</t>
  </si>
  <si>
    <t>Samina Ayub</t>
  </si>
  <si>
    <t>GGHS JORAY PEER COLONY BAGHBAN PURA</t>
  </si>
  <si>
    <t>gghs jora peer colony baghbanpura lhr</t>
  </si>
  <si>
    <t>Nabi Pura</t>
  </si>
  <si>
    <t>muneeba aqeel</t>
  </si>
  <si>
    <t>GGHS JOUHAR 212 RB SIR SYED TOWN</t>
  </si>
  <si>
    <t>212rb sir syed town faidsalabad</t>
  </si>
  <si>
    <t>212rb</t>
  </si>
  <si>
    <t>Nazimzbad</t>
  </si>
  <si>
    <t>Sadia Munir</t>
  </si>
  <si>
    <t>GGHS JOURA KARNANA</t>
  </si>
  <si>
    <t>JAURAH KARNANA</t>
  </si>
  <si>
    <t>JOURAH KARNANA</t>
  </si>
  <si>
    <t>JAURAH</t>
  </si>
  <si>
    <t>Samira Sohail</t>
  </si>
  <si>
    <t>GGHS JOURA SIAN</t>
  </si>
  <si>
    <t>Joura sian</t>
  </si>
  <si>
    <t>Zahida Pervin</t>
  </si>
  <si>
    <t>GGHS JOYIA</t>
  </si>
  <si>
    <t>post office joyia</t>
  </si>
  <si>
    <t>Rubina Bano</t>
  </si>
  <si>
    <t>GGHS JUDHALA</t>
  </si>
  <si>
    <t>v.P/O Judhala tehsil Pasrur District Sialkot</t>
  </si>
  <si>
    <t>FARIHA AZIZ</t>
  </si>
  <si>
    <t>GGHS JUGGO WALA JALALPUR PIRWALA</t>
  </si>
  <si>
    <t>juggowala</t>
  </si>
  <si>
    <t>P/O JUGGOWALA MOUZA JUGGOWALA VIA GIALAY WALA TEHSIL JALALPUR PIR WALA DISTT.MULTAN</t>
  </si>
  <si>
    <t>JUGGOWALA</t>
  </si>
  <si>
    <t>Nadia Shabbir</t>
  </si>
  <si>
    <t>GGHS JUMBER KALAN</t>
  </si>
  <si>
    <t>Jamber Kalan</t>
  </si>
  <si>
    <t>GOVT. GIRLS HIGH SCHOOL JAMBER KALAN (KASUR)</t>
  </si>
  <si>
    <t>SAMINA AKHTER RANA</t>
  </si>
  <si>
    <t>GGHS JUNIOR MODEL BILAL TOWN JHELUM</t>
  </si>
  <si>
    <t>BILAL TOWN</t>
  </si>
  <si>
    <t>BILAL TOWN JHELUM</t>
  </si>
  <si>
    <t>JHELUM-IV</t>
  </si>
  <si>
    <t>TAHIRA TAYYABA</t>
  </si>
  <si>
    <t>GGHS JUNIOR MODEL CHUNGI NO. 6 BOSAN ROAD MULTAN</t>
  </si>
  <si>
    <t>Taraf Mubarak Doum</t>
  </si>
  <si>
    <t>ittefaq colony,chungi no 6 bosan road multan</t>
  </si>
  <si>
    <t>Ittefaq Colony</t>
  </si>
  <si>
    <t>Usman Abad</t>
  </si>
  <si>
    <t>GGHS JUNIOR MODEL HABIB COLONY BAHAWALPUR</t>
  </si>
  <si>
    <t>Street # 5, GGHS Junior Model, Bahawalpur</t>
  </si>
  <si>
    <t>City BWP</t>
  </si>
  <si>
    <t>SHAHIDA KOUSAR</t>
  </si>
  <si>
    <t>GGHS JUNIOR MODEL KHANPUR</t>
  </si>
  <si>
    <t>GGHS junior model sadat colony near ptcl office khanpur</t>
  </si>
  <si>
    <t>Sadat Colony</t>
  </si>
  <si>
    <t>MUNICIPAL AREA</t>
  </si>
  <si>
    <t>naila amjad</t>
  </si>
  <si>
    <t>GGHS JUNIOR MODEL MIAN CHANNU</t>
  </si>
  <si>
    <t>mian channu</t>
  </si>
  <si>
    <t>mohallah ansar colony near baho oil mil, mian channu</t>
  </si>
  <si>
    <t>ansar colony</t>
  </si>
  <si>
    <t>chack no 125/15-L</t>
  </si>
  <si>
    <t>AKEELA BEGUM</t>
  </si>
  <si>
    <t>GGHS JUNIOR MODEL R.Y.KHAN</t>
  </si>
  <si>
    <t>Ryk Citu</t>
  </si>
  <si>
    <t>pull school Bazar ryk</t>
  </si>
  <si>
    <t>McRyk</t>
  </si>
  <si>
    <t>aasma fatima</t>
  </si>
  <si>
    <t>GGHS JUNIOR MODEL SAMANABAD (Dungi Ground)</t>
  </si>
  <si>
    <t>Govt Junior Model Girls High School Samanabad</t>
  </si>
  <si>
    <t>Dungi Ground</t>
  </si>
  <si>
    <t>Naheed Masood</t>
  </si>
  <si>
    <t>GGHS JUNIOR MODEL SATTELITE TOWN SARGODHA</t>
  </si>
  <si>
    <t>D Block Satellite Town</t>
  </si>
  <si>
    <t>Govt junior model satellite town sargodha</t>
  </si>
  <si>
    <t>rubina Kalsoom</t>
  </si>
  <si>
    <t>GGHS JURIAN</t>
  </si>
  <si>
    <t>VPO jurian Hafizabad</t>
  </si>
  <si>
    <t>nargas</t>
  </si>
  <si>
    <t>GGHS KABIRWALA, KUTCHERY BAZAR, KABIRWALA</t>
  </si>
  <si>
    <t>kabir wala</t>
  </si>
  <si>
    <t>city kabir wala</t>
  </si>
  <si>
    <t>tma kabir wala</t>
  </si>
  <si>
    <t>MRS AMINA ZILADAR</t>
  </si>
  <si>
    <t>GGHS KABOOTER MANDI MULTAN WARD NO. 7</t>
  </si>
  <si>
    <t>GGHS KABOOTER MANDI MULTAN</t>
  </si>
  <si>
    <t>Shah Gerdez</t>
  </si>
  <si>
    <t>Rabia Zafar</t>
  </si>
  <si>
    <t>GGHS KACHA PACCA CHAK NO. 43</t>
  </si>
  <si>
    <t>KACHA PACCA CHAK 43</t>
  </si>
  <si>
    <t>GGHS KACHA PACCA CHAK 43</t>
  </si>
  <si>
    <t>PADHANA CHAK 45</t>
  </si>
  <si>
    <t>TABINDA BATOOL</t>
  </si>
  <si>
    <t>GGHS KACHA PACCA KALAN</t>
  </si>
  <si>
    <t>Kacha Pacca Kalan</t>
  </si>
  <si>
    <t>GGHS Kacha Pacca Kalan Kasur</t>
  </si>
  <si>
    <t>Saba Nazir</t>
  </si>
  <si>
    <t>GGHS KACHI MAND</t>
  </si>
  <si>
    <t>village kachi mand</t>
  </si>
  <si>
    <t>Amina Pervaiz</t>
  </si>
  <si>
    <t>GGHS KADHER</t>
  </si>
  <si>
    <t>VPO Kadhar tehsil and district Mandi bahauddin</t>
  </si>
  <si>
    <t>kadhar</t>
  </si>
  <si>
    <t>Beenish Afzal</t>
  </si>
  <si>
    <t>GGHS KAHLIAN SIHALLIAN</t>
  </si>
  <si>
    <t>Kahlian</t>
  </si>
  <si>
    <t>p/o sihali umer khan Tehsil kallar Dist rawalpindi</t>
  </si>
  <si>
    <t>Shazia Gul</t>
  </si>
  <si>
    <t>GGHS KAHNA NAU</t>
  </si>
  <si>
    <t>GOVT. GIRLS HIGH SCHOOL KAHNA NAU LAHORE</t>
  </si>
  <si>
    <t>Rubina Tasneem D/O Najeeb Ullah Chatha</t>
  </si>
  <si>
    <t>GGHS KAHUTA</t>
  </si>
  <si>
    <t>gghs kahuta near national bank kahuta rawalpindi</t>
  </si>
  <si>
    <t>Abida Asghar</t>
  </si>
  <si>
    <t>GGHS KAIR WALI</t>
  </si>
  <si>
    <t>gghs kairwali P.O dur-e-najaf lodhary Tehsil &amp; Distt Sialkot</t>
  </si>
  <si>
    <t>Kairwali</t>
  </si>
  <si>
    <t>NAZIA KOUSAR</t>
  </si>
  <si>
    <t>GGHS KAKKAR GILL</t>
  </si>
  <si>
    <t>kakar gill kahan tehsil  and District sheikhupura</t>
  </si>
  <si>
    <t>Shameen Aslam</t>
  </si>
  <si>
    <t>GGHS KAKRALA</t>
  </si>
  <si>
    <t>Kakrala</t>
  </si>
  <si>
    <t>village $po kakrala tehsil sohawa district jhelum</t>
  </si>
  <si>
    <t>Naghial</t>
  </si>
  <si>
    <t>Fozia Begum</t>
  </si>
  <si>
    <t>GGHS KAKRALI</t>
  </si>
  <si>
    <t>village &amp;p/o kakrali</t>
  </si>
  <si>
    <t>GGHS KAL</t>
  </si>
  <si>
    <t>Kaal</t>
  </si>
  <si>
    <t>vill. kaal Po Panjdhera teh &amp; Dist. Chakwal</t>
  </si>
  <si>
    <t>Jand  Khanzada</t>
  </si>
  <si>
    <t>Subiha KHANUM</t>
  </si>
  <si>
    <t>GGHS KALA</t>
  </si>
  <si>
    <t>p/o kala dgkhan</t>
  </si>
  <si>
    <t>Kala 28</t>
  </si>
  <si>
    <t>Tehmina Karim</t>
  </si>
  <si>
    <t>GGHS KALA BAGH</t>
  </si>
  <si>
    <t>kalabagh</t>
  </si>
  <si>
    <t>gghs kalabagh tehsil isa khel district mianwali</t>
  </si>
  <si>
    <t>mohallah eid gah</t>
  </si>
  <si>
    <t>mc kalabagh</t>
  </si>
  <si>
    <t>NAHEED ARIF</t>
  </si>
  <si>
    <t>GGHS KALA DEV</t>
  </si>
  <si>
    <t>KALA DEV</t>
  </si>
  <si>
    <t>VILLAGE AND P O KALA DEV JHELUM</t>
  </si>
  <si>
    <t>CHAK KHASA</t>
  </si>
  <si>
    <t>GGHS KALA GUJRAN</t>
  </si>
  <si>
    <t>KALA GUJRAN</t>
  </si>
  <si>
    <t>GGHS KALA GUJRAN JHELUM</t>
  </si>
  <si>
    <t>Farida Khanam</t>
  </si>
  <si>
    <t>GGHS KALAS WALA</t>
  </si>
  <si>
    <t>KALASWALA</t>
  </si>
  <si>
    <t>GOVT GIRLS HIGH SCHOOL KALASWALA, TEHSIL PASRUR, DISTRICT SIALKOT</t>
  </si>
  <si>
    <t>Shamshad Bano</t>
  </si>
  <si>
    <t>GGHS KALASKE</t>
  </si>
  <si>
    <t>KALASKE</t>
  </si>
  <si>
    <t>kalaske</t>
  </si>
  <si>
    <t>Kalaske</t>
  </si>
  <si>
    <t>BUSHRA NAZ</t>
  </si>
  <si>
    <t>GGHS KALI SUBA KHAN</t>
  </si>
  <si>
    <t>Kalisubakhan</t>
  </si>
  <si>
    <t>vill.kalisubakhan teh.kamoki dist.gujranwala</t>
  </si>
  <si>
    <t>GGHS KALIAM AWAN</t>
  </si>
  <si>
    <t>village and PO Kaliam awan tensil gujar khan rawalpindi</t>
  </si>
  <si>
    <t>Farhana anjum</t>
  </si>
  <si>
    <t>GGHS KALIAN WALA</t>
  </si>
  <si>
    <t>Kalianwala hafizabad</t>
  </si>
  <si>
    <t>Kalianwala</t>
  </si>
  <si>
    <t>GGHS KALLAR KAHAR</t>
  </si>
  <si>
    <t>kallar kahar</t>
  </si>
  <si>
    <t>govt girls high school kallar kahar</t>
  </si>
  <si>
    <t>Syeda Viqar-un-nisa</t>
  </si>
  <si>
    <t>GGHS KALLAR SYEDAN</t>
  </si>
  <si>
    <t>GGHS kalkar syedan</t>
  </si>
  <si>
    <t>MC Kallar Syedan</t>
  </si>
  <si>
    <t>Rafia Zareen</t>
  </si>
  <si>
    <t>GGHS KALLEN BASSAND</t>
  </si>
  <si>
    <t>Kallanbassand</t>
  </si>
  <si>
    <t>p.o.box kallan bassand</t>
  </si>
  <si>
    <t>Kallan bassand</t>
  </si>
  <si>
    <t>Asma Humayan</t>
  </si>
  <si>
    <t>GGHS KALLUR KOT</t>
  </si>
  <si>
    <t>kkot</t>
  </si>
  <si>
    <t>gghmsk.kot</t>
  </si>
  <si>
    <t>MC Kallur Kot</t>
  </si>
  <si>
    <t>abida khatoon</t>
  </si>
  <si>
    <t>GGHS KALO WALI, MBDIN</t>
  </si>
  <si>
    <t>KALUWALI</t>
  </si>
  <si>
    <t>KANDHANWALA</t>
  </si>
  <si>
    <t>GULAMA Fatima</t>
  </si>
  <si>
    <t>GGHS KALOKE</t>
  </si>
  <si>
    <t>p.o box kaloke skp</t>
  </si>
  <si>
    <t>kaloke</t>
  </si>
  <si>
    <t>yasmeen anjum</t>
  </si>
  <si>
    <t>GGHS KALRA</t>
  </si>
  <si>
    <t>kalra</t>
  </si>
  <si>
    <t>GGHS KALRI</t>
  </si>
  <si>
    <t>GOT GIRLS HIGH SCHOOL KALRI POST OFFICE KALRI TENSILE KALIAN DISTRICT CHINIOT</t>
  </si>
  <si>
    <t>Fareeha Naz</t>
  </si>
  <si>
    <t>GGHS KALRI CHAKRALA MIANWALI</t>
  </si>
  <si>
    <t>p/o  kalri</t>
  </si>
  <si>
    <t>Thamywali</t>
  </si>
  <si>
    <t>HUMAIRA YASMEEN</t>
  </si>
  <si>
    <t>GGHS KALRIAN</t>
  </si>
  <si>
    <t>Kallarian</t>
  </si>
  <si>
    <t>vill kallarian p/o kallarian</t>
  </si>
  <si>
    <t>GGHS KALU KALAN</t>
  </si>
  <si>
    <t>KALU KALAN</t>
  </si>
  <si>
    <t>GOVT GIRLS HIGH SCHOOL KALU KALAN</t>
  </si>
  <si>
    <t>KALU KALAN MOH GHARI</t>
  </si>
  <si>
    <t>HAMEED</t>
  </si>
  <si>
    <t>Surrya Illyas</t>
  </si>
  <si>
    <t>GGHS KALU KHURD</t>
  </si>
  <si>
    <t>kalu khurd</t>
  </si>
  <si>
    <t>gghskalukhurd@gmail.com</t>
  </si>
  <si>
    <t>Tajik</t>
  </si>
  <si>
    <t>GGHS KALU WAL</t>
  </si>
  <si>
    <t>Kalowal</t>
  </si>
  <si>
    <t>kalowal</t>
  </si>
  <si>
    <t>LANGER Makhdoom</t>
  </si>
  <si>
    <t>shabana iqbal</t>
  </si>
  <si>
    <t>GGHS KALUR SHAREEF</t>
  </si>
  <si>
    <t>kallur sharif</t>
  </si>
  <si>
    <t>govt girls high school kallur sharif  isakhel</t>
  </si>
  <si>
    <t>Ameer BiBi</t>
  </si>
  <si>
    <t>GGHS KALYANA</t>
  </si>
  <si>
    <t>gghskalyana</t>
  </si>
  <si>
    <t>ZAIB MUNEER</t>
  </si>
  <si>
    <t>GGHS KAMAHAN LAHORE CANTT</t>
  </si>
  <si>
    <t>Kamahan</t>
  </si>
  <si>
    <t>gghs kamahan lahore cantt</t>
  </si>
  <si>
    <t>nafeesa haseeb</t>
  </si>
  <si>
    <t>GGHS KAMAL PUR CHISHTIAN</t>
  </si>
  <si>
    <t>Kamalpur Chish</t>
  </si>
  <si>
    <t>kamalpur chishtian tehsil pasrur district sialkot</t>
  </si>
  <si>
    <t>Kamal Pur Chishtian</t>
  </si>
  <si>
    <t>Balagn</t>
  </si>
  <si>
    <t>Tanveer kausar</t>
  </si>
  <si>
    <t>GGHS KAMALIA IMAM KOT</t>
  </si>
  <si>
    <t>GOVT. GIRLS MODEL HIGH SCHOOL KAMALIA (IMAM KOT)</t>
  </si>
  <si>
    <t>IMAM KOT</t>
  </si>
  <si>
    <t>CITY 03</t>
  </si>
  <si>
    <t>Sabahat Saeed</t>
  </si>
  <si>
    <t>GGHS KAMAN WALA</t>
  </si>
  <si>
    <t>kammanwala</t>
  </si>
  <si>
    <t>Kammanwala</t>
  </si>
  <si>
    <t>Kulsoom Khalid</t>
  </si>
  <si>
    <t>GGHS KAMLI WALA GUJRAT</t>
  </si>
  <si>
    <t>Noor Pur Padday, Near Lal Masjid, Gujrat</t>
  </si>
  <si>
    <t>Noor Pur Padday</t>
  </si>
  <si>
    <t>GGHS KAMRA KALAN</t>
  </si>
  <si>
    <t>kisraan</t>
  </si>
  <si>
    <t>govt girls high school kamra kalan</t>
  </si>
  <si>
    <t>kamra kalan</t>
  </si>
  <si>
    <t>MARIAM  Sultana</t>
  </si>
  <si>
    <t>GGHS KAMRIAL</t>
  </si>
  <si>
    <t>vpo kamrial</t>
  </si>
  <si>
    <t>tehmina khalid</t>
  </si>
  <si>
    <t>GGHS KAN PUR</t>
  </si>
  <si>
    <t>village kanpur po box Jang morh</t>
  </si>
  <si>
    <t>kanpur</t>
  </si>
  <si>
    <t>plora kalan</t>
  </si>
  <si>
    <t>Shamsa Firdous</t>
  </si>
  <si>
    <t>GGHS KANDAN</t>
  </si>
  <si>
    <t>tehsil shahpur distt sargodha</t>
  </si>
  <si>
    <t>Huma Akbar</t>
  </si>
  <si>
    <t>GGHS KANDAN SIAN</t>
  </si>
  <si>
    <t>v/p kandan sian Tehsil Daska  Sialkot.</t>
  </si>
  <si>
    <t>Kandan Sain</t>
  </si>
  <si>
    <t>NASREEN IQBAL</t>
  </si>
  <si>
    <t>GGHS KANDHAN WALA</t>
  </si>
  <si>
    <t>kandhanwala</t>
  </si>
  <si>
    <t>Govt. Girls High School kandhanwala</t>
  </si>
  <si>
    <t>Kandhanwala</t>
  </si>
  <si>
    <t>SALMA SHAHEEN</t>
  </si>
  <si>
    <t>GGHS KANDI WAL</t>
  </si>
  <si>
    <t>GGHS Kandiwal</t>
  </si>
  <si>
    <t>UZMA TAHIR</t>
  </si>
  <si>
    <t>GGHS KANDWAL</t>
  </si>
  <si>
    <t>VPO Kandwal</t>
  </si>
  <si>
    <t>kandwal</t>
  </si>
  <si>
    <t>khanum zahra</t>
  </si>
  <si>
    <t>GGHS KANG SAHALI</t>
  </si>
  <si>
    <t>Kang Sahali</t>
  </si>
  <si>
    <t>kang sahali p/o mangowal gharbi teh. &amp; distt. gujrat</t>
  </si>
  <si>
    <t>GGHS KANGAN PUR</t>
  </si>
  <si>
    <t>Kangan Pur</t>
  </si>
  <si>
    <t>kangan pur</t>
  </si>
  <si>
    <t>KANGANPUR</t>
  </si>
  <si>
    <t>GGHS KANIK BASTI G.M. ABAD</t>
  </si>
  <si>
    <t>kanak basti</t>
  </si>
  <si>
    <t>govt. Girls, high school, kanak basti, g.m.abad, fsd</t>
  </si>
  <si>
    <t>GGHS KANOHAN</t>
  </si>
  <si>
    <t>Mora Dayal</t>
  </si>
  <si>
    <t>Kanoha,Kallar Syedan</t>
  </si>
  <si>
    <t>Amna Azad</t>
  </si>
  <si>
    <t>GGHS KANWANLIT</t>
  </si>
  <si>
    <t>VPO Kanwanlit Daska Sialkot</t>
  </si>
  <si>
    <t>Nimra Khalid</t>
  </si>
  <si>
    <t>GGHS KAPOURO WALI</t>
  </si>
  <si>
    <t>kapurowali</t>
  </si>
  <si>
    <t>gghs kapurowali airport road sialkot</t>
  </si>
  <si>
    <t>KAPUROWALI</t>
  </si>
  <si>
    <t>MANZOOR BIBI</t>
  </si>
  <si>
    <t>GGHS KARAM DAD QURESHI</t>
  </si>
  <si>
    <t>KD Qureshi</t>
  </si>
  <si>
    <t>GGHSchool KD qureshi ,muzaffargarh</t>
  </si>
  <si>
    <t>RABIA qureshi</t>
  </si>
  <si>
    <t>GGHS KARAM PUR</t>
  </si>
  <si>
    <t>karam pur</t>
  </si>
  <si>
    <t>new basti p.O Karam Pur Tehsil Mailsi District Vehari</t>
  </si>
  <si>
    <t>Karam pur</t>
  </si>
  <si>
    <t>Karam Pur</t>
  </si>
  <si>
    <t>Taqdees Akhlaq</t>
  </si>
  <si>
    <t>GGHS KARANI</t>
  </si>
  <si>
    <t>KARANI</t>
  </si>
  <si>
    <t>GOVT. GIRLS HIGH SCHOOL KARANI BAHAWALPUR SADDAR</t>
  </si>
  <si>
    <t>Mari Sheikh Shijra</t>
  </si>
  <si>
    <t>Rukhsana Rafique</t>
  </si>
  <si>
    <t>GGHS KARARI WALA KHURD</t>
  </si>
  <si>
    <t>Karariwala</t>
  </si>
  <si>
    <t>vpo karariwala tehsil kharian district gujrat</t>
  </si>
  <si>
    <t>Ghazala Sharif</t>
  </si>
  <si>
    <t>GGHS KARIM TOWN NEAR CHOWK KUMHARAN WALA MULTAN</t>
  </si>
  <si>
    <t>Tarraf Mubarak Doem</t>
  </si>
  <si>
    <t>gghs kareem Town</t>
  </si>
  <si>
    <t>Kareem Town</t>
  </si>
  <si>
    <t>SHAZIA HAIDER</t>
  </si>
  <si>
    <t>GGHS KAROR</t>
  </si>
  <si>
    <t>NEAR ANAR KALI BAZAR</t>
  </si>
  <si>
    <t>KAROR LAL ESAN</t>
  </si>
  <si>
    <t>CITY KAROR</t>
  </si>
  <si>
    <t>Salma Shakir</t>
  </si>
  <si>
    <t>GGHS KAROR ROAD FATEH PUR</t>
  </si>
  <si>
    <t>GGHS Karor road Fatehpur, Tehsil Karor District Layyah</t>
  </si>
  <si>
    <t>razia habib</t>
  </si>
  <si>
    <t>GGHS KARORE</t>
  </si>
  <si>
    <t>KARORE</t>
  </si>
  <si>
    <t>village KARORE KOTLI SATTIAN Rawalpindi</t>
  </si>
  <si>
    <t>boreing</t>
  </si>
  <si>
    <t>GGHS KARTAR PURA CHAK 51/RB</t>
  </si>
  <si>
    <t>Kartarpura51</t>
  </si>
  <si>
    <t>gghs kartarpura 51 shahkot nankana sahib</t>
  </si>
  <si>
    <t>nazia naseem</t>
  </si>
  <si>
    <t>GGHS KARUNTA</t>
  </si>
  <si>
    <t>Karounta</t>
  </si>
  <si>
    <t>GGHS karounta</t>
  </si>
  <si>
    <t>Pail Bane Khan</t>
  </si>
  <si>
    <t>Ghazala Riaz</t>
  </si>
  <si>
    <t>GGHS KARYAL CHAK NO.17 GB</t>
  </si>
  <si>
    <t>KARYAL CHAK 17 GB</t>
  </si>
  <si>
    <t>GGHS KARYAL CHAK 17 GB TEHSIL AND DISTRICT NANKANA SAHIB</t>
  </si>
  <si>
    <t>GARMOOLA CHAK NO. 12 GB</t>
  </si>
  <si>
    <t>GGHS KARYALA</t>
  </si>
  <si>
    <t>VPO karyala Teh and District chakwal.</t>
  </si>
  <si>
    <t>Ghania Javed</t>
  </si>
  <si>
    <t>GGHS KASHMIR COLONY</t>
  </si>
  <si>
    <t>GOVT.GIRLS HIGH SCHOOL KASHMIR COLONY JHELUM</t>
  </si>
  <si>
    <t>JADA</t>
  </si>
  <si>
    <t>NOREEN FAZAL</t>
  </si>
  <si>
    <t>GGHS KASHMIR COLONY GUJRANWALA CANTT</t>
  </si>
  <si>
    <t>KASHMIR COLONY gujranwala cantt.</t>
  </si>
  <si>
    <t>CANTT BOARD</t>
  </si>
  <si>
    <t>Bushra Akhter</t>
  </si>
  <si>
    <t>GGHS KASHMIR COLONY NO.2</t>
  </si>
  <si>
    <t>kashmir colony2</t>
  </si>
  <si>
    <t>kashmir colony2 near murad eye hospital chan da qila</t>
  </si>
  <si>
    <t>kashmir colony2 chan da qila</t>
  </si>
  <si>
    <t>Kashmir Colony No2</t>
  </si>
  <si>
    <t>Farhat Afza</t>
  </si>
  <si>
    <t>GGHS KASSOKE</t>
  </si>
  <si>
    <t>Adeela Farid</t>
  </si>
  <si>
    <t>GGHS KASUR HAJI FARID ROAD</t>
  </si>
  <si>
    <t>Haji Fareed Road</t>
  </si>
  <si>
    <t>gghs haji fareed road kasur</t>
  </si>
  <si>
    <t>Rahila arif</t>
  </si>
  <si>
    <t>GGHS KATHA SAGHRAL</t>
  </si>
  <si>
    <t>Govt Girls High School Katha Saghral District Khushab</t>
  </si>
  <si>
    <t>Mehwish Anwar</t>
  </si>
  <si>
    <t>GGHS KATHOR KALAN</t>
  </si>
  <si>
    <t>Kathore Kalan</t>
  </si>
  <si>
    <t>Kathore Kalan,wazirabad</t>
  </si>
  <si>
    <t>kathore kalan</t>
  </si>
  <si>
    <t>mansoorwali</t>
  </si>
  <si>
    <t>khadija shakeel</t>
  </si>
  <si>
    <t>GGHS KEELAY</t>
  </si>
  <si>
    <t>keelay</t>
  </si>
  <si>
    <t>GGHS KEER KHURD BAIDIAN ROAD</t>
  </si>
  <si>
    <t>Keer Khurd</t>
  </si>
  <si>
    <t>Robina yousaf</t>
  </si>
  <si>
    <t>GGHS KEERAN WALA SYEDAN</t>
  </si>
  <si>
    <t>gghs keeranwala syedan PO mangowal west Teh &amp; Distt Gujrat</t>
  </si>
  <si>
    <t>zarina kausar</t>
  </si>
  <si>
    <t>GGHS KHABEKI</t>
  </si>
  <si>
    <t>vpo khabeki</t>
  </si>
  <si>
    <t>GGHS KHADIJA</t>
  </si>
  <si>
    <t>govt khadija Girls high school ( Mohallah  Raja Sultan Rwp )</t>
  </si>
  <si>
    <t>moh Raja sultan</t>
  </si>
  <si>
    <t>IFFAT NASIM</t>
  </si>
  <si>
    <t>GGHS KHADIJA-TUL-KUBRA SHEIKHUPURA</t>
  </si>
  <si>
    <t>CIVIL QUATER ROAD SHEIKHUPURA</t>
  </si>
  <si>
    <t>city jinnah park</t>
  </si>
  <si>
    <t>SHAMIM FATIMA ZAIDI</t>
  </si>
  <si>
    <t>GGHS KHAGLAN WALA</t>
  </si>
  <si>
    <t>SArwar KHEL</t>
  </si>
  <si>
    <t>village khaglanwala tehsil isa khel district mainwali</t>
  </si>
  <si>
    <t>KHAGLANWALA</t>
  </si>
  <si>
    <t>khaglanwala</t>
  </si>
  <si>
    <t>Balqees Bibi</t>
  </si>
  <si>
    <t>GGHS KHAGWANI</t>
  </si>
  <si>
    <t>khagwani</t>
  </si>
  <si>
    <t>gghs khagwani tehsil hazro</t>
  </si>
  <si>
    <t>Shehnaz Malik</t>
  </si>
  <si>
    <t>GGHS KHAIR PUR</t>
  </si>
  <si>
    <t>vpo khair pur teh kallar kahar distt chakwal</t>
  </si>
  <si>
    <t>Mehboob sultana</t>
  </si>
  <si>
    <t>GGHS KHAIR ULLAH PUR</t>
  </si>
  <si>
    <t>Khairullah Pur</t>
  </si>
  <si>
    <t>GGHS KHAIRULLAH PUR</t>
  </si>
  <si>
    <t>Zartashia Shahnaz</t>
  </si>
  <si>
    <t>GGHS KHAIRA</t>
  </si>
  <si>
    <t>Khaira</t>
  </si>
  <si>
    <t>village khaira tehsil shakargarh</t>
  </si>
  <si>
    <t>GGHS KHAIRPUR MALLIAN</t>
  </si>
  <si>
    <t>Khairopur Malian</t>
  </si>
  <si>
    <t>Khairopur Mallian</t>
  </si>
  <si>
    <t>KHAIROPUR MALLIAN</t>
  </si>
  <si>
    <t>MALLIAN KALAN</t>
  </si>
  <si>
    <t>Ramzana Kusar</t>
  </si>
  <si>
    <t>GGHS KHAIRPUR SADAT</t>
  </si>
  <si>
    <t>KHAIR PUR SADAT</t>
  </si>
  <si>
    <t>GGHS KHAIR PUR SADAT</t>
  </si>
  <si>
    <t>SYDA MOMIN BIBI</t>
  </si>
  <si>
    <t>RO  water filtration PLANT</t>
  </si>
  <si>
    <t>GGHS KHAIRPUR TAMEWALI</t>
  </si>
  <si>
    <t>Khairpur Tamewali</t>
  </si>
  <si>
    <t>Govt.Girls High School Khairpur Tamewali</t>
  </si>
  <si>
    <t>Kishwar Nazir</t>
  </si>
  <si>
    <t>GGHS KHAIR-UN-NISA BEEMIAN WALA</t>
  </si>
  <si>
    <t>Beemianwala</t>
  </si>
  <si>
    <t>Mateki</t>
  </si>
  <si>
    <t>zartashia gull</t>
  </si>
  <si>
    <t>GGHS KHALAS PUR</t>
  </si>
  <si>
    <t>Khalas Pur</t>
  </si>
  <si>
    <t>khalaspur jhelum</t>
  </si>
  <si>
    <t>Nosheen Zafar</t>
  </si>
  <si>
    <t>GGHS KHALIL PUR</t>
  </si>
  <si>
    <t>Khalil Pur</t>
  </si>
  <si>
    <t>govt girls high school Khalil pur</t>
  </si>
  <si>
    <t>Head Marala</t>
  </si>
  <si>
    <t>Fouzia Yousaf</t>
  </si>
  <si>
    <t>GGHS KHALIQABAD</t>
  </si>
  <si>
    <t>vpo Khalid abad Teh&amp;Dist Khushab</t>
  </si>
  <si>
    <t>KHALIQABAD</t>
  </si>
  <si>
    <t>GGHS KHALIQUE PURA KHALIQUE PURA</t>
  </si>
  <si>
    <t>govt. girls high school khaliq pura ,khanewal road, multan.</t>
  </si>
  <si>
    <t>jahagirabad</t>
  </si>
  <si>
    <t>SHAGUFTA RASHEED</t>
  </si>
  <si>
    <t>GGHS KHAMBI</t>
  </si>
  <si>
    <t>KHAMBI</t>
  </si>
  <si>
    <t>VILLAGE KHAMBI TEHSIL SARAI ALAMGIR</t>
  </si>
  <si>
    <t>SIMBLI</t>
  </si>
  <si>
    <t>GGhS KHAN BAHADUR GARH, P/O HAIDER ABAD, NAWAN SHEHR</t>
  </si>
  <si>
    <t>Khan Bahadurgarh Khan</t>
  </si>
  <si>
    <t>gghs khan bahadur garh</t>
  </si>
  <si>
    <t>Asy Wala</t>
  </si>
  <si>
    <t>Salarwain</t>
  </si>
  <si>
    <t>Kiran Maria</t>
  </si>
  <si>
    <t>GGHS KHAN BELA P/O KHAN BELA</t>
  </si>
  <si>
    <t>GGHS Khanbela Jalal pur pir wala, Multan</t>
  </si>
  <si>
    <t>Saira Amanat</t>
  </si>
  <si>
    <t>GGHS KHAN GARH</t>
  </si>
  <si>
    <t>Khangarh</t>
  </si>
  <si>
    <t>khangarh</t>
  </si>
  <si>
    <t>surraya akhtar</t>
  </si>
  <si>
    <t>GGHS KHAN KE MORE</t>
  </si>
  <si>
    <t>khan k morr</t>
  </si>
  <si>
    <t>Khan K Morr</t>
  </si>
  <si>
    <t>Rahat Sultana</t>
  </si>
  <si>
    <t>GGHS KHAN KHASA</t>
  </si>
  <si>
    <t>GGHS khankhasa Narowal</t>
  </si>
  <si>
    <t>Khankhasa</t>
  </si>
  <si>
    <t>GGHS KHAN MUHAMMAD WALA</t>
  </si>
  <si>
    <t>Govt. Girls High School Khan Muhammed Wala, Tehsil Bhera, District Sargodha</t>
  </si>
  <si>
    <t>Rukhshanda Kokab</t>
  </si>
  <si>
    <t>GGHS KHAN PUR SYEDAN</t>
  </si>
  <si>
    <t>khan pur syedan</t>
  </si>
  <si>
    <t>GGHS khan pur syedan tehsil pasrur sialkot</t>
  </si>
  <si>
    <t>dulham kahalwan</t>
  </si>
  <si>
    <t>GGHS KHAN QAH SERAJIA PO WAPDA COLONY KUNDIAN</t>
  </si>
  <si>
    <t>GGHS Khanqah sirajia tehsil piplan, District Mianwali</t>
  </si>
  <si>
    <t>Khanqah Sirajia</t>
  </si>
  <si>
    <t>Nabeela Tabassum</t>
  </si>
  <si>
    <t>GGHS KHANAN WALI</t>
  </si>
  <si>
    <t>khananwali</t>
  </si>
  <si>
    <t>GGHS KHANGAN SHUMALI</t>
  </si>
  <si>
    <t>Khangan Shumali</t>
  </si>
  <si>
    <t>mouza khangan  Shumali tehsil zilla  muzafargarh</t>
  </si>
  <si>
    <t>syeda narjis bano</t>
  </si>
  <si>
    <t>GGHS KHANKE HEAD</t>
  </si>
  <si>
    <t>Khanki Head</t>
  </si>
  <si>
    <t>GGHS khanki head Wazirabad</t>
  </si>
  <si>
    <t>Mansoor Wali</t>
  </si>
  <si>
    <t>GGHS KHANNA</t>
  </si>
  <si>
    <t>Govt. Girls High School Khanna Sialkot P/O Kotli Loharan West Sialkot</t>
  </si>
  <si>
    <t>GGHS KHANPUR</t>
  </si>
  <si>
    <t>Govt Girls High School, khanpur, sheikhupura.</t>
  </si>
  <si>
    <t>GGHS KHANPUR BAGGA SHER</t>
  </si>
  <si>
    <t>KHAN PUR SHUMALI</t>
  </si>
  <si>
    <t>GOVT.GIRLS HIGH SCHOOL KHAN PUR BAGGA SHER</t>
  </si>
  <si>
    <t>GGHS KHANQAH SHARIF</t>
  </si>
  <si>
    <t>Khanqah Sharif</t>
  </si>
  <si>
    <t>gghs khanqah sharif bwp</t>
  </si>
  <si>
    <t>NAEEM AKHTER</t>
  </si>
  <si>
    <t>GGHS KHANWAH GHALWAN</t>
  </si>
  <si>
    <t>Khanwah ghalwan</t>
  </si>
  <si>
    <t>khanwah ghalwan tehsil district Lodhran</t>
  </si>
  <si>
    <t>Sawaira Badar</t>
  </si>
  <si>
    <t>GGHS KHARAK MULTAN ROAD</t>
  </si>
  <si>
    <t>GOVT GIRLS HIGH SCHOOL, KHARAK, RASOOL PARK, SABZAZAR, LAHORE</t>
  </si>
  <si>
    <t>SABZAZAR</t>
  </si>
  <si>
    <t>samia nisar</t>
  </si>
  <si>
    <t>GGHS KHARANA</t>
  </si>
  <si>
    <t>Kharana</t>
  </si>
  <si>
    <t>Village Post office kharana District Gujrat Tehsil kharian</t>
  </si>
  <si>
    <t>Zakia Tabassam</t>
  </si>
  <si>
    <t>GGHS KHARIAN NO. 1</t>
  </si>
  <si>
    <t>Govt. Girls High School No. 1 KHARIAN. Distt Gujrat</t>
  </si>
  <si>
    <t>MUSARRAT JABEEN</t>
  </si>
  <si>
    <t>GGHS KHARIAN NO. 2</t>
  </si>
  <si>
    <t>Kharian</t>
  </si>
  <si>
    <t>mehta wali gali kharian</t>
  </si>
  <si>
    <t>Khrian</t>
  </si>
  <si>
    <t>Hafeeza Andleeb</t>
  </si>
  <si>
    <t>GGHS KHARIAN WALA</t>
  </si>
  <si>
    <t>kharianwala, sheikhupura</t>
  </si>
  <si>
    <t>kharianwala</t>
  </si>
  <si>
    <t>Syeda Saima Bokhari</t>
  </si>
  <si>
    <t>GGHS KHATEEBAN WALA</t>
  </si>
  <si>
    <t>mohallah himat Pura khushab</t>
  </si>
  <si>
    <t>Saima Parveen</t>
  </si>
  <si>
    <t>GGHS KHATIALA VIRKAN</t>
  </si>
  <si>
    <t>Khutiala Virkam</t>
  </si>
  <si>
    <t>GGHS  khutiala virkan</t>
  </si>
  <si>
    <t>Khutiala  Virkan</t>
  </si>
  <si>
    <t>GGHS KHATTAN KHATTAN</t>
  </si>
  <si>
    <t>Khattan</t>
  </si>
  <si>
    <t>Shahida Farooq</t>
  </si>
  <si>
    <t>GGHS KHATWAN</t>
  </si>
  <si>
    <t>khatwan tehsil noor pur thal</t>
  </si>
  <si>
    <t>Naseem Bi Bi</t>
  </si>
  <si>
    <t>GGHS KHAYABAN-E-SARWAR</t>
  </si>
  <si>
    <t>GADAI</t>
  </si>
  <si>
    <t>KHAYABAN-E-SARWAR BLOCK C DERA GHAZI KHAN</t>
  </si>
  <si>
    <t>MOHALLA</t>
  </si>
  <si>
    <t>Khayaban e Sarwar</t>
  </si>
  <si>
    <t>SAIRA NASEEM</t>
  </si>
  <si>
    <t>GGHS KHAYABAN-E-SIR SYED SEC-III</t>
  </si>
  <si>
    <t>khyaban</t>
  </si>
  <si>
    <t>GGHS KHYABAN E SIR SYED SEC III RWP</t>
  </si>
  <si>
    <t>khyaban e sirsyed sec iII</t>
  </si>
  <si>
    <t>KHYABAN SOUTH</t>
  </si>
  <si>
    <t>MRS NIGHAT YASMIN</t>
  </si>
  <si>
    <t>GGHS KHAYABAN-E-SIR SYED SECTOR 2</t>
  </si>
  <si>
    <t>gghskss sector2 rwp</t>
  </si>
  <si>
    <t>Khayaban</t>
  </si>
  <si>
    <t>Afsana Kousar</t>
  </si>
  <si>
    <t>GGHS KHAYABAN-I-SIR SYED SEC-I</t>
  </si>
  <si>
    <t>dhoke noor</t>
  </si>
  <si>
    <t>khayaban e sirsyed sec i rwp</t>
  </si>
  <si>
    <t>khayaban e sirsyed</t>
  </si>
  <si>
    <t>dhoke najjo</t>
  </si>
  <si>
    <t>ROOHI YASMEEN</t>
  </si>
  <si>
    <t>GGHS KHEWRA</t>
  </si>
  <si>
    <t>khewra</t>
  </si>
  <si>
    <t>govt girls high school khewra</t>
  </si>
  <si>
    <t>haidry chok</t>
  </si>
  <si>
    <t>ghulam razia</t>
  </si>
  <si>
    <t>GGHS KHIALI</t>
  </si>
  <si>
    <t>Khiali</t>
  </si>
  <si>
    <t>government Girls High school KHIALI Grw</t>
  </si>
  <si>
    <t>Shah Pur Khiali Grw</t>
  </si>
  <si>
    <t>Shah Pur Khiali</t>
  </si>
  <si>
    <t>Khaizran Zubair</t>
  </si>
  <si>
    <t>GGHS KHODEY</t>
  </si>
  <si>
    <t>khoday</t>
  </si>
  <si>
    <t>vpo khoday</t>
  </si>
  <si>
    <t>Asmat Un Nisa</t>
  </si>
  <si>
    <t>Ejector motor</t>
  </si>
  <si>
    <t>GGHS KHOJIAN WALI</t>
  </si>
  <si>
    <t>Khojianwali</t>
  </si>
  <si>
    <t>Village &amp; Post Office Khojianwali, Tehsil &amp; District Gujrat</t>
  </si>
  <si>
    <t>Shagufta Malik</t>
  </si>
  <si>
    <t>GGHS KHOKHAR BALA</t>
  </si>
  <si>
    <t>khokhar bala</t>
  </si>
  <si>
    <t>vpo khokhar bala,teh kalar kahar,distt chakwal</t>
  </si>
  <si>
    <t>khairpur</t>
  </si>
  <si>
    <t>shaista alvi</t>
  </si>
  <si>
    <t>GGHS KHOKHAR WALA</t>
  </si>
  <si>
    <t>Khokharwala</t>
  </si>
  <si>
    <t>GGHS  Khokhar Wala Layah</t>
  </si>
  <si>
    <t>ANUM RAFIQUE</t>
  </si>
  <si>
    <t>GGHS KHOKHAR ZER</t>
  </si>
  <si>
    <t>khokhar zer</t>
  </si>
  <si>
    <t>vPO khokhar zer</t>
  </si>
  <si>
    <t>khai</t>
  </si>
  <si>
    <t>shaheen akhtar</t>
  </si>
  <si>
    <t>GGHS KHOUR CITY</t>
  </si>
  <si>
    <t>KHAUR</t>
  </si>
  <si>
    <t>MOHALLAH BHANORA V &amp; P O KHAUR CITY</t>
  </si>
  <si>
    <t>KHAUR CITY</t>
  </si>
  <si>
    <t>GGHS KHOUR COMPANY</t>
  </si>
  <si>
    <t>khour</t>
  </si>
  <si>
    <t>KHOUR</t>
  </si>
  <si>
    <t>KHOUR COMPANY</t>
  </si>
  <si>
    <t>Tahira Shaheen Afzal</t>
  </si>
  <si>
    <t>POL KHOUR</t>
  </si>
  <si>
    <t>GGHS KHUDIAN KHAS</t>
  </si>
  <si>
    <t>KHUDIAN KHAS</t>
  </si>
  <si>
    <t>MRS ANILA QAISRA</t>
  </si>
  <si>
    <t>GGHS KHUIAN</t>
  </si>
  <si>
    <t>Gghskhuian</t>
  </si>
  <si>
    <t>Multankhurd</t>
  </si>
  <si>
    <t>tahira gulzar</t>
  </si>
  <si>
    <t>GGHS KHUNAN</t>
  </si>
  <si>
    <t>Gghs khunan p.o barnali teh kharian district gujrat</t>
  </si>
  <si>
    <t>saimakausar</t>
  </si>
  <si>
    <t>GGHS KHUNDA</t>
  </si>
  <si>
    <t>gghs khunda teh jund distt attock</t>
  </si>
  <si>
    <t>MOAZZAM BIBI</t>
  </si>
  <si>
    <t>GGHS KHURA</t>
  </si>
  <si>
    <t>vpo khura Tehsil naushera district khushab</t>
  </si>
  <si>
    <t>GGHS KHURD</t>
  </si>
  <si>
    <t>khurd</t>
  </si>
  <si>
    <t>vpo khurd</t>
  </si>
  <si>
    <t>chotala</t>
  </si>
  <si>
    <t>Sidra Jabeen Akhtar</t>
  </si>
  <si>
    <t>GGHS KHURSHEED ABAD</t>
  </si>
  <si>
    <t>GGHS KHURSHEED ABAD MUZAFFAGARH</t>
  </si>
  <si>
    <t>Nasreen Gull</t>
  </si>
  <si>
    <t>GGHS KHUTHIALA SHEIKHAN</t>
  </si>
  <si>
    <t>KUTHIALS SHEIKHAN</t>
  </si>
  <si>
    <t>PHALIA ROAD VPO KUTHIALA SHEIKHAN TEHSIL DIST MANDI BAHAUDDIN</t>
  </si>
  <si>
    <t>Kuthiala Sheikhan</t>
  </si>
  <si>
    <t>Nasreen Akthar</t>
  </si>
  <si>
    <t>GGHS KIDAR PUR P/O MINCHIN ABAD</t>
  </si>
  <si>
    <t>Kidar Pur</t>
  </si>
  <si>
    <t>kidar pur</t>
  </si>
  <si>
    <t>Bunga Mari Akbar Nehal</t>
  </si>
  <si>
    <t>GGHS KINDER GARTON EID GAH ROAD FSD</t>
  </si>
  <si>
    <t>fsd</t>
  </si>
  <si>
    <t>eid gah road fsd</t>
  </si>
  <si>
    <t>MODEL TOWN C</t>
  </si>
  <si>
    <t>munaza nazeer</t>
  </si>
  <si>
    <t>GGHS KINNAIRD 4-EMPRESS ROAD, LAHORE</t>
  </si>
  <si>
    <t>Empress road</t>
  </si>
  <si>
    <t>govt.kinnaird high school for girls empress road Lahore</t>
  </si>
  <si>
    <t>Bibi Pak Daman</t>
  </si>
  <si>
    <t>Dr rizwana khalil</t>
  </si>
  <si>
    <t>GGHS KIRTO SHARIF</t>
  </si>
  <si>
    <t>tanveer akhtar</t>
  </si>
  <si>
    <t>GGHS KISRAN</t>
  </si>
  <si>
    <t>KISRAN</t>
  </si>
  <si>
    <t>Zareena Bibi</t>
  </si>
  <si>
    <t>GGHS KOHAWARR KALAN</t>
  </si>
  <si>
    <t>KOHAWAR KALAN</t>
  </si>
  <si>
    <t>GGHS KOHAWAR KALAN</t>
  </si>
  <si>
    <t>SAEEDA NASREEN</t>
  </si>
  <si>
    <t>GGHS KOH-E-NOOR FAISALBAD</t>
  </si>
  <si>
    <t>Kohinoor</t>
  </si>
  <si>
    <t>Govt kohinoor girls high school fsd.</t>
  </si>
  <si>
    <t>Kohinoor Sundar Sing Wala</t>
  </si>
  <si>
    <t>NAHEED KOUSAR</t>
  </si>
  <si>
    <t>GGHS KOHI WALA, KABIRWALA</t>
  </si>
  <si>
    <t>govt girls higher secondary school kohiwala tehsil kabirwala</t>
  </si>
  <si>
    <t>Fukhar un Nisa Fatima</t>
  </si>
  <si>
    <t>GGHS KOH-I-NOOR</t>
  </si>
  <si>
    <t>KOHINOOR COLONY PESHAWER ROAD RWP</t>
  </si>
  <si>
    <t>FARAH YASMIN</t>
  </si>
  <si>
    <t>GGHS KOHINOOR MODEL JAUHARABAD</t>
  </si>
  <si>
    <t>govt Kohinoor girls high school jauharabad</t>
  </si>
  <si>
    <t>zahida Begum</t>
  </si>
  <si>
    <t>GGHS KOHLA</t>
  </si>
  <si>
    <t>Kohla</t>
  </si>
  <si>
    <t>GGHS KOHLA TEH DISTT OKARA</t>
  </si>
  <si>
    <t>KISHWER NASREEN</t>
  </si>
  <si>
    <t>GGHS KOHLO WALA</t>
  </si>
  <si>
    <t>Dak Khana Khas, Kohlowala, Tehsil: Gujranwala Sadar, Gujranwala</t>
  </si>
  <si>
    <t>Fozia Sumer</t>
  </si>
  <si>
    <t>GGHS KOLIAN HAMEED</t>
  </si>
  <si>
    <t>VILLAGE and post office Kolian hameed Rawalpindi</t>
  </si>
  <si>
    <t>KOLIAN HAMEED</t>
  </si>
  <si>
    <t>Madeeha Hussain</t>
  </si>
  <si>
    <t>GGHS KOMHARI WALA</t>
  </si>
  <si>
    <t>chak kumhariwala</t>
  </si>
  <si>
    <t>nargis ijaz</t>
  </si>
  <si>
    <t>GGHS KOPRA KHURD</t>
  </si>
  <si>
    <t>KOPRA Khurd</t>
  </si>
  <si>
    <t>vilage kopra khurd teh sambrial dis sialkot</t>
  </si>
  <si>
    <t>kopra khurd</t>
  </si>
  <si>
    <t>NAGHMA NASREEN</t>
  </si>
  <si>
    <t>handpumo+electricity water</t>
  </si>
  <si>
    <t>GGHS KORA BHOUNCHRY</t>
  </si>
  <si>
    <t>gadai</t>
  </si>
  <si>
    <t>gadai  garbi  waso wala</t>
  </si>
  <si>
    <t>jaboja gadai gharbi</t>
  </si>
  <si>
    <t>gadai gharbi</t>
  </si>
  <si>
    <t>Rehana Hameed</t>
  </si>
  <si>
    <t>GGHS KORADHI</t>
  </si>
  <si>
    <t>Koradhi</t>
  </si>
  <si>
    <t>GGHS koradhi</t>
  </si>
  <si>
    <t>SARWAR bIBI</t>
  </si>
  <si>
    <t>GGHS KORAKEY</t>
  </si>
  <si>
    <t>Korakey</t>
  </si>
  <si>
    <t>po box korakey tehsil daska district salkot</t>
  </si>
  <si>
    <t>iqra tariq</t>
  </si>
  <si>
    <t>GGHS KOT ABDUL MALIK SCHEME NO.1</t>
  </si>
  <si>
    <t>kot abdul malik sch.no 1</t>
  </si>
  <si>
    <t>kot abdul malik</t>
  </si>
  <si>
    <t>najma rashid</t>
  </si>
  <si>
    <t>GGHS KOT ADU</t>
  </si>
  <si>
    <t>Pirharr Sherqi</t>
  </si>
  <si>
    <t>ward no 4 near girls college kot adu</t>
  </si>
  <si>
    <t>Munazza Touqir Chishti</t>
  </si>
  <si>
    <t>GGHS KOT ALAH BUKSH</t>
  </si>
  <si>
    <t>KOT ALLAH BUKHSH</t>
  </si>
  <si>
    <t>vILLAGE KOT ALLAH BUKHSH P/O KUNJAH TEHSIL AND DISTT. GUJRAT</t>
  </si>
  <si>
    <t>JHERANWALI</t>
  </si>
  <si>
    <t>GGHS KOT BHAI KHAN</t>
  </si>
  <si>
    <t>Kot Bhai Khan</t>
  </si>
  <si>
    <t>GGHS kot bhai khan</t>
  </si>
  <si>
    <t>Asia Kalsoom</t>
  </si>
  <si>
    <t>GGHS KOT BLOCH</t>
  </si>
  <si>
    <t>vpo kotbaloch@gmail.com</t>
  </si>
  <si>
    <t>Kotbalouch</t>
  </si>
  <si>
    <t>tanzeela tanzeem</t>
  </si>
  <si>
    <t>GGHS KOT BOHANI DASS</t>
  </si>
  <si>
    <t>Kot Bohani Dass</t>
  </si>
  <si>
    <t>kot bohani dass</t>
  </si>
  <si>
    <t>Kot Bohani Das</t>
  </si>
  <si>
    <t>Botala Janda Singh</t>
  </si>
  <si>
    <t>FAREEDA KHATOON</t>
  </si>
  <si>
    <t>GGHS KOT CHAJI</t>
  </si>
  <si>
    <t>KOT CHHAJJI</t>
  </si>
  <si>
    <t>V.P.O KOT CHHAJJI</t>
  </si>
  <si>
    <t>SAGHRI</t>
  </si>
  <si>
    <t>MALKA BIBI</t>
  </si>
  <si>
    <t>GGHS KOT DEWAN</t>
  </si>
  <si>
    <t>dhako chishti</t>
  </si>
  <si>
    <t>gghs kotdewan near DPS hotta Road pakpattan</t>
  </si>
  <si>
    <t>kot dewan</t>
  </si>
  <si>
    <t>ISHRAT RAMZAN</t>
  </si>
  <si>
    <t>GGHS KOT ESA SHAH</t>
  </si>
  <si>
    <t>kot esa shah</t>
  </si>
  <si>
    <t>govt girls high school kot esa shaha</t>
  </si>
  <si>
    <t>kot esa shaha</t>
  </si>
  <si>
    <t>Khalda Kalsoom</t>
  </si>
  <si>
    <t>GGHS KOT GULLAH</t>
  </si>
  <si>
    <t>vpo kotgullah</t>
  </si>
  <si>
    <t>Aisha Zubair</t>
  </si>
  <si>
    <t>GGHS KOT HAKIM ALI</t>
  </si>
  <si>
    <t>Kot Hakim Ali</t>
  </si>
  <si>
    <t>kot hakim ali raja jung kasur</t>
  </si>
  <si>
    <t>Beron Raja Jang</t>
  </si>
  <si>
    <t>Latifan Bashir</t>
  </si>
  <si>
    <t>GGHS KOT HAROO</t>
  </si>
  <si>
    <t>Kot Haroo Mailsi</t>
  </si>
  <si>
    <t>Govt girls high school Kot Haroo Mailsi Vehari</t>
  </si>
  <si>
    <t>Kot Haroo</t>
  </si>
  <si>
    <t>Sana Asad</t>
  </si>
  <si>
    <t>GGHS KOT HASSAN KHAN</t>
  </si>
  <si>
    <t>kot hassan khan</t>
  </si>
  <si>
    <t>NAGHMANA HAYAT</t>
  </si>
  <si>
    <t>GGHS KOT INAYAT KHAN</t>
  </si>
  <si>
    <t>Kot Inayat Khan</t>
  </si>
  <si>
    <t>Shamsa Aslam</t>
  </si>
  <si>
    <t>GGHS KOT IQBAL</t>
  </si>
  <si>
    <t>v.p.o kot  Iqbal Teh,  and distt chakwal</t>
  </si>
  <si>
    <t>GGHS KOT LADHA</t>
  </si>
  <si>
    <t>Gghs Kot Ladha</t>
  </si>
  <si>
    <t>GGHS kot ladha tehsil noshehra virkan district gujranwala</t>
  </si>
  <si>
    <t>Hafiza Bushra</t>
  </si>
  <si>
    <t>GGHS KOT MAHMOOD</t>
  </si>
  <si>
    <t>KOT MAHMOOD</t>
  </si>
  <si>
    <t>kot Mahmood tehsil sharaqpur SKP</t>
  </si>
  <si>
    <t>Kot Mahmood</t>
  </si>
  <si>
    <t>Mamoona Khatoon</t>
  </si>
  <si>
    <t>GGHS KOT MOHEE</t>
  </si>
  <si>
    <t>KOT MOHI</t>
  </si>
  <si>
    <t>BASTI KOT MOHI TEHSIL TAUNSA DISST DG KHAN</t>
  </si>
  <si>
    <t>PIRDAN SHARQI</t>
  </si>
  <si>
    <t>Bushra Faiz</t>
  </si>
  <si>
    <t>GGHS KOT MOMIN EAST</t>
  </si>
  <si>
    <t>FAHMIDA HASSAN</t>
  </si>
  <si>
    <t>GGHS KOT MUBARAK</t>
  </si>
  <si>
    <t>KOT MUBARAK</t>
  </si>
  <si>
    <t>KOT MUBARAK, DERA GHAZI KHAN</t>
  </si>
  <si>
    <t>MRS NUDRAT SALEEM</t>
  </si>
  <si>
    <t>GGHS KOT MUZAFFAR</t>
  </si>
  <si>
    <t>kot muzaffar</t>
  </si>
  <si>
    <t>KOT MUZAFFAR BP/O ASRAF SHAH TEHSIL MAILSI DISTRICT VEHARI</t>
  </si>
  <si>
    <t>KIKRI KHURD</t>
  </si>
  <si>
    <t>SHABNAM ZAHIR</t>
  </si>
  <si>
    <t>GGHS KOT NAINAN</t>
  </si>
  <si>
    <t>Kotnainan</t>
  </si>
  <si>
    <t>Govt.Girls High School KotNainan</t>
  </si>
  <si>
    <t>Asia Naseem</t>
  </si>
  <si>
    <t>GGHS KOT NAKKA</t>
  </si>
  <si>
    <t>KotNakka</t>
  </si>
  <si>
    <t>Farah Yasmin</t>
  </si>
  <si>
    <t>GGHS KOT NANAK</t>
  </si>
  <si>
    <t>Kot Nanak</t>
  </si>
  <si>
    <t>kotnanak@gmail.com</t>
  </si>
  <si>
    <t>Vini</t>
  </si>
  <si>
    <t>Khalida Batool</t>
  </si>
  <si>
    <t>GGHS KOT NAZAM DIN CHAK 184/RB</t>
  </si>
  <si>
    <t>Kot Nizam din</t>
  </si>
  <si>
    <t>Govt. Girls High School Kot Nizam din Chak 184 R.B</t>
  </si>
  <si>
    <t>Musarat Nasim kousar</t>
  </si>
  <si>
    <t>GGHS KOT NOORA</t>
  </si>
  <si>
    <t>sahlan</t>
  </si>
  <si>
    <t>GGE/S KOT NOORA BAHAWALPUR</t>
  </si>
  <si>
    <t>kot noora</t>
  </si>
  <si>
    <t>Tahira Samreen</t>
  </si>
  <si>
    <t>GGHS KOT PINDI DAS TEH FEROZWALA</t>
  </si>
  <si>
    <t>Kot Pindi Dass</t>
  </si>
  <si>
    <t>gghs kot pindi das tehsil ferozwala SKP</t>
  </si>
  <si>
    <t>GGHS KOT QAISRANI</t>
  </si>
  <si>
    <t>Govt.Girls High School Kot Qaisrani tehsil taunsa distt.D.G.Khan</t>
  </si>
  <si>
    <t>GGHS KOT QAZI</t>
  </si>
  <si>
    <t>Kot Kazi</t>
  </si>
  <si>
    <t>vpo kotqazi</t>
  </si>
  <si>
    <t>Kotqazt</t>
  </si>
  <si>
    <t>Fehmida Hamdani</t>
  </si>
  <si>
    <t>GGHS KOT RADHA KISHAN</t>
  </si>
  <si>
    <t>govt girls high school krk</t>
  </si>
  <si>
    <t>Kot Radha Kishen</t>
  </si>
  <si>
    <t>Mrs Kausar Parveen</t>
  </si>
  <si>
    <t>GGHS KOT SABZAL</t>
  </si>
  <si>
    <t>KOT SABZAL</t>
  </si>
  <si>
    <t>Walhar road near boys high school kot sabzal sadiq abad</t>
  </si>
  <si>
    <t>Hafiza Maryam Karamat</t>
  </si>
  <si>
    <t>GGHS KOT SARANG</t>
  </si>
  <si>
    <t>vpo kotsarang</t>
  </si>
  <si>
    <t>GGHS KOT SARWAR</t>
  </si>
  <si>
    <t>KOT SARWAR</t>
  </si>
  <si>
    <t>GOVT.GIRLS HIGH SCHOOL KOT SARWAR P/O SUKHEKE</t>
  </si>
  <si>
    <t>SERAFIN</t>
  </si>
  <si>
    <t>GGHS KOT SHAKIR</t>
  </si>
  <si>
    <t>kot Shakir</t>
  </si>
  <si>
    <t>7/2 Thal Shumali</t>
  </si>
  <si>
    <t>GGHS KOT SHER MUHAMMAD</t>
  </si>
  <si>
    <t>Kot Sher Muhammad Muhammad</t>
  </si>
  <si>
    <t>V/PO Kot Sher Muhammad Teh Phalia M.B.Din</t>
  </si>
  <si>
    <t>Kot Sher Muhammad</t>
  </si>
  <si>
    <t>Kosar Naeem</t>
  </si>
  <si>
    <t>GGHS KOT SHER SINGH</t>
  </si>
  <si>
    <t>Chak no.54</t>
  </si>
  <si>
    <t>Govt. Girls High School Kot Sher Singh Tehsil Kot Radha kishen District Kasur</t>
  </si>
  <si>
    <t>Kot Sher Singh</t>
  </si>
  <si>
    <t>chak No.55</t>
  </si>
  <si>
    <t>Saima Tahir</t>
  </si>
  <si>
    <t>GGHS KOT SHOUKAT SULTAN</t>
  </si>
  <si>
    <t>Kot Shoukat Sultan</t>
  </si>
  <si>
    <t>kasur road kot shoukat sultan</t>
  </si>
  <si>
    <t>KOT SHOUKAT SUTAN</t>
  </si>
  <si>
    <t>Hujra Shah Muqeem</t>
  </si>
  <si>
    <t>farah begum</t>
  </si>
  <si>
    <t>GGHS KOT SOHNDA</t>
  </si>
  <si>
    <t>farooq abad</t>
  </si>
  <si>
    <t>village kot sondha post office farooq abad tehsile and district sheikhupura</t>
  </si>
  <si>
    <t>kot sondha</t>
  </si>
  <si>
    <t>samia ishaq</t>
  </si>
  <si>
    <t>GGHS KOT SULTAN</t>
  </si>
  <si>
    <t>JAM RID</t>
  </si>
  <si>
    <t>KOT SULTAN URBAN</t>
  </si>
  <si>
    <t>ROBINA TEHSEEN</t>
  </si>
  <si>
    <t>GGHS KOT SUNDKI</t>
  </si>
  <si>
    <t>gghs kot sundki tehsil hassan abdal district attock.</t>
  </si>
  <si>
    <t>Humaira Kanwal</t>
  </si>
  <si>
    <t>GGHS KOT TAHIR</t>
  </si>
  <si>
    <t>GOVT. GIRLS HIGH SCHOOL KOT TAHIR JAMPUR</t>
  </si>
  <si>
    <t>Kafeela Bibi</t>
  </si>
  <si>
    <t>GGHS KOTANI</t>
  </si>
  <si>
    <t>kotani</t>
  </si>
  <si>
    <t>gGHS kotani vehoa</t>
  </si>
  <si>
    <t>GGHS KOTEHRA</t>
  </si>
  <si>
    <t>vpo kotehra</t>
  </si>
  <si>
    <t>GGHS KOTHA ABDAL</t>
  </si>
  <si>
    <t>Kothaabdal</t>
  </si>
  <si>
    <t>Village kothaabdal Post office Kothaabdal Tehsil and District chakwal</t>
  </si>
  <si>
    <t>KOTHAABDAL</t>
  </si>
  <si>
    <t>GGHS KOTHA KALAN</t>
  </si>
  <si>
    <t>Kotha kalan</t>
  </si>
  <si>
    <t>kotha kalan</t>
  </si>
  <si>
    <t>Rizwana Zahoor</t>
  </si>
  <si>
    <t>GGHS KOTLA</t>
  </si>
  <si>
    <t>Village kotla PO Maira Mora RWP</t>
  </si>
  <si>
    <t>TAKHT Parri</t>
  </si>
  <si>
    <t>Ghulam Jannat</t>
  </si>
  <si>
    <t>GGHS KOTLA AIMA</t>
  </si>
  <si>
    <t>Village Kotla Aima P.O Kala Gujran Tehsil Jhelum</t>
  </si>
  <si>
    <t>Zobia Shahbaz</t>
  </si>
  <si>
    <t>GGHS KOTLA ARAB ALI KHAN</t>
  </si>
  <si>
    <t>Kotla Arab Ali Khan</t>
  </si>
  <si>
    <t>village and post office kotla arab ali khan, tehsil kharian , district gujrat</t>
  </si>
  <si>
    <t>ZAKRA BIBI</t>
  </si>
  <si>
    <t>GGHS KOTLA CHAKAR JALALPUR PIRWALA</t>
  </si>
  <si>
    <t>Kotla Chakar</t>
  </si>
  <si>
    <t>GGHS.KOTLA CHAKAR.JALALPUR PIR WALA  MULTAN</t>
  </si>
  <si>
    <t>Sajida Begum</t>
  </si>
  <si>
    <t>GGHS KOTLA EASAN</t>
  </si>
  <si>
    <t>Kotla Eson</t>
  </si>
  <si>
    <t>kotla esan</t>
  </si>
  <si>
    <t>Kotla Eason</t>
  </si>
  <si>
    <t>Anam Ayub</t>
  </si>
  <si>
    <t>GGHS KOTLA GAMOON</t>
  </si>
  <si>
    <t>Kotla Ganmun</t>
  </si>
  <si>
    <t>kotla ganmun tehsil jatoi distt. m.garh</t>
  </si>
  <si>
    <t>Neelmah Akhtar</t>
  </si>
  <si>
    <t>GGHS KOTLA HAJI SHAH</t>
  </si>
  <si>
    <t>kotla haji shah, layyah.</t>
  </si>
  <si>
    <t>GGHS KOTLA JAM</t>
  </si>
  <si>
    <t>Kotla Jam</t>
  </si>
  <si>
    <t>kotla jam distt bhakkar</t>
  </si>
  <si>
    <t>Naheeda Kousar</t>
  </si>
  <si>
    <t>GGHS KOTLA MUGHLAN</t>
  </si>
  <si>
    <t>KOTLA MUGHLAN</t>
  </si>
  <si>
    <t>HUMAIRA RAHIM</t>
  </si>
  <si>
    <t>GGHS KOTLA MUSA KHAN</t>
  </si>
  <si>
    <t>Kotla Musa Khn</t>
  </si>
  <si>
    <t>govt girls high school kotla musa khan tehsil ahmed pur east</t>
  </si>
  <si>
    <t>Kotla Musa Kahn</t>
  </si>
  <si>
    <t>GGHS KOTLA NASEER</t>
  </si>
  <si>
    <t>KOTLA NASEER</t>
  </si>
  <si>
    <t>Sajida Ghani</t>
  </si>
  <si>
    <t>GGHS KOTLA PATHAN</t>
  </si>
  <si>
    <t>Kotlapathan</t>
  </si>
  <si>
    <t>Gov.Girls secondary school kotlapathan</t>
  </si>
  <si>
    <t>Sadaf Khaliq</t>
  </si>
  <si>
    <t>GGHS KOTLA QASIM KHAN</t>
  </si>
  <si>
    <t>kotla qasim khan,lalamusa,tehsil kharian,distt gujrat</t>
  </si>
  <si>
    <t>Salma Iqbal</t>
  </si>
  <si>
    <t>GGHS KOTLI BEHRAM</t>
  </si>
  <si>
    <t>KOTLI BEHRAM KHADIM ALI ROAD</t>
  </si>
  <si>
    <t>KOTLI BEHRAM</t>
  </si>
  <si>
    <t>Farida Khawar</t>
  </si>
  <si>
    <t>GGHS KOTLI FAQIR CHAND</t>
  </si>
  <si>
    <t>Kotli Faqir Chand</t>
  </si>
  <si>
    <t>Govt. Girls High School kotli faqir chand</t>
  </si>
  <si>
    <t>Kotli faqir chand</t>
  </si>
  <si>
    <t>Bun Bajwa</t>
  </si>
  <si>
    <t>TEHMINA</t>
  </si>
  <si>
    <t>GGHS KOTLI MURAD</t>
  </si>
  <si>
    <t>KOTLI Murad</t>
  </si>
  <si>
    <t>Basti Abdul Aziz khan Moza KOTLI Murad UC Fath Pur Kamal Tehsil Khan Pur District Rahim Yar Khan</t>
  </si>
  <si>
    <t>Basti Abdul Aziz Khan</t>
  </si>
  <si>
    <t>Fath Pur Kamal</t>
  </si>
  <si>
    <t>Sobia Sadiq</t>
  </si>
  <si>
    <t>GGHS KOTLI NAJABAT MULTAN</t>
  </si>
  <si>
    <t>Kotlinijabat</t>
  </si>
  <si>
    <t>kotlinijabat</t>
  </si>
  <si>
    <t>Rida Shakeel</t>
  </si>
  <si>
    <t>GGHS KOTLI NAWAB</t>
  </si>
  <si>
    <t>Kotli nawab</t>
  </si>
  <si>
    <t>GGHS KOTLI SATTIAN</t>
  </si>
  <si>
    <t>govt girls high school kotli sattian district rwp</t>
  </si>
  <si>
    <t>GGHS KOUR PUR</t>
  </si>
  <si>
    <t>kourpur skt</t>
  </si>
  <si>
    <t>Saba Javed</t>
  </si>
  <si>
    <t>filterred water</t>
  </si>
  <si>
    <t>GGHS KUDLATHI ARA</t>
  </si>
  <si>
    <t>KUDLATHI ARA Tehsil Sahiwal District Sargodha</t>
  </si>
  <si>
    <t>GGHS KUFRI</t>
  </si>
  <si>
    <t>Kufri</t>
  </si>
  <si>
    <t>Govt Girls High School kufri</t>
  </si>
  <si>
    <t>Nasim Fatima</t>
  </si>
  <si>
    <t>GGHS KUL</t>
  </si>
  <si>
    <t>GGHS Kul Tehsil Chunian District Kasur</t>
  </si>
  <si>
    <t>SAFIA GHAFOOR</t>
  </si>
  <si>
    <t>GGHS KULLAH MINDIALA</t>
  </si>
  <si>
    <t>Kullah mandiala</t>
  </si>
  <si>
    <t>Waheeda Yasmin</t>
  </si>
  <si>
    <t>GGHS KUND SARGANA, SARAI SIDHU</t>
  </si>
  <si>
    <t>moza kund sargana teh. kabirwala dist. khanewal</t>
  </si>
  <si>
    <t>Shamyla Eric Warris</t>
  </si>
  <si>
    <t>GGHS KUNDAN PUR</t>
  </si>
  <si>
    <t>Dallowali</t>
  </si>
  <si>
    <t>GGHS kundan pur</t>
  </si>
  <si>
    <t>Kundan pur</t>
  </si>
  <si>
    <t>Aqsa Malik</t>
  </si>
  <si>
    <t>GGHS KUNJAH</t>
  </si>
  <si>
    <t>MOHALLAH KATRA KUNJAH</t>
  </si>
  <si>
    <t>IJAZ TABASSUM</t>
  </si>
  <si>
    <t>GGHS KURI KHURD BAKHSH</t>
  </si>
  <si>
    <t>Kuri Khuda Baksh</t>
  </si>
  <si>
    <t>Kuri khuda baksh</t>
  </si>
  <si>
    <t>GGHS KURK MUHAMMADI SHARIF</t>
  </si>
  <si>
    <t>Muhammadi Shareef</t>
  </si>
  <si>
    <t>gghs kurk Muhammadi Shareef bhowana</t>
  </si>
  <si>
    <t>Kurk Muhammadi Shareef</t>
  </si>
  <si>
    <t>Sumaira Naz</t>
  </si>
  <si>
    <t>GGHS KURLKE</t>
  </si>
  <si>
    <t>kurlke p/0 thatha manak tehsil nowshera virkan district gujranwala</t>
  </si>
  <si>
    <t>Kurlke</t>
  </si>
  <si>
    <t>Saba Abid</t>
  </si>
  <si>
    <t>GGHS KUTHIALA SYEDAN</t>
  </si>
  <si>
    <t>Kuthiala Syedan</t>
  </si>
  <si>
    <t>kuthiala Syedan</t>
  </si>
  <si>
    <t>Kandhawala</t>
  </si>
  <si>
    <t>Aasma Kanwal</t>
  </si>
  <si>
    <t>GGHS KUTHIAN</t>
  </si>
  <si>
    <t>Kuthian</t>
  </si>
  <si>
    <t>village Kuthian tehsil &amp; P O  Kotli sattian</t>
  </si>
  <si>
    <t>Hafiza Sumayya Khatoon</t>
  </si>
  <si>
    <t>GGHS LABER MORE MULTAN</t>
  </si>
  <si>
    <t>Bast labar</t>
  </si>
  <si>
    <t>Gages basti labar</t>
  </si>
  <si>
    <t>Basti labar</t>
  </si>
  <si>
    <t>Haider Pur Kanora</t>
  </si>
  <si>
    <t>Nasreen Akhtar Ali</t>
  </si>
  <si>
    <t>GGHS LABORATORY (ATTACH GCET (W)</t>
  </si>
  <si>
    <t>govt lab girls high school kamalia</t>
  </si>
  <si>
    <t>kamalia city</t>
  </si>
  <si>
    <t>Ume Ruba</t>
  </si>
  <si>
    <t>GGHS LADHAY WALA CHEEMA</t>
  </si>
  <si>
    <t>ladhewala cheema</t>
  </si>
  <si>
    <t>GGHS Ladhewala cheema</t>
  </si>
  <si>
    <t>Ladhewala cheema</t>
  </si>
  <si>
    <t>Tousef Iqbal chema</t>
  </si>
  <si>
    <t>GGHS LADHAY WALA WARRIACH</t>
  </si>
  <si>
    <t>Shahan Wala Bazar Ladhewala Warriach</t>
  </si>
  <si>
    <t>shahan wala bazar hafizabad road ladhewala warraich</t>
  </si>
  <si>
    <t>Ladhewala Warriach</t>
  </si>
  <si>
    <t>zahida</t>
  </si>
  <si>
    <t>GGHS LADHE KAY NEEVAN</t>
  </si>
  <si>
    <t>ladheykay niwan</t>
  </si>
  <si>
    <t>ladheykay niwan lahore</t>
  </si>
  <si>
    <t>jodhu dheer</t>
  </si>
  <si>
    <t>riffat mansur</t>
  </si>
  <si>
    <t>GGHS LAGAR</t>
  </si>
  <si>
    <t>lagar</t>
  </si>
  <si>
    <t>govt girls high school lagar</t>
  </si>
  <si>
    <t>sana ray</t>
  </si>
  <si>
    <t>GGHS LAITI</t>
  </si>
  <si>
    <t>leti</t>
  </si>
  <si>
    <t>vpo leti teh lawa distt chakwal</t>
  </si>
  <si>
    <t>GGHS LAK MORE</t>
  </si>
  <si>
    <t>gghs lak more</t>
  </si>
  <si>
    <t>Lak More</t>
  </si>
  <si>
    <t>shahida parveen</t>
  </si>
  <si>
    <t>GGHS LAKHAN WAL</t>
  </si>
  <si>
    <t>P.O. LAKHANWAL KHURD TEH. &amp; DIST GUJRAT</t>
  </si>
  <si>
    <t>LAKHANWAL</t>
  </si>
  <si>
    <t>SHAZIA GILLANI</t>
  </si>
  <si>
    <t>GGHS LAKHI WAL</t>
  </si>
  <si>
    <t>Lakhi wal</t>
  </si>
  <si>
    <t>village lakhiwal tehsil sahiwal distt sargodha</t>
  </si>
  <si>
    <t>Rukhsana Kausar Malik</t>
  </si>
  <si>
    <t>GGHS LAKHNAY KAY</t>
  </si>
  <si>
    <t>Lakhneykay</t>
  </si>
  <si>
    <t>lakhneykay</t>
  </si>
  <si>
    <t>MALIHA YAMEEN</t>
  </si>
  <si>
    <t>GGHS LAKHNE WALA</t>
  </si>
  <si>
    <t>Lakhnewala</t>
  </si>
  <si>
    <t>Bushra Sultana</t>
  </si>
  <si>
    <t>GGHS LAKHODHER</t>
  </si>
  <si>
    <t>Lakhodair</t>
  </si>
  <si>
    <t>GGHS Lakhodair Lahore</t>
  </si>
  <si>
    <t>Salma Basharat</t>
  </si>
  <si>
    <t>GGHS LALU PHUMAN SHEIKHUPURA</t>
  </si>
  <si>
    <t>Khudalti</t>
  </si>
  <si>
    <t>gghs lalu phuman kudalti mor faisalabad road skp</t>
  </si>
  <si>
    <t>Lalu Phuman</t>
  </si>
  <si>
    <t>bushra zafar</t>
  </si>
  <si>
    <t>GGHS LALU PUR</t>
  </si>
  <si>
    <t>lalu pur</t>
  </si>
  <si>
    <t>GGHS LALU PUR KAMOKE GUJRANWALA</t>
  </si>
  <si>
    <t>mucharala</t>
  </si>
  <si>
    <t>GGHS LANG SHUMALI</t>
  </si>
  <si>
    <t>lang shumali</t>
  </si>
  <si>
    <t>lang shumali p.o same jhang</t>
  </si>
  <si>
    <t>D horizontal Wala</t>
  </si>
  <si>
    <t>mrs mussarat iqbal rai</t>
  </si>
  <si>
    <t>GGHS LANGAR KAY</t>
  </si>
  <si>
    <t>langarke</t>
  </si>
  <si>
    <t>Musarat Nazir</t>
  </si>
  <si>
    <t>GGHS LANGER</t>
  </si>
  <si>
    <t>VPO LANGER TEHSIL PIND DADAN KHAN DISTRICT JHELUM</t>
  </si>
  <si>
    <t>iffat khurshid</t>
  </si>
  <si>
    <t>GGHS LANGER PUR</t>
  </si>
  <si>
    <t>village and p.o langerpur</t>
  </si>
  <si>
    <t>Shaheen Nazly</t>
  </si>
  <si>
    <t>GGHS LANGRIAL</t>
  </si>
  <si>
    <t>langrial</t>
  </si>
  <si>
    <t>Govt Girls High School Langrial(teh.kharian distt. gujrat)</t>
  </si>
  <si>
    <t>Nusrat-Un-Nisa</t>
  </si>
  <si>
    <t>GGHS LAR MULTAN</t>
  </si>
  <si>
    <t>govt girs high school lar multan</t>
  </si>
  <si>
    <t>Aisha Noreen</t>
  </si>
  <si>
    <t>GGHS LASHARIAN</t>
  </si>
  <si>
    <t>LASHARI</t>
  </si>
  <si>
    <t>VILLAGE &amp; P/O LASHARI</t>
  </si>
  <si>
    <t>Farkhanda Ali D/O M.SALEEM</t>
  </si>
  <si>
    <t>GGHS LATIF AWAMI BASTI T.T.SINGH</t>
  </si>
  <si>
    <t>Awami Basti</t>
  </si>
  <si>
    <t>GOVT GIRLS LATIF HIGH SCHOOL TOBA TEK SINGH AWAMI BASTI</t>
  </si>
  <si>
    <t>Awami Basti Tts</t>
  </si>
  <si>
    <t>city 3</t>
  </si>
  <si>
    <t>ANEES KAUSAR</t>
  </si>
  <si>
    <t>GGHS LAWA PO LAWA TEH TALAGANG</t>
  </si>
  <si>
    <t>Mohallah Bhangyal,Lawa City,Post Office Lawa,Tehsil Lawa,District Chakwal</t>
  </si>
  <si>
    <t>MC Lawa</t>
  </si>
  <si>
    <t>RUKHSANA BEGUM</t>
  </si>
  <si>
    <t>GGHS LAWARAY KALAN</t>
  </si>
  <si>
    <t>Lawary Kalan</t>
  </si>
  <si>
    <t>GGHSLAwarykalan district hfd</t>
  </si>
  <si>
    <t>Vinii</t>
  </si>
  <si>
    <t>MEMOONA ISLAAM</t>
  </si>
  <si>
    <t>GGHS LEEL VIRKAN</t>
  </si>
  <si>
    <t>Leel Virkan</t>
  </si>
  <si>
    <t>leel virkan</t>
  </si>
  <si>
    <t>shagufta arif</t>
  </si>
  <si>
    <t>GGHS LEHNA SINGH WALA</t>
  </si>
  <si>
    <t>Lehna Singh Wala</t>
  </si>
  <si>
    <t>Lehna Singh Wala p/o Budho ki</t>
  </si>
  <si>
    <t>Mojo Ki</t>
  </si>
  <si>
    <t>mubina shafiq</t>
  </si>
  <si>
    <t>GGHS LEHR SULTAN PUR</t>
  </si>
  <si>
    <t>Lehr Sultan pur</t>
  </si>
  <si>
    <t>lehr sultanpur tehsil choa saiden shah</t>
  </si>
  <si>
    <t>GGHS LEHRI</t>
  </si>
  <si>
    <t>LEHRI</t>
  </si>
  <si>
    <t>GOVT GIRLS HIGH SCHOOL LEHRI TEH SOHAWA DISTT JHELUM</t>
  </si>
  <si>
    <t>RUBINA ANWAAR KIYANI</t>
  </si>
  <si>
    <t>GGHS LEHTRAR</t>
  </si>
  <si>
    <t>Lehtrar Bala</t>
  </si>
  <si>
    <t>village lehtrar paien.p.o lehtrar Teh.  kotli sattian</t>
  </si>
  <si>
    <t>Shazia Zaheer</t>
  </si>
  <si>
    <t>GGHS LESSER KALAN</t>
  </si>
  <si>
    <t>LASSER Kalan</t>
  </si>
  <si>
    <t>Village and po LASSER kalan  tehsil zafarwal district Narowal</t>
  </si>
  <si>
    <t>Sidra Saghir</t>
  </si>
  <si>
    <t>GGHS LIAQAT ABAD</t>
  </si>
  <si>
    <t>Koh e noor</t>
  </si>
  <si>
    <t>GGHS Liaqat abad near tehsil office piplan</t>
  </si>
  <si>
    <t>Marya Rais</t>
  </si>
  <si>
    <t>GGHS LIAQAT BANGASH COLONY</t>
  </si>
  <si>
    <t>Govt Liaquat Girls high school bungish colony rawalpindi</t>
  </si>
  <si>
    <t>bungish colony</t>
  </si>
  <si>
    <t>najma naureen</t>
  </si>
  <si>
    <t>GGHS LIAQAT MUGHAL ABAD</t>
  </si>
  <si>
    <t>ch.sardar street tench bhata rwp</t>
  </si>
  <si>
    <t>Tench Bhatta</t>
  </si>
  <si>
    <t>cantt urban area</t>
  </si>
  <si>
    <t>Saeeda Tahir</t>
  </si>
  <si>
    <t>GGHS LIDHAR</t>
  </si>
  <si>
    <t>govt girls high school lidher bedian road lahore</t>
  </si>
  <si>
    <t>Ms Syeda Toqeer Fatima</t>
  </si>
  <si>
    <t>GGHS LILLA TOWN</t>
  </si>
  <si>
    <t>Lilla</t>
  </si>
  <si>
    <t>lilla town teh p.d khan distt jhelum</t>
  </si>
  <si>
    <t>Ulfat Naheed</t>
  </si>
  <si>
    <t>GGHS LITRA</t>
  </si>
  <si>
    <t>litra teh tunsa sharif distt dg khan</t>
  </si>
  <si>
    <t>MRS TAG BEGUM</t>
  </si>
  <si>
    <t>GGHS LITTEN</t>
  </si>
  <si>
    <t>p/o litten tehsil and district bhakkar</t>
  </si>
  <si>
    <t>GGHS LODHRAN</t>
  </si>
  <si>
    <t>Gangway Wala</t>
  </si>
  <si>
    <t>Near Zila Council Lodhran</t>
  </si>
  <si>
    <t>Gangway Wala Lodhran</t>
  </si>
  <si>
    <t>GGHS LODHRAN CITY</t>
  </si>
  <si>
    <t>lodhran</t>
  </si>
  <si>
    <t>near special education ward no 9 gGHS Lodhran City</t>
  </si>
  <si>
    <t>gangagy wala</t>
  </si>
  <si>
    <t>Bushra Saeeda / Fazal Illah</t>
  </si>
  <si>
    <t>GGHS LOHIAN WALA</t>
  </si>
  <si>
    <t>LOHIANWALA</t>
  </si>
  <si>
    <t>NASREEN KOUSAR</t>
  </si>
  <si>
    <t>GGHS LOONA</t>
  </si>
  <si>
    <t>Loona</t>
  </si>
  <si>
    <t>Village loona kahuta</t>
  </si>
  <si>
    <t>Naeema Munir</t>
  </si>
  <si>
    <t>GGHS LOONI</t>
  </si>
  <si>
    <t>GGHS Looni ,Bajwat Sialkot</t>
  </si>
  <si>
    <t>looni</t>
  </si>
  <si>
    <t>kachimand</t>
  </si>
  <si>
    <t>mahnoor nisar</t>
  </si>
  <si>
    <t>GGHS LOOTHER MULTAN</t>
  </si>
  <si>
    <t>loother</t>
  </si>
  <si>
    <t>GOvt  Girls High School Loother</t>
  </si>
  <si>
    <t>Loother</t>
  </si>
  <si>
    <t>GGHS LOW INCOME SCHEME KHANPUR</t>
  </si>
  <si>
    <t>SATELLITE TOWN</t>
  </si>
  <si>
    <t>GGHS LOW INCOME SCHEME KHAN PUR</t>
  </si>
  <si>
    <t>Fakhra Tabbasum</t>
  </si>
  <si>
    <t>GGHS LOW INCOME SCHEME NO.1 SETLLITE TOWN</t>
  </si>
  <si>
    <t>fatta katta</t>
  </si>
  <si>
    <t>gGHS LOW INCOME SCHEME NO 1 SATTELITE TOWN SADIQ ABAD</t>
  </si>
  <si>
    <t>sattelite town</t>
  </si>
  <si>
    <t>C</t>
  </si>
  <si>
    <t>nusrat perveen</t>
  </si>
  <si>
    <t>GGHS LOW INCOME SCHEME R.Y.KHAN</t>
  </si>
  <si>
    <t>NOOR-E-WALI</t>
  </si>
  <si>
    <t>LOW INCOME SCHEME GULSHAN USMAN  RYK</t>
  </si>
  <si>
    <t>GULSHAN USMAN</t>
  </si>
  <si>
    <t>dr. samina sarwat</t>
  </si>
  <si>
    <t>GGHS L-PLOT FOUJIAN</t>
  </si>
  <si>
    <t>l-plot</t>
  </si>
  <si>
    <t>gghs l-plot foujian distt okara tehsil renala khurd</t>
  </si>
  <si>
    <t>l-plot foujian</t>
  </si>
  <si>
    <t>FARZANA YASMIN</t>
  </si>
  <si>
    <t>GGHS LUDDAN</t>
  </si>
  <si>
    <t>LUDDAN</t>
  </si>
  <si>
    <t>SAMINA MUSHTAQ</t>
  </si>
  <si>
    <t>GGHS LUKOO</t>
  </si>
  <si>
    <t>Govt.Girls High School lukoo</t>
  </si>
  <si>
    <t>Ayesha Nisar</t>
  </si>
  <si>
    <t>GGHS LUNDIANWALA</t>
  </si>
  <si>
    <t>Lundianwala</t>
  </si>
  <si>
    <t>Adda Lundianwala</t>
  </si>
  <si>
    <t>Lumdianwala</t>
  </si>
  <si>
    <t>Chak# 650/1</t>
  </si>
  <si>
    <t>Rani Shugfta Sultana</t>
  </si>
  <si>
    <t>GGHS LURHIKI</t>
  </si>
  <si>
    <t>lurhiki</t>
  </si>
  <si>
    <t>gghs lurhiki</t>
  </si>
  <si>
    <t>bhrthanwala</t>
  </si>
  <si>
    <t>FARAH ZARIN</t>
  </si>
  <si>
    <t>GGHS LUTAF ABAD</t>
  </si>
  <si>
    <t>Lutafabad</t>
  </si>
  <si>
    <t>GGHS Lutafabad  Multan</t>
  </si>
  <si>
    <t>Lutfabad</t>
  </si>
  <si>
    <t>Fehmida Ali</t>
  </si>
  <si>
    <t>GGHS LUTKRAN</t>
  </si>
  <si>
    <t>OPPOSITE DHQ HOSPITAL</t>
  </si>
  <si>
    <t>BASTI LUTKARAN</t>
  </si>
  <si>
    <t>Munispal</t>
  </si>
  <si>
    <t>SADIA JAMEEL</t>
  </si>
  <si>
    <t>GGHS M.A. ISLAMIA QILA DIDAR SINGH</t>
  </si>
  <si>
    <t>qila didar singh gujranwala</t>
  </si>
  <si>
    <t>qila didar singh</t>
  </si>
  <si>
    <t>Farkhanda Shaheen</t>
  </si>
  <si>
    <t>GGHS M.B.DIN</t>
  </si>
  <si>
    <t>GOVT.GIRLS HIGH SCHOOL MANDI BAHAUDDIN</t>
  </si>
  <si>
    <t>Munshi Mohallah</t>
  </si>
  <si>
    <t>MANDI BAHAUDDIN</t>
  </si>
  <si>
    <t>RIFAT RIAZ</t>
  </si>
  <si>
    <t>GGHS M.B.LALAMUSA</t>
  </si>
  <si>
    <t>LALAMUSA</t>
  </si>
  <si>
    <t>NEAR MEAT MARKET, LALAMUSA</t>
  </si>
  <si>
    <t>GGHS MAAN</t>
  </si>
  <si>
    <t>maan kasur</t>
  </si>
  <si>
    <t>SAMIA SALEEM</t>
  </si>
  <si>
    <t>GGHS MAAN WALA, KABIRWALA</t>
  </si>
  <si>
    <t>maanwala</t>
  </si>
  <si>
    <t>gghs maan wala kabirwala</t>
  </si>
  <si>
    <t>Muncipal kabirwala</t>
  </si>
  <si>
    <t>GGHS MACHIANA</t>
  </si>
  <si>
    <t>Machhiana</t>
  </si>
  <si>
    <t>G G H/S Machhiana</t>
  </si>
  <si>
    <t>nighat parveen</t>
  </si>
  <si>
    <t>GGHS MADARISSA TUL BINAAT</t>
  </si>
  <si>
    <t>GGHS AL MADRASA TUL BINAT AFANDI COLONY RWP</t>
  </si>
  <si>
    <t>Afandi Colony</t>
  </si>
  <si>
    <t>AFANDI CONLONY</t>
  </si>
  <si>
    <t>GGHS MADDO KHALWAN</t>
  </si>
  <si>
    <t>Maddo kalwan</t>
  </si>
  <si>
    <t>GGHS Maddo Kahlwan</t>
  </si>
  <si>
    <t>Tallat Fatima</t>
  </si>
  <si>
    <t>GGHS MADDUKI</t>
  </si>
  <si>
    <t>gghs Madduki Jhang</t>
  </si>
  <si>
    <t>Lak badhar</t>
  </si>
  <si>
    <t>Zakia Noor</t>
  </si>
  <si>
    <t>GGHS MADHORA KALAN</t>
  </si>
  <si>
    <t>madhora kalan</t>
  </si>
  <si>
    <t>GGHS MADHRIAN WALA</t>
  </si>
  <si>
    <t>Madhrianwala</t>
  </si>
  <si>
    <t>Govt girls high school nadhrianwala</t>
  </si>
  <si>
    <t>Fozia Yasmeen</t>
  </si>
  <si>
    <t>GGHS MADHRIAN WALA KALAR</t>
  </si>
  <si>
    <t>Madherianwala Kalar</t>
  </si>
  <si>
    <t>madherianwala kalar tehsil kamoke distt gujranwala</t>
  </si>
  <si>
    <t>Dhenser Paeen</t>
  </si>
  <si>
    <t>qurra tul  aien</t>
  </si>
  <si>
    <t>GGHS MADINA ABAD KAMALIA</t>
  </si>
  <si>
    <t>mohallah madina abad near quaid e azam college kamalia</t>
  </si>
  <si>
    <t>Rubina Nargis</t>
  </si>
  <si>
    <t>GGHS MADINA COLONY BUREWALA</t>
  </si>
  <si>
    <t>517/eB</t>
  </si>
  <si>
    <t>street no#5 madina colony burewala</t>
  </si>
  <si>
    <t>madina colony marzi pura</t>
  </si>
  <si>
    <t>tma burewama</t>
  </si>
  <si>
    <t>SAJILA NASIM</t>
  </si>
  <si>
    <t>GGHS MADINA COLONY NEAR GRAIN MARKET MULTAN</t>
  </si>
  <si>
    <t>Taraf Ravi</t>
  </si>
  <si>
    <t>madina colony multan</t>
  </si>
  <si>
    <t>New Nazimabad</t>
  </si>
  <si>
    <t>Parveen Mustafa</t>
  </si>
  <si>
    <t>all pumps &amp; filter plant</t>
  </si>
  <si>
    <t>GGHS MADRASA-TUL-BINAT</t>
  </si>
  <si>
    <t>gulshan abad</t>
  </si>
  <si>
    <t>gulshan abad street # 7 gujranwala</t>
  </si>
  <si>
    <t>44-city timber market hafizabad road gujranwala</t>
  </si>
  <si>
    <t>GGHS MADRASA-TUL-BINAT 15-LAKE ROAD</t>
  </si>
  <si>
    <t>Govt. Madrasa-Tul-Banat High School, 15- Lake ROad Lahore</t>
  </si>
  <si>
    <t>Data Gunj Bukhsh Town</t>
  </si>
  <si>
    <t>Rubina  Gull Shabbir</t>
  </si>
  <si>
    <t>GGHS MADRASA-TUL-BINAT MISRI SHAH AZIZ ROAD</t>
  </si>
  <si>
    <t>MISRI SHAH</t>
  </si>
  <si>
    <t>GGHS MADRASA-TUL-BINAT MISRI SHAH, AZIZ ROAD, LHR</t>
  </si>
  <si>
    <t>MANZOOR ABAD</t>
  </si>
  <si>
    <t>Mrs.Majida Khatoon</t>
  </si>
  <si>
    <t>GGHS MADRISA TUL BINAT KACHO PURA</t>
  </si>
  <si>
    <t>Kachu Pura</t>
  </si>
  <si>
    <t>Govt.madrasa tul binat high school kachu pura lhr</t>
  </si>
  <si>
    <t>Naseem Ansar</t>
  </si>
  <si>
    <t>GGHS MADRISA-TUL-BINAT AUSTRAILA BUILDING</t>
  </si>
  <si>
    <t>Data Gang Baksh Town</t>
  </si>
  <si>
    <t>mechload road  lahore</t>
  </si>
  <si>
    <t>106 Mechload Road Lahore</t>
  </si>
  <si>
    <t>GOWAL MANDI</t>
  </si>
  <si>
    <t>Mst.Shahida Rehmat</t>
  </si>
  <si>
    <t>GGHS MADRISSA</t>
  </si>
  <si>
    <t>Nanak Cahand</t>
  </si>
  <si>
    <t>G.G.H.Madrassa p/o Madrassa BWN</t>
  </si>
  <si>
    <t>Tibba Sultan</t>
  </si>
  <si>
    <t>Khadija Naz</t>
  </si>
  <si>
    <t>GGHS MADRISSA TUL BINAT</t>
  </si>
  <si>
    <t>GOVT. MADRASSA-TUL-BINAT HIGH CHINIOT, MOHALLAH GARHA</t>
  </si>
  <si>
    <t>MOHALLAH GARHA</t>
  </si>
  <si>
    <t>GGHS MAGHIAN</t>
  </si>
  <si>
    <t>Maghian</t>
  </si>
  <si>
    <t>VPO Maghian</t>
  </si>
  <si>
    <t>Hina Shireen</t>
  </si>
  <si>
    <t>GGHS MAGISTRATE COLONY</t>
  </si>
  <si>
    <t>C Block Magistrate Colony RWP</t>
  </si>
  <si>
    <t>sadiqabad</t>
  </si>
  <si>
    <t>Dr.Anisa khatoon</t>
  </si>
  <si>
    <t>GGHS MAHALAM KALAN</t>
  </si>
  <si>
    <t>Mahalam Kalan</t>
  </si>
  <si>
    <t>Mahalam kalan</t>
  </si>
  <si>
    <t>Farzana Nasreen Hijazi</t>
  </si>
  <si>
    <t>GGHS MAHMOOD KOT CITY</t>
  </si>
  <si>
    <t>P/O  Mahmood kot city</t>
  </si>
  <si>
    <t>Mudassira Jabeen</t>
  </si>
  <si>
    <t>GGHS MAHMOOD KOT STATION</t>
  </si>
  <si>
    <t>Khohwar</t>
  </si>
  <si>
    <t>near railway station mahmood  kot  the. kot addu district muzaffar garh</t>
  </si>
  <si>
    <t>Mahmood Kot  Station</t>
  </si>
  <si>
    <t>AISHA AKBAR</t>
  </si>
  <si>
    <t>GGHS MAHNDAR NO. 1</t>
  </si>
  <si>
    <t>Mahndar</t>
  </si>
  <si>
    <t>Village &amp; P/o Mahndar, Tehsil GujjarKhan, District Rawalpindi</t>
  </si>
  <si>
    <t>Noor Do lal</t>
  </si>
  <si>
    <t>Raheela Qadeer</t>
  </si>
  <si>
    <t>GGHS MAHNI SIAL, KABIRWALA</t>
  </si>
  <si>
    <t>Mahni sial</t>
  </si>
  <si>
    <t>GGHS MAHNI SIAL TEHSIL KABIRWALA DISTRICT KHANEWAL</t>
  </si>
  <si>
    <t>Mahni Sial</t>
  </si>
  <si>
    <t>Tooba Hayat</t>
  </si>
  <si>
    <t>GGHS MAHRA</t>
  </si>
  <si>
    <t>GOVT. GIRLS HIGH SCHOOL MAHRA MUZAFFARGARH</t>
  </si>
  <si>
    <t>NAHID FIRDOUS</t>
  </si>
  <si>
    <t>GGHS MAI HEER</t>
  </si>
  <si>
    <t>mai heer</t>
  </si>
  <si>
    <t>govt girls high school mai heer jhang</t>
  </si>
  <si>
    <t>kot sai sing</t>
  </si>
  <si>
    <t>Sajida  khatoon</t>
  </si>
  <si>
    <t>GGHS MAILSI</t>
  </si>
  <si>
    <t>Mailsi</t>
  </si>
  <si>
    <t>EAST</t>
  </si>
  <si>
    <t>NADERA</t>
  </si>
  <si>
    <t>GGHS MAIN DARS ROAD BASIR PUR</t>
  </si>
  <si>
    <t>BASIRPUR</t>
  </si>
  <si>
    <t>GGHS  BASIRPUR</t>
  </si>
  <si>
    <t>BEHLOL PUR</t>
  </si>
  <si>
    <t>GGHS MAIRA</t>
  </si>
  <si>
    <t>p.o maora tehsil dina district jhelum</t>
  </si>
  <si>
    <t>GGHS MAIRA KALAN (CONTROLED BY CANTONMENT BOARD)</t>
  </si>
  <si>
    <t>Maira Kalan</t>
  </si>
  <si>
    <t>GGHS maira kalan</t>
  </si>
  <si>
    <t>Ranial</t>
  </si>
  <si>
    <t>GGHS MAJHI</t>
  </si>
  <si>
    <t>VILLAGE majhi</t>
  </si>
  <si>
    <t>GGHS MAJJU CHAK</t>
  </si>
  <si>
    <t>Majju Chak</t>
  </si>
  <si>
    <t>GGHS Majju Chak</t>
  </si>
  <si>
    <t>Sabiha Firdous</t>
  </si>
  <si>
    <t>GGHS MAJRA KALAN</t>
  </si>
  <si>
    <t>majra kalan teh sambrial distt sialkot</t>
  </si>
  <si>
    <t>abida perveen</t>
  </si>
  <si>
    <t>GGHS MAKHDOOM AALI DUNYA PUR</t>
  </si>
  <si>
    <t>MAKHDOOM AALI</t>
  </si>
  <si>
    <t>GGHS MAKHDOOM AALI TEHSIL DUNYAPUR DISTRICT LODHRAN</t>
  </si>
  <si>
    <t>chak.no.384/W.B</t>
  </si>
  <si>
    <t>Iffat Masood</t>
  </si>
  <si>
    <t>GGHS MAKHDOOM RASHEED MULTAN</t>
  </si>
  <si>
    <t>Makhdoom Rashid</t>
  </si>
  <si>
    <t>GGHS Makhdoom Rashid, Multan P/O Makhdoom Rashid</t>
  </si>
  <si>
    <t>Dr Tahira Perveen Nawaz</t>
  </si>
  <si>
    <t>GGHS MAKHIAL</t>
  </si>
  <si>
    <t>Makhial</t>
  </si>
  <si>
    <t>Post office Buchal kalan Village makhial tehsil kalar kahar district chakwal1</t>
  </si>
  <si>
    <t>Buchalkalan</t>
  </si>
  <si>
    <t>Rahemin Samdani</t>
  </si>
  <si>
    <t>GGHS MAKHNAN WALI</t>
  </si>
  <si>
    <t>Makhnanwali</t>
  </si>
  <si>
    <t>vpo Makhnanwali teh &amp; dist m.b.din</t>
  </si>
  <si>
    <t>GGHS MAKWAL</t>
  </si>
  <si>
    <t>Sabahat Narjis</t>
  </si>
  <si>
    <t>GGHS MALAKWAL</t>
  </si>
  <si>
    <t>MALAKWAL</t>
  </si>
  <si>
    <t>sayyeda attiya firdous</t>
  </si>
  <si>
    <t>GGHS MALAL</t>
  </si>
  <si>
    <t>govt  girls high school malal,Tehsil fatehjang,Disstrict attock</t>
  </si>
  <si>
    <t>nosheen nawazish</t>
  </si>
  <si>
    <t>GGHS MALHU KHOKHAR</t>
  </si>
  <si>
    <t>Malhukhokhar</t>
  </si>
  <si>
    <t>Village and Post office Malhukhokhar</t>
  </si>
  <si>
    <t>Malhukhokar</t>
  </si>
  <si>
    <t>JORA JALAL PUR</t>
  </si>
  <si>
    <t>Atia Arshad Malik</t>
  </si>
  <si>
    <t>GGHS MALHU WALA</t>
  </si>
  <si>
    <t>Gandakas</t>
  </si>
  <si>
    <t>GGHS MALHUWALA</t>
  </si>
  <si>
    <t>Malhuwala</t>
  </si>
  <si>
    <t>IFFAT ZOHRA</t>
  </si>
  <si>
    <t>GGHS MALHUANA</t>
  </si>
  <si>
    <t>malhuana</t>
  </si>
  <si>
    <t>gghsmalhuana jhang</t>
  </si>
  <si>
    <t>Misbah Tanveer</t>
  </si>
  <si>
    <t>GGHS MALI PUR</t>
  </si>
  <si>
    <t>Farhana Sarwer</t>
  </si>
  <si>
    <t>GGHS MALIAN WALI CHAK 537</t>
  </si>
  <si>
    <t>Malianwali</t>
  </si>
  <si>
    <t>malianwali chak 537 GB</t>
  </si>
  <si>
    <t>Jhandianwali</t>
  </si>
  <si>
    <t>Shamshad Beghum</t>
  </si>
  <si>
    <t>GGHS MALIK MEHBOOB</t>
  </si>
  <si>
    <t>Sultan Arain</t>
  </si>
  <si>
    <t>khanpur mirchan wala</t>
  </si>
  <si>
    <t>Shabana Khanam</t>
  </si>
  <si>
    <t>GGHS MALIK PUR CHARA</t>
  </si>
  <si>
    <t>malikpur chara</t>
  </si>
  <si>
    <t>govt. girls high school malikpur chara tehsil and district Gujrat</t>
  </si>
  <si>
    <t>SABOWAL</t>
  </si>
  <si>
    <t>amtal aziz</t>
  </si>
  <si>
    <t>GGHS MALIK PUR NEAR AIRPORT</t>
  </si>
  <si>
    <t>O</t>
  </si>
  <si>
    <t>Malik pur lahore cantt near new Airport Lahore</t>
  </si>
  <si>
    <t>samina naheed</t>
  </si>
  <si>
    <t>GGHS MALIK WAL</t>
  </si>
  <si>
    <t>gGHS MALIKWAL. TEHSIL TALAGANG. DISTRICT CHAKWAL</t>
  </si>
  <si>
    <t>Malikwsl</t>
  </si>
  <si>
    <t>ruqia iqbal</t>
  </si>
  <si>
    <t>GGHS MALKA</t>
  </si>
  <si>
    <t>malka post office malka tehsil kharian district gujrat</t>
  </si>
  <si>
    <t>GGHS MALKAY KALAN</t>
  </si>
  <si>
    <t>Malkay Kalan</t>
  </si>
  <si>
    <t>village malkay kalan,sialkot</t>
  </si>
  <si>
    <t>GGHS MALKHAN WALA</t>
  </si>
  <si>
    <t>v&amp;p/o malkhanwala,Teh:sambrial,distt: Sialkot.</t>
  </si>
  <si>
    <t>GGHS MALLAH</t>
  </si>
  <si>
    <t>Village Mallah post office Kanjrur</t>
  </si>
  <si>
    <t>Noraiz Fatima Bukhari</t>
  </si>
  <si>
    <t>GGHS MALOKEY</t>
  </si>
  <si>
    <t>Malokey</t>
  </si>
  <si>
    <t>malokey p/o same teh &amp; narowal</t>
  </si>
  <si>
    <t>Maddo</t>
  </si>
  <si>
    <t>Rahat Nazir</t>
  </si>
  <si>
    <t>GGHS MALOKPUR</t>
  </si>
  <si>
    <t>GGHS Malookpur</t>
  </si>
  <si>
    <t>GGHS MALOOT PAKHRAL</t>
  </si>
  <si>
    <t>Maloot Pakhral</t>
  </si>
  <si>
    <t>village &amp; po maloot pakhral tehsil gujar khan distt. rawalpindi</t>
  </si>
  <si>
    <t>Huma Aftab Bhatti</t>
  </si>
  <si>
    <t>GGHS MALOTE</t>
  </si>
  <si>
    <t>Malot</t>
  </si>
  <si>
    <t>gghs malot, p.o. malot, tehsil dina, district jhelum</t>
  </si>
  <si>
    <t>malote</t>
  </si>
  <si>
    <t>FAIZA ABDUL MAJEED</t>
  </si>
  <si>
    <t>GGHS MAMYAM</t>
  </si>
  <si>
    <t>gghs.mamyam@gmail.com</t>
  </si>
  <si>
    <t>Mamyam</t>
  </si>
  <si>
    <t>Sakote</t>
  </si>
  <si>
    <t>Shabeh Tu Zahra</t>
  </si>
  <si>
    <t>GGHS MANAK</t>
  </si>
  <si>
    <t>village manak</t>
  </si>
  <si>
    <t>Sadaf Tahira</t>
  </si>
  <si>
    <t>GGHS MANCHAR CHATHA</t>
  </si>
  <si>
    <t>Ali pur Chatha</t>
  </si>
  <si>
    <t>Govt. girls high school Manchar chatha</t>
  </si>
  <si>
    <t>Manchar Chatha</t>
  </si>
  <si>
    <t>Pandora Kalan</t>
  </si>
  <si>
    <t>safnooda tariq</t>
  </si>
  <si>
    <t>GGHS MANCHARIAN</t>
  </si>
  <si>
    <t>mancharian</t>
  </si>
  <si>
    <t>MOZA MANCHARIAN ,TEH. DEPALPUR, DISTT. OKARA</t>
  </si>
  <si>
    <t>MANCHARIAN</t>
  </si>
  <si>
    <t>ASIA SHAHEEN</t>
  </si>
  <si>
    <t>GGHS MANDI FAIZABAD</t>
  </si>
  <si>
    <t>GGHS Mandi Faizabad</t>
  </si>
  <si>
    <t>Rehanwala</t>
  </si>
  <si>
    <t>GHAZALA ANWER</t>
  </si>
  <si>
    <t>GGHS MANDI HAVELI</t>
  </si>
  <si>
    <t>HAVELI LAKHA</t>
  </si>
  <si>
    <t>GOVERNMENT GIRLS HIGH SCHOOL NO.3 MANDI HAVELI LAKHA</t>
  </si>
  <si>
    <t>MANDI HAVELI LAKHA</t>
  </si>
  <si>
    <t>MUNCIPAL COMMITTEE HAVELI LAKHA</t>
  </si>
  <si>
    <t>ZUBAIDA KHATOON</t>
  </si>
  <si>
    <t>GGHS MANDI RAIWIND</t>
  </si>
  <si>
    <t>Railway Road Raiwind</t>
  </si>
  <si>
    <t>Raiwind City</t>
  </si>
  <si>
    <t>amtul qadir athar</t>
  </si>
  <si>
    <t>GGHS MANDI SHAH JEWNA</t>
  </si>
  <si>
    <t>Moharwali mandi shah jewana</t>
  </si>
  <si>
    <t>Mandi Shah jewana</t>
  </si>
  <si>
    <t>Shahina Qamar</t>
  </si>
  <si>
    <t>GGHS MANDI TOWN BHAKKAR</t>
  </si>
  <si>
    <t>MOHALLAH MANDI TOWN BHAKKAR</t>
  </si>
  <si>
    <t>BHAKKAR URBAN</t>
  </si>
  <si>
    <t>nighat jamil</t>
  </si>
  <si>
    <t>GGHS MANDIALA CHATHA</t>
  </si>
  <si>
    <t>Mandiala Chattha</t>
  </si>
  <si>
    <t>jamke chattha</t>
  </si>
  <si>
    <t>Ayesha Perveen</t>
  </si>
  <si>
    <t>GGHS MANDIALA TEGA</t>
  </si>
  <si>
    <t>Gghs mandiala tega tehsil kamoki, gujranwala</t>
  </si>
  <si>
    <t>Fauzia Yousaf</t>
  </si>
  <si>
    <t>GGHS MANDRA</t>
  </si>
  <si>
    <t>vill po mandra tehsil gujarkhan district rawalpindi</t>
  </si>
  <si>
    <t>Nayyer Shaheen</t>
  </si>
  <si>
    <t>GGHS MANDRAN WALA</t>
  </si>
  <si>
    <t>Mandranwala</t>
  </si>
  <si>
    <t>V.P.O  MANDRANWALA TEHSIL DASKA DISTRICT SIALKOT</t>
  </si>
  <si>
    <t>MANDRANWALA</t>
  </si>
  <si>
    <t>ADAMKAY CHEEMA</t>
  </si>
  <si>
    <t>SHAZIA BASHIR</t>
  </si>
  <si>
    <t>water filteration pump</t>
  </si>
  <si>
    <t>GGHS MANGAT</t>
  </si>
  <si>
    <t>mangat</t>
  </si>
  <si>
    <t>v.p.o.mangat</t>
  </si>
  <si>
    <t>Ghazala chaudhary</t>
  </si>
  <si>
    <t>GGHS MANGAT NEECHA</t>
  </si>
  <si>
    <t>mangat neecha p/o same teh and disst hafizabad</t>
  </si>
  <si>
    <t>GGHS MANGHOT</t>
  </si>
  <si>
    <t>GGHS Manghot Gujar Khan Rawalpindi</t>
  </si>
  <si>
    <t>Kokab Ali</t>
  </si>
  <si>
    <t>Borring</t>
  </si>
  <si>
    <t>GGHS MANGLIA</t>
  </si>
  <si>
    <t>MANGLIA</t>
  </si>
  <si>
    <t>VILL &amp; P/O;MANGLIA</t>
  </si>
  <si>
    <t>MALKA</t>
  </si>
  <si>
    <t>NASIRA ZAIN</t>
  </si>
  <si>
    <t>GGHS MANGO RESERCH</t>
  </si>
  <si>
    <t>GGHS MANGO RESEARH S BLOCK NEW MULTAN</t>
  </si>
  <si>
    <t>new Multan</t>
  </si>
  <si>
    <t>NEW MULTAN</t>
  </si>
  <si>
    <t>GGHS MANGOKE VIRKAN</t>
  </si>
  <si>
    <t>Mangoki</t>
  </si>
  <si>
    <t>GGHS MANGOKEVIRKAN, TEHSIL NOSHERA VIRKAN ,GUJRANWALA</t>
  </si>
  <si>
    <t>Mangokevirkan</t>
  </si>
  <si>
    <t>Hardoratali</t>
  </si>
  <si>
    <t>Sania Tariq</t>
  </si>
  <si>
    <t>GGHS MANGOLA</t>
  </si>
  <si>
    <t>Mangola</t>
  </si>
  <si>
    <t>govt.girls high school mangola tehsil dina dist.jhelum</t>
  </si>
  <si>
    <t>Mughlabad</t>
  </si>
  <si>
    <t>rabia ayub</t>
  </si>
  <si>
    <t>GGHS MANGOWAL GHARBI</t>
  </si>
  <si>
    <t>mangowal gharbi distt gujrat</t>
  </si>
  <si>
    <t>parveen akhtar</t>
  </si>
  <si>
    <t>GGHS MANGOWAL KHURD</t>
  </si>
  <si>
    <t>mangowal khurd</t>
  </si>
  <si>
    <t>gghs mangowal khurd shahpur</t>
  </si>
  <si>
    <t>mangowal</t>
  </si>
  <si>
    <t>Sumaira Noureen</t>
  </si>
  <si>
    <t>GGHS MANGOWAL SHARQI</t>
  </si>
  <si>
    <t>mangowal sharqi</t>
  </si>
  <si>
    <t>village mangowal sharqi p/o jalal pur jattan district gujrat</t>
  </si>
  <si>
    <t>bharaj</t>
  </si>
  <si>
    <t>GGHS MANGROTHA EAST</t>
  </si>
  <si>
    <t>GGHS MANGROTHA East</t>
  </si>
  <si>
    <t>Mangrotha east</t>
  </si>
  <si>
    <t>ABIDA PARVEEN</t>
  </si>
  <si>
    <t>mercible pump</t>
  </si>
  <si>
    <t>GGHS MANGWAL V &amp; P.O MANGWAL CHAKWAL</t>
  </si>
  <si>
    <t>VPO Mangwal Tehsil and District Chawal</t>
  </si>
  <si>
    <t>Mehwish Sarfraz</t>
  </si>
  <si>
    <t>GGHS MANKERA</t>
  </si>
  <si>
    <t>BHAKKAR JHANG ROAD MANKERA</t>
  </si>
  <si>
    <t>M.C. MANKERA</t>
  </si>
  <si>
    <t>Fouzia Jabeen</t>
  </si>
  <si>
    <t>GGHS MANSAR</t>
  </si>
  <si>
    <t>Mansar</t>
  </si>
  <si>
    <t>government girls high school mansar tehsil hazro district attock</t>
  </si>
  <si>
    <t>GGHS MANSOOR WALI</t>
  </si>
  <si>
    <t>govt.girls high school mansoorwali wza</t>
  </si>
  <si>
    <t>Mansoorwali Wzd</t>
  </si>
  <si>
    <t>RABIA AKRAM</t>
  </si>
  <si>
    <t>GGHS MANZOOR ABAD</t>
  </si>
  <si>
    <t>manzoorabad</t>
  </si>
  <si>
    <t>GGHS Manzoorabad Teh:Wazirabad</t>
  </si>
  <si>
    <t>SHAHEEN KOKAB ZAIDI</t>
  </si>
  <si>
    <t>hand pump water pump govt water</t>
  </si>
  <si>
    <t>GGHS MARAKEWAL</t>
  </si>
  <si>
    <t>MARAKIWAL</t>
  </si>
  <si>
    <t>Govt Girls High School Marakiwal tehsil sialkot district sialkot</t>
  </si>
  <si>
    <t>marakiwal</t>
  </si>
  <si>
    <t>Waseem AKHTAR</t>
  </si>
  <si>
    <t>GGHS MARAR CHAK NO.42/RB</t>
  </si>
  <si>
    <t>Chak No 42/RB</t>
  </si>
  <si>
    <t>marrar 42/r.b</t>
  </si>
  <si>
    <t>Marrar 41</t>
  </si>
  <si>
    <t>zunerah saeed</t>
  </si>
  <si>
    <t>GGHS MARARIA</t>
  </si>
  <si>
    <t>MURARIA</t>
  </si>
  <si>
    <t>GGHS MURARIA HAZRO</t>
  </si>
  <si>
    <t>MUSA</t>
  </si>
  <si>
    <t>Sadia Anjum</t>
  </si>
  <si>
    <t>GGHS MARDANA</t>
  </si>
  <si>
    <t>mardana Sharif p/o narang mandi</t>
  </si>
  <si>
    <t>Mmahta Soja</t>
  </si>
  <si>
    <t>Zubia Jamil</t>
  </si>
  <si>
    <t>GGHS MARDWAL</t>
  </si>
  <si>
    <t>vpo Mardwal tehsil naushera district khushab</t>
  </si>
  <si>
    <t>Feroza Bibi</t>
  </si>
  <si>
    <t>GGHS MARH BALOCHAN</t>
  </si>
  <si>
    <t>GGHS Marh Balochan,chak # 111, R.B Charwind</t>
  </si>
  <si>
    <t>Sarwat Qamar</t>
  </si>
  <si>
    <t>GGHS MARI BHINDRAN</t>
  </si>
  <si>
    <t>GGHS Mari Bhindran</t>
  </si>
  <si>
    <t>Khalida Sarwar</t>
  </si>
  <si>
    <t>GGHS MARI DANISHMANDAN</t>
  </si>
  <si>
    <t>village  Mari Danish Mandan  and Post office jaber Dervaish Tehsil And District Rawalpindi</t>
  </si>
  <si>
    <t>MariDanishMandan</t>
  </si>
  <si>
    <t>Ghazala Razzaq</t>
  </si>
  <si>
    <t>GGHS MARI KANJOOR</t>
  </si>
  <si>
    <t>Mari Kanjoor</t>
  </si>
  <si>
    <t>VPO Mari Kanjoor,Tehsil &amp; dist.Attock</t>
  </si>
  <si>
    <t>Sheen bagh</t>
  </si>
  <si>
    <t>izzat bibi</t>
  </si>
  <si>
    <t>GGHS MARI SHAH SAKHIRA</t>
  </si>
  <si>
    <t>mari shah sakhira</t>
  </si>
  <si>
    <t>p/o mari shah sakhira</t>
  </si>
  <si>
    <t>Misbah Kulsoom</t>
  </si>
  <si>
    <t>GGHS MARRI KHOKHRAN</t>
  </si>
  <si>
    <t>Marri Khokhran</t>
  </si>
  <si>
    <t>Marri khokhran</t>
  </si>
  <si>
    <t>Tahira kousar</t>
  </si>
  <si>
    <t>GGHS MARTON PUR</t>
  </si>
  <si>
    <t>Chak 371 Martinpur  Tehsil and District Nankana Sahib</t>
  </si>
  <si>
    <t>Mehwish Amanat</t>
  </si>
  <si>
    <t>GGHS MASSA KOTHA KEHROR PACCA</t>
  </si>
  <si>
    <t>Massa Kotha</t>
  </si>
  <si>
    <t>GGHS MASSA KOTHA</t>
  </si>
  <si>
    <t>MASSA KOTHA</t>
  </si>
  <si>
    <t>Javaria Touseef</t>
  </si>
  <si>
    <t>GGHS MASYAL</t>
  </si>
  <si>
    <t>masyal,pasrur</t>
  </si>
  <si>
    <t>Madeeha Batool</t>
  </si>
  <si>
    <t>GGHS MATEELA</t>
  </si>
  <si>
    <t>Govt. Girls High School Mateela, Kotmomin, Sargodha</t>
  </si>
  <si>
    <t>RIDA</t>
  </si>
  <si>
    <t>GGHS MATHIAL</t>
  </si>
  <si>
    <t>VPO.Mithial Tehsil Jand District Attock</t>
  </si>
  <si>
    <t>bibi kalsoom</t>
  </si>
  <si>
    <t>GGHS MATTA</t>
  </si>
  <si>
    <t>MATTA</t>
  </si>
  <si>
    <t>GGHS MATTA KRK KASUR</t>
  </si>
  <si>
    <t>GGHS MATTA VIRKAN</t>
  </si>
  <si>
    <t>matta virkan</t>
  </si>
  <si>
    <t>gghs matta virkan tehsil noshera virkan district gujranwala</t>
  </si>
  <si>
    <t>humaira mudser</t>
  </si>
  <si>
    <t>GGHS MATWANWALA</t>
  </si>
  <si>
    <t>matwanwala</t>
  </si>
  <si>
    <t>Village Matwanwala, Tehsil Kharian District Gujrat</t>
  </si>
  <si>
    <t>MATWANWALA</t>
  </si>
  <si>
    <t>SIKERYALI</t>
  </si>
  <si>
    <t>GGHS MAU MUBARAK</t>
  </si>
  <si>
    <t>GGHS MB NAROWAL</t>
  </si>
  <si>
    <t>mohallah khawajgan narowal</t>
  </si>
  <si>
    <t>Amber Irfan</t>
  </si>
  <si>
    <t>GGHS MC ABDULLAH PUR</t>
  </si>
  <si>
    <t>mcghs abdullahpur railway Colony</t>
  </si>
  <si>
    <t>GGHS MC AMAR PURA</t>
  </si>
  <si>
    <t>street no 41 AMARPURA,  Rawalpindi</t>
  </si>
  <si>
    <t>Ammar pura</t>
  </si>
  <si>
    <t>Tasneem  Kouser</t>
  </si>
  <si>
    <t>GGHS MC AZAFI NO.1 PEOPLES COLONY NO.2</t>
  </si>
  <si>
    <t>PEOPLES COLONY NO 2</t>
  </si>
  <si>
    <t>GGHS AZAFI NO.1 PEOPLES COLONY NO.2 FAISALABAD.</t>
  </si>
  <si>
    <t>PEOPLES COLONY No.2</t>
  </si>
  <si>
    <t>BATALA COLONY</t>
  </si>
  <si>
    <t>GGHS MC AZAFI NO.2 GHOUSIA CHOWK FAISALABAD</t>
  </si>
  <si>
    <t>M.C GIRLS HIGH SCHOOL AZAFI NO 2 GHOSIA CHOWK PC.2</t>
  </si>
  <si>
    <t>GHOSIA CHOWK</t>
  </si>
  <si>
    <t>Abida Begum</t>
  </si>
  <si>
    <t>GGHS MC BAGH BAIGY MULTAN</t>
  </si>
  <si>
    <t>ravi(multan)</t>
  </si>
  <si>
    <t>GOVT.MC GIRLS HIGH SCHOOL BAGH BAIGY MULTAN</t>
  </si>
  <si>
    <t>khanqa Anayat shah</t>
  </si>
  <si>
    <t>GGHS MC BASTI CHIRAGH SHAH KASUR</t>
  </si>
  <si>
    <t>basti chiragh shah kasur</t>
  </si>
  <si>
    <t>kot murad khan kasur</t>
  </si>
  <si>
    <t>SAIMA SHOKAT</t>
  </si>
  <si>
    <t>GGHS MC BLOCK NO 27/26 SARGODHA</t>
  </si>
  <si>
    <t>SGD</t>
  </si>
  <si>
    <t>Govt.MC girls High School 26/27 Block Sargodha</t>
  </si>
  <si>
    <t>MC Block No 17</t>
  </si>
  <si>
    <t>SAMINA YASMEEN</t>
  </si>
  <si>
    <t>GGHS MC BLOCK NO. 2 SARGODHA</t>
  </si>
  <si>
    <t>MC Girls High School Block No 2 Sgd</t>
  </si>
  <si>
    <t>Mc 2 Block</t>
  </si>
  <si>
    <t>Nusrat</t>
  </si>
  <si>
    <t>GGHS MC BUREWALA</t>
  </si>
  <si>
    <t>govt.mc girls h/s d block</t>
  </si>
  <si>
    <t>City Burewala</t>
  </si>
  <si>
    <t>AZRA NAZIR</t>
  </si>
  <si>
    <t>GGHS MC CHAK 279/RB KALAN</t>
  </si>
  <si>
    <t>FOJIAAN</t>
  </si>
  <si>
    <t>M.C.GIRLS HIGH SCHOOL 279 RB KALAN FSD</t>
  </si>
  <si>
    <t>AFGHAN ABAD</t>
  </si>
  <si>
    <t>TAHIRA PARVEEN</t>
  </si>
  <si>
    <t>GGHS MC CHICHAWATNI</t>
  </si>
  <si>
    <t>GGHS MC Block 15 CCI</t>
  </si>
  <si>
    <t>Block 15 Cci</t>
  </si>
  <si>
    <t>Rakhshanda Bashir</t>
  </si>
  <si>
    <t>GGHS MC CHOR MAJRA G.M.ABAD</t>
  </si>
  <si>
    <t>CHOUR MAJRA</t>
  </si>
  <si>
    <t>GOVT MC GIRLS HIGH SCHOOL CHOUR MAJRA GM ABAD NO 1 FSD</t>
  </si>
  <si>
    <t>CIVIL QUARTER GM ABAD NO 1FSD</t>
  </si>
  <si>
    <t>NABEELA KANWAR</t>
  </si>
  <si>
    <t>GGHS MC CINEM CHOWK</t>
  </si>
  <si>
    <t>cinema chowk jaranwala</t>
  </si>
  <si>
    <t>Chamra Mandi</t>
  </si>
  <si>
    <t>GHAZALA BUKHARI</t>
  </si>
  <si>
    <t>GGHS MC CITY SAHIWAL</t>
  </si>
  <si>
    <t>govt.girls M.C City High School,Goal chakar Sahiwal</t>
  </si>
  <si>
    <t>Ansar Road</t>
  </si>
  <si>
    <t>Surriya Farooq</t>
  </si>
  <si>
    <t>GGHS MC COTTON MILLS FAISALABAD</t>
  </si>
  <si>
    <t>E block</t>
  </si>
  <si>
    <t>sirsyed town</t>
  </si>
  <si>
    <t>Sir Syed Town</t>
  </si>
  <si>
    <t>NAZISH NAWAZ</t>
  </si>
  <si>
    <t>GGHS MC GHALLAH MANDI SAHIWAL</t>
  </si>
  <si>
    <t>Govt MC girls high school ghalla Mandi Sahiwal</t>
  </si>
  <si>
    <t>Ghalla Mandi</t>
  </si>
  <si>
    <t>NOOR AFSHAN</t>
  </si>
  <si>
    <t>GGHS MC GHULAM MUHAMMAD ABAD FAISALABAD</t>
  </si>
  <si>
    <t>G.M ABAD</t>
  </si>
  <si>
    <t>GOVT. M.C GIRLS HIGH SCHOOL G.M ABAD FSD</t>
  </si>
  <si>
    <t>sumera mehtab</t>
  </si>
  <si>
    <t>GGHS MC GUJAR KHAN</t>
  </si>
  <si>
    <t>City Gujar Khan</t>
  </si>
  <si>
    <t>gov't.mc girls high school hayatt sir road Gujar khan</t>
  </si>
  <si>
    <t>Municipal Commitee</t>
  </si>
  <si>
    <t>GGHS MC GULISTAN COLONY FSD</t>
  </si>
  <si>
    <t>Government MC girls high school k block gulistan colony faisalabad</t>
  </si>
  <si>
    <t>riffat sultana</t>
  </si>
  <si>
    <t>mineral water</t>
  </si>
  <si>
    <t>GGHS MC HAJI ABAD</t>
  </si>
  <si>
    <t>Govt.MC.Girls High School Hajiabad Fsd</t>
  </si>
  <si>
    <t>Rehmatabad/Ashrafabad</t>
  </si>
  <si>
    <t>GGHS MC ISLAM NAGAR NO.1 FAISALABAD</t>
  </si>
  <si>
    <t>islamnagar fsd</t>
  </si>
  <si>
    <t>Ayesha Zaib</t>
  </si>
  <si>
    <t>GGHS MC JANDIALA ROAD SKP</t>
  </si>
  <si>
    <t>DERA HAFIZAN</t>
  </si>
  <si>
    <t>MC GIRLS HIGH SCHOOL JANDIALA ROAD SKP</t>
  </si>
  <si>
    <t>FAROOQ GANJ</t>
  </si>
  <si>
    <t>MACHLI FORM</t>
  </si>
  <si>
    <t>SAJIDA BUTT</t>
  </si>
  <si>
    <t>GGHS MC JHAL KHNUANA FAISALABAD</t>
  </si>
  <si>
    <t>saleemi Chowk Jhalkhanuana Faisal Abad</t>
  </si>
  <si>
    <t>jhalkhanuana</t>
  </si>
  <si>
    <t>Safia</t>
  </si>
  <si>
    <t>GGHS MC JUNIOR MODEL KOT AMIR ALI SHAH OKARA</t>
  </si>
  <si>
    <t>place caneema road sirki mohalla okara</t>
  </si>
  <si>
    <t>sirki mohalla</t>
  </si>
  <si>
    <t>NUZHAT BUSHRA</t>
  </si>
  <si>
    <t>GGHS MC JUNIOR MODEL NO.1 SAHIWAL</t>
  </si>
  <si>
    <t>canal colony sahiwal.</t>
  </si>
  <si>
    <t>Dosehra Ground</t>
  </si>
  <si>
    <t>MUNAZZA  AHMAD</t>
  </si>
  <si>
    <t>GGHS MC JUNIOR MODEL NO.2 SAHIWAL</t>
  </si>
  <si>
    <t>GGHS MC JUNIOR MODEL NO.2 GRAIN MARKET SAHIWAL</t>
  </si>
  <si>
    <t>Nadia Rashid</t>
  </si>
  <si>
    <t>GGHS MC JUNIOR MODEL NO.3 SAHIWAL</t>
  </si>
  <si>
    <t>Nai Abadi Jhall Road</t>
  </si>
  <si>
    <t>Muzdoor puli Nai Abadi Jhal Road Sahiwal</t>
  </si>
  <si>
    <t>Nai Abadi Jhal Road</t>
  </si>
  <si>
    <t>RAHILA MOHSIN</t>
  </si>
  <si>
    <t>GGHS MC JUNIOR MODEL OKARA</t>
  </si>
  <si>
    <t>GGHS M.C JUNIOR MODEL AMIR COLONY OKARA</t>
  </si>
  <si>
    <t>Amir Colony</t>
  </si>
  <si>
    <t>MC Okara</t>
  </si>
  <si>
    <t>RUKHSANA TASNEEM RANA</t>
  </si>
  <si>
    <t>GGHS MC JUNIOR MODEL SITARA COLONY NO. 2 CHUNGI AMERSIDHU</t>
  </si>
  <si>
    <t>Sitara colony #2</t>
  </si>
  <si>
    <t>sitara colony #2, chungi amer sidhu lhr</t>
  </si>
  <si>
    <t>Sitara colony</t>
  </si>
  <si>
    <t>GGHS MC KAJAL PURA BAHAWALPUR</t>
  </si>
  <si>
    <t>govt MC Girls High School Kajjalpura Bahawalpur</t>
  </si>
  <si>
    <t>BWP City</t>
  </si>
  <si>
    <t>NAILA ASLAM</t>
  </si>
  <si>
    <t>GGHS MC KAMOKE</t>
  </si>
  <si>
    <t>GGHS.MC.kamoke</t>
  </si>
  <si>
    <t>Municipal Comitee Kamoke</t>
  </si>
  <si>
    <t>anees bano</t>
  </si>
  <si>
    <t>GGHS MC KHANEWAL</t>
  </si>
  <si>
    <t>GOVT. MC GIRLS HIGH SCHOOL KHANEWAL</t>
  </si>
  <si>
    <t>KHANEWAL CITY</t>
  </si>
  <si>
    <t>GGHS MC KHEWRA</t>
  </si>
  <si>
    <t>Mc Khewra</t>
  </si>
  <si>
    <t>GGhS MC KOT FAREED</t>
  </si>
  <si>
    <t>Kot Fareed</t>
  </si>
  <si>
    <t>gghs mc kot fareed</t>
  </si>
  <si>
    <t>Mc Sargodha 10</t>
  </si>
  <si>
    <t>Badar Munir Tawakkly</t>
  </si>
  <si>
    <t>GGHS MC LADY PARK OKARA</t>
  </si>
  <si>
    <t>Okara</t>
  </si>
  <si>
    <t>E-BLOCK okara</t>
  </si>
  <si>
    <t>Municipal Corporation</t>
  </si>
  <si>
    <t>SAMINA NISAR</t>
  </si>
  <si>
    <t>GGHS MC LAYYAH</t>
  </si>
  <si>
    <t>Govt Girls MC High School Near Jinnah Park Mohallah Faiz Abad Layyah</t>
  </si>
  <si>
    <t>Mohallah Faiz Abad Layyah</t>
  </si>
  <si>
    <t>Kalsoom Kousar</t>
  </si>
  <si>
    <t>GGHS MC MADDEN PURA ST-6</t>
  </si>
  <si>
    <t>MADDAN PURA</t>
  </si>
  <si>
    <t>ST NO-06 MADDAN PURA FAISALABAD</t>
  </si>
  <si>
    <t>Farrukh Naz</t>
  </si>
  <si>
    <t>GGHS MC MADINA CHOWK G.M. ABAD</t>
  </si>
  <si>
    <t>madina chowk</t>
  </si>
  <si>
    <t>MADINA CHOWK GM ABAD FAISALABAD</t>
  </si>
  <si>
    <t>GHULAM MUHAMMAD ABAD</t>
  </si>
  <si>
    <t>MADINA CHOWK</t>
  </si>
  <si>
    <t>Shehnila Aslam Alyana</t>
  </si>
  <si>
    <t>GGhS MC MADINA TOWN FSD</t>
  </si>
  <si>
    <t>Ashraf Shaheed Road X Block Madina Town</t>
  </si>
  <si>
    <t>X Block Madina Town</t>
  </si>
  <si>
    <t>Sailani Welfare Faisalabad</t>
  </si>
  <si>
    <t>GGHS MC MANSOOR ABAD FAISALABAD</t>
  </si>
  <si>
    <t>Govt. MC Girls high school Mansoorabad FSD</t>
  </si>
  <si>
    <t>Ashrafpura Mansoorabad</t>
  </si>
  <si>
    <t>GGHS MC MIANWALI</t>
  </si>
  <si>
    <t>mianwali</t>
  </si>
  <si>
    <t>govt.girls high school muslim bazar mianwali</t>
  </si>
  <si>
    <t>wattakhel</t>
  </si>
  <si>
    <t>GGHS MC MILLAT COLONY</t>
  </si>
  <si>
    <t>siddique chowk</t>
  </si>
  <si>
    <t>saddique chowk millat colony</t>
  </si>
  <si>
    <t>millat colony</t>
  </si>
  <si>
    <t>nighat roohi</t>
  </si>
  <si>
    <t>GGHS MC MODEL AKBER BAZAR SHEIKHUPURA</t>
  </si>
  <si>
    <t>Govt MC Model Girls High school Akbar Bazar skp</t>
  </si>
  <si>
    <t>Jinnah  Park Urban -5</t>
  </si>
  <si>
    <t>GGHS MC MODEL ARIFWALA</t>
  </si>
  <si>
    <t>J Block  arifwala</t>
  </si>
  <si>
    <t>GGHS MC MODEL IQBAL PARK</t>
  </si>
  <si>
    <t>GGHS MC MODEL IQBAL PARK SHEIKHUPURA</t>
  </si>
  <si>
    <t>IQBALPARK</t>
  </si>
  <si>
    <t>Ghania Aslam</t>
  </si>
  <si>
    <t>GGHS MC MODEL M.B.DIN</t>
  </si>
  <si>
    <t>MBDIN</t>
  </si>
  <si>
    <t>Mian waheed udin park. M B DIN</t>
  </si>
  <si>
    <t>M B DIN</t>
  </si>
  <si>
    <t>Aminah Ismail</t>
  </si>
  <si>
    <t>WATER FILTER</t>
  </si>
  <si>
    <t>GGHS MC MODEL SATELLITE TOWN</t>
  </si>
  <si>
    <t>GGHS MC MODEL SATELLITE TOWN B BLOCK RWP</t>
  </si>
  <si>
    <t>ASGHAR MALL SCHEME</t>
  </si>
  <si>
    <t>GUL-E-FARZANA</t>
  </si>
  <si>
    <t>GGHS MC MODEL TAXILA</t>
  </si>
  <si>
    <t>MC model GHS taxila near eid gah taxila</t>
  </si>
  <si>
    <t>Sar-e-kala</t>
  </si>
  <si>
    <t>GGHS MC MODEL TOWN-B BAHAWALPUR</t>
  </si>
  <si>
    <t>Kousar Colony</t>
  </si>
  <si>
    <t>model town B kousar colony bahawalpur</t>
  </si>
  <si>
    <t>Bahawalpur</t>
  </si>
  <si>
    <t>Shaheena Akhtar</t>
  </si>
  <si>
    <t>GGHS MC MOHALLAH SULTAN WALA</t>
  </si>
  <si>
    <t>Mohalla</t>
  </si>
  <si>
    <t>gghs mohalla sultan wala jhang</t>
  </si>
  <si>
    <t>Mohalla Sultan Wala</t>
  </si>
  <si>
    <t>GGHS MC MUMTAZ ABAD MULTAN</t>
  </si>
  <si>
    <t>MUMTAZ ABAD MULTAN</t>
  </si>
  <si>
    <t>MAMONA Bibi</t>
  </si>
  <si>
    <t>GGHS MC MUSLIM TOWN RENALA KHURD</t>
  </si>
  <si>
    <t>MUSLIM TOWN</t>
  </si>
  <si>
    <t>GGHS MC MUZAFFAR GARH</t>
  </si>
  <si>
    <t>Muzaffar GARH</t>
  </si>
  <si>
    <t>near Kmeti  chowk M.C GHS m.garh</t>
  </si>
  <si>
    <t>Mgarh</t>
  </si>
  <si>
    <t>RIFFAT IQBAL</t>
  </si>
  <si>
    <t>GGHS MC NANKANA SAHIB</t>
  </si>
  <si>
    <t>nankana sahib</t>
  </si>
  <si>
    <t>govt m.c. girls high school nankana sahib</t>
  </si>
  <si>
    <t>hospital road</t>
  </si>
  <si>
    <t>Nankana Sahib</t>
  </si>
  <si>
    <t>Nabila Bashir</t>
  </si>
  <si>
    <t>GGHS MC NAZIM ABAD</t>
  </si>
  <si>
    <t>NAZIMABAD A BLOCK</t>
  </si>
  <si>
    <t>GGHS MC NEAR FRUIT MANDI, MBDIN</t>
  </si>
  <si>
    <t>govt.mc girls high school m.b .din</t>
  </si>
  <si>
    <t>Saima Sadaf</t>
  </si>
  <si>
    <t>GGHS MC NIA MAHALLAH RAWALPINDI</t>
  </si>
  <si>
    <t>Nia Muhallah RWP</t>
  </si>
  <si>
    <t>Nia Muhallah</t>
  </si>
  <si>
    <t>Farzana Sadiq</t>
  </si>
  <si>
    <t>GGHS MC NISAR COLONY FAISALABAD</t>
  </si>
  <si>
    <t>st no.8 ,near ghosia masjid nisar colony fsd</t>
  </si>
  <si>
    <t>222 RB</t>
  </si>
  <si>
    <t>Nisar Colony</t>
  </si>
  <si>
    <t>Noshaba muzaffar</t>
  </si>
  <si>
    <t>GGHS MC NO. 1 GHALLA MANDI PAKPATTAN</t>
  </si>
  <si>
    <t>ghallah mandi pakpattan</t>
  </si>
  <si>
    <t>gGMC H/S GhALLAH mANDI PAKPATTAN</t>
  </si>
  <si>
    <t>mohallah</t>
  </si>
  <si>
    <t>Farzana Anwar</t>
  </si>
  <si>
    <t>GGHS MC NO.1 JARANWALA</t>
  </si>
  <si>
    <t>Near Muncipal Corporation Water Works Road Jaranwala</t>
  </si>
  <si>
    <t>Water Works Road Jrw</t>
  </si>
  <si>
    <t>City Jrw</t>
  </si>
  <si>
    <t>BILQUEES AKHTER</t>
  </si>
  <si>
    <t>GGHS MC O/S PAK GATE MULTAN</t>
  </si>
  <si>
    <t>Pak gate multan</t>
  </si>
  <si>
    <t>Kasab Pura</t>
  </si>
  <si>
    <t>Sultana Aslam</t>
  </si>
  <si>
    <t>GGHS MC PARTAB NAGAR FAISALABAD</t>
  </si>
  <si>
    <t>partap nagar fsd</t>
  </si>
  <si>
    <t>Partap Nagar jhang road  Fsd</t>
  </si>
  <si>
    <t>Partap Nagar Fsd</t>
  </si>
  <si>
    <t>panj peer</t>
  </si>
  <si>
    <t>Asma Yawar</t>
  </si>
  <si>
    <t>GGHS MC PEOPLES COLONY AZAFI-3</t>
  </si>
  <si>
    <t>Fsd</t>
  </si>
  <si>
    <t>GGHS MC AZAFI</t>
  </si>
  <si>
    <t>224 Rb</t>
  </si>
  <si>
    <t>SHAHIDA TANVEER</t>
  </si>
  <si>
    <t>WATER FILTER PLANT</t>
  </si>
  <si>
    <t>GGHS MC PEOPLES COLONY FAISALABAD</t>
  </si>
  <si>
    <t>Peoples Colony No. 1</t>
  </si>
  <si>
    <t>Govt. MC Girls High School  Peoples Colony No. 1 FSD</t>
  </si>
  <si>
    <t>MUSARRAT SHARIF</t>
  </si>
  <si>
    <t>GGHS MC PEOPLES COLONY NO.1 FSD B.BLOCK</t>
  </si>
  <si>
    <t>people's colony b block</t>
  </si>
  <si>
    <t>Peoples Colony B B B Block Ppl Clny</t>
  </si>
  <si>
    <t>Sumera Rashid</t>
  </si>
  <si>
    <t>GGHS MC PINDI SAID PUR</t>
  </si>
  <si>
    <t>PINDI SAID PUR,TEHSIL:PIND DADAN KHAN,DISTT:JHELUM</t>
  </si>
  <si>
    <t>RAHILA KAUSAR</t>
  </si>
  <si>
    <t>MOTOR PUMP</t>
  </si>
  <si>
    <t>GGHS MC QILA DIDAR SINGH NO. 1</t>
  </si>
  <si>
    <t>GGHS NO.1 qila didar singh near shahidia masjid tehsil and district Gujranwala</t>
  </si>
  <si>
    <t>SADIA BASHIR GHUMMAN</t>
  </si>
  <si>
    <t>GGHS MC RAHIM ABAD MULTAN</t>
  </si>
  <si>
    <t>humaiyon Road ,Raheemabad</t>
  </si>
  <si>
    <t>GGHS MC RAILWAY GATE SHUJABAD</t>
  </si>
  <si>
    <t>Shujabad</t>
  </si>
  <si>
    <t>GGHS MC RAILWAYGATE NEAR OLD MOUCHI BAZAR SHUJABAD</t>
  </si>
  <si>
    <t>MOUCHI BAZAR</t>
  </si>
  <si>
    <t>CITY SHUJABAD</t>
  </si>
  <si>
    <t>Dr Shazia Qadir</t>
  </si>
  <si>
    <t>GGHS MC RATTA AMRAL</t>
  </si>
  <si>
    <t>babu lal hussain road school</t>
  </si>
  <si>
    <t>Ratta Amral</t>
  </si>
  <si>
    <t>GGHS MC RAZA ABAD STREET 14 FAISALABAD</t>
  </si>
  <si>
    <t>st no 14 razaabad fsd</t>
  </si>
  <si>
    <t>Yasmin Almas</t>
  </si>
  <si>
    <t>GGHS MC SADIQ ABAD</t>
  </si>
  <si>
    <t>gghs mC sdk</t>
  </si>
  <si>
    <t>City Sdk</t>
  </si>
  <si>
    <t>D</t>
  </si>
  <si>
    <t>GGHS MC SADIQ TOWN</t>
  </si>
  <si>
    <t>gghs sadiq town ryk</t>
  </si>
  <si>
    <t>city ryk</t>
  </si>
  <si>
    <t>GGHS MC SAOOD ABAD, MIAN CHANNU</t>
  </si>
  <si>
    <t>Mian channu</t>
  </si>
  <si>
    <t>GGHS MC SAOOD ABAD MIAN CHANNU</t>
  </si>
  <si>
    <t>Saud Abad</t>
  </si>
  <si>
    <t>Central City Three</t>
  </si>
  <si>
    <t>naveeda kousar</t>
  </si>
  <si>
    <t>GGHS MC SATTELITE TOWN SARGODHA</t>
  </si>
  <si>
    <t>Sattelite Town Sgd</t>
  </si>
  <si>
    <t>Govt M.C Girls High School S/town sgd.</t>
  </si>
  <si>
    <t>Chak No 111 Sb</t>
  </si>
  <si>
    <t>GGHS MC SHAHBAZ KHAN ROAD KASUR</t>
  </si>
  <si>
    <t>shahbaz khan road kasur</t>
  </si>
  <si>
    <t>Shahbaz Khan Road Kasur</t>
  </si>
  <si>
    <t>City Kasur</t>
  </si>
  <si>
    <t>shahida sohail</t>
  </si>
  <si>
    <t>GGHS MC SHAMAS PURA CHICHAWATNI</t>
  </si>
  <si>
    <t>Shamaspura chichawatni</t>
  </si>
  <si>
    <t>Sumaira Chishti</t>
  </si>
  <si>
    <t>GGHS MC SIDHO PURA FAISALABAD</t>
  </si>
  <si>
    <t>CITY-II B</t>
  </si>
  <si>
    <t>GOVT.GIRLS HIGH SCHOOL 123/J.B SIDHUPURA FSD</t>
  </si>
  <si>
    <t>123/J.B SIDHUPURA</t>
  </si>
  <si>
    <t>SIDHUPURA</t>
  </si>
  <si>
    <t>GGHS MC SIR SYED LALA MUSA</t>
  </si>
  <si>
    <t>mohalla markazi jamiamasjid near comeete road lalamusa</t>
  </si>
  <si>
    <t>Farhat Iqbal</t>
  </si>
  <si>
    <t>GGHS MC SUSAN ROAD</t>
  </si>
  <si>
    <t>Near Faizan-e-madina susan road, faisalabad</t>
  </si>
  <si>
    <t>Sunder Singh Wala</t>
  </si>
  <si>
    <t>koh-e-noor sundar singh wala</t>
  </si>
  <si>
    <t>Nabila Umar</t>
  </si>
  <si>
    <t>Water Filtering plant</t>
  </si>
  <si>
    <t>GGHS MC TALAB PUKHTA BANNI</t>
  </si>
  <si>
    <t>gghs MC talab pukhta Banni rwp</t>
  </si>
  <si>
    <t>Shamim Waheed</t>
  </si>
  <si>
    <t>GGHS MC TALAGANG</t>
  </si>
  <si>
    <t>G G MC High School Talagang near education office talagang</t>
  </si>
  <si>
    <t>Kousar Salma</t>
  </si>
  <si>
    <t>GGHS MC TANDLIANWALA</t>
  </si>
  <si>
    <t>college road Tandlianwala</t>
  </si>
  <si>
    <t>TMO TANDLIANWALA</t>
  </si>
  <si>
    <t>Mussarrat</t>
  </si>
  <si>
    <t>GGHS MC TELI MOHALLAH</t>
  </si>
  <si>
    <t>GGHS MC Telli mohalla rawalpindi</t>
  </si>
  <si>
    <t>Waris khan</t>
  </si>
  <si>
    <t>Nasira Iqbal</t>
  </si>
  <si>
    <t>GGHS MC VEHARI</t>
  </si>
  <si>
    <t>vehari</t>
  </si>
  <si>
    <t>f block vehari</t>
  </si>
  <si>
    <t>mrs rizwana tahir</t>
  </si>
  <si>
    <t>GGHS MC WARIS PURA FAISALABAD</t>
  </si>
  <si>
    <t>Waris pura</t>
  </si>
  <si>
    <t>MCB girls high school waris pura, near ice cream chowk, Faisalabad.</t>
  </si>
  <si>
    <t>224 RB</t>
  </si>
  <si>
    <t>Warispura</t>
  </si>
  <si>
    <t>Tehmim Akhtar</t>
  </si>
  <si>
    <t>GGHS MC ZAFAR COLONY SARGODHA</t>
  </si>
  <si>
    <t>Zafar Colony Sgd</t>
  </si>
  <si>
    <t>zafar colony sargodha</t>
  </si>
  <si>
    <t>Rehman pura</t>
  </si>
  <si>
    <t>Bushra Nasir</t>
  </si>
  <si>
    <t>All</t>
  </si>
  <si>
    <t>GGHS MC ZIA-UL-ISLAM BATALA COLONY</t>
  </si>
  <si>
    <t>Govt. MC Zia-ul-Islam GHS Batala Colony FSD</t>
  </si>
  <si>
    <t>UZMA MAH JABEEN</t>
  </si>
  <si>
    <t>Can Water</t>
  </si>
  <si>
    <t>GGHS MEELA</t>
  </si>
  <si>
    <t>gghs Mela</t>
  </si>
  <si>
    <t>GGHS MEELU SEELU</t>
  </si>
  <si>
    <t>GGHS MEER MUHAMMAD</t>
  </si>
  <si>
    <t>Govt. Girls High School Mir Muhammad</t>
  </si>
  <si>
    <t>Mir Muammad</t>
  </si>
  <si>
    <t>abida akram</t>
  </si>
  <si>
    <t>GGHS MEHAR ABAD</t>
  </si>
  <si>
    <t>GOGRAN</t>
  </si>
  <si>
    <t>BASTI MEHAR ABAD</t>
  </si>
  <si>
    <t>MEHAR ABAD</t>
  </si>
  <si>
    <t>SAIMA FAHIM</t>
  </si>
  <si>
    <t>GGHS MEHMDA</t>
  </si>
  <si>
    <t>Mehmada Sharqi Gujrat</t>
  </si>
  <si>
    <t>Government Girls High School Mehmada Sharqi Gujrat</t>
  </si>
  <si>
    <t>Mehmada Gujrat</t>
  </si>
  <si>
    <t>Chak Mehmada Sharqi</t>
  </si>
  <si>
    <t>Sadia Waheed</t>
  </si>
  <si>
    <t>GGHS MEHRAB WALA</t>
  </si>
  <si>
    <t>Mehrabwala</t>
  </si>
  <si>
    <t>chah sardar road, mehrab wala</t>
  </si>
  <si>
    <t>Iram Naz</t>
  </si>
  <si>
    <t>GGHS MEHRAJKAY</t>
  </si>
  <si>
    <t>Govt. Girls High School Merajke</t>
  </si>
  <si>
    <t>merajke</t>
  </si>
  <si>
    <t>MEHRAJKAY</t>
  </si>
  <si>
    <t>Tanveer Firdous</t>
  </si>
  <si>
    <t>GGHS MEHRO PILO</t>
  </si>
  <si>
    <t>Mehro Peelo</t>
  </si>
  <si>
    <t>mehro peelo</t>
  </si>
  <si>
    <t>Mehwish Javaid</t>
  </si>
  <si>
    <t>GGHS MIAN BADAR-UD-DIN CIVIL LINE</t>
  </si>
  <si>
    <t>Gujranwala.</t>
  </si>
  <si>
    <t>small civil line, sialkot road, grw</t>
  </si>
  <si>
    <t>Small Civil Line Sialkot Road</t>
  </si>
  <si>
    <t>Small Civil Line</t>
  </si>
  <si>
    <t>Nazia Amir</t>
  </si>
  <si>
    <t>GGHS MIAN RAHEEMAN</t>
  </si>
  <si>
    <t>Mian Raheeman</t>
  </si>
  <si>
    <t>Amna Riaz</t>
  </si>
  <si>
    <t>GGHS MIAN REHMAT ALI (ALIGARH ENGLISH)</t>
  </si>
  <si>
    <t>gghs mian rehmat ali memorial grw</t>
  </si>
  <si>
    <t>sajida zia</t>
  </si>
  <si>
    <t>GGHS MIANA CHAK</t>
  </si>
  <si>
    <t>Miana chak</t>
  </si>
  <si>
    <t>GGHS miana chak via Lalamusa</t>
  </si>
  <si>
    <t>GGHS MIANA MOHRA</t>
  </si>
  <si>
    <t>MIANA MOHRA</t>
  </si>
  <si>
    <t>VILLAGE MIANA MOHRA P/O FARYAL TEH GUJAR KHAN DISTT RWP</t>
  </si>
  <si>
    <t>NARALI</t>
  </si>
  <si>
    <t>tasneem nuzhat</t>
  </si>
  <si>
    <t>GGHS MILITARY FARM MULTAN</t>
  </si>
  <si>
    <t>Shersingh</t>
  </si>
  <si>
    <t>Military farm Rakhgristenabadbasti sher singh vehari road multan</t>
  </si>
  <si>
    <t>Aneela Falak</t>
  </si>
  <si>
    <t>GGHS MILLAT GOJRA</t>
  </si>
  <si>
    <t>Govt. Millat  Girls High School Jhang Road Gojra</t>
  </si>
  <si>
    <t>SUGHRA PARVEEN</t>
  </si>
  <si>
    <t>GGHS MILLAT MUGHAL PURA LAHORE</t>
  </si>
  <si>
    <t>Govt Millat Girls High School Shah Kamal Road Mughalpura Lahore</t>
  </si>
  <si>
    <t>ganj mughalpura</t>
  </si>
  <si>
    <t>tamseela rashid</t>
  </si>
  <si>
    <t>GGHS MILLI DAR UL ATFAL RAJ GARH ROAD LAHORE</t>
  </si>
  <si>
    <t>govt milli dar UL atfal ghs rajgarh LHR.</t>
  </si>
  <si>
    <t>Dr Shoukat Iqbal</t>
  </si>
  <si>
    <t>GGHS MINCHIN ABAD</t>
  </si>
  <si>
    <t>gghs minchinabad</t>
  </si>
  <si>
    <t>minchinabad</t>
  </si>
  <si>
    <t>KAUSAR AYOUB</t>
  </si>
  <si>
    <t>GGHS MINDHERWAL</t>
  </si>
  <si>
    <t>Mindherwal</t>
  </si>
  <si>
    <t>village and post office mindherwal t/d sialkot</t>
  </si>
  <si>
    <t>Kundanpur</t>
  </si>
  <si>
    <t>GGHS MINWAL</t>
  </si>
  <si>
    <t>Minwal</t>
  </si>
  <si>
    <t>village and post office Minwal</t>
  </si>
  <si>
    <t>FAKHRA YASMIN</t>
  </si>
  <si>
    <t>GGHS MIR HASSAN SIALKOT</t>
  </si>
  <si>
    <t>GGHS Mir Hassan Shah Syedan Sialkot</t>
  </si>
  <si>
    <t>Shah Syedan</t>
  </si>
  <si>
    <t>RIFFAT KHURSHID</t>
  </si>
  <si>
    <t>Water filteration plant</t>
  </si>
  <si>
    <t>GGHS MIR HAZAR KHAN</t>
  </si>
  <si>
    <t>moza warian wala mir hazar khan</t>
  </si>
  <si>
    <t>Mir Hazar</t>
  </si>
  <si>
    <t>GGHS MIR KOT</t>
  </si>
  <si>
    <t>Mirkot</t>
  </si>
  <si>
    <t>gghs mirkot</t>
  </si>
  <si>
    <t>Chunian Hittar</t>
  </si>
  <si>
    <t>FARRUKH SHAHEEN</t>
  </si>
  <si>
    <t>GGHS MIRZA PUR</t>
  </si>
  <si>
    <t>village and post office mirzapur tehsil kotli sattian district rawalpindi</t>
  </si>
  <si>
    <t>Saiqa Amin</t>
  </si>
  <si>
    <t>GGHS MIRZA TAHIR</t>
  </si>
  <si>
    <t>Mirza tahir</t>
  </si>
  <si>
    <t>village mirza tahir tensil kharian</t>
  </si>
  <si>
    <t>Sehrish</t>
  </si>
  <si>
    <t>GGHS MIRZA VIRKAN</t>
  </si>
  <si>
    <t>GGHS Mirza Virkan District Sheikhupura</t>
  </si>
  <si>
    <t>Alia Sadiq</t>
  </si>
  <si>
    <t>GGHS MISS FEROZ-UD-DIN ISLAMIA GUJRAT</t>
  </si>
  <si>
    <t>PRIMERY BRANCH NEAR PEER WALAIAT SHAH MASJID HIGH BRANCH NEAR USMAN PALAZA</t>
  </si>
  <si>
    <t>Jora Street</t>
  </si>
  <si>
    <t>SHADMAN</t>
  </si>
  <si>
    <t>TABINDA JABEEN</t>
  </si>
  <si>
    <t>GGHS MISS.F.J.M.B. GUJRAT</t>
  </si>
  <si>
    <t>Fattu Pura</t>
  </si>
  <si>
    <t>gghs mfj gujrat ramtalai road gujrat</t>
  </si>
  <si>
    <t>GGHS MISSION GUJRAT</t>
  </si>
  <si>
    <t>gghs mission gujrat near fawara chowk gujrat</t>
  </si>
  <si>
    <t>city gujrat</t>
  </si>
  <si>
    <t>uc 5 gujrat</t>
  </si>
  <si>
    <t>ZAKIA TABASSUM</t>
  </si>
  <si>
    <t>GGHS MISSION GUJRNAWALA</t>
  </si>
  <si>
    <t>Urdu Bazar Gujranwala</t>
  </si>
  <si>
    <t>lakar Wala pul</t>
  </si>
  <si>
    <t>uzma saleem</t>
  </si>
  <si>
    <t>GGHS MITHEY WALA</t>
  </si>
  <si>
    <t>govt girls high school mithy wali</t>
  </si>
  <si>
    <t>MITHEY Wali</t>
  </si>
  <si>
    <t>filter water from filtration plant</t>
  </si>
  <si>
    <t>GGHS MITHWAN</t>
  </si>
  <si>
    <t>gghs mithwan p/o vehova</t>
  </si>
  <si>
    <t>Naheed Begum</t>
  </si>
  <si>
    <t>GGHS MITRAN WALI</t>
  </si>
  <si>
    <t>MITRANWALI</t>
  </si>
  <si>
    <t>MITRANWALI Saskatchewan,Sialkot</t>
  </si>
  <si>
    <t>RIFAT AFZA</t>
  </si>
  <si>
    <t>GGHS MITTHA KALOWAL</t>
  </si>
  <si>
    <t>Mithakalowal</t>
  </si>
  <si>
    <t>mithakalowal</t>
  </si>
  <si>
    <t>Kamma</t>
  </si>
  <si>
    <t>Ayesha Mushtaq</t>
  </si>
  <si>
    <t>GGHS MOCHH</t>
  </si>
  <si>
    <t>MOCHH</t>
  </si>
  <si>
    <t>Govt.  Girls  High School  Mochh ( Mianwali)</t>
  </si>
  <si>
    <t>mOHALA ALAM KHAN KHEL MOCHH</t>
  </si>
  <si>
    <t>Fozia Tabassum</t>
  </si>
  <si>
    <t>GGHS MOCHI WALA</t>
  </si>
  <si>
    <t>Pirhar sharqi</t>
  </si>
  <si>
    <t>G T Road Kot Addu</t>
  </si>
  <si>
    <t>SURRAYA JABEEN</t>
  </si>
  <si>
    <t>GGHS MODEL</t>
  </si>
  <si>
    <t>Govt. Girls Model High School Near Eid Ghah</t>
  </si>
  <si>
    <t>Ch Naik Muhammad</t>
  </si>
  <si>
    <t>M C RYK</t>
  </si>
  <si>
    <t>TAYYABA ANSER</t>
  </si>
  <si>
    <t>GGHS MODEL ABU ZAHBI PALACE CHAK 55/P</t>
  </si>
  <si>
    <t>kachi abadi palace 55/p p/o 56/p rahim yar khan</t>
  </si>
  <si>
    <t>kachi abadi palace 55/p</t>
  </si>
  <si>
    <t>Aneela Sadaf</t>
  </si>
  <si>
    <t>GGHS MODEL ADDA NOOR PUR</t>
  </si>
  <si>
    <t>93/D</t>
  </si>
  <si>
    <t>GGMHS 93/D NOOR PUR</t>
  </si>
  <si>
    <t>93/d</t>
  </si>
  <si>
    <t>azra perveen</t>
  </si>
  <si>
    <t>GGHS MODEL AHMADPUR EAST</t>
  </si>
  <si>
    <t>Ahmadpur Khon</t>
  </si>
  <si>
    <t>govt. girls model high school ahmadpur east near chowk muneer shaeed</t>
  </si>
  <si>
    <t>City Ahmadpur East</t>
  </si>
  <si>
    <t>Rubina  Tahira D/O         Muhammad Alam</t>
  </si>
  <si>
    <t>GGHS MODEL APS MODEL TOWN</t>
  </si>
  <si>
    <t>model town</t>
  </si>
  <si>
    <t>E-Block Model Town, Lahore</t>
  </si>
  <si>
    <t>D K Model town</t>
  </si>
  <si>
    <t>MRS MUNAWAR TABASSUM</t>
  </si>
  <si>
    <t>GGHS MODEL ASHIANA HOUSING SCHEME NO. 1 FEROZPUR ROAD</t>
  </si>
  <si>
    <t>Attari Saroba</t>
  </si>
  <si>
    <t>Ashiana E Quaid Housing Scheme Attari Saroba, Lahore</t>
  </si>
  <si>
    <t>Ashiana</t>
  </si>
  <si>
    <t>GGHS MODEL BAHAWALNAGAR</t>
  </si>
  <si>
    <t>Bahawalnagar1</t>
  </si>
  <si>
    <t>govt girls model high school bahawalnagar jinnah colony jail road bwn</t>
  </si>
  <si>
    <t>SAMEENA YASMEEN</t>
  </si>
  <si>
    <t>GGHS MODEL BEHARI COLONY ISTAQLALABAD</t>
  </si>
  <si>
    <t>govt.girls.high school istaqlalabad Colony sargodha</t>
  </si>
  <si>
    <t>Shahnaz Akhtar Ranjha</t>
  </si>
  <si>
    <t>GGHS MODEL BHAKKAR</t>
  </si>
  <si>
    <t>moolah Nawab Khan bhakkar</t>
  </si>
  <si>
    <t>Urban3</t>
  </si>
  <si>
    <t>KAUSAR NAHEED</t>
  </si>
  <si>
    <t>GGHS MODEL CANAL VIEW</t>
  </si>
  <si>
    <t>thokhar</t>
  </si>
  <si>
    <t>b block canal view housing society thokhar niaz baig lahore</t>
  </si>
  <si>
    <t>canal view</t>
  </si>
  <si>
    <t>Sadia Qayyum</t>
  </si>
  <si>
    <t>society connection</t>
  </si>
  <si>
    <t>GGHS MODEL DAUNA</t>
  </si>
  <si>
    <t>dauna</t>
  </si>
  <si>
    <t>FOUZIA JAVED</t>
  </si>
  <si>
    <t>GGHS MODEL ELAHI PARK WASSAN PURA LHR</t>
  </si>
  <si>
    <t>Elahi Park Wassan Pura Lahore</t>
  </si>
  <si>
    <t>Elahi Park</t>
  </si>
  <si>
    <t>wassan pura</t>
  </si>
  <si>
    <t>Eram Agha</t>
  </si>
  <si>
    <t>GGHS MODEL FATEH PUR</t>
  </si>
  <si>
    <t>GGMHS FATEH PUR WARD NO 3</t>
  </si>
  <si>
    <t>WARD NO 3</t>
  </si>
  <si>
    <t>SHAHINA AZIZ</t>
  </si>
  <si>
    <t>GGHS MODEL GULBERG</t>
  </si>
  <si>
    <t>main market near shazan bakery Lahore</t>
  </si>
  <si>
    <t>Ghous E Azam</t>
  </si>
  <si>
    <t>GGHS MODEL GULSHAN RAVI G BLOCK</t>
  </si>
  <si>
    <t>Gulshan-e-Ravi</t>
  </si>
  <si>
    <t>GGHS gulshan-e-Ravi 541 g block.</t>
  </si>
  <si>
    <t>gulshan-e-Ravi</t>
  </si>
  <si>
    <t>serish talib</t>
  </si>
  <si>
    <t>GGHS MODEL JOUHAR ABAD</t>
  </si>
  <si>
    <t>jauharabd</t>
  </si>
  <si>
    <t>Saman Batool</t>
  </si>
  <si>
    <t>GGHS MODEL KHANEWAL, BLOCK NO.4 LINE 3, KHANEWAL</t>
  </si>
  <si>
    <t>BLOCK NO.4 KHANEWAL</t>
  </si>
  <si>
    <t>CITY KHANEWAL</t>
  </si>
  <si>
    <t>QURAT-UL-AIN SALMA</t>
  </si>
  <si>
    <t>GGHS MODEL KOT SAI SINGH</t>
  </si>
  <si>
    <t>kot sai singh</t>
  </si>
  <si>
    <t>kot sai singh fasialabad road jhang</t>
  </si>
  <si>
    <t>syeda mehr-un-nisa</t>
  </si>
  <si>
    <t>GGHS MODEL LAYYAH</t>
  </si>
  <si>
    <t>GG Model HS Layyah</t>
  </si>
  <si>
    <t>LAYYAH CITY</t>
  </si>
  <si>
    <t>RASHDA ASHRAF</t>
  </si>
  <si>
    <t>GGHS MODEL LIAQAT PUR</t>
  </si>
  <si>
    <t>LIAQUATPUR</t>
  </si>
  <si>
    <t>GGMHS LIAQUATPUR</t>
  </si>
  <si>
    <t>CITY LIAQUATPUR</t>
  </si>
  <si>
    <t>CITY LQP</t>
  </si>
  <si>
    <t>shamim hayyat</t>
  </si>
  <si>
    <t>GGHS MODEL MIAN CHANNU</t>
  </si>
  <si>
    <t>MIANCHANNU</t>
  </si>
  <si>
    <t>GOVT GIRLS HIGH MODEL SCHOOL MIAN CHANNU</t>
  </si>
  <si>
    <t>MC MIAN CHANNU</t>
  </si>
  <si>
    <t>GGHS MODEL MIANWALI</t>
  </si>
  <si>
    <t>Yaroo Khel</t>
  </si>
  <si>
    <t>Balo khel Rode Mianwali</t>
  </si>
  <si>
    <t>Yarookhel</t>
  </si>
  <si>
    <t>GHULAM AYESHA NIAZI</t>
  </si>
  <si>
    <t>GGHS MODEL MUGALPURA</t>
  </si>
  <si>
    <t>GOVT. MODEL GHS STREET NO 21 RAMGARH COLONY MUGHALPURA LHR</t>
  </si>
  <si>
    <t>Rubina Miraj</t>
  </si>
  <si>
    <t>GGHS MODEL NAZOOLI BAZAR MOZANG</t>
  </si>
  <si>
    <t>nazooli bazar mozang</t>
  </si>
  <si>
    <t>Data Ganj Baksh</t>
  </si>
  <si>
    <t>Mrs Munaza Kausar</t>
  </si>
  <si>
    <t>GGHS MODEL NO.1 NAWAN SHER MULTAN</t>
  </si>
  <si>
    <t>ggmhsno1 nawan shehr multan</t>
  </si>
  <si>
    <t>BAGH LANGEY KHAN</t>
  </si>
  <si>
    <t>GGHS MODEL NO.1 RAJANPUR</t>
  </si>
  <si>
    <t>near darra machii wala rajanpur</t>
  </si>
  <si>
    <t>gharbi</t>
  </si>
  <si>
    <t>GGHS MODEL OKARA CITY</t>
  </si>
  <si>
    <t>okara</t>
  </si>
  <si>
    <t>gGHS MODEL OKARA</t>
  </si>
  <si>
    <t>tehsil road</t>
  </si>
  <si>
    <t>MC OKARA</t>
  </si>
  <si>
    <t>GGHS MODEL QALANDER PURA</t>
  </si>
  <si>
    <t>Govt. Model Girls High School Qalander Pura, Lahore</t>
  </si>
  <si>
    <t>Qalandarpura</t>
  </si>
  <si>
    <t>Sakandra Nahid</t>
  </si>
  <si>
    <t>GGHS MODEL SAMANABAD</t>
  </si>
  <si>
    <t>GOVT. MODEL GIRLS HIGH SCHOOL SAMANABAD LAHORE</t>
  </si>
  <si>
    <t>Doongi Ground Samanabad</t>
  </si>
  <si>
    <t>Shabnam Iqbal</t>
  </si>
  <si>
    <t>GGHS MODEL SATELLITE TOWN</t>
  </si>
  <si>
    <t>Satellite town</t>
  </si>
  <si>
    <t>Gghs model satellite town grw</t>
  </si>
  <si>
    <t>Rashida Jamil</t>
  </si>
  <si>
    <t>GGHS MODEL SHADIWAL</t>
  </si>
  <si>
    <t>mehmoodkay shadiwal tens/dist gujrat</t>
  </si>
  <si>
    <t>shadiwal</t>
  </si>
  <si>
    <t>Mehmoodkay Shadiwal</t>
  </si>
  <si>
    <t>GGHS MODEL SHAHKOT</t>
  </si>
  <si>
    <t>GOVT GIRLS MODEL HIGH SCHOOL SHAHKOT</t>
  </si>
  <si>
    <t>MC SHAHKOT</t>
  </si>
  <si>
    <t>Aasma Afsheen</t>
  </si>
  <si>
    <t>GGHS MODEL SHAHRA-I-AIWAN-E-TIJARAT LAHORE</t>
  </si>
  <si>
    <t>Race Course</t>
  </si>
  <si>
    <t>Link Club Road Gor 1 Lahore</t>
  </si>
  <si>
    <t>Gor-1</t>
  </si>
  <si>
    <t>SAIMA BATOOL</t>
  </si>
  <si>
    <t>GGHS MODEL TOWN</t>
  </si>
  <si>
    <t>Gharbi</t>
  </si>
  <si>
    <t>model town bl x, d g khan</t>
  </si>
  <si>
    <t>mutmain rahat</t>
  </si>
  <si>
    <t>GGHS MODEL WAHDAT COLONY</t>
  </si>
  <si>
    <t>Umer Block</t>
  </si>
  <si>
    <t>GGHS MODEL WAHDAT COLONY LHR</t>
  </si>
  <si>
    <t>NEELAM BLOCK</t>
  </si>
  <si>
    <t>Zubedah Khatoon</t>
  </si>
  <si>
    <t>GGHS MODEL WAHDAT ROAD</t>
  </si>
  <si>
    <t>Wahdat Road</t>
  </si>
  <si>
    <t>Govt.Model Girls High School Wahdat Road Lahore</t>
  </si>
  <si>
    <t>Tehmina Zafar</t>
  </si>
  <si>
    <t>GGHS MODERN EUDCATION GUJRANWALA</t>
  </si>
  <si>
    <t>GGHS.Modern Education Satellite Town Grw.</t>
  </si>
  <si>
    <t>Nuzhat Fatima Awan</t>
  </si>
  <si>
    <t>GGHS MODERN MUGHALPURA, SHALIMAR LINK ROAD</t>
  </si>
  <si>
    <t>govt.modern girls high school mughalpura shalimar link road mughalpura lahore</t>
  </si>
  <si>
    <t>Angoori Scheme</t>
  </si>
  <si>
    <t>anjum iqbal</t>
  </si>
  <si>
    <t>GGHS MODERN QILA GUJAR SINGH</t>
  </si>
  <si>
    <t>qila gujjar singh</t>
  </si>
  <si>
    <t>Miss Nusrat Jehan</t>
  </si>
  <si>
    <t>GGHS MODREN ASGHAR MAL RWP</t>
  </si>
  <si>
    <t>Government Modern Girls High School, Near Eid Gah Sharif, Asghar Mall, Road, Rawalpindi</t>
  </si>
  <si>
    <t>eid gah</t>
  </si>
  <si>
    <t>Shahida Kousar</t>
  </si>
  <si>
    <t>GGHS MOGI GHULAM P/O MANAN WALA</t>
  </si>
  <si>
    <t>MOGI GHULAM</t>
  </si>
  <si>
    <t>MOGI GHULAM P/O MANANWALA DISTRICT SHEIKHUPURA</t>
  </si>
  <si>
    <t>QILA SHABDEV SINGH</t>
  </si>
  <si>
    <t>SEEMAB SADIQ</t>
  </si>
  <si>
    <t>GGHS MOGLA</t>
  </si>
  <si>
    <t>vpo Mogla talagang</t>
  </si>
  <si>
    <t>Razia begum</t>
  </si>
  <si>
    <t>GGHS MOHAJAR COLONY LQP</t>
  </si>
  <si>
    <t>GGHS Mohajir Colony LQP.</t>
  </si>
  <si>
    <t>Mohajir Colony</t>
  </si>
  <si>
    <t>LQP</t>
  </si>
  <si>
    <t>mrs.Samina Ambreen</t>
  </si>
  <si>
    <t>GGHS MOHAJIR COLONY BAHAWALPUR</t>
  </si>
  <si>
    <t>mohajir colony</t>
  </si>
  <si>
    <t>street no 7 mohajir colony bwp</t>
  </si>
  <si>
    <t>mohajir colony bwp</t>
  </si>
  <si>
    <t>Shagufta kousar</t>
  </si>
  <si>
    <t>GGHS MOHALLA ABBASIA</t>
  </si>
  <si>
    <t>mohallah abbasia ape</t>
  </si>
  <si>
    <t>Ape City</t>
  </si>
  <si>
    <t>Khalida Firdous</t>
  </si>
  <si>
    <t>GGHS MOHALLA GHOSIA CHAKWAL</t>
  </si>
  <si>
    <t>GGHS MOHALLA GHOUSIA DHOKE FEROZE CHAKWAL</t>
  </si>
  <si>
    <t>MOHALLA DHOKE FEROZE</t>
  </si>
  <si>
    <t>Mussarat Sultana</t>
  </si>
  <si>
    <t>GGHS MOHALLAH HUSSAIN ABAD</t>
  </si>
  <si>
    <t>Noorpur thal</t>
  </si>
  <si>
    <t>Mohallah hussain Abad noorpur thal</t>
  </si>
  <si>
    <t>MC Noorpur</t>
  </si>
  <si>
    <t>GGHS MOHAR WALI</t>
  </si>
  <si>
    <t>GGHS MOHARWALI</t>
  </si>
  <si>
    <t>Sumera Shaheen</t>
  </si>
  <si>
    <t>GGHS MOHARI SHARIF</t>
  </si>
  <si>
    <t>mohri sharif</t>
  </si>
  <si>
    <t>V.P.O MOHRI SHARIF TEHSIL KHARIAN DISTRICT GUJRAT</t>
  </si>
  <si>
    <t>MOHRI SHARIF</t>
  </si>
  <si>
    <t>SHAZIA PERVEEN</t>
  </si>
  <si>
    <t>GGHS MOHIB ALI</t>
  </si>
  <si>
    <t>GGHS Mohib Ali teh. and dist. Bahawalnagar</t>
  </si>
  <si>
    <t>Zunaira Sharif</t>
  </si>
  <si>
    <t>GGHS MOHRA BANI</t>
  </si>
  <si>
    <t>darkali mamoori</t>
  </si>
  <si>
    <t>Govt. Girls high school mohra banni kallar sayedan</t>
  </si>
  <si>
    <t>mohra banni</t>
  </si>
  <si>
    <t>Darkali mamoori</t>
  </si>
  <si>
    <t>GGHS MOHRA BURJ</t>
  </si>
  <si>
    <t>Mohra Burj</t>
  </si>
  <si>
    <t>vill&amp;p/o: mohra burj, Teh: gujar khan, distt: Rawalpindi</t>
  </si>
  <si>
    <t>IRAM AFSHAN</t>
  </si>
  <si>
    <t>tube well</t>
  </si>
  <si>
    <t>GGHS MOHRA DAROGHAN</t>
  </si>
  <si>
    <t>MOHRA DAROGHA</t>
  </si>
  <si>
    <t>VILLAGE AND P/O MOHRA DAROGHA RWP</t>
  </si>
  <si>
    <t>Rukhsana Yasmeen</t>
  </si>
  <si>
    <t>GGHS MOHRI</t>
  </si>
  <si>
    <t>Karore rural</t>
  </si>
  <si>
    <t>gghs mohri kotli sattian Rawalpindi</t>
  </si>
  <si>
    <t>GGHS MOIN UD DIN PUR</t>
  </si>
  <si>
    <t>MOIN-UD-DIN Pur PUR</t>
  </si>
  <si>
    <t>VPO MOIN-UD-DIN PUR TEHSIL &amp; DISTRICT GUJRAT</t>
  </si>
  <si>
    <t>MOIN-UD-DIN PUR</t>
  </si>
  <si>
    <t>rizwana hashmi</t>
  </si>
  <si>
    <t>GGHS MOJIANWALA</t>
  </si>
  <si>
    <t>mojianwala</t>
  </si>
  <si>
    <t>Govt. Girls high school mojianwala, kharian road,  mandi bahauddin</t>
  </si>
  <si>
    <t>Moazma Zawar</t>
  </si>
  <si>
    <t>GGHS MOKAL</t>
  </si>
  <si>
    <t>vill Mokal p/o Mokal teh chunian distt kasur</t>
  </si>
  <si>
    <t>Balqees Bi Bi</t>
  </si>
  <si>
    <t>GGHS MOLVI MACHIAN</t>
  </si>
  <si>
    <t>basti saiflani near boys eegree college rojjhan</t>
  </si>
  <si>
    <t>Basti Saiflani</t>
  </si>
  <si>
    <t>Mc Rojhan</t>
  </si>
  <si>
    <t>tehseen malik</t>
  </si>
  <si>
    <t>filtr water</t>
  </si>
  <si>
    <t>GGHS MONA DEPOT</t>
  </si>
  <si>
    <t>MONA DEPOT</t>
  </si>
  <si>
    <t>Govt Girls High school Mona Depot Tehsil MALAKWAL DISTRICT MANDI BAHAUDDIN</t>
  </si>
  <si>
    <t>PIND MAKKO</t>
  </si>
  <si>
    <t>abeeda khanum</t>
  </si>
  <si>
    <t>GGHS MONDKA</t>
  </si>
  <si>
    <t>gghsmondka</t>
  </si>
  <si>
    <t>Basti kharak</t>
  </si>
  <si>
    <t>GGHS MORGAH ARL</t>
  </si>
  <si>
    <t>Morgah</t>
  </si>
  <si>
    <t>arl colony nai abadi morgah</t>
  </si>
  <si>
    <t>morgah</t>
  </si>
  <si>
    <t>Safoora rehmat</t>
  </si>
  <si>
    <t>ARL Company</t>
  </si>
  <si>
    <t>GGHS MOSAHIB</t>
  </si>
  <si>
    <t>dk Musahib</t>
  </si>
  <si>
    <t>dhermond</t>
  </si>
  <si>
    <t>Sobia  Parveen</t>
  </si>
  <si>
    <t>GGHS MOTI BAZAR WAZIRABAD</t>
  </si>
  <si>
    <t>GGHS MOTTI BAZAR WZD</t>
  </si>
  <si>
    <t>purani aabkari.motti bazar</t>
  </si>
  <si>
    <t>Riffat Bano</t>
  </si>
  <si>
    <t>GGHS MOULA PUR KABIRWALA</t>
  </si>
  <si>
    <t>Mula Pur</t>
  </si>
  <si>
    <t>Mula Pur P/O Same Tehsil Kabirwala Distt, Khanewal</t>
  </si>
  <si>
    <t>Shahnaz Saleem</t>
  </si>
  <si>
    <t>GGHS MOUZA HABIB</t>
  </si>
  <si>
    <t>Habib</t>
  </si>
  <si>
    <t>govt. girls high school habib</t>
  </si>
  <si>
    <t>habib</t>
  </si>
  <si>
    <t>pakkay wala</t>
  </si>
  <si>
    <t>chasma tahira narjis</t>
  </si>
  <si>
    <t>GGHS MOWARA</t>
  </si>
  <si>
    <t>village and p.o Mowara Tehsil Kahuta District Rawalpindi</t>
  </si>
  <si>
    <t>Mrs Anjum Shehnaz</t>
  </si>
  <si>
    <t>GGHS MUBARAK COLONY</t>
  </si>
  <si>
    <t>Mubarak  Colony</t>
  </si>
  <si>
    <t>Mubarak colony Grw</t>
  </si>
  <si>
    <t>Khalid Colony</t>
  </si>
  <si>
    <t>GGHS MUD BHOORA</t>
  </si>
  <si>
    <t>govt girls high school mudbhoora khanpur</t>
  </si>
  <si>
    <t>Neelam Chuadhary</t>
  </si>
  <si>
    <t>GGHS MUGHAL CHAK KALAN</t>
  </si>
  <si>
    <t>GGHS mughal chak kalan</t>
  </si>
  <si>
    <t>mughal chak kalan</t>
  </si>
  <si>
    <t>kot shera</t>
  </si>
  <si>
    <t>Amina Shaheen</t>
  </si>
  <si>
    <t>GGHS MUHALLAH DOGRAN QASIMPUR COLONY MULTAN</t>
  </si>
  <si>
    <t>Taraf Dairah</t>
  </si>
  <si>
    <t>Mohallah Dogran,Qasimpur Colony,P/O Mumtazabad,Multan.</t>
  </si>
  <si>
    <t>Mohallah Dogran</t>
  </si>
  <si>
    <t>Qasim pur Colony</t>
  </si>
  <si>
    <t>Shumaila Imran</t>
  </si>
  <si>
    <t>GGHS MUHAMMAD BUKHSH MAHAR</t>
  </si>
  <si>
    <t>Muhammad Buksh Maher</t>
  </si>
  <si>
    <t>govt girls high school Muhammad buksh maher Ahmed pur east district bahawal pur</t>
  </si>
  <si>
    <t>GGHS MUHAMMAD PUR LAMMA</t>
  </si>
  <si>
    <t>Muhammad Pur Lama</t>
  </si>
  <si>
    <t>Muhammad Pur Lama Tehsil Sadiq Abad</t>
  </si>
  <si>
    <t>Saira Yasmin</t>
  </si>
  <si>
    <t>GGHS MUHAMMAD WALA</t>
  </si>
  <si>
    <t>Muhammad Wala  P/O dera jara</t>
  </si>
  <si>
    <t>Maleeha Mumtaz</t>
  </si>
  <si>
    <t>GGHS MUHAMMADIA DATA NAGAR</t>
  </si>
  <si>
    <t>govt Muhammadia GHS Data Nagar badami bagh lhr</t>
  </si>
  <si>
    <t>Raheela Shah</t>
  </si>
  <si>
    <t>GGHS MUHAMMDI PUR</t>
  </si>
  <si>
    <t>Muhamdi I</t>
  </si>
  <si>
    <t>chunian</t>
  </si>
  <si>
    <t>GGHS MUKHAD</t>
  </si>
  <si>
    <t>gghs makhad tehsil jand district Attock</t>
  </si>
  <si>
    <t>GGHS MUKHIANA</t>
  </si>
  <si>
    <t>mouza mukhiana jhang</t>
  </si>
  <si>
    <t>Azra Mohammad</t>
  </si>
  <si>
    <t>GGHS MULHAL MUGHLAN</t>
  </si>
  <si>
    <t>VPO Mulhal Mughlan Chakwal</t>
  </si>
  <si>
    <t>Tehmina Asmat</t>
  </si>
  <si>
    <t>GGHS MULLA QUAID SHAH</t>
  </si>
  <si>
    <t>dG.KHAN CITY</t>
  </si>
  <si>
    <t>GGHS MULLA QUAID SHAH, BLOCK-Z , D.G.KHAN CITY</t>
  </si>
  <si>
    <t>BLOCK-Z D.G.KHAN CITY</t>
  </si>
  <si>
    <t>URBAN UC</t>
  </si>
  <si>
    <t>MAIMONA NAWAZ</t>
  </si>
  <si>
    <t>GGHS MULLA QUAID SHAH JADEED</t>
  </si>
  <si>
    <t>qasba churhatta</t>
  </si>
  <si>
    <t>near khosa park block churhatta dgkhan</t>
  </si>
  <si>
    <t>block churhatta</t>
  </si>
  <si>
    <t>urban block churhatta</t>
  </si>
  <si>
    <t>HUMAIRA YASMIN</t>
  </si>
  <si>
    <t>GGHS MULTAN KHURD TALAGANG</t>
  </si>
  <si>
    <t>MULTAN KHURD</t>
  </si>
  <si>
    <t>GGHS MULTAN KHURD</t>
  </si>
  <si>
    <t>Nasim Sultana</t>
  </si>
  <si>
    <t>GGHS MUNARA</t>
  </si>
  <si>
    <t>munara</t>
  </si>
  <si>
    <t>vpo munara tehsil kallar kahar distt chakwal</t>
  </si>
  <si>
    <t>naseem saher</t>
  </si>
  <si>
    <t>local water supply</t>
  </si>
  <si>
    <t>GGHS MUNASI</t>
  </si>
  <si>
    <t>govt girls high school munasi phagwari tehsil murree district rawalpind</t>
  </si>
  <si>
    <t>Munasi</t>
  </si>
  <si>
    <t>Sundas Naseer</t>
  </si>
  <si>
    <t>nearby stream</t>
  </si>
  <si>
    <t>GGHS MUNCIPAL MODEL AKRAM ALI KHAN ROAD</t>
  </si>
  <si>
    <t>Akram ali Khan road gujrat</t>
  </si>
  <si>
    <t>Rozina Anjum Qureshi</t>
  </si>
  <si>
    <t>GGHS MUNCIPAL MODEL JALALPUR JATTAN</t>
  </si>
  <si>
    <t>NEAR LAKAR MANDI OPPOSITE ASKARI BANK JALAL PUR JATTAN</t>
  </si>
  <si>
    <t>MOHALL PAKISTANI JALAL PUR JATTAN</t>
  </si>
  <si>
    <t>tasneem fatima</t>
  </si>
  <si>
    <t>GGHS MUNDA BAJWA</t>
  </si>
  <si>
    <t>Munda Bajwa</t>
  </si>
  <si>
    <t>P/O Damthal  Tehsil Zafarwal District Narowal</t>
  </si>
  <si>
    <t>GGHS MUNDAIR KHURD</t>
  </si>
  <si>
    <t>village mundair khurd P/O Mundair Syedaan Sambrial</t>
  </si>
  <si>
    <t>Mundair Khurd</t>
  </si>
  <si>
    <t>GGHS MUNDAKEY BARIAN</t>
  </si>
  <si>
    <t>Mundakey  Barian</t>
  </si>
  <si>
    <t>vpo mundakey  teh pasrur district sialkot</t>
  </si>
  <si>
    <t>Mundakey Barian</t>
  </si>
  <si>
    <t>talaat batool</t>
  </si>
  <si>
    <t>GGHS MUPAL KAY</t>
  </si>
  <si>
    <t>Mopalkay</t>
  </si>
  <si>
    <t>GGHS Mopalkay p/o same teh renala khurd distt okara</t>
  </si>
  <si>
    <t>mopalkay</t>
  </si>
  <si>
    <t>shahida ashraf</t>
  </si>
  <si>
    <t>GGHS MURAD ABAD</t>
  </si>
  <si>
    <t>Tohfa Pur</t>
  </si>
  <si>
    <t>P/O Murad Abad, Distt Muzaffar GArh</t>
  </si>
  <si>
    <t>GGHS MURALA GUJRAN</t>
  </si>
  <si>
    <t>Murala Gujran</t>
  </si>
  <si>
    <t>murala Gujran Tehsil kharian district</t>
  </si>
  <si>
    <t>Musarat Choudhary</t>
  </si>
  <si>
    <t>GGHS MURALI WALA</t>
  </si>
  <si>
    <t>Muraliwala</t>
  </si>
  <si>
    <t>gghs muraliwala teh noshera virkan grw</t>
  </si>
  <si>
    <t>Mamoona Razaq</t>
  </si>
  <si>
    <t>GGHS MURARIAN</t>
  </si>
  <si>
    <t>V.P.O. Murarian, Teh, Kharian, Distt, Gujrat.</t>
  </si>
  <si>
    <t>Murarian</t>
  </si>
  <si>
    <t>GGHS MUREED CHAKWAL</t>
  </si>
  <si>
    <t>mureed</t>
  </si>
  <si>
    <t>vPO mureed</t>
  </si>
  <si>
    <t>GGHS MURGHAI</t>
  </si>
  <si>
    <t>Mehwish Gillani</t>
  </si>
  <si>
    <t>GGHS MURREE CITY</t>
  </si>
  <si>
    <t>Govt girls high school murree imtiaz shaheed road Murree rawalpindi</t>
  </si>
  <si>
    <t>Kiran Naz</t>
  </si>
  <si>
    <t>GGHS MUSA KHEL</t>
  </si>
  <si>
    <t>musakhel city mianwali</t>
  </si>
  <si>
    <t>GGHS MUSA PUR</t>
  </si>
  <si>
    <t>gghs musa pur tehsil pasrur sialkot</t>
  </si>
  <si>
    <t>aroma  yousaf</t>
  </si>
  <si>
    <t>GGHS MUSLIM BAGHBAN PURA</t>
  </si>
  <si>
    <t>Govt. Muslim Girls High School Baghbanpura Lahore</t>
  </si>
  <si>
    <t>Crown Park</t>
  </si>
  <si>
    <t>Alia Batool</t>
  </si>
  <si>
    <t>GGHS MUSLIM DRY PORT MUGHALPURA</t>
  </si>
  <si>
    <t>dry port mughalpura lhr</t>
  </si>
  <si>
    <t>dry port</t>
  </si>
  <si>
    <t>Tabassum Ehsan D/O Ehsan Elahi Siddique</t>
  </si>
  <si>
    <t>GGHS MUSLIM MODEL</t>
  </si>
  <si>
    <t>Noshera Road</t>
  </si>
  <si>
    <t>GGHS muslim model</t>
  </si>
  <si>
    <t>noshera road grw</t>
  </si>
  <si>
    <t>mubarik shah</t>
  </si>
  <si>
    <t>saba gulzar</t>
  </si>
  <si>
    <t>GGHS MUSLIM MODEL GULSHAN RAVI 202-E BLOCK</t>
  </si>
  <si>
    <t>202-E  block Gulshan-e-Ravi lahore.</t>
  </si>
  <si>
    <t>lhr</t>
  </si>
  <si>
    <t>Gulshan Ravi</t>
  </si>
  <si>
    <t>MRS.NAILA  EJAZ</t>
  </si>
  <si>
    <t>GGHS MUSLIM MODEL MUHAMMAD PURA</t>
  </si>
  <si>
    <t>MOHALLAH MUHAMMAD PURA SIALKOT</t>
  </si>
  <si>
    <t>RAHEELA KOUSAR</t>
  </si>
  <si>
    <t>GGHS MUSLIM MODEL NIGHBAN PURA, FAISALABAD</t>
  </si>
  <si>
    <t>Neighban Pura</t>
  </si>
  <si>
    <t>govt. muslim model girls high school neighban pura fsd.</t>
  </si>
  <si>
    <t>Janat ul Firdous</t>
  </si>
  <si>
    <t>GGHS MUSLIM MURREE ROAD</t>
  </si>
  <si>
    <t>GGHS MUSLIM MURREE ROAD RWP</t>
  </si>
  <si>
    <t>LIAQUAT ROAD</t>
  </si>
  <si>
    <t>Sobia Amjad</t>
  </si>
  <si>
    <t>GGHS MUSLIM NAROWAL</t>
  </si>
  <si>
    <t>GGHS MUSLIM PARDA GUJRAT</t>
  </si>
  <si>
    <t>mohalla amin abad  opposite imam bargha  gujrat</t>
  </si>
  <si>
    <t>mohalla amin abad gujrat</t>
  </si>
  <si>
    <t>MAIMOONA TOCASER</t>
  </si>
  <si>
    <t>GGHS MUSLIM PUL MOJ DARYA</t>
  </si>
  <si>
    <t>Pul Moj Darya</t>
  </si>
  <si>
    <t>govt model girls high school near kalma Chowk multan</t>
  </si>
  <si>
    <t>pul muj daria</t>
  </si>
  <si>
    <t>sadiq colony</t>
  </si>
  <si>
    <t>Mah Talat</t>
  </si>
  <si>
    <t>GGHS MUSLIM RAM TALAI SIALKOT</t>
  </si>
  <si>
    <t>ramtalai</t>
  </si>
  <si>
    <t>govt.muslim girls high school ramtalai sialkot</t>
  </si>
  <si>
    <t>karim pura sialkot</t>
  </si>
  <si>
    <t>samira kausar</t>
  </si>
  <si>
    <t>GGHS MUSLIM TOWN RWP</t>
  </si>
  <si>
    <t>GGHS MUSLIM TOWN BEHARI COLONY RWP</t>
  </si>
  <si>
    <t>COLONAL YOUSAF COLONY</t>
  </si>
  <si>
    <t>Abida mukhtar</t>
  </si>
  <si>
    <t>GGHS MUSLIM, EID GAH ROAD FAISLABAD</t>
  </si>
  <si>
    <t>eidgah road</t>
  </si>
  <si>
    <t>GGHS MUSLIM EIDGAH ROAD</t>
  </si>
  <si>
    <t>najma naheed</t>
  </si>
  <si>
    <t>GGHS MUSSARAT BAND ROAD</t>
  </si>
  <si>
    <t>musarrat girls high school band road babu sabu lahore</t>
  </si>
  <si>
    <t>Babu Sabu</t>
  </si>
  <si>
    <t>Tabassum iftikhar</t>
  </si>
  <si>
    <t>GGHS MUSTAFA (SAW) CAMPUS CHAK NO. 356/WB</t>
  </si>
  <si>
    <t>356/WB</t>
  </si>
  <si>
    <t>chak no 356/WB</t>
  </si>
  <si>
    <t>360/WB</t>
  </si>
  <si>
    <t>GGHS Mustafa (SAW) Campus Kundian</t>
  </si>
  <si>
    <t>Mamoonwali</t>
  </si>
  <si>
    <t>Government girls high school Mustafa (S.A.W)campus</t>
  </si>
  <si>
    <t>Azra Yasin</t>
  </si>
  <si>
    <t>GGHS MUSTAFA ABAD</t>
  </si>
  <si>
    <t>gghs mustafaabad</t>
  </si>
  <si>
    <t>Shakeela Iftikhar</t>
  </si>
  <si>
    <t>GGHS MUSYARI</t>
  </si>
  <si>
    <t>P/O Musyari, expressway Murree, Rawalpindi</t>
  </si>
  <si>
    <t>Irum Mushtaq</t>
  </si>
  <si>
    <t>GGHS MUZAFAR ABAD</t>
  </si>
  <si>
    <t>muzaffarabad</t>
  </si>
  <si>
    <t>basti muzafarabad</t>
  </si>
  <si>
    <t>Muzafarabad</t>
  </si>
  <si>
    <t>Robina Gul</t>
  </si>
  <si>
    <t>GGHS MUZAFFAR PUR</t>
  </si>
  <si>
    <t>Muzaffarpur</t>
  </si>
  <si>
    <t>village muzaffarpur tehsil and district mianwali</t>
  </si>
  <si>
    <t>Humaira Parveen</t>
  </si>
  <si>
    <t>GGHS NAARANG</t>
  </si>
  <si>
    <t>VPO NARANG TEH &amp; DISTRICT CHAKWAL</t>
  </si>
  <si>
    <t>SUMAIRA YASMEEN</t>
  </si>
  <si>
    <t>GGHS NABI PARK REHMAN ROAD LHR</t>
  </si>
  <si>
    <t>QILA LACHMAN SINGH</t>
  </si>
  <si>
    <t>GGHS NABI PARK REHMAN ROAD LAHORE</t>
  </si>
  <si>
    <t>NABI PARK</t>
  </si>
  <si>
    <t>RAVI TOWN</t>
  </si>
  <si>
    <t>NAYYER KIRAN</t>
  </si>
  <si>
    <t>GGHS NABI PUR</t>
  </si>
  <si>
    <t>GOVT.GIRLS HIGH SCHOOL NABIPUR APE NEAR POST OFFICE NABIPUR</t>
  </si>
  <si>
    <t>NABIPUR</t>
  </si>
  <si>
    <t>KHUDA BUKSH MAHAR</t>
  </si>
  <si>
    <t>SANA IQBAL</t>
  </si>
  <si>
    <t>GGHS NACHINDI</t>
  </si>
  <si>
    <t>Nachindi</t>
  </si>
  <si>
    <t>vpo nachindi</t>
  </si>
  <si>
    <t>GGHS NADALA SANDWAN</t>
  </si>
  <si>
    <t>Nadala sandwan</t>
  </si>
  <si>
    <t>Gghs nadala sandwan</t>
  </si>
  <si>
    <t>Aneela anam</t>
  </si>
  <si>
    <t>GGHS NAGIAL</t>
  </si>
  <si>
    <t>gghsnagial</t>
  </si>
  <si>
    <t>nadia perveen</t>
  </si>
  <si>
    <t>GGHS NAGRIAN</t>
  </si>
  <si>
    <t>Nagrian</t>
  </si>
  <si>
    <t>VPO Nagrian Tehsil Kharian District Gujrat</t>
  </si>
  <si>
    <t>ASMA SHAHEEN</t>
  </si>
  <si>
    <t>GGHS NAIN SUKH SHAHDARA</t>
  </si>
  <si>
    <t>NAIN SUKH</t>
  </si>
  <si>
    <t>GGHS NAIN SUKH</t>
  </si>
  <si>
    <t>BEGUM KOT</t>
  </si>
  <si>
    <t>TAYYABA SIDDIQA</t>
  </si>
  <si>
    <t>GGHS NAJEEB MEMORIAL GUJRANWALA</t>
  </si>
  <si>
    <t>GOVT. NAJEEB. MEMORIAL GIRLS HIGH SCHOOL GRW</t>
  </si>
  <si>
    <t>civil line grw</t>
  </si>
  <si>
    <t>CIVIL</t>
  </si>
  <si>
    <t>SHAZIA YASMEEN</t>
  </si>
  <si>
    <t>GGHS NAJWAL</t>
  </si>
  <si>
    <t>Najwal</t>
  </si>
  <si>
    <t>vill p.o.  najwal</t>
  </si>
  <si>
    <t>maqsooda bi bi</t>
  </si>
  <si>
    <t>GGHS NAKKA KAHUT</t>
  </si>
  <si>
    <t>nakka kahut</t>
  </si>
  <si>
    <t>vpo nakka kahut tehsil: talgang district: chakwal</t>
  </si>
  <si>
    <t>humaira yasmeen</t>
  </si>
  <si>
    <t>GGHS NAKODAR</t>
  </si>
  <si>
    <t>Nakodar</t>
  </si>
  <si>
    <t>govt girls high school  nakodar p/o ladhar teh dina distt jhelum</t>
  </si>
  <si>
    <t>ZOBIA REHMAN</t>
  </si>
  <si>
    <t>GGHS NALA MUSLMANAN</t>
  </si>
  <si>
    <t>Nala muslmana</t>
  </si>
  <si>
    <t>GGHS nala Muslmana janobi Tehsil Kallar Syedan Distt rawapindi</t>
  </si>
  <si>
    <t>nala Muslmana</t>
  </si>
  <si>
    <t>GGHS NANAK PUR, KHANEWAL</t>
  </si>
  <si>
    <t>Nanakpur</t>
  </si>
  <si>
    <t>gghs nanakpur kwl</t>
  </si>
  <si>
    <t>Bherowak</t>
  </si>
  <si>
    <t>GGHS NANGAL KASOWAL</t>
  </si>
  <si>
    <t>GGHS NANGAL KASWALA</t>
  </si>
  <si>
    <t>GGHS NANKANA SAHIB</t>
  </si>
  <si>
    <t>Old Nns</t>
  </si>
  <si>
    <t>Govt. Girls high school Buchiyana Road Nankana Sahib</t>
  </si>
  <si>
    <t>Uc City</t>
  </si>
  <si>
    <t>shahida naheed</t>
  </si>
  <si>
    <t>GGHS NAPIER ROAD</t>
  </si>
  <si>
    <t>GGHS NAPIER ROAD LAHORE</t>
  </si>
  <si>
    <t>Napier Road</t>
  </si>
  <si>
    <t>Ruby Jamshaid</t>
  </si>
  <si>
    <t>GGHS NARANG</t>
  </si>
  <si>
    <t>V/P NARANG TEHSIL PHALIA DISTT. M.B.DIN</t>
  </si>
  <si>
    <t>Bakhtawar Rani</t>
  </si>
  <si>
    <t>GGHS NARAR MOUREEN</t>
  </si>
  <si>
    <t>GOVT GIRLS HIGH SCHOOL NARAR MOUREEN TEHSIL KAHUTA DISTRICT RAWALPINDI</t>
  </si>
  <si>
    <t>Moureen</t>
  </si>
  <si>
    <t>GGHS NAROWALI</t>
  </si>
  <si>
    <t>govt girls high school narowali</t>
  </si>
  <si>
    <t>zubina sarwar</t>
  </si>
  <si>
    <t>GGHS NARTOPA</t>
  </si>
  <si>
    <t>Nartopa</t>
  </si>
  <si>
    <t>GGHS, nartopa Tehsil hazro district Attock</t>
  </si>
  <si>
    <t>Asma Javeed</t>
  </si>
  <si>
    <t>GGHS NATHA WALA</t>
  </si>
  <si>
    <t>Dakhna Ghaaroo</t>
  </si>
  <si>
    <t>Nathay wala Kahror pacca</t>
  </si>
  <si>
    <t>Nathay wala</t>
  </si>
  <si>
    <t>Shamaela Jabbar</t>
  </si>
  <si>
    <t>GGHS NATHAY JAGEER</t>
  </si>
  <si>
    <t>NATHAY JAGIR</t>
  </si>
  <si>
    <t>GGHS NATHAY JAGIR</t>
  </si>
  <si>
    <t>Nathy Gageer</t>
  </si>
  <si>
    <t>GGHS NATHEY KHALSA</t>
  </si>
  <si>
    <t>Nathay Khalsa</t>
  </si>
  <si>
    <t>GGHS NATHEY KHALSA PATTOKI</t>
  </si>
  <si>
    <t>Nathey Khalsa</t>
  </si>
  <si>
    <t>kausar khair ud din</t>
  </si>
  <si>
    <t>GGHS NATHOKI</t>
  </si>
  <si>
    <t>Nathoki, tehsil kot radha kision dist kasur</t>
  </si>
  <si>
    <t>KALSOOM ANWAR</t>
  </si>
  <si>
    <t>GGHS NATHOT</t>
  </si>
  <si>
    <t>Nathot</t>
  </si>
  <si>
    <t>post office Dial  Nathot</t>
  </si>
  <si>
    <t>Rahila Tanveer</t>
  </si>
  <si>
    <t>GGHS NATHUWALA CHAK NO 180/RB</t>
  </si>
  <si>
    <t>Nathuwala Chak # 180</t>
  </si>
  <si>
    <t>Nathuwala Chak 180</t>
  </si>
  <si>
    <t>afia gulzar</t>
  </si>
  <si>
    <t>GGHS NATHWALA</t>
  </si>
  <si>
    <t>Nathwala</t>
  </si>
  <si>
    <t>P.O Nathwala Tehsil Dina Distt. Jhelum</t>
  </si>
  <si>
    <t>Syeda Nuzhat Batool</t>
  </si>
  <si>
    <t>GGHS NATT KALAN</t>
  </si>
  <si>
    <t>post office box khas natt kalan tehsil wazirabad gujranwala</t>
  </si>
  <si>
    <t>Sarwat Hamid</t>
  </si>
  <si>
    <t>GGHS NAWAB BHOOTI</t>
  </si>
  <si>
    <t>Mouza nawab Bhooti</t>
  </si>
  <si>
    <t>Arooti</t>
  </si>
  <si>
    <t>Nawab bhooti</t>
  </si>
  <si>
    <t>Noshaba Kanwal</t>
  </si>
  <si>
    <t>GGHS NAWAB PUR P/O NAWABAB PUR</t>
  </si>
  <si>
    <t>GGHS Nawabpur Multan</t>
  </si>
  <si>
    <t>Buch Khusro</t>
  </si>
  <si>
    <t>Zahida niaz</t>
  </si>
  <si>
    <t>GGHS NAWAN BAIGRAJ</t>
  </si>
  <si>
    <t>Nawan Baigraj</t>
  </si>
  <si>
    <t>GGHS Nawan baigraj jampur</t>
  </si>
  <si>
    <t>GGHS NAWAN BUDH</t>
  </si>
  <si>
    <t>nawan budh</t>
  </si>
  <si>
    <t>Nawan Budh</t>
  </si>
  <si>
    <t>Shamim Rehana</t>
  </si>
  <si>
    <t>GGHS NAWAN KOT</t>
  </si>
  <si>
    <t>nawankot</t>
  </si>
  <si>
    <t>Shahla Anjum</t>
  </si>
  <si>
    <t>GGHS NAWAN KOT CHAK 79 RB</t>
  </si>
  <si>
    <t>nawankot 79/rb</t>
  </si>
  <si>
    <t>govt.Girls high School nawankot chak no 79/rb tehsil safdarabad distt.Sheikhupura.</t>
  </si>
  <si>
    <t>nawanpind</t>
  </si>
  <si>
    <t>Ballqees Akhtar</t>
  </si>
  <si>
    <t>GGHS NAWAN LOK SAHIWAL</t>
  </si>
  <si>
    <t>Govt girls high school nawan lok sahiwal sargodha</t>
  </si>
  <si>
    <t>Rani Farzana</t>
  </si>
  <si>
    <t>GGHS NAWAN PIND ARAIAN</t>
  </si>
  <si>
    <t>nawan pind</t>
  </si>
  <si>
    <t>village nawan pind araian tehsil and district sialkot</t>
  </si>
  <si>
    <t>nawan pind araian</t>
  </si>
  <si>
    <t>chrind</t>
  </si>
  <si>
    <t>NADIA KHAWAR CH</t>
  </si>
  <si>
    <t>GGHS NAWAN PIND CHAK 78 RB</t>
  </si>
  <si>
    <t>Nawan Pind Chak 78</t>
  </si>
  <si>
    <t>nawan pind chak 78</t>
  </si>
  <si>
    <t>Irum Mustfa</t>
  </si>
  <si>
    <t>GGHS NAWAZ SHARIF LALA MUSA</t>
  </si>
  <si>
    <t>lalamusa</t>
  </si>
  <si>
    <t>main bazar lalamusa</t>
  </si>
  <si>
    <t>ambreen fatima</t>
  </si>
  <si>
    <t>GGHS NAZAM PURA CHAK NO.80/RB</t>
  </si>
  <si>
    <t>Nizam Pura Chak#80</t>
  </si>
  <si>
    <t>Govt.Girls High Scool Nizam pura chak #80/rb tehsil shahkot district nankana sahib</t>
  </si>
  <si>
    <t>Amber Yasin</t>
  </si>
  <si>
    <t>GGHS NAZER LABANA P/O KHAS (MC)</t>
  </si>
  <si>
    <t>Sharqpur</t>
  </si>
  <si>
    <t>VILL NAZAR LUBANA TAHSIL SHARAQPUR DISTT: SKP</t>
  </si>
  <si>
    <t>NAZAR LUBANA</t>
  </si>
  <si>
    <t>laila kanwal</t>
  </si>
  <si>
    <t>GGHS NEELA VILL &amp; POST OFFICE NEELA</t>
  </si>
  <si>
    <t>village and post office neela tehsil and district chakwal</t>
  </si>
  <si>
    <t>warwal</t>
  </si>
  <si>
    <t>Andleb Akhtar</t>
  </si>
  <si>
    <t>GGHS NEW CENTRAL JAIL MULTAN</t>
  </si>
  <si>
    <t>Pandat Ram Narain</t>
  </si>
  <si>
    <t>GGHS New Central Jail, Basti Sultan Pura, Multan</t>
  </si>
  <si>
    <t>Basti Sultan Pura</t>
  </si>
  <si>
    <t>Ghous Abad</t>
  </si>
  <si>
    <t>Syeda Tasleem Fatima Naqvi</t>
  </si>
  <si>
    <t>GGHS NEW FATIMA JINNAH MISRISHAH LAHORE</t>
  </si>
  <si>
    <t>misri shah lahore</t>
  </si>
  <si>
    <t>waheeda shahnaz</t>
  </si>
  <si>
    <t>GGHS NEW MODEL DEV SAMAJ ROAD</t>
  </si>
  <si>
    <t>SANT NAGAR</t>
  </si>
  <si>
    <t>GOVT. NEW MODEL G/H SCHOOL DEV SAMAJ ROAD LAHORE.</t>
  </si>
  <si>
    <t>JINNAH HALL</t>
  </si>
  <si>
    <t>Mahmooda Shaheen</t>
  </si>
  <si>
    <t>GGHS NEW MODEL GHULAM MUHAMMAD ABAD FSD</t>
  </si>
  <si>
    <t>GGHS NEW MODEL GM ABAD FSD</t>
  </si>
  <si>
    <t>SABRI CHOWK GM ABAD</t>
  </si>
  <si>
    <t>CIVIL QUARTERS GM ABAD</t>
  </si>
  <si>
    <t>Azmat Nisa</t>
  </si>
  <si>
    <t>GGHS NIA SOHAWA</t>
  </si>
  <si>
    <t>Nia Sohawa</t>
  </si>
  <si>
    <t>govt. girls high school nia sohawa pasrur sialkot</t>
  </si>
  <si>
    <t>Chicheryali</t>
  </si>
  <si>
    <t>Raheela Kausar</t>
  </si>
  <si>
    <t>Hnad</t>
  </si>
  <si>
    <t>GGHS NIAZ BAIG</t>
  </si>
  <si>
    <t>Niaz  Baig</t>
  </si>
  <si>
    <t>Govt. Girls H/S Niaz Baig Lahore in Qasim Chowk</t>
  </si>
  <si>
    <t>farah dar</t>
  </si>
  <si>
    <t>GGHS NILHAD</t>
  </si>
  <si>
    <t>vpo nilhad tehsil pindigheb distt attock</t>
  </si>
  <si>
    <t>Shama Altaf</t>
  </si>
  <si>
    <t>GGHS NISHAT ABAD FSD</t>
  </si>
  <si>
    <t>nishatabad</t>
  </si>
  <si>
    <t>Govt.girls high school , 30 feet bazar Nishatabad</t>
  </si>
  <si>
    <t>Nishatabad</t>
  </si>
  <si>
    <t>Jamilabad</t>
  </si>
  <si>
    <t>Rukhsana Kamal</t>
  </si>
  <si>
    <t>GGHS NISHAT COLONY</t>
  </si>
  <si>
    <t>Nishat colony</t>
  </si>
  <si>
    <t>GGHS  Nishat Colony, Lahore Cantt</t>
  </si>
  <si>
    <t>nIL</t>
  </si>
  <si>
    <t>GGHS NISHATABAD SILLANWALI.</t>
  </si>
  <si>
    <t>MC Sillanwali</t>
  </si>
  <si>
    <t>GGHS NISHATABAD Sillanwali</t>
  </si>
  <si>
    <t>MC Sillanwali City</t>
  </si>
  <si>
    <t>Shabana Rehman</t>
  </si>
  <si>
    <t>GGHS NIZAM ABAD</t>
  </si>
  <si>
    <t>Gghsnizamabad ( luqman road) tehsil wzd</t>
  </si>
  <si>
    <t>GGHS NIZAM PURA</t>
  </si>
  <si>
    <t>GGHS Nizam pura kasur</t>
  </si>
  <si>
    <t>Tehmina Hanif</t>
  </si>
  <si>
    <t>GGHS NO 4 MOHAN PURA</t>
  </si>
  <si>
    <t>Mohanpura</t>
  </si>
  <si>
    <t>gghsno4 mohan pura rwp</t>
  </si>
  <si>
    <t>Mohan Pura</t>
  </si>
  <si>
    <t>Roubina Rauf</t>
  </si>
  <si>
    <t>GGHS NO. 1 CHAKWAL</t>
  </si>
  <si>
    <t>gghs no.1 BHOun road chakwal</t>
  </si>
  <si>
    <t>TAJ BEGUM</t>
  </si>
  <si>
    <t>GGHS NO. 1 D.G.KHAN</t>
  </si>
  <si>
    <t>Block 1</t>
  </si>
  <si>
    <t>near Irshad noohi park,railway road. dgkhan</t>
  </si>
  <si>
    <t>Urban 14</t>
  </si>
  <si>
    <t>tahira kalsoom</t>
  </si>
  <si>
    <t>GGHS NO. 1 GUJAR KHAN</t>
  </si>
  <si>
    <t>Housing scheme #1,Gujar khan</t>
  </si>
  <si>
    <t>SHAZIA SHARIF</t>
  </si>
  <si>
    <t>GGHS NO. 1 HAVELI LAKHA MUNAWAR SHAHEED ROAD</t>
  </si>
  <si>
    <t>GOVT GIRLS HIGH SCHOOL NO 1 MUNAWAR SHAHEED ROAD  HAVELI LAKHA</t>
  </si>
  <si>
    <t>TAHIRA NASREEN HASSAN</t>
  </si>
  <si>
    <t>GGHS NO. 1 JAMPUR</t>
  </si>
  <si>
    <t>gghs jampur no.1</t>
  </si>
  <si>
    <t>Aneela Zafar</t>
  </si>
  <si>
    <t>GGHS NO. 1 SAMUNDRI</t>
  </si>
  <si>
    <t>circular road samundri</t>
  </si>
  <si>
    <t>GGHS NO. 1 TALAGANG</t>
  </si>
  <si>
    <t>w/NO 5 CHAKWAL ROAD TALAGANG</t>
  </si>
  <si>
    <t>Mc Talagang</t>
  </si>
  <si>
    <t>SURYYA KHANAM</t>
  </si>
  <si>
    <t>GGHS NO. 2 CANAL COLONY RAJANPUR</t>
  </si>
  <si>
    <t>RAJAN PUR</t>
  </si>
  <si>
    <t>CANAL COLONY RAJAN PUR</t>
  </si>
  <si>
    <t>WARD NO. 12</t>
  </si>
  <si>
    <t>MC RAJANPUR</t>
  </si>
  <si>
    <t>nighat gul</t>
  </si>
  <si>
    <t>GGHS NO. 2 CHAKWAL</t>
  </si>
  <si>
    <t>mohalla line park chakwal</t>
  </si>
  <si>
    <t>Chakwal 1</t>
  </si>
  <si>
    <t>GGHS NO. 2 HAVELI LAKHA RAILWAY ROAD</t>
  </si>
  <si>
    <t>govt.girls high school no.2 railway road haveli lakha tehsil depalpur (okara)</t>
  </si>
  <si>
    <t>mohalla jandi haveli lakha</t>
  </si>
  <si>
    <t>ZAHIDA FATIMA</t>
  </si>
  <si>
    <t>GGHS NO. 2 JAMPUR</t>
  </si>
  <si>
    <t>Near Demis gate</t>
  </si>
  <si>
    <t>Humaira Manzoor</t>
  </si>
  <si>
    <t>GGHS NO. 2 SAMUNDRI</t>
  </si>
  <si>
    <t>gghs no.2 samundri</t>
  </si>
  <si>
    <t>Almaxi</t>
  </si>
  <si>
    <t>Mrs. Rukhsana rehman</t>
  </si>
  <si>
    <t>GGHS NO. 2 SHAMSABAD NEAR CHUNGI NO.9 MULTAN</t>
  </si>
  <si>
    <t>GOVT.GIRLS HIGH SCHOOL SHAMSABAD chungi no.9 MULTAN</t>
  </si>
  <si>
    <t>ABID COLONY</t>
  </si>
  <si>
    <t>Sohana Shamim</t>
  </si>
  <si>
    <t>GGHS NO. 2 TALAGANG</t>
  </si>
  <si>
    <t>talagang</t>
  </si>
  <si>
    <t>NEAR OLD THANA SADAR TALAGANG GHARAB</t>
  </si>
  <si>
    <t>GHARAB</t>
  </si>
  <si>
    <t>RUKHSANA RAZA</t>
  </si>
  <si>
    <t>GGHS NO. 3 D.G.KHAN</t>
  </si>
  <si>
    <t>Choraata Pachard</t>
  </si>
  <si>
    <t>govt girls high school no 3 railway colony</t>
  </si>
  <si>
    <t>Railway</t>
  </si>
  <si>
    <t>Choraata Parchard</t>
  </si>
  <si>
    <t>Rafia Manan</t>
  </si>
  <si>
    <t>GGHS NO. 3 WESTRIGE RWP</t>
  </si>
  <si>
    <t>gghs no.3 railway workshop road rawalpindi</t>
  </si>
  <si>
    <t>sbahat Ismail</t>
  </si>
  <si>
    <t>GGHS NO. 4 MC FATEH JANG</t>
  </si>
  <si>
    <t>near TMA building Karam khan road fateh jang</t>
  </si>
  <si>
    <t>Fateh jang-02</t>
  </si>
  <si>
    <t>Rukhsana Amin</t>
  </si>
  <si>
    <t>GGHS NO. 6 TALAGANG</t>
  </si>
  <si>
    <t>near thana city Talagang tehsil Talagang dist chakwal</t>
  </si>
  <si>
    <t>Muncipal Comimty</t>
  </si>
  <si>
    <t>BATOOL KUBRA</t>
  </si>
  <si>
    <t>GGHS NO.1 EID GAH ROAD TT SINGH</t>
  </si>
  <si>
    <t>GOVT.GIRLS HIGH SCHOOL NO.1 EID GHAH ROAD TTS</t>
  </si>
  <si>
    <t>EID GHAH</t>
  </si>
  <si>
    <t>city-1 TTS</t>
  </si>
  <si>
    <t>TAHIRAH JABEEN</t>
  </si>
  <si>
    <t>GGHS NO.1 KARKHANA BAZAR FSD</t>
  </si>
  <si>
    <t>KARKHANABAZAR</t>
  </si>
  <si>
    <t>GOVT. GIRLS HIGH SCHOOL NO.1, KARKHANA BAZAR, FSD</t>
  </si>
  <si>
    <t>CLOCK TOWER</t>
  </si>
  <si>
    <t>AZRA NAHEED</t>
  </si>
  <si>
    <t>GGHS NO.1 SAWAR MANDI</t>
  </si>
  <si>
    <t>Chak 8 Remount Depot</t>
  </si>
  <si>
    <t>GGHS NO. 1 Sawar Mandi, Remount Depot,</t>
  </si>
  <si>
    <t>GGHS NO.2 JARANWALA</t>
  </si>
  <si>
    <t>Jaranwalz</t>
  </si>
  <si>
    <t>GGHS NO.2  main cenema chowk Jaranwala</t>
  </si>
  <si>
    <t>Lakkar Mandi</t>
  </si>
  <si>
    <t>Rahat Iqbal</t>
  </si>
  <si>
    <t>GGHS NO.2 MUSLIM TOWN</t>
  </si>
  <si>
    <t>GGHS # 2 Muslim Town Band Khana Road RWP</t>
  </si>
  <si>
    <t>RWP City</t>
  </si>
  <si>
    <t>Khurram Colony</t>
  </si>
  <si>
    <t>Iffat Shaheen</t>
  </si>
  <si>
    <t>GGHS NO.2 TANDLIAN WALA</t>
  </si>
  <si>
    <t>SHAMASPURA</t>
  </si>
  <si>
    <t>MOHALLA  SHAMASPURA</t>
  </si>
  <si>
    <t>MUNCIPAL COMMITEE tANDLIANWALA</t>
  </si>
  <si>
    <t>Tehseena Naz Toor</t>
  </si>
  <si>
    <t>GGHS NO.2 TOBA TEK SINGH</t>
  </si>
  <si>
    <t>TTS</t>
  </si>
  <si>
    <t>Gghs no. 2 near old police station, islam pura TTSingh</t>
  </si>
  <si>
    <t>TTSINGH  Urban</t>
  </si>
  <si>
    <t>MUSARRAT PARVEEN</t>
  </si>
  <si>
    <t>GGHS NO.3 GOBIND PURA</t>
  </si>
  <si>
    <t>gghs gobindpura street no 3 toba tek singh</t>
  </si>
  <si>
    <t>GGHS NOIENKE SINDWAN</t>
  </si>
  <si>
    <t>Noienke</t>
  </si>
  <si>
    <t>Village Noinke Sandhwan</t>
  </si>
  <si>
    <t>NOINKE Sandhwan</t>
  </si>
  <si>
    <t>Aamna Mustafa</t>
  </si>
  <si>
    <t>GGHS NOKHAR</t>
  </si>
  <si>
    <t>nokhar</t>
  </si>
  <si>
    <t>V.P.O.nokhar</t>
  </si>
  <si>
    <t>Dr. Nosheena Tahseeen</t>
  </si>
  <si>
    <t>GGHS NONAR</t>
  </si>
  <si>
    <t>GGHS Nonar</t>
  </si>
  <si>
    <t>fakhra naeem</t>
  </si>
  <si>
    <t>GGHS NOOR ISLAMIA RWP</t>
  </si>
  <si>
    <t>Sattelite Town</t>
  </si>
  <si>
    <t>Saidpur Road, opposite Rasheed nursing home, Rwp</t>
  </si>
  <si>
    <t>Asghar Mall Scheme</t>
  </si>
  <si>
    <t>Tayyaba Rehana</t>
  </si>
  <si>
    <t>GGHS NOOR JEHAN ISMAIL ABAD MULTAN</t>
  </si>
  <si>
    <t>Jhakar pur</t>
  </si>
  <si>
    <t>Colony textile mill ismailabad</t>
  </si>
  <si>
    <t>Ismailabad</t>
  </si>
  <si>
    <t>Muzaffarabad</t>
  </si>
  <si>
    <t>Colony textile mill</t>
  </si>
  <si>
    <t>GGHS NOOR PUR</t>
  </si>
  <si>
    <t>noorpur</t>
  </si>
  <si>
    <t>govt.girls high school noorpur tehsil kalar kahar dist. chakwal</t>
  </si>
  <si>
    <t>Zahida Kalsoom Jaffari</t>
  </si>
  <si>
    <t>water supply, hand pump</t>
  </si>
  <si>
    <t>GGHS NOOR PUR DOGRAN KASUR</t>
  </si>
  <si>
    <t>Noor Pur Dogran Kasur</t>
  </si>
  <si>
    <t>Noor Pur Kogran</t>
  </si>
  <si>
    <t>Nasira Bashir</t>
  </si>
  <si>
    <t>GGHS NOOR PUR THAL</t>
  </si>
  <si>
    <t>Noorpur Thal</t>
  </si>
  <si>
    <t>Govt Girls High school Noorpur thal</t>
  </si>
  <si>
    <t>FARZANA HABIB</t>
  </si>
  <si>
    <t>GGHS NOOR SAR</t>
  </si>
  <si>
    <t>NOOR SAR</t>
  </si>
  <si>
    <t>Noor Sar</t>
  </si>
  <si>
    <t>Rukshana  Yasmeen</t>
  </si>
  <si>
    <t>GGHS NOOR UL AMIN COLONY FSD</t>
  </si>
  <si>
    <t>Gokhowall</t>
  </si>
  <si>
    <t>Govt. Girls High School Noor ul Amin Colony Fsd</t>
  </si>
  <si>
    <t>Noor ul Amin Colony</t>
  </si>
  <si>
    <t>GGHS NOORAY WALI</t>
  </si>
  <si>
    <t>Nooray Wali</t>
  </si>
  <si>
    <t>GOVT GIRLS HIGH SCHOOL NOOR-E-WALI</t>
  </si>
  <si>
    <t>MC-RYK</t>
  </si>
  <si>
    <t>LUBNA HUMA NAZ</t>
  </si>
  <si>
    <t>GGHS NOSHEHRA JAMLARA</t>
  </si>
  <si>
    <t>Govt girls high school noshera jamlera, burewala</t>
  </si>
  <si>
    <t>Mehr-un-Nisa</t>
  </si>
  <si>
    <t>GGHS NOSHERA KAKAY ZIAN</t>
  </si>
  <si>
    <t>Noshera Kaky Ziian</t>
  </si>
  <si>
    <t>Talwandi innayt khan</t>
  </si>
  <si>
    <t>Noshera Kaky Zian</t>
  </si>
  <si>
    <t>Talwandi Innayt Khan</t>
  </si>
  <si>
    <t>Tehmeena Kiran</t>
  </si>
  <si>
    <t>GGHS NOTAK MAHMEED</t>
  </si>
  <si>
    <t>Rafia Sultana Butt</t>
  </si>
  <si>
    <t>GGHS NOTHIA</t>
  </si>
  <si>
    <t>Nothia</t>
  </si>
  <si>
    <t>Government Girls High School Nothia tehsil kallar syedan Distt. Rawalpindi</t>
  </si>
  <si>
    <t>Ghazan Abad</t>
  </si>
  <si>
    <t>Maria Zahid</t>
  </si>
  <si>
    <t>GGHS NOUSHEHRA WEST</t>
  </si>
  <si>
    <t>Wah Khokhar</t>
  </si>
  <si>
    <t>Noshera Gharbi</t>
  </si>
  <si>
    <t>Nasreen Qaisar</t>
  </si>
  <si>
    <t>GGHS NOUSHERA</t>
  </si>
  <si>
    <t>noushehra</t>
  </si>
  <si>
    <t>GGHS NOUSHEHRA P/O SHAH PUR TEH.&amp; Distt. LAYYAH</t>
  </si>
  <si>
    <t>SHAHIDA PERVEEN</t>
  </si>
  <si>
    <t>GGHS NOWSHERA SANSI</t>
  </si>
  <si>
    <t>Nowshera Sansi</t>
  </si>
  <si>
    <t>govt girls high school nowshera sansi grw.</t>
  </si>
  <si>
    <t>janat Saba</t>
  </si>
  <si>
    <t>GGHS NOWSHERA VIRKAN NO.01</t>
  </si>
  <si>
    <t>nowsher virkan</t>
  </si>
  <si>
    <t>GGHS nowshera Virkan distt gujranwala</t>
  </si>
  <si>
    <t>purana committe ghar</t>
  </si>
  <si>
    <t>nowshera virkan</t>
  </si>
  <si>
    <t>GGHS NOWSHERA VIRKAN NO.02</t>
  </si>
  <si>
    <t>NOWSHERA VIRKAN</t>
  </si>
  <si>
    <t>MOHALLAH Shaheen Abad NOWSHERA VIRKAN</t>
  </si>
  <si>
    <t>Syeda Shagufta Tirmizi</t>
  </si>
  <si>
    <t>GGHS NUSRAT</t>
  </si>
  <si>
    <t>chenab nagar</t>
  </si>
  <si>
    <t>darul sadar</t>
  </si>
  <si>
    <t>Samina Rafi</t>
  </si>
  <si>
    <t>GGHS NUSRAT-UL-ISLAM MULTAN CANTT</t>
  </si>
  <si>
    <t>Jhakkar Pur</t>
  </si>
  <si>
    <t>GGHS NUSRAT UL ISLAM QUAID E AZAM ROAD NEAR BOMANJI CHOWL</t>
  </si>
  <si>
    <t>ISMAT AZEEM</t>
  </si>
  <si>
    <t>GGHS OLD ABADI</t>
  </si>
  <si>
    <t>GGHS KACHI MANDI LQP</t>
  </si>
  <si>
    <t>BASTI GUNJAAN</t>
  </si>
  <si>
    <t>Citylqp</t>
  </si>
  <si>
    <t>GGHS OTHIAN</t>
  </si>
  <si>
    <t>gghs othian daska</t>
  </si>
  <si>
    <t>Glotian</t>
  </si>
  <si>
    <t>Kishwar Shaheen</t>
  </si>
  <si>
    <t>GGHS OULAKH BHAIKE</t>
  </si>
  <si>
    <t>oulakh bhaike</t>
  </si>
  <si>
    <t>oulakh bhaike tehsil nowshera virkan (gujranwala)</t>
  </si>
  <si>
    <t>urgan</t>
  </si>
  <si>
    <t>SUMBAL SAHAB</t>
  </si>
  <si>
    <t>GGHS PACCA LARAN</t>
  </si>
  <si>
    <t>gghspaccalaran lqp</t>
  </si>
  <si>
    <t>Shahida Masood</t>
  </si>
  <si>
    <t>GGHS PACHNAND</t>
  </si>
  <si>
    <t>VPO PACHNAND TEHSIL LAWA DISTT CHAKWAL</t>
  </si>
  <si>
    <t>PACHNAND MOHALLA BALY</t>
  </si>
  <si>
    <t>SUGHRA</t>
  </si>
  <si>
    <t>GGHS PADHANA</t>
  </si>
  <si>
    <t>Village Padhana</t>
  </si>
  <si>
    <t>Hudiara</t>
  </si>
  <si>
    <t>GGHS PADHANA CHAK NO 45</t>
  </si>
  <si>
    <t>padhana chak 45 tehsil pattoki district kasur</t>
  </si>
  <si>
    <t>padhana chak 45</t>
  </si>
  <si>
    <t>Shazia waheed</t>
  </si>
  <si>
    <t>GGHS PADHRAR</t>
  </si>
  <si>
    <t>Vpo padhrar Tehsil and Disst Khushab</t>
  </si>
  <si>
    <t>Padhar</t>
  </si>
  <si>
    <t>GGHS PADSHAHAN V &amp; P.O PADSHAHAN CHAKWAL</t>
  </si>
  <si>
    <t>GGHS PADSHAHAN  CHAKWAL</t>
  </si>
  <si>
    <t>PADSHAHAN</t>
  </si>
  <si>
    <t>GGHS PAF BASE CHAKLALA</t>
  </si>
  <si>
    <t>Chaklala</t>
  </si>
  <si>
    <t>GGHS PAF BASE IQBAL CAMP RWP</t>
  </si>
  <si>
    <t>CHAKLALA</t>
  </si>
  <si>
    <t>MS. FAKHIRA NAHEED</t>
  </si>
  <si>
    <t>GGHS PAF BASE COLONY</t>
  </si>
  <si>
    <t>KAMRA KALAN</t>
  </si>
  <si>
    <t>GGHS BASE MINHAS KAMRA</t>
  </si>
  <si>
    <t>KAMRA CANTT</t>
  </si>
  <si>
    <t>SOBIA ALTAF</t>
  </si>
  <si>
    <t>GGHS PAF BASE IQBAL CAMP LAHORE</t>
  </si>
  <si>
    <t>Aziz Bhatti</t>
  </si>
  <si>
    <t>GGHS IQBAL CAMP PAF BASE LHR CANTT</t>
  </si>
  <si>
    <t>LHR Cantt</t>
  </si>
  <si>
    <t>Cantonment</t>
  </si>
  <si>
    <t>SARA BANO</t>
  </si>
  <si>
    <t>GGHS PAHRIAN WALI</t>
  </si>
  <si>
    <t>PAHRIANWALI</t>
  </si>
  <si>
    <t>V.P/O PAHRIANWALI</t>
  </si>
  <si>
    <t>GGHS PAIGAH</t>
  </si>
  <si>
    <t>gghs paigah</t>
  </si>
  <si>
    <t>rubina rehman</t>
  </si>
  <si>
    <t>GGHS PAIL</t>
  </si>
  <si>
    <t>vpo pail district khushab</t>
  </si>
  <si>
    <t>padhrar</t>
  </si>
  <si>
    <t>shazia munir</t>
  </si>
  <si>
    <t>GGHS PAIL MIRZA</t>
  </si>
  <si>
    <t>pail mirza</t>
  </si>
  <si>
    <t>gGHS PAIL MIRZA TEHSIL SOHAWA DISTRICT JHELUM</t>
  </si>
  <si>
    <t>PAIL BANEY KHAN</t>
  </si>
  <si>
    <t>UZMA SULTAN</t>
  </si>
  <si>
    <t>GGHS PAK ISLAMIA NO.1</t>
  </si>
  <si>
    <t>R-315 jhangi mohalla RWP</t>
  </si>
  <si>
    <t>jhangi mohalla</t>
  </si>
  <si>
    <t>shah Chan Charagh</t>
  </si>
  <si>
    <t>GGHS PAK ISLAMIA NO.3</t>
  </si>
  <si>
    <t>G. PAK ISLAMIA G/H/S NO. 3 JAHANGIRABAD RWP</t>
  </si>
  <si>
    <t>KARTARPURA</t>
  </si>
  <si>
    <t>saeeda muzaffar</t>
  </si>
  <si>
    <t>GGHS PAK MODEL SULTAN PURA</t>
  </si>
  <si>
    <t>PUNJ PEER ROAD</t>
  </si>
  <si>
    <t>GGHS PAK MODEL SULTAN PURA LAHORE</t>
  </si>
  <si>
    <t>SULTAN PURA</t>
  </si>
  <si>
    <t>KACHUPURA</t>
  </si>
  <si>
    <t>salma jabeen</t>
  </si>
  <si>
    <t>GGHS PAK STANDARD SHAD BAGH LAHORE</t>
  </si>
  <si>
    <t>SHAD BAGH</t>
  </si>
  <si>
    <t>GOVT PAK STANDARD GHS SHAD BAGH LHR</t>
  </si>
  <si>
    <t>MRS SHAHIDA KHANUM GILLANI</t>
  </si>
  <si>
    <t>GGHS PAKHOKE</t>
  </si>
  <si>
    <t>Pakhoke</t>
  </si>
  <si>
    <t>village Pakhoke p/o box pakhoke</t>
  </si>
  <si>
    <t>Lot Lakha Singh</t>
  </si>
  <si>
    <t>sheerin gull</t>
  </si>
  <si>
    <t>GGHS PAKHWAL</t>
  </si>
  <si>
    <t>pakhwal</t>
  </si>
  <si>
    <t>G.G.H.S  Nai Abadi Pakhwal</t>
  </si>
  <si>
    <t>ghazala perveen</t>
  </si>
  <si>
    <t>GGHS PAKISTAN MILAD NAGER</t>
  </si>
  <si>
    <t>Dhoke Ratta</t>
  </si>
  <si>
    <t>Millad Nagar. Dhoke. Ratta</t>
  </si>
  <si>
    <t>ASIFA HAROON</t>
  </si>
  <si>
    <t>GGHS PAKISTAN SARAFA BAZAR RAWALPINDI</t>
  </si>
  <si>
    <t>Govt.Pakistan GHS,New Sarafa Bazar,RWP</t>
  </si>
  <si>
    <t>Purana Qillah</t>
  </si>
  <si>
    <t>rehana kausar</t>
  </si>
  <si>
    <t>GGHS PAKKI SHAH MARDAN</t>
  </si>
  <si>
    <t>pakkishahmardan</t>
  </si>
  <si>
    <t>p/o pakki shah mardan</t>
  </si>
  <si>
    <t>pakkishah mardan</t>
  </si>
  <si>
    <t>Sughra Rafique</t>
  </si>
  <si>
    <t>GGHS PAKPATTAN</t>
  </si>
  <si>
    <t>BASHRAT</t>
  </si>
  <si>
    <t>Govt. girls high school city pakpattan</t>
  </si>
  <si>
    <t>urban pakpattan</t>
  </si>
  <si>
    <t>Nahid akhtar</t>
  </si>
  <si>
    <t>GGHS PALAY KAY</t>
  </si>
  <si>
    <t>govt girls high school polay kay tehsil chunian district kasur</t>
  </si>
  <si>
    <t>Akikay Rasool Pur</t>
  </si>
  <si>
    <t>Hena Naureen</t>
  </si>
  <si>
    <t>GGHS PAN MOTHA</t>
  </si>
  <si>
    <t>Kani</t>
  </si>
  <si>
    <t>GGHS PANMOTHA VPO MAKHAD ROAD RAILWAY STATION TEHSIL JAND,ATTOCK</t>
  </si>
  <si>
    <t>Panmotha</t>
  </si>
  <si>
    <t>Tayyaba Bibi</t>
  </si>
  <si>
    <t>GGHS PANDORAIN</t>
  </si>
  <si>
    <t>Pandorian Chak No: 122 SAngla Hill</t>
  </si>
  <si>
    <t>ammara razaq</t>
  </si>
  <si>
    <t>GGHS PANDORI</t>
  </si>
  <si>
    <t>vill &amp; p o pandori tehsil dina distt jhelum</t>
  </si>
  <si>
    <t>shaista parvin</t>
  </si>
  <si>
    <t>GGHS PANDORRI</t>
  </si>
  <si>
    <t>GGHS Pundori sohawa</t>
  </si>
  <si>
    <t>GGHS PANDOWAL</t>
  </si>
  <si>
    <t>PANDOWAL</t>
  </si>
  <si>
    <t>PANDOWAL BALA</t>
  </si>
  <si>
    <t>NAIN RANJHA</t>
  </si>
  <si>
    <t>Sameea Bashir Ijaz</t>
  </si>
  <si>
    <t>GGHS PANJAN KASANA</t>
  </si>
  <si>
    <t>PANJAN KISSANA</t>
  </si>
  <si>
    <t>VPO PANJAN KISSANA TEHSIL KHARIAN DISTRICT GUJRAT</t>
  </si>
  <si>
    <t>FARZANA NASREEN</t>
  </si>
  <si>
    <t>GGHS PANJGRAIN</t>
  </si>
  <si>
    <t>Govt. Girls H/S Panjgirain, Tehsil Darya Khan, District Bhakkar</t>
  </si>
  <si>
    <t>UC Panjgirain daggar</t>
  </si>
  <si>
    <t>ERUM ARSHAD</t>
  </si>
  <si>
    <t>GGHS PANWAN CHAK NO.176/RB</t>
  </si>
  <si>
    <t>GGHS PANWAN CHAK NO 176/RB</t>
  </si>
  <si>
    <t>PANWAN176</t>
  </si>
  <si>
    <t>PANWAN 176</t>
  </si>
  <si>
    <t>syeda sukaina abbas</t>
  </si>
  <si>
    <t>GGHS PARI DERWEZA</t>
  </si>
  <si>
    <t>GGHS PARI DERWEZA TEHSIL SOHAWA DISTT JHELUM</t>
  </si>
  <si>
    <t>Pari Derweza</t>
  </si>
  <si>
    <t>Phulary Saydan</t>
  </si>
  <si>
    <t>Qudsia-tun-nisa</t>
  </si>
  <si>
    <t>daily basis</t>
  </si>
  <si>
    <t>GGHS PARTAN WALI</t>
  </si>
  <si>
    <t>Partanwali sialkot</t>
  </si>
  <si>
    <t>Ayesha Ishaq</t>
  </si>
  <si>
    <t>GGHS PASRUR</t>
  </si>
  <si>
    <t>kutchery road pasrur</t>
  </si>
  <si>
    <t>Mc Pasrur</t>
  </si>
  <si>
    <t>JAMILA AKHTAR</t>
  </si>
  <si>
    <t>GGHS PATTAL KOT ADU</t>
  </si>
  <si>
    <t>pattal</t>
  </si>
  <si>
    <t>Govt Girls High school Pattal Kot adu near pattal basti</t>
  </si>
  <si>
    <t>basti pattal</t>
  </si>
  <si>
    <t>Pattal Sharqe Mustq</t>
  </si>
  <si>
    <t>Mrs Nasreen Murtaza</t>
  </si>
  <si>
    <t>GGHS PATTOKI ALLAMA IQBAL ROAD PATTOKI</t>
  </si>
  <si>
    <t>Allama iqbal road pattoki</t>
  </si>
  <si>
    <t>Allama iqbal road</t>
  </si>
  <si>
    <t>Pattoki city</t>
  </si>
  <si>
    <t>nusrat parveen</t>
  </si>
  <si>
    <t>GGHS PATWALI</t>
  </si>
  <si>
    <t>PATWALI</t>
  </si>
  <si>
    <t>VPO PATWALI TEH TALAGANG DISTT CHAKWAL</t>
  </si>
  <si>
    <t>BUDHIAL</t>
  </si>
  <si>
    <t>Asmat Zahra</t>
  </si>
  <si>
    <t>GGHS PEER JAGGI</t>
  </si>
  <si>
    <t>Peer jaggi</t>
  </si>
  <si>
    <t>chak no 170 p/o Peer jaggi</t>
  </si>
  <si>
    <t>GGHS PEERO CHAK</t>
  </si>
  <si>
    <t>Piro Chak</t>
  </si>
  <si>
    <t>Govt Girls High School Piro Chak Daska sialkot</t>
  </si>
  <si>
    <t>GGHS PEERU JOIYA</t>
  </si>
  <si>
    <t>Peeru Joiya</t>
  </si>
  <si>
    <t>GGES PEERU JOIYA, near Madina chowk kpt</t>
  </si>
  <si>
    <t>Sana Tahir</t>
  </si>
  <si>
    <t>GGHS PEJOWALI KALAN</t>
  </si>
  <si>
    <t>G G H  S  Pejowali Kalan</t>
  </si>
  <si>
    <t>Riffat Mehmood</t>
  </si>
  <si>
    <t>GGHS PELOWAINCE</t>
  </si>
  <si>
    <t>Pelowaince</t>
  </si>
  <si>
    <t>GGHS Pelowaince Tehsil Noorpur Thal District Khushab</t>
  </si>
  <si>
    <t>Mahmooda khatoon</t>
  </si>
  <si>
    <t>GGHS PEOPLES COLONY FEROZWALA</t>
  </si>
  <si>
    <t>peoples colony ferozewala</t>
  </si>
  <si>
    <t>MADIHA SHAHEEN</t>
  </si>
  <si>
    <t>GGHS PEPOLES COLONY ATTOCK</t>
  </si>
  <si>
    <t>Peoples colony attock</t>
  </si>
  <si>
    <t>No.1</t>
  </si>
  <si>
    <t>Benazir Khan</t>
  </si>
  <si>
    <t>GGHS PERO SHAH</t>
  </si>
  <si>
    <t>V&amp;P/O Peroshah dist.gujrat</t>
  </si>
  <si>
    <t>NASEEM AKHTER</t>
  </si>
  <si>
    <t>GGHS PETROL PUMP S.D.K</t>
  </si>
  <si>
    <t>mazher fareed colony street no 9 sdk</t>
  </si>
  <si>
    <t>Rahila Muzaffar</t>
  </si>
  <si>
    <t>GGHS PHAGWARI MUSALMANA</t>
  </si>
  <si>
    <t>PHAGWARI  MUSALMANA</t>
  </si>
  <si>
    <t>PHAGWARI MUSALMANA</t>
  </si>
  <si>
    <t>Ghanwa ahmad</t>
  </si>
  <si>
    <t>GGHS PHALIA</t>
  </si>
  <si>
    <t>Farah Shahina</t>
  </si>
  <si>
    <t>GGHS PHALIA AMIR</t>
  </si>
  <si>
    <t>near old gts stand tehsil phalia</t>
  </si>
  <si>
    <t>FARAH RUBINA</t>
  </si>
  <si>
    <t>GGHS PHATHI JOYIAN WALI</t>
  </si>
  <si>
    <t>Nasseer wala</t>
  </si>
  <si>
    <t>GGHS PHATHI JOYIAN</t>
  </si>
  <si>
    <t>phathi joyian</t>
  </si>
  <si>
    <t>Safia Parveen malik</t>
  </si>
  <si>
    <t>GGHS PHELOKE</t>
  </si>
  <si>
    <t>Philloke</t>
  </si>
  <si>
    <t>Maryam Inayat Ullah</t>
  </si>
  <si>
    <t>GGHS PHOFHANDI</t>
  </si>
  <si>
    <t>Phophandi</t>
  </si>
  <si>
    <t>village phophandi post office and tehsil kotli sattian district rawalpindi</t>
  </si>
  <si>
    <t>SAIQA BANO</t>
  </si>
  <si>
    <t>GGHS PHOOL NAGAR</t>
  </si>
  <si>
    <t>kot Radha kishan road Phool Nagar</t>
  </si>
  <si>
    <t>nasim mohsin</t>
  </si>
  <si>
    <t>GGHS PHULARWAN</t>
  </si>
  <si>
    <t>phularwan</t>
  </si>
  <si>
    <t>Touqeer Asmat</t>
  </si>
  <si>
    <t>GGHS PHULERWAN</t>
  </si>
  <si>
    <t>Phullerwan</t>
  </si>
  <si>
    <t>GGHS phullerwan</t>
  </si>
  <si>
    <t>Iffat Saeed</t>
  </si>
  <si>
    <t>GGHS PHULLAN SHARIF</t>
  </si>
  <si>
    <t>GGHS PHULLAN TEHSIL ALIPUR</t>
  </si>
  <si>
    <t>PHULLAN</t>
  </si>
  <si>
    <t>YAKI WALI</t>
  </si>
  <si>
    <t>SAZIA QAMAR</t>
  </si>
  <si>
    <t>GGHS PHULRAY SYEDAN</t>
  </si>
  <si>
    <t>GGHS Phulray Syedan</t>
  </si>
  <si>
    <t>Farida Bagum</t>
  </si>
  <si>
    <t>GGHS PIAL KALAN</t>
  </si>
  <si>
    <t>Pial kalan post office usman t&amp;d kasur</t>
  </si>
  <si>
    <t>Anjum Firdous</t>
  </si>
  <si>
    <t>GGHS PILOT BLOCK NO. 23 SARGODHA</t>
  </si>
  <si>
    <t>govt.girls pilot sec school sgd 23 block</t>
  </si>
  <si>
    <t>23/A</t>
  </si>
  <si>
    <t>GGHS PILOT SAHIWAL</t>
  </si>
  <si>
    <t>muhallah tullianwala goal chowk swl</t>
  </si>
  <si>
    <t>Sahiwal City</t>
  </si>
  <si>
    <t>Shagufta Pervern</t>
  </si>
  <si>
    <t>GGHS PILOT WAHDAT COLONY</t>
  </si>
  <si>
    <t>wahdat colony lhr</t>
  </si>
  <si>
    <t>new muslim town</t>
  </si>
  <si>
    <t>Asmat jahan</t>
  </si>
  <si>
    <t>GGHS PINAN WAL</t>
  </si>
  <si>
    <t>pinanwal</t>
  </si>
  <si>
    <t>G.G.H.S. PINANWAL Teh. Pind Dadan Khan</t>
  </si>
  <si>
    <t>PINANWAL</t>
  </si>
  <si>
    <t>Sajida Bano</t>
  </si>
  <si>
    <t>GGHS PIND DADAN KHAN</t>
  </si>
  <si>
    <t>Pd Khan</t>
  </si>
  <si>
    <t>Pd khan District Jhelum</t>
  </si>
  <si>
    <t>PD Khan</t>
  </si>
  <si>
    <t>najma malik</t>
  </si>
  <si>
    <t>GGHS PIND FATEH</t>
  </si>
  <si>
    <t>Pind Fateh</t>
  </si>
  <si>
    <t>Govt.Girls High school pind fateh</t>
  </si>
  <si>
    <t>GGHS PIND JHATLA</t>
  </si>
  <si>
    <t>pind jhatla</t>
  </si>
  <si>
    <t>PIND JHATLA TEHSIL &amp; DIST. RAWALPINDI</t>
  </si>
  <si>
    <t>PIND JHATLA</t>
  </si>
  <si>
    <t>UME SAQIB BATOOL</t>
  </si>
  <si>
    <t>GGHS PIND MACCO</t>
  </si>
  <si>
    <t>Pind Makko</t>
  </si>
  <si>
    <t>govt girls high school pind makko tehsil malakwal distt m b din</t>
  </si>
  <si>
    <t>GGHS PIND MEHRI</t>
  </si>
  <si>
    <t>Pind Mehri</t>
  </si>
  <si>
    <t>post office village pind mehri tehsil hassan abdal district attock</t>
  </si>
  <si>
    <t>Pind mehri</t>
  </si>
  <si>
    <t>Shehnaz Begum</t>
  </si>
  <si>
    <t>GGHS PIND SULTANI</t>
  </si>
  <si>
    <t>PINDSULTANI</t>
  </si>
  <si>
    <t>Govt Girls High School Pindsultani Tehsil Jand,Attock.</t>
  </si>
  <si>
    <t>GGHS PINDI AMOLAK</t>
  </si>
  <si>
    <t>PINDI AMOLAK</t>
  </si>
  <si>
    <t>VPO:PINDI AMOLAK,TEH:ZAFARWAL,DISTT:NAROWAL</t>
  </si>
  <si>
    <t>LANGERKAY</t>
  </si>
  <si>
    <t>GGHS PINDI BAHAUDDIN</t>
  </si>
  <si>
    <t>pindi bahauddin</t>
  </si>
  <si>
    <t>GGHS PINDI BHAGO</t>
  </si>
  <si>
    <t>pindi bhago</t>
  </si>
  <si>
    <t>Amna Shahnawaz</t>
  </si>
  <si>
    <t>GGHS PINDI GHEB</t>
  </si>
  <si>
    <t>pindi gheb</t>
  </si>
  <si>
    <t>moh committee chowk pindi gheb</t>
  </si>
  <si>
    <t>committee chowk</t>
  </si>
  <si>
    <t>SAFIA JABEEN</t>
  </si>
  <si>
    <t>GGHS PINDI HASHAM</t>
  </si>
  <si>
    <t>PINDI HASHAM</t>
  </si>
  <si>
    <t>GOVT.GIRLS HIGH SCHOOL PINDI HASHAM POST OFFICE LAMMA TEHSIL KHARIAN DISTRICT GUJRAT.</t>
  </si>
  <si>
    <t>MARIAM SADDIQUA</t>
  </si>
  <si>
    <t>GGHS PINDI KALU</t>
  </si>
  <si>
    <t>v.p.o pindi kalu kalan</t>
  </si>
  <si>
    <t>Pindi Kalu Kalan</t>
  </si>
  <si>
    <t>Shazia Zaman</t>
  </si>
  <si>
    <t>GGHS PINDI LALA</t>
  </si>
  <si>
    <t>village and post office pindi lala tensil phalia distt mandi bahudin</t>
  </si>
  <si>
    <t>Rabia Fatima</t>
  </si>
  <si>
    <t>GGHS PINDI PURBAIAN</t>
  </si>
  <si>
    <t>Pindi Purbian</t>
  </si>
  <si>
    <t>GGHS pindi purbian Tehsil Zafarwal District Narowal</t>
  </si>
  <si>
    <t>PINDI PURBIAN</t>
  </si>
  <si>
    <t>fAROGH-E-NAVEED</t>
  </si>
  <si>
    <t>GGHS PINDI RAWAN</t>
  </si>
  <si>
    <t>Pindi rawan</t>
  </si>
  <si>
    <t>pindirawan Tehsil Malakwal District M.B.Din</t>
  </si>
  <si>
    <t>Pindi Ranwan</t>
  </si>
  <si>
    <t>Zamara Sarfraz</t>
  </si>
  <si>
    <t>GGHS PINDI SARHAL</t>
  </si>
  <si>
    <t>PINDI SARHAL</t>
  </si>
  <si>
    <t>VPO PINDI SARHAL,TEH JAND,DISTT ATTOCK.</t>
  </si>
  <si>
    <t>Sadia Naseem</t>
  </si>
  <si>
    <t>GGHS PINDI SHEIKH MUSA TANDLIANWALA</t>
  </si>
  <si>
    <t>pindi sheikh musa</t>
  </si>
  <si>
    <t>dak-khana pindi sheikh musa tehsil tandlianwala districtfaisalabad</t>
  </si>
  <si>
    <t>Pindi Sheikh Musa</t>
  </si>
  <si>
    <t>GGHS PINDI SULTAN PUR</t>
  </si>
  <si>
    <t>SHAHIDA PARVEEN</t>
  </si>
  <si>
    <t>GGHS PINDI UMRA</t>
  </si>
  <si>
    <t>Pindi Umra</t>
  </si>
  <si>
    <t>GGHS Pindi Umra Teh: Shakargarh District. Narowal</t>
  </si>
  <si>
    <t>GGHS PINDORA RAWALPINDI</t>
  </si>
  <si>
    <t>Pindora</t>
  </si>
  <si>
    <t>government girls high school, pindore near tubewell10, Rawqlpindi</t>
  </si>
  <si>
    <t>SYEDA MASOOMA ZAHRA NAQVI</t>
  </si>
  <si>
    <t>GGHS PIPLAN</t>
  </si>
  <si>
    <t>Piplan Pakka</t>
  </si>
  <si>
    <t>near jerneli road piplan</t>
  </si>
  <si>
    <t>RASHIDA GHIAS</t>
  </si>
  <si>
    <t>GGHS PIPLEE WALA</t>
  </si>
  <si>
    <t>Pipliwala post office Begowala tehsil Sambrial district Sialkot</t>
  </si>
  <si>
    <t>Ghulam Kausar</t>
  </si>
  <si>
    <t>GGHS PIPLI PAHAR</t>
  </si>
  <si>
    <t>Pipli Pahar</t>
  </si>
  <si>
    <t>Pipli pahar</t>
  </si>
  <si>
    <t>NUZHAT SULTANA</t>
  </si>
  <si>
    <t>GGHS PIPNAKHA</t>
  </si>
  <si>
    <t>village pipnakha gujranwala</t>
  </si>
  <si>
    <t>Rizwana Sarwar</t>
  </si>
  <si>
    <t>GGHS PIR AADIL</t>
  </si>
  <si>
    <t>qasba pir adil district dg khan</t>
  </si>
  <si>
    <t>pir adil</t>
  </si>
  <si>
    <t>GGHS PIR ABDUL REHMAN</t>
  </si>
  <si>
    <t>Pir abdul Rehman</t>
  </si>
  <si>
    <t>Pir Abdul Rehman P/O Pir Abdul Rehman Tehsil Ahmed Pur Sial District Jhang</t>
  </si>
  <si>
    <t>Pir Abdul Rehman</t>
  </si>
  <si>
    <t>GGHS PIR PUNJA</t>
  </si>
  <si>
    <t>pir punja tehsil lalian distt chiniot</t>
  </si>
  <si>
    <t>pir punja</t>
  </si>
  <si>
    <t>RABIA BASRY</t>
  </si>
  <si>
    <t>GGHS PIRAH FATHIAL</t>
  </si>
  <si>
    <t>Pirah Fatehal</t>
  </si>
  <si>
    <t>sargotha road Talagang</t>
  </si>
  <si>
    <t>Tanzila Noreen</t>
  </si>
  <si>
    <t>GGHS POTHA SHARIF</t>
  </si>
  <si>
    <t>village and post office potha sharif murree</t>
  </si>
  <si>
    <t>Kishwar khanum</t>
  </si>
  <si>
    <t>GGHS POURMIANA</t>
  </si>
  <si>
    <t>MUSARAT SULTANA</t>
  </si>
  <si>
    <t>GGHS PROGRESSIVE 752/B R-BLOCK MODEL TOWN</t>
  </si>
  <si>
    <t>752_R block model town extension lahoren</t>
  </si>
  <si>
    <t>Mrs Mobashira Ata</t>
  </si>
  <si>
    <t>GGHS PUBLIC 214/RB DHUDDI WALA</t>
  </si>
  <si>
    <t>214-RB FSD</t>
  </si>
  <si>
    <t>GOVT PUBLIC GIRLS HIGH SCHOOL 214-RB FSD</t>
  </si>
  <si>
    <t>HASSAN PURA</t>
  </si>
  <si>
    <t>sajida ishaq</t>
  </si>
  <si>
    <t>RO WATER PLANT</t>
  </si>
  <si>
    <t>GGHS PUBLIC ENGLISH MOHALLA CH. NAIKE</t>
  </si>
  <si>
    <t>MOHALLA CH.NAIKE</t>
  </si>
  <si>
    <t>GGHS PUBLIC ENGLISH MOHALLA  CH.NAIKE RYK</t>
  </si>
  <si>
    <t>CITY RAHIM YAR KHAN</t>
  </si>
  <si>
    <t>NAJMA SHAHZAD</t>
  </si>
  <si>
    <t>GGHS PUBLIC M.B.DIN</t>
  </si>
  <si>
    <t>Mandi Bhaudin</t>
  </si>
  <si>
    <t>Jail Road Mandi Bhauddin</t>
  </si>
  <si>
    <t>Mandi Bhauddin</t>
  </si>
  <si>
    <t>Alia Batool Naqvi</t>
  </si>
  <si>
    <t>GGHS PUNJAR</t>
  </si>
  <si>
    <t>PUNJAR</t>
  </si>
  <si>
    <t>village &amp; P.O PUNJAR TEHSIL KAHUTA DISTRICT RAWALPINDI</t>
  </si>
  <si>
    <t>KANWAL Yaqub</t>
  </si>
  <si>
    <t>GGHS PUNOWAL</t>
  </si>
  <si>
    <t>punnowal</t>
  </si>
  <si>
    <t>sheehni</t>
  </si>
  <si>
    <t>Nasreen Roshan</t>
  </si>
  <si>
    <t>GGHS PURA HIRAN SIALKOT</t>
  </si>
  <si>
    <t>pura heeran sialkot</t>
  </si>
  <si>
    <t>pura heeran,sialkot</t>
  </si>
  <si>
    <t>pura heeran</t>
  </si>
  <si>
    <t>GGHS PURAN</t>
  </si>
  <si>
    <t>GGHS PURAN TEH SARAI ALAMGIR GISTT GUJRAT</t>
  </si>
  <si>
    <t>PURAN</t>
  </si>
  <si>
    <t>SADIA KHALID</t>
  </si>
  <si>
    <t>GGHS PURANA THANA</t>
  </si>
  <si>
    <t>Purana Thana</t>
  </si>
  <si>
    <t>chok purana thana p/o hota</t>
  </si>
  <si>
    <t>Maira Saleem</t>
  </si>
  <si>
    <t>GGHS PURANI MANDI PATTOKI</t>
  </si>
  <si>
    <t>OLD MANDI</t>
  </si>
  <si>
    <t>GOVT GIRLS HIGH SCHOOL OLD MANDI PATTOKI</t>
  </si>
  <si>
    <t>ward no.12</t>
  </si>
  <si>
    <t>asima amber</t>
  </si>
  <si>
    <t>GGHS QADI WIND</t>
  </si>
  <si>
    <t>Qadi Wind</t>
  </si>
  <si>
    <t>GGHS QADI WIND KASUR</t>
  </si>
  <si>
    <t>qadi wind</t>
  </si>
  <si>
    <t>Faiza Sehar</t>
  </si>
  <si>
    <t>GGHS QADIR ABAD</t>
  </si>
  <si>
    <t>Qaidirabad</t>
  </si>
  <si>
    <t>gghs qadirabad post off.qadirabad teh.phalia distt.m.b.din</t>
  </si>
  <si>
    <t>Farzana Badar</t>
  </si>
  <si>
    <t>GGHS QADIR BUX</t>
  </si>
  <si>
    <t>qadir bux tehsil kamalia dist. toba</t>
  </si>
  <si>
    <t>Qadir Bux Azmat  Shah</t>
  </si>
  <si>
    <t>NOREEN AKHTAR</t>
  </si>
  <si>
    <t>GGHS QAIM BHARWANA</t>
  </si>
  <si>
    <t>qaim bharwana</t>
  </si>
  <si>
    <t>GGHS Qaim Bharwan</t>
  </si>
  <si>
    <t>qaim Bharwana</t>
  </si>
  <si>
    <t>Umreen Hyder sakeena</t>
  </si>
  <si>
    <t>GGHS QASBA KARYALI</t>
  </si>
  <si>
    <t>Qasba karyali</t>
  </si>
  <si>
    <t>Vpo qasba karyali tehsil sarai alamgirdist gujrat</t>
  </si>
  <si>
    <t>Azra Khanam</t>
  </si>
  <si>
    <t>GGHS QASIMKA</t>
  </si>
  <si>
    <t>chak qasimka bwn</t>
  </si>
  <si>
    <t>Nabeela Yasmeen</t>
  </si>
  <si>
    <t>GGHS QATAL PUR, SARAI SIDHU</t>
  </si>
  <si>
    <t>Qatalpur</t>
  </si>
  <si>
    <t>Moza qatalpur</t>
  </si>
  <si>
    <t>Fozia Khanam</t>
  </si>
  <si>
    <t>GGHS QAZI HUSSAINI</t>
  </si>
  <si>
    <t>Garhmahal</t>
  </si>
  <si>
    <t>vpo garhmahal village qazi hussaini</t>
  </si>
  <si>
    <t>Qazi Hussaini</t>
  </si>
  <si>
    <t>Garhmahql</t>
  </si>
  <si>
    <t>Nighat Raj</t>
  </si>
  <si>
    <t>GGHS QAZIAN</t>
  </si>
  <si>
    <t>v.p.o qazian  tehsil gujar khan  distt rwp</t>
  </si>
  <si>
    <t>NUSRAT ARA BEGUM</t>
  </si>
  <si>
    <t>boring motor</t>
  </si>
  <si>
    <t>GGHS QILA DIDAR SINGH NO.02</t>
  </si>
  <si>
    <t>Qila didar Singh</t>
  </si>
  <si>
    <t>mohalla purana hospital near ghalla mandi qila didar singh</t>
  </si>
  <si>
    <t>Asma hassan</t>
  </si>
  <si>
    <t>GGHS QILA KALAR WALA</t>
  </si>
  <si>
    <t>Qila Kalar wala tehsil pasrur</t>
  </si>
  <si>
    <t>Qila Kalar Wala</t>
  </si>
  <si>
    <t>Shamaila Arshad</t>
  </si>
  <si>
    <t>Electrical motor</t>
  </si>
  <si>
    <t>GGHS QILA MIAN SINGH</t>
  </si>
  <si>
    <t>Qila Main Singh</t>
  </si>
  <si>
    <t>qila main singh</t>
  </si>
  <si>
    <t>GGHS QUAID ABAD</t>
  </si>
  <si>
    <t>Municipal Committee Lodhran</t>
  </si>
  <si>
    <t>GGHS Quaid Abad Lodhran</t>
  </si>
  <si>
    <t>Mohallah Quaid Abad Colony</t>
  </si>
  <si>
    <t>GGHS QURESHI WALA</t>
  </si>
  <si>
    <t>gghs qureshi wala lodhran</t>
  </si>
  <si>
    <t>Hina Akhtar</t>
  </si>
  <si>
    <t>GGHS QUTAB PUR DUNYA PUR</t>
  </si>
  <si>
    <t>qutabpur</t>
  </si>
  <si>
    <t>gghssqutabpur tehsil duyapur distt.lodhran</t>
  </si>
  <si>
    <t>ROBINA TABASSUM</t>
  </si>
  <si>
    <t>GGHS QUTBAL</t>
  </si>
  <si>
    <t>VILLAGE AND POST OFFICE QUTBAL, TEHSIL FATEH JANG</t>
  </si>
  <si>
    <t>Fozia  Irshad</t>
  </si>
  <si>
    <t>GGHS R.A.ISALMIA GUJRANWALA</t>
  </si>
  <si>
    <t>GGHS R.A Islamiya chaman shah road Gujranwala</t>
  </si>
  <si>
    <t>neelam jahan ara butt</t>
  </si>
  <si>
    <t>GGHS RADHAN</t>
  </si>
  <si>
    <t>Radhan,tehsil sahiwal, district sargodha</t>
  </si>
  <si>
    <t>Kalsoom Rana</t>
  </si>
  <si>
    <t>GGHS RAFA-E-AAMA MOZANG LHR</t>
  </si>
  <si>
    <t>chiragh din road mozang lahore</t>
  </si>
  <si>
    <t>Sara Kanwal</t>
  </si>
  <si>
    <t>GGHS RAFIQ-E-NISWAN MUSTAFA ABAD</t>
  </si>
  <si>
    <t>Mutafa  Abad</t>
  </si>
  <si>
    <t>main bazar mustafa abad lhr</t>
  </si>
  <si>
    <t>Aziz Bhatti Town</t>
  </si>
  <si>
    <t>Rashida Habib</t>
  </si>
  <si>
    <t>GGHS RAHDARI</t>
  </si>
  <si>
    <t>Farzana Hanif</t>
  </si>
  <si>
    <t>GGHS RAHIM ABAD NO. 1</t>
  </si>
  <si>
    <t>Neil Garh</t>
  </si>
  <si>
    <t>GGHS RAHIM ABAD KPR</t>
  </si>
  <si>
    <t>Mohallah Rahimabad</t>
  </si>
  <si>
    <t>najma shaheen</t>
  </si>
  <si>
    <t>GGHS RAHIM ABAD NO. 2</t>
  </si>
  <si>
    <t>gghs Rahim abad New Karachi Market Rahimabad</t>
  </si>
  <si>
    <t>Nuzhat Siddique</t>
  </si>
  <si>
    <t>GGHS RAHWALI</t>
  </si>
  <si>
    <t>mohallah jattan wall rahwali</t>
  </si>
  <si>
    <t>Bilquees Naureen</t>
  </si>
  <si>
    <t>GGHS RAILWAY COLONY KHANPUR</t>
  </si>
  <si>
    <t>railway colony near railway station khanpur</t>
  </si>
  <si>
    <t>NEIL GARH</t>
  </si>
  <si>
    <t>Misbah sajid</t>
  </si>
  <si>
    <t>GGHS RAILWAY STATION NO.1</t>
  </si>
  <si>
    <t>GGHS Railway Station Karor</t>
  </si>
  <si>
    <t>Ward No. 06</t>
  </si>
  <si>
    <t>Asiya Majeed</t>
  </si>
  <si>
    <t>GGHS RAIRKA BALA</t>
  </si>
  <si>
    <t>Rerka Bala</t>
  </si>
  <si>
    <t>vpo rerka bala tehsil phalia district M.B.Din</t>
  </si>
  <si>
    <t>IFRA SHAHZADI</t>
  </si>
  <si>
    <t>GGHS RAIWIND PIND RAIWIND ROAD</t>
  </si>
  <si>
    <t>Raiwindpind</t>
  </si>
  <si>
    <t>Gov't. girls high school raiwind pind Lahore</t>
  </si>
  <si>
    <t>Village Raiwind</t>
  </si>
  <si>
    <t>shahida iqbal</t>
  </si>
  <si>
    <t>GGHS RAJA GAZANFAR COLONY FAISALABAD</t>
  </si>
  <si>
    <t>Chak.no.228/RB</t>
  </si>
  <si>
    <t>GGHS Raja Ghazanfar Ali Khan Labour Colony Distt.Fsd.</t>
  </si>
  <si>
    <t>228/RB BOGNI</t>
  </si>
  <si>
    <t>Chak.No.227/RB</t>
  </si>
  <si>
    <t>TASNEEM IQBAL.</t>
  </si>
  <si>
    <t>GGHS RAJAN PUR KALAN</t>
  </si>
  <si>
    <t>rajan pur kalan</t>
  </si>
  <si>
    <t>p/o rajan pur kalan tehsil and distt. rahim yar khan</t>
  </si>
  <si>
    <t>rajan pur</t>
  </si>
  <si>
    <t>naila tahseen</t>
  </si>
  <si>
    <t>GGHS RAJOVA</t>
  </si>
  <si>
    <t>VPO RAJOYA TEHSI PHALIA DISST M.B.Din</t>
  </si>
  <si>
    <t>Raina Kousar</t>
  </si>
  <si>
    <t>GGHS RAJOWAL</t>
  </si>
  <si>
    <t>RAJOWAL</t>
  </si>
  <si>
    <t>Shama Batool</t>
  </si>
  <si>
    <t>GGHS RAKH BALOUCH KALAN</t>
  </si>
  <si>
    <t>Rakh Blouch Kalan</t>
  </si>
  <si>
    <t>govt girls high school rakh Bloch Kalan teh distt Mandi bahaud din</t>
  </si>
  <si>
    <t>Rakh Bloch Kalan</t>
  </si>
  <si>
    <t>Anjum Iqbal</t>
  </si>
  <si>
    <t>GGHS RAKH CHUNIAN</t>
  </si>
  <si>
    <t>near new galla mandi chunian</t>
  </si>
  <si>
    <t>Rakh Chunian</t>
  </si>
  <si>
    <t>aqsa riaz</t>
  </si>
  <si>
    <t>GGHS RAKH GHULAMAN 22 ML</t>
  </si>
  <si>
    <t>Ggmhs Rakh Ghulaman 22 ml</t>
  </si>
  <si>
    <t>22 Ml</t>
  </si>
  <si>
    <t>Balquees Akhtar</t>
  </si>
  <si>
    <t>GGHS RAKH MACHIKAY</t>
  </si>
  <si>
    <t>Gazi</t>
  </si>
  <si>
    <t>Rakh machikay</t>
  </si>
  <si>
    <t>Rakh Machikay</t>
  </si>
  <si>
    <t>Gazi Minara</t>
  </si>
  <si>
    <t>GGHS RAKH MINAR GARH</t>
  </si>
  <si>
    <t>Rakh Minar Garh</t>
  </si>
  <si>
    <t>GGHS RAKH MINAR GARH M.B.DIN</t>
  </si>
  <si>
    <t>Chak No 1</t>
  </si>
  <si>
    <t>Mojianwala</t>
  </si>
  <si>
    <t>GGHS RAM PURA JAGIR</t>
  </si>
  <si>
    <t>GGHSRAMPURAJAGEER</t>
  </si>
  <si>
    <t>RAMPURA</t>
  </si>
  <si>
    <t>NAJMA SULTANA</t>
  </si>
  <si>
    <t>ELECTRIC COOLER</t>
  </si>
  <si>
    <t>GGHS RAM RAYAN KHURD</t>
  </si>
  <si>
    <t>Ram Arian Khurd</t>
  </si>
  <si>
    <t>village ram arian khurd p.o talhara tehsil daska district sialkot</t>
  </si>
  <si>
    <t>Ram Arian  Khurd</t>
  </si>
  <si>
    <t>Salokey</t>
  </si>
  <si>
    <t>Sadaf Ashraf</t>
  </si>
  <si>
    <t>GGHS RAM THAMAN PO KASUR</t>
  </si>
  <si>
    <t>RAM THAMMAN</t>
  </si>
  <si>
    <t>GOVT.GIRLS HIGH SCHOOL RAM THAMMAN</t>
  </si>
  <si>
    <t>SOBIA MAJEED</t>
  </si>
  <si>
    <t>GGHS RAMAN</t>
  </si>
  <si>
    <t>VPO RAMAN</t>
  </si>
  <si>
    <t>maria rehman</t>
  </si>
  <si>
    <t>GGHS RAMKE CHATTHA</t>
  </si>
  <si>
    <t>RAMKE CHATTHA</t>
  </si>
  <si>
    <t>vill  P/O  RAMKE CHATTHA</t>
  </si>
  <si>
    <t>SHAHIDA SHAMSHAD</t>
  </si>
  <si>
    <t>GGHS RANDHIR</t>
  </si>
  <si>
    <t>Randhir</t>
  </si>
  <si>
    <t>Randhir Baghrian teh. Sambrial dist. Sialkot</t>
  </si>
  <si>
    <t>GGHS RANG PUR BAGHOOR</t>
  </si>
  <si>
    <t>GGHS Rangpur khushab</t>
  </si>
  <si>
    <t>Parveen Malik</t>
  </si>
  <si>
    <t>GGHS RANGOO</t>
  </si>
  <si>
    <t>Rangoo</t>
  </si>
  <si>
    <t>gghs rangoo tehsil hazro district attock</t>
  </si>
  <si>
    <t>ANITA JOYICE Benjamin</t>
  </si>
  <si>
    <t>GGHS RANGPUR</t>
  </si>
  <si>
    <t>DERA HAIBAT</t>
  </si>
  <si>
    <t>MOUZA DERA HAIBAT P/O RANG PUR TEHSIL&amp; DISTRICT MUZAFFAR GARH</t>
  </si>
  <si>
    <t>Fouzia Kanwal</t>
  </si>
  <si>
    <t>GGHS RANIAL</t>
  </si>
  <si>
    <t>Village RANIAL tehsil and district RWP</t>
  </si>
  <si>
    <t>NAZLI SARWAR</t>
  </si>
  <si>
    <t>GGHS RANOTRA</t>
  </si>
  <si>
    <t>GOVT GIRLS High school Ranotra p/o Chak Beli Khan Rawalpindi</t>
  </si>
  <si>
    <t>Ranotra</t>
  </si>
  <si>
    <t>MAHWISH BIBI</t>
  </si>
  <si>
    <t>bouring</t>
  </si>
  <si>
    <t>GGHS RAO BAGH MAL</t>
  </si>
  <si>
    <t>Rao Bagh</t>
  </si>
  <si>
    <t>raobagh Lahore road chiniot</t>
  </si>
  <si>
    <t>Anum Fayyaz</t>
  </si>
  <si>
    <t>GGHS RAO KHAN WALA</t>
  </si>
  <si>
    <t>gghs rao khan wala</t>
  </si>
  <si>
    <t>syeda samina iffat</t>
  </si>
  <si>
    <t>GGHS RARIALA</t>
  </si>
  <si>
    <t>Rariala</t>
  </si>
  <si>
    <t>gghs rariala</t>
  </si>
  <si>
    <t>Hadia Rehman</t>
  </si>
  <si>
    <t>GGHS RASALA CHAK NO. 4</t>
  </si>
  <si>
    <t>4 CHAK  RASALA</t>
  </si>
  <si>
    <t>Got Girls High School Chak 4 Rasala</t>
  </si>
  <si>
    <t>4 CHAK Rasala</t>
  </si>
  <si>
    <t>GGHS RASHEED PUR</t>
  </si>
  <si>
    <t>rasheed pur</t>
  </si>
  <si>
    <t>post offoce rasheed pur teshil 18-hazari jhang</t>
  </si>
  <si>
    <t>SAIMA ABDULLAH</t>
  </si>
  <si>
    <t>GGHS RASHIDA, KOT ABBAS SHAHEED</t>
  </si>
  <si>
    <t>rasheeda</t>
  </si>
  <si>
    <t>bangal wala</t>
  </si>
  <si>
    <t>Uzma Javaid</t>
  </si>
  <si>
    <t>GGHS RASOOL PUR BHALIAN</t>
  </si>
  <si>
    <t>Teh &amp; Distt Sialkot PO khas rasool pur bhalliandkt</t>
  </si>
  <si>
    <t>Rasoolpur Bhallian</t>
  </si>
  <si>
    <t>GGHS RASOOL PUR CHAK 14</t>
  </si>
  <si>
    <t>JAMAT PURA</t>
  </si>
  <si>
    <t>GGHS RASOOLPUR CHAK-14 KASUR</t>
  </si>
  <si>
    <t>RASOOLPUR  Kasur</t>
  </si>
  <si>
    <t>BHADAR Pura</t>
  </si>
  <si>
    <t>Huma Arjumand</t>
  </si>
  <si>
    <t>GGHS RASOOL PUR TARAR</t>
  </si>
  <si>
    <t>Rasulpur Tarar</t>
  </si>
  <si>
    <t>Rasulpurtarar</t>
  </si>
  <si>
    <t>Kalsoom Zahra</t>
  </si>
  <si>
    <t>GGHS RASUL PUR JATTAN</t>
  </si>
  <si>
    <t>Rasool Pur Jattan</t>
  </si>
  <si>
    <t>rasool pur jattan</t>
  </si>
  <si>
    <t>Jhaindainwali</t>
  </si>
  <si>
    <t>GGHS RATTA AMRAL RAWALPINDI</t>
  </si>
  <si>
    <t>gghs ratta amral behind railway station</t>
  </si>
  <si>
    <t>mrs attia tahir</t>
  </si>
  <si>
    <t>GGHS RATTA BAJWA</t>
  </si>
  <si>
    <t>GGHS Ratta Bajwa Gujranwala</t>
  </si>
  <si>
    <t>Saleem Colony</t>
  </si>
  <si>
    <t>KAZMA BASHIR</t>
  </si>
  <si>
    <t>GGHS RATTA KALAN</t>
  </si>
  <si>
    <t>Ratta</t>
  </si>
  <si>
    <t>Gghs ratta kalan</t>
  </si>
  <si>
    <t>Raata Kalan</t>
  </si>
  <si>
    <t>RABIA ASGHAR</t>
  </si>
  <si>
    <t>GGHS RATTI TIBBI CHAK NO. 12/RB</t>
  </si>
  <si>
    <t>Rati Tibi</t>
  </si>
  <si>
    <t>gghs rati tibi</t>
  </si>
  <si>
    <t>SUMERA AMJAD</t>
  </si>
  <si>
    <t>GGHS RATTO KALA</t>
  </si>
  <si>
    <t>Rattokala</t>
  </si>
  <si>
    <t>P.O.BOX RATTOKALA</t>
  </si>
  <si>
    <t>Irum Saba</t>
  </si>
  <si>
    <t>GGHS RATTOWAL</t>
  </si>
  <si>
    <t>vill/ post office Rattowal teh/Distt m b din</t>
  </si>
  <si>
    <t>GGHS RATUCHA</t>
  </si>
  <si>
    <t>gghs ratuchha vpo ratuchha</t>
  </si>
  <si>
    <t>Saima Gulistan</t>
  </si>
  <si>
    <t>GGHS RAWAL</t>
  </si>
  <si>
    <t>govt girls high school rawal</t>
  </si>
  <si>
    <t>Chapars</t>
  </si>
  <si>
    <t>GGHS RAWANI</t>
  </si>
  <si>
    <t>basti rawani post office rawani teh district lodhran</t>
  </si>
  <si>
    <t>Quratulaen siddiqui</t>
  </si>
  <si>
    <t>GGHS RAWANI MULTAN</t>
  </si>
  <si>
    <t>gghs.rawani.moza.rawani</t>
  </si>
  <si>
    <t>Abeida Khanum</t>
  </si>
  <si>
    <t>GGHS RAWAT</t>
  </si>
  <si>
    <t>gghs rawat murree</t>
  </si>
  <si>
    <t>Nuzhat Shabir</t>
  </si>
  <si>
    <t>GGHS RAYYA KHASS</t>
  </si>
  <si>
    <t>Rayakhas</t>
  </si>
  <si>
    <t>Govt Girls High School Rayya Khas Narowal</t>
  </si>
  <si>
    <t>Nabila Khan</t>
  </si>
  <si>
    <t>GGHS REFORMAR 220 RB JUDGE WALA</t>
  </si>
  <si>
    <t>220Judgewala</t>
  </si>
  <si>
    <t>Govt.reformer girls H/S 220 Rb Judgewala Faisalabad</t>
  </si>
  <si>
    <t>Judgewala</t>
  </si>
  <si>
    <t>Shersing wala</t>
  </si>
  <si>
    <t>Kausar Tasnim</t>
  </si>
  <si>
    <t>GGHS REHMAN ABAD</t>
  </si>
  <si>
    <t>JAMAL CHANAN</t>
  </si>
  <si>
    <t>GGHS REHMANABAD, BWP(SADAR)</t>
  </si>
  <si>
    <t>REHMANABAD</t>
  </si>
  <si>
    <t>RIZWANA ANSARI</t>
  </si>
  <si>
    <t>GGHS REHMAN BEADON ROAD</t>
  </si>
  <si>
    <t>rehman street beadon road</t>
  </si>
  <si>
    <t>BEADON ROAD</t>
  </si>
  <si>
    <t>Beadon Road</t>
  </si>
  <si>
    <t>Aisha Tahreem</t>
  </si>
  <si>
    <t>GGHS REHMAN COLONY OKARA</t>
  </si>
  <si>
    <t>Rehman Colony Okara</t>
  </si>
  <si>
    <t>GGHS Rehman Colony G.T Road Okara</t>
  </si>
  <si>
    <t>Rehman Colony</t>
  </si>
  <si>
    <t>Sadaf Iqbal</t>
  </si>
  <si>
    <t>GGHS REHMOKA</t>
  </si>
  <si>
    <t>BehramkaHittar</t>
  </si>
  <si>
    <t>GOVT Girls High school Rehmonka</t>
  </si>
  <si>
    <t>Rehmonka</t>
  </si>
  <si>
    <t>Aneela Riaz</t>
  </si>
  <si>
    <t>GGHS RENALA CITY</t>
  </si>
  <si>
    <t>GOVT. GIRLS HIGH SCHOOL (CITY) RENALA KHURD OKARA</t>
  </si>
  <si>
    <t>RENALA KHURD CITY</t>
  </si>
  <si>
    <t>GHULAM MUTAHIRA</t>
  </si>
  <si>
    <t>GGHS RETRA</t>
  </si>
  <si>
    <t>govt girls high school retra</t>
  </si>
  <si>
    <t>farzana kauser</t>
  </si>
  <si>
    <t>GGHS REVAZ ABAD</t>
  </si>
  <si>
    <t>sehjowal ch # 11</t>
  </si>
  <si>
    <t>Sehjowal Ch # 11</t>
  </si>
  <si>
    <t>Bhopa Wal</t>
  </si>
  <si>
    <t>Mumtaz Qasim</t>
  </si>
  <si>
    <t>GGHS RIKHI CHAKRALA MIANWALI</t>
  </si>
  <si>
    <t>Gghs rikhi mianwali</t>
  </si>
  <si>
    <t>Rikhi</t>
  </si>
  <si>
    <t>GGHS RIND JADA</t>
  </si>
  <si>
    <t>Rind jada</t>
  </si>
  <si>
    <t>Rind jada, tehsil kahror pacca lodhran</t>
  </si>
  <si>
    <t>Sumbal Hameed</t>
  </si>
  <si>
    <t>GGHS RODA</t>
  </si>
  <si>
    <t>P.o Roda</t>
  </si>
  <si>
    <t>Aasia Nasir</t>
  </si>
  <si>
    <t>GGHS RODU SULTAN</t>
  </si>
  <si>
    <t>rodu sultan</t>
  </si>
  <si>
    <t>rodu sultan p/o same tehsil 18-hazari distt jhang</t>
  </si>
  <si>
    <t>SHAFQAT PARVEEN D/O AZIZ BAKHSH</t>
  </si>
  <si>
    <t>GGHS ROHTAS</t>
  </si>
  <si>
    <t>Rohtas</t>
  </si>
  <si>
    <t>Gghs Rohtas</t>
  </si>
  <si>
    <t>GGHS ROKHRI</t>
  </si>
  <si>
    <t>rOKHARI</t>
  </si>
  <si>
    <t>GGHS ROKHARI, TEHSIL AND DISTRICT MIANWALI</t>
  </si>
  <si>
    <t>KOKAY KHEL</t>
  </si>
  <si>
    <t>ROKHARI</t>
  </si>
  <si>
    <t>NAJIA NAWAZ</t>
  </si>
  <si>
    <t>GGHS ROOPWAL</t>
  </si>
  <si>
    <t>Roopwal</t>
  </si>
  <si>
    <t>vpo Roopwal teh&amp;dis Chakwal</t>
  </si>
  <si>
    <t>GGHS ROPPER KALAN</t>
  </si>
  <si>
    <t>Ropper Kalan</t>
  </si>
  <si>
    <t>Vpo Ropper Kalan,Rwp</t>
  </si>
  <si>
    <t>SHAKILA YASMIN</t>
  </si>
  <si>
    <t>GGHS RORAN WALI</t>
  </si>
  <si>
    <t>RORANWALI</t>
  </si>
  <si>
    <t>MOZA RORANWALI TEHSIL AND DISTRICT JHANG</t>
  </si>
  <si>
    <t>ASHABA</t>
  </si>
  <si>
    <t>FAUZIA SHAUKAT</t>
  </si>
  <si>
    <t>GGHS RORAS</t>
  </si>
  <si>
    <t>government girls high school roras</t>
  </si>
  <si>
    <t>Sidra Amjad</t>
  </si>
  <si>
    <t>GGHS ROSSA TIBBA CHAK NO.1</t>
  </si>
  <si>
    <t>Rosa Tibba</t>
  </si>
  <si>
    <t>rossa tibba chak no.1 Tehsil Chunian District kasur</t>
  </si>
  <si>
    <t>rossa tibba chak no.1</t>
  </si>
  <si>
    <t>saddah</t>
  </si>
  <si>
    <t>Mamoona hafeez</t>
  </si>
  <si>
    <t>GGHS RUKKAN</t>
  </si>
  <si>
    <t>Vpo Rukkan</t>
  </si>
  <si>
    <t>GGHS RUPO CHAK</t>
  </si>
  <si>
    <t>RUPO CHAK</t>
  </si>
  <si>
    <t>VILLAGE AND P/O RUPO CHAK TEHSIL ZAFARWAL</t>
  </si>
  <si>
    <t>Raheela Anjum</t>
  </si>
  <si>
    <t>GGHS S.K. WAZIRABAD</t>
  </si>
  <si>
    <t>main bazar near mussaman burj wazirabad</t>
  </si>
  <si>
    <t>mussaman burj wazirabad</t>
  </si>
  <si>
    <t>SAADAT PERVEEN</t>
  </si>
  <si>
    <t>GGHS SABOUR</t>
  </si>
  <si>
    <t>VIllage and P.O Sabour Tehsil Kharian Dist. Gujrat</t>
  </si>
  <si>
    <t>GGHS SABRI COLONY</t>
  </si>
  <si>
    <t>GGHS Sabri colony okara</t>
  </si>
  <si>
    <t>MC Sabri Colony Okara</t>
  </si>
  <si>
    <t>Rabia gull</t>
  </si>
  <si>
    <t>GGHS SADA KAMBOH</t>
  </si>
  <si>
    <t>Sada Kamboh</t>
  </si>
  <si>
    <t>gghs sada kamboh</t>
  </si>
  <si>
    <t>Ambreen Farooq</t>
  </si>
  <si>
    <t>GGHS SADAR GOGERA</t>
  </si>
  <si>
    <t>sadar gogera</t>
  </si>
  <si>
    <t>Gogra</t>
  </si>
  <si>
    <t>Sadar Gogera</t>
  </si>
  <si>
    <t>Shazia Latif</t>
  </si>
  <si>
    <t>GGHS SADDO WALA</t>
  </si>
  <si>
    <t>Sadowala Uncha</t>
  </si>
  <si>
    <t>saddowala uncha</t>
  </si>
  <si>
    <t>Saddowala</t>
  </si>
  <si>
    <t>Tabassum Nazli</t>
  </si>
  <si>
    <t>GGHS SADHOKEY LAHORE CITY</t>
  </si>
  <si>
    <t>Opposite DHA phase 11, rahber Sector 1, Defence road, Village Sadhokey, LAhore</t>
  </si>
  <si>
    <t>Sadhokey</t>
  </si>
  <si>
    <t>Sattokatla</t>
  </si>
  <si>
    <t>Javaria Jamil</t>
  </si>
  <si>
    <t>GGHS SADHORA MUSLIM</t>
  </si>
  <si>
    <t>Talab Committee</t>
  </si>
  <si>
    <t>near talab committee</t>
  </si>
  <si>
    <t>Gohar Shah</t>
  </si>
  <si>
    <t>saima anjum-un Nisa</t>
  </si>
  <si>
    <t>GGHS SADIQ MODEL BAHAWALPUR</t>
  </si>
  <si>
    <t>Darbar Mehal Road Near University Chowk Bahawalpur</t>
  </si>
  <si>
    <t>City-XII</t>
  </si>
  <si>
    <t>YASMIN RANA</t>
  </si>
  <si>
    <t>GGHS SADOKE</t>
  </si>
  <si>
    <t>Government Girls High School Sadhoke</t>
  </si>
  <si>
    <t>Syed Khadija jamal</t>
  </si>
  <si>
    <t>GGHS SADWAL CHAKWAL</t>
  </si>
  <si>
    <t>vpo sadwal tehsil and district chakwal</t>
  </si>
  <si>
    <t>FARKHANDA SHABBIR</t>
  </si>
  <si>
    <t>GGHS SADWAL KALAN</t>
  </si>
  <si>
    <t>Sadwal kalan</t>
  </si>
  <si>
    <t>v p o sadwal kalan teh kharian district Gujrat</t>
  </si>
  <si>
    <t>Aalia Hameed</t>
  </si>
  <si>
    <t>GGHS SAEED ABAD</t>
  </si>
  <si>
    <t>Near Saifun Pul</t>
  </si>
  <si>
    <t>Saeedabad</t>
  </si>
  <si>
    <t>GGHS SAEEDA ISLAMIA WASSAN PURA SCHEME NO 2. LHR CANTT.</t>
  </si>
  <si>
    <t>Wassanpura</t>
  </si>
  <si>
    <t>x block scheme no.2 lahore</t>
  </si>
  <si>
    <t>wassanpura</t>
  </si>
  <si>
    <t>hussain park</t>
  </si>
  <si>
    <t>mrs. rukhsana manzoor d/o sheikh muhammad khurshed</t>
  </si>
  <si>
    <t>GGHS SAEELA</t>
  </si>
  <si>
    <t>Government Girls High School Saeela Jhelum</t>
  </si>
  <si>
    <t>Saeela</t>
  </si>
  <si>
    <t>Kotla faqir</t>
  </si>
  <si>
    <t>Fehmina Choudhery</t>
  </si>
  <si>
    <t>GGHS SAFDAR ABAD RWP</t>
  </si>
  <si>
    <t>Govt.Girls High school Safdarabad Rawalpindi</t>
  </si>
  <si>
    <t>Shaista Bano</t>
  </si>
  <si>
    <t>GGHS SAGGU SHUMALI</t>
  </si>
  <si>
    <t>Saggu Shumali</t>
  </si>
  <si>
    <t>vpo saggu shumali Teh kallurkot distt Bhakkar</t>
  </si>
  <si>
    <t>Dagger Noon</t>
  </si>
  <si>
    <t>ROMANA YOUNAS</t>
  </si>
  <si>
    <t>GGHS SAGHAR TALAGANG</t>
  </si>
  <si>
    <t>v,p,o saghar teh talagang chakwal</t>
  </si>
  <si>
    <t>Tayyaba Raana</t>
  </si>
  <si>
    <t>GGHS SAGHRI</t>
  </si>
  <si>
    <t>SaGHRI</t>
  </si>
  <si>
    <t>vill &amp; p/o Saghri Teh Jand Distt Attock</t>
  </si>
  <si>
    <t>Rabia Mukhtar</t>
  </si>
  <si>
    <t>GGHS SAGRI</t>
  </si>
  <si>
    <t>VILL &amp; P.O SAGRI TEHSIL DINA DISTRICT JHELUM</t>
  </si>
  <si>
    <t>MADUKALAS</t>
  </si>
  <si>
    <t>RIFFAT UN NISA</t>
  </si>
  <si>
    <t>bORING</t>
  </si>
  <si>
    <t>GGHS SAHANG</t>
  </si>
  <si>
    <t>VPO sahang, tehsil gujar khan, district rWP</t>
  </si>
  <si>
    <t>sahang</t>
  </si>
  <si>
    <t>MADEEHA JEHAN AZHAR</t>
  </si>
  <si>
    <t>GGHS SAHARAN CHATHA</t>
  </si>
  <si>
    <t>Ali Pour Chatha</t>
  </si>
  <si>
    <t>saharan chatha  gujranwala</t>
  </si>
  <si>
    <t>Saharan chatha</t>
  </si>
  <si>
    <t>Wazirke chatha</t>
  </si>
  <si>
    <t>shahida Parveen</t>
  </si>
  <si>
    <t>GGHS SAHIWAL</t>
  </si>
  <si>
    <t>GGHS Sahiwal sgd</t>
  </si>
  <si>
    <t>Zil E Huma</t>
  </si>
  <si>
    <t>GGHS SAHNA</t>
  </si>
  <si>
    <t>sahna Tehsil &amp;distt Mandi Baha uddin</t>
  </si>
  <si>
    <t>Hafiza bilqis Akhter</t>
  </si>
  <si>
    <t>GGHS SAHOWALA</t>
  </si>
  <si>
    <t>SAHOWALA</t>
  </si>
  <si>
    <t>V.P.O SAHOWALA TEHSIL SAMBRIAL SIALKOT</t>
  </si>
  <si>
    <t>GGHS SAHU WALA</t>
  </si>
  <si>
    <t>p/o qasba bolchain chak sahu wala tehsil karor district laayah</t>
  </si>
  <si>
    <t>Fauzia Siddique</t>
  </si>
  <si>
    <t>GGHS SAHUKA BUREWALA VEHARI</t>
  </si>
  <si>
    <t>Moza sahuka</t>
  </si>
  <si>
    <t>Rakhshanda Aslam</t>
  </si>
  <si>
    <t>GGHS SAID ALI</t>
  </si>
  <si>
    <t>Sayeda Riffat Naheed</t>
  </si>
  <si>
    <t>GGHS SAIDA SHARIF</t>
  </si>
  <si>
    <t>saida sharif</t>
  </si>
  <si>
    <t>gghs saida sharif</t>
  </si>
  <si>
    <t>Saghir Fatima</t>
  </si>
  <si>
    <t>GGHS SAIGOLABAD</t>
  </si>
  <si>
    <t>gghs saigolabad vil &amp; p.o saigolabad, tehsil abd district chakwal.</t>
  </si>
  <si>
    <t>amina ghafoor</t>
  </si>
  <si>
    <t>GGHS SAINT ANNIS SHAMANBAD</t>
  </si>
  <si>
    <t>Govt. saint Annis GHS Samanabad, Near 1st Round About Samanabad, Lahore.</t>
  </si>
  <si>
    <t>Maryyam Manzoor</t>
  </si>
  <si>
    <t>GGHS SAINTHA</t>
  </si>
  <si>
    <t>sakote</t>
  </si>
  <si>
    <t>gghs saintha kallar syedan</t>
  </si>
  <si>
    <t>doberen kalan</t>
  </si>
  <si>
    <t>GGHS SAKESAR BAR</t>
  </si>
  <si>
    <t>Jura Sakasr</t>
  </si>
  <si>
    <t>Govt.girls high school sakasr bar sgd</t>
  </si>
  <si>
    <t>Sakasar Bar</t>
  </si>
  <si>
    <t>Jura Sakesar</t>
  </si>
  <si>
    <t>Fozia Sarwar</t>
  </si>
  <si>
    <t>GGHS SAKESAR BASE</t>
  </si>
  <si>
    <t>Sakesar</t>
  </si>
  <si>
    <t>paf base sakesar</t>
  </si>
  <si>
    <t>Rabia Malik</t>
  </si>
  <si>
    <t>GGHS SAKHI SARWAR</t>
  </si>
  <si>
    <t>sakhi sarwar</t>
  </si>
  <si>
    <t>gghs sakhi sarwar</t>
  </si>
  <si>
    <t>Mehtab Jahan</t>
  </si>
  <si>
    <t>GGHS SAKRIALA</t>
  </si>
  <si>
    <t>Sikriala</t>
  </si>
  <si>
    <t>village sikriala po Mangwal</t>
  </si>
  <si>
    <t>Farah Noureen</t>
  </si>
  <si>
    <t>GGHS SALAMAT PURA (newly upgraded)</t>
  </si>
  <si>
    <t>salamat pura</t>
  </si>
  <si>
    <t>Salamat Pura Near Darbar Maqsoodan Wala Lahore</t>
  </si>
  <si>
    <t>Salamat Pura</t>
  </si>
  <si>
    <t>Mst. Naghma Shamim</t>
  </si>
  <si>
    <t>GGHS SALAMAT PURA LAHORE CANTT</t>
  </si>
  <si>
    <t>salamatpura</t>
  </si>
  <si>
    <t>govt girls high school salamatpura</t>
  </si>
  <si>
    <t>GGHS SALAR</t>
  </si>
  <si>
    <t>Salar Chowk</t>
  </si>
  <si>
    <t>Gghs( salar)</t>
  </si>
  <si>
    <t>Salar</t>
  </si>
  <si>
    <t>HINA FATIMA</t>
  </si>
  <si>
    <t>borings</t>
  </si>
  <si>
    <t>GGHS SALIM ABAD</t>
  </si>
  <si>
    <t>P/O Saleem Abad</t>
  </si>
  <si>
    <t>safeena naz</t>
  </si>
  <si>
    <t>GGHS SALOI</t>
  </si>
  <si>
    <t>GGHS SALOI V.P.O SALOI TEH.CHOA SAIDEN SHAH DISTT.CHAKWAL</t>
  </si>
  <si>
    <t>SALOI</t>
  </si>
  <si>
    <t>RUBINA ASHRAF</t>
  </si>
  <si>
    <t>GGHS SALOKE CHATHA</t>
  </si>
  <si>
    <t>Sallhoki Chatha</t>
  </si>
  <si>
    <t>sallhoki chatha tehsil wazirabad distt Gujranwala</t>
  </si>
  <si>
    <t>Kashifa Noreen</t>
  </si>
  <si>
    <t>GGHS SAMAND WALA PO SAMAND WALA MIANWALI</t>
  </si>
  <si>
    <t>Rokhri</t>
  </si>
  <si>
    <t>government girls high school samandwala Mianwali</t>
  </si>
  <si>
    <t>Samandwala</t>
  </si>
  <si>
    <t>Rokhri Paka</t>
  </si>
  <si>
    <t>GGHS SAMANDOANA</t>
  </si>
  <si>
    <t>Govt Girls High School Samandoana,tehsil Ahmed Pur Sial,Dist Jhang</t>
  </si>
  <si>
    <t>Farrukh Tehseen</t>
  </si>
  <si>
    <t>(hand pump water pump)</t>
  </si>
  <si>
    <t>GGHS SAMBRIAL</t>
  </si>
  <si>
    <t>govt. girls high school sambrial</t>
  </si>
  <si>
    <t>Dar-us-salam</t>
  </si>
  <si>
    <t>SAJIDA SAHI</t>
  </si>
  <si>
    <t>GGHS SAMIJABAD NO. 2 MULTAN</t>
  </si>
  <si>
    <t>Behari colony</t>
  </si>
  <si>
    <t>GGHS sameejabad #2 near Tanki #2 Alfalah Marekt Multan</t>
  </si>
  <si>
    <t>W Blok</t>
  </si>
  <si>
    <t>Naheed Aisha</t>
  </si>
  <si>
    <t>GGHS SAMINA</t>
  </si>
  <si>
    <t>Samina Sharqi</t>
  </si>
  <si>
    <t>gghs samina</t>
  </si>
  <si>
    <t>samina</t>
  </si>
  <si>
    <t>noor jahan naz</t>
  </si>
  <si>
    <t>GGHS SAMLI TAJJAL</t>
  </si>
  <si>
    <t>Samli tajjal</t>
  </si>
  <si>
    <t>samli tajjal post office trait Murree</t>
  </si>
  <si>
    <t>Samli Tajjal</t>
  </si>
  <si>
    <t>Trait</t>
  </si>
  <si>
    <t>Aneela Khalid</t>
  </si>
  <si>
    <t>GGHS SAMMA SATTA</t>
  </si>
  <si>
    <t>Tibba Miani</t>
  </si>
  <si>
    <t>near railway station</t>
  </si>
  <si>
    <t>Samma Satta</t>
  </si>
  <si>
    <t>SURRAYA INAYAT</t>
  </si>
  <si>
    <t>GGHS SAMSANI KHOI</t>
  </si>
  <si>
    <t>Samsani Khohi Johar Town lahore</t>
  </si>
  <si>
    <t>Johar Town Lahore</t>
  </si>
  <si>
    <t>Samsani Khohi</t>
  </si>
  <si>
    <t>PIA Society</t>
  </si>
  <si>
    <t>Shahida Khanum</t>
  </si>
  <si>
    <t>GGHS SANDAN WALA</t>
  </si>
  <si>
    <t>sandhanwala, teh phalia, dist m.b.din</t>
  </si>
  <si>
    <t>Mah Noor</t>
  </si>
  <si>
    <t>GGHS SANG KALLAN</t>
  </si>
  <si>
    <t>Sang Kalan</t>
  </si>
  <si>
    <t>VPO Sang kalan</t>
  </si>
  <si>
    <t>AASIA PARVEEN</t>
  </si>
  <si>
    <t>GGHS SANGHOI</t>
  </si>
  <si>
    <t>sanghoi</t>
  </si>
  <si>
    <t>GGHS SANGHOI JHELUM</t>
  </si>
  <si>
    <t>SANGHOI</t>
  </si>
  <si>
    <t>mahrukh rafiq</t>
  </si>
  <si>
    <t>GGHS SANGHORI SARWAR SHAHEED</t>
  </si>
  <si>
    <t>sanghori Sarwar Shaheed</t>
  </si>
  <si>
    <t>Govt girls high school sanghori sarwar shaheed</t>
  </si>
  <si>
    <t>sanghori sarwar shaheed</t>
  </si>
  <si>
    <t>kalyam awan</t>
  </si>
  <si>
    <t>saadia taseer</t>
  </si>
  <si>
    <t>GGHS SANGRAL</t>
  </si>
  <si>
    <t>Village and PO Sangral District Rwp</t>
  </si>
  <si>
    <t>Rehana  Musarrat</t>
  </si>
  <si>
    <t>GGHS SANGSERI</t>
  </si>
  <si>
    <t>Sangseri</t>
  </si>
  <si>
    <t>village sangseri p/o bunn Teh murree dist rwp</t>
  </si>
  <si>
    <t>Ban Charhan</t>
  </si>
  <si>
    <t>raheela rafique</t>
  </si>
  <si>
    <t>bucket</t>
  </si>
  <si>
    <t>GGHS SANKHATRA</t>
  </si>
  <si>
    <t>GGHS Sankhatra</t>
  </si>
  <si>
    <t>musarrat Tahira</t>
  </si>
  <si>
    <t>GGHS SANSARA GORAYA</t>
  </si>
  <si>
    <t>sansra goraya P/o Anwar industry gujranwala</t>
  </si>
  <si>
    <t>Sansra Goraya Gujranwala</t>
  </si>
  <si>
    <t>Asiya Akbar</t>
  </si>
  <si>
    <t>GGHS SANT NAGAR HOTA SINGH ROAD</t>
  </si>
  <si>
    <t>GGHS Sanat Nagar Lahore</t>
  </si>
  <si>
    <t>Touheed Park</t>
  </si>
  <si>
    <t>shahana kouser</t>
  </si>
  <si>
    <t>GGHS SANTAL</t>
  </si>
  <si>
    <t>village santal p/o hajiwala tehsil &amp; district Gujrat</t>
  </si>
  <si>
    <t>Kubra Ehsan</t>
  </si>
  <si>
    <t>GGHS SAQAFAT UL BANNAT</t>
  </si>
  <si>
    <t>OPPOSITE POLICE STATION, BAGHBANPURA,GRW</t>
  </si>
  <si>
    <t>GULSHAN ABAD 44</t>
  </si>
  <si>
    <t>ZUBAIRA ANSARI</t>
  </si>
  <si>
    <t>GGHS SAR KALAN</t>
  </si>
  <si>
    <t>V. P. O Sarkalan Teh Kallar Kahar Dist Chakwal</t>
  </si>
  <si>
    <t>Sarkalan</t>
  </si>
  <si>
    <t>farda noureen</t>
  </si>
  <si>
    <t>GGHS SARAI ALAM GIR</t>
  </si>
  <si>
    <t>SARAI ALAMGIR</t>
  </si>
  <si>
    <t>GGHS SARAI ALAMGIR MEHAY ROAD</t>
  </si>
  <si>
    <t>MEHAY Road</t>
  </si>
  <si>
    <t>SARAI ALAMGIR-I</t>
  </si>
  <si>
    <t>ZAHIDA ASGHAR</t>
  </si>
  <si>
    <t>GGHS SARAI MUGHAL</t>
  </si>
  <si>
    <t>Sarai Mughal</t>
  </si>
  <si>
    <t>sarai mughal</t>
  </si>
  <si>
    <t>nahid akhter</t>
  </si>
  <si>
    <t>GGHS SARAI MUHAJAR</t>
  </si>
  <si>
    <t>Saray Muhajir</t>
  </si>
  <si>
    <t>Govt Girls High schol saray muhajir</t>
  </si>
  <si>
    <t>205 Tda</t>
  </si>
  <si>
    <t>Robina mubarak</t>
  </si>
  <si>
    <t>GGHS SARAI SIDHU</t>
  </si>
  <si>
    <t>sarai sidhu</t>
  </si>
  <si>
    <t>Govt. Girls High School Sarai Sidhu.</t>
  </si>
  <si>
    <t>Sarai Sidhu</t>
  </si>
  <si>
    <t>NIGHAT SHAHEEN</t>
  </si>
  <si>
    <t>GGHS SARDAR BAKHSH</t>
  </si>
  <si>
    <t>SARDAR BAKHSH</t>
  </si>
  <si>
    <t>RAZIA SULTANA</t>
  </si>
  <si>
    <t>GGHS SARDAR GARH</t>
  </si>
  <si>
    <t>SARDARGARH</t>
  </si>
  <si>
    <t>KLP Road Sardar Grah</t>
  </si>
  <si>
    <t>SARDAR GARH</t>
  </si>
  <si>
    <t>Kiran Fatima</t>
  </si>
  <si>
    <t>GGHS SARDAR PUR</t>
  </si>
  <si>
    <t>Nurhbha</t>
  </si>
  <si>
    <t>Sardarpurjhandir</t>
  </si>
  <si>
    <t>Anam Saleem</t>
  </si>
  <si>
    <t>GGHS SARFRAZ COLONY GUJRANWALA</t>
  </si>
  <si>
    <t>SARFRAZ COLONY  G.T ROAD GUJRANWALA</t>
  </si>
  <si>
    <t>Hashmi Colony</t>
  </si>
  <si>
    <t>GUL SAMARA SHAMSI</t>
  </si>
  <si>
    <t>GGHS SARGANI</t>
  </si>
  <si>
    <t>Sargsni</t>
  </si>
  <si>
    <t>gghs sargani thsil karor layyah</t>
  </si>
  <si>
    <t>Basti Ssrgani</t>
  </si>
  <si>
    <t>Noshaba Azam</t>
  </si>
  <si>
    <t>GGHS SARHALI KALAN</t>
  </si>
  <si>
    <t>srhali kalan</t>
  </si>
  <si>
    <t>village sarhali kalan mustafa bad kasur</t>
  </si>
  <si>
    <t>sarhali kalan</t>
  </si>
  <si>
    <t>abida naheed</t>
  </si>
  <si>
    <t>GGHS SARJAL</t>
  </si>
  <si>
    <t>village nd p.o sarjal ,skg</t>
  </si>
  <si>
    <t>sarjal</t>
  </si>
  <si>
    <t>Rukhsana Hussain</t>
  </si>
  <si>
    <t>GGHS SAROHA</t>
  </si>
  <si>
    <t>Saroha</t>
  </si>
  <si>
    <t>village saroha,po and tehsil kallar syedan  Rawalpindi</t>
  </si>
  <si>
    <t>zubaida khatoon</t>
  </si>
  <si>
    <t>GGHS SAROKE</t>
  </si>
  <si>
    <t>vpo saroki tehsil wazerbad  district gujranwala</t>
  </si>
  <si>
    <t>Kakka Kolo</t>
  </si>
  <si>
    <t>Misbah Nosheen Mehmood</t>
  </si>
  <si>
    <t>GGHS SAROKI</t>
  </si>
  <si>
    <t>gghs saroki tehsil and district gujrat</t>
  </si>
  <si>
    <t>Zahida parveen</t>
  </si>
  <si>
    <t>GGHS SARWAR WALI</t>
  </si>
  <si>
    <t>darahma</t>
  </si>
  <si>
    <t>Moaza Darahma SARWAR Wali</t>
  </si>
  <si>
    <t>Sarwar wali</t>
  </si>
  <si>
    <t>GGHS SATELLITE TOWN CHINIOT</t>
  </si>
  <si>
    <t>y block satellite town chiniot</t>
  </si>
  <si>
    <t>Shahida  Batool</t>
  </si>
  <si>
    <t>GGHS SATELLITE TOWN CHISHTIAN</t>
  </si>
  <si>
    <t>Y block  Satellitetown ctn</t>
  </si>
  <si>
    <t>TMA Chishtian</t>
  </si>
  <si>
    <t>Farhat Sultana</t>
  </si>
  <si>
    <t>GGHS SATGHARA</t>
  </si>
  <si>
    <t>SATGHARA</t>
  </si>
  <si>
    <t>GOVT.GIRLS HIGH SCHOOL SATGHARA</t>
  </si>
  <si>
    <t>Satghara</t>
  </si>
  <si>
    <t>Rehana Kousar d/o Abdul hakeem</t>
  </si>
  <si>
    <t>GGHS SATH SHAHANI</t>
  </si>
  <si>
    <t>Sath Shahani</t>
  </si>
  <si>
    <t>village sath shahani tehsil nurpur district khushab</t>
  </si>
  <si>
    <t>Iram Saba Majoka</t>
  </si>
  <si>
    <t>GGHS SATHIALA</t>
  </si>
  <si>
    <t>GGHS SATHALA, Tehsil zafarwal, District Narowal</t>
  </si>
  <si>
    <t>Asima Tabbsam</t>
  </si>
  <si>
    <t>GGHS SATHIALI KALAN CHAK 25 RB</t>
  </si>
  <si>
    <t>Govt girls High school sathial kalan</t>
  </si>
  <si>
    <t>Shahida Rukshana</t>
  </si>
  <si>
    <t>GGHS SATHWANT</t>
  </si>
  <si>
    <t>Sathwani</t>
  </si>
  <si>
    <t>GGHS CHAK SATHWANI, P.O DHAMALI, TEHSIL KALLAR SYEDAN, DISTRICT RAWALPINDI</t>
  </si>
  <si>
    <t>GGHS SATIANA</t>
  </si>
  <si>
    <t>govt girls high school satiana jhang</t>
  </si>
  <si>
    <t>MozaSatiana</t>
  </si>
  <si>
    <t>shagufta hassan</t>
  </si>
  <si>
    <t>GGHS SATOWAL</t>
  </si>
  <si>
    <t>satowal</t>
  </si>
  <si>
    <t>GGHS Satowal   teh  skg</t>
  </si>
  <si>
    <t>langh</t>
  </si>
  <si>
    <t>Amira Ansar</t>
  </si>
  <si>
    <t>GGHS SATTO KI</t>
  </si>
  <si>
    <t>sattoki</t>
  </si>
  <si>
    <t>GHULAM BATOOL</t>
  </si>
  <si>
    <t>GGHS SAUKAN WIND</t>
  </si>
  <si>
    <t>vpo saukin wind</t>
  </si>
  <si>
    <t>GGHS SAVIA</t>
  </si>
  <si>
    <t>v.p O sivia Teh &amp; Distt M.B.Din</t>
  </si>
  <si>
    <t>Anfa Noreen</t>
  </si>
  <si>
    <t>GGHS SAWANS</t>
  </si>
  <si>
    <t>gghs sawans dera khani khelan wala sawans</t>
  </si>
  <si>
    <t>gul afshan</t>
  </si>
  <si>
    <t>GGHS SAYYAD</t>
  </si>
  <si>
    <t>vpo Sayyed Teh.Gujarkhan Distt.Rawalpindi</t>
  </si>
  <si>
    <t>RAKHSHANDA SULTANA</t>
  </si>
  <si>
    <t>GGHS SEEKARIALI</t>
  </si>
  <si>
    <t>VILL. &amp; P.O. SIKERYALI, TEH. KHARIAN, DISTT. GUJRAT</t>
  </si>
  <si>
    <t>RUBY SADIQ</t>
  </si>
  <si>
    <t>GGHS SEERAY</t>
  </si>
  <si>
    <t>SEERAY</t>
  </si>
  <si>
    <t>VPO SEERAY TEH PHALIA DISTT MANDI BAHA UDDIN</t>
  </si>
  <si>
    <t>DOUGAL</t>
  </si>
  <si>
    <t>Musarrat Azam</t>
  </si>
  <si>
    <t>GGHS SEHARI</t>
  </si>
  <si>
    <t>Shahgarib</t>
  </si>
  <si>
    <t>Saharee p / o SAHARI TEHSIL SHAKARGARH DISTT NAROWAL</t>
  </si>
  <si>
    <t>shamim akhtar saleem</t>
  </si>
  <si>
    <t>GGHS SEHJA</t>
  </si>
  <si>
    <t>GGHS SEHJA TEHSIL KHANPUR DISTRICT RAHIM YAR KHAN</t>
  </si>
  <si>
    <t>SEHJA</t>
  </si>
  <si>
    <t>Fozia Zafar</t>
  </si>
  <si>
    <t>GGHS SEHJO KALA</t>
  </si>
  <si>
    <t>v. p. o ghuinke gghs sehjokala Daska</t>
  </si>
  <si>
    <t>Sehjokaka</t>
  </si>
  <si>
    <t>shahnaz akhtar</t>
  </si>
  <si>
    <t>GGHS SEHNA</t>
  </si>
  <si>
    <t>vpo sehna Tehsil kharian Distt gujrat</t>
  </si>
  <si>
    <t>GGHS SEHR</t>
  </si>
  <si>
    <t>Sehr</t>
  </si>
  <si>
    <t>Vpo sehr tehsil kahuta</t>
  </si>
  <si>
    <t>Iram  Mustafa</t>
  </si>
  <si>
    <t>GGHS SENIOR MUSLIM</t>
  </si>
  <si>
    <t>muslim colony rahim yar khan</t>
  </si>
  <si>
    <t>M C Ryk</t>
  </si>
  <si>
    <t>SAADIA MUSHTAQ</t>
  </si>
  <si>
    <t>GGHS SEOKAY</t>
  </si>
  <si>
    <t>seokay</t>
  </si>
  <si>
    <t>seokay, teh daska.district sialkot</t>
  </si>
  <si>
    <t>Seokay</t>
  </si>
  <si>
    <t>Waseem Basharat</t>
  </si>
  <si>
    <t>GGHS SETTELITE TOWN BUREWALA</t>
  </si>
  <si>
    <t>satellites town burewala</t>
  </si>
  <si>
    <t>Sadaf Nazir Chudhary</t>
  </si>
  <si>
    <t>GGHS SHABIR ABAD</t>
  </si>
  <si>
    <t>Kurriyana</t>
  </si>
  <si>
    <t>GGHS Shabbir Abad</t>
  </si>
  <si>
    <t>Shabbir Abad</t>
  </si>
  <si>
    <t>Sheikh Choharr</t>
  </si>
  <si>
    <t>RUBINA ZAREEN</t>
  </si>
  <si>
    <t>GGHS SHAD BAGH</t>
  </si>
  <si>
    <t>GGHS SHAD BAGH LAHORE</t>
  </si>
  <si>
    <t>CHAH MIRAN</t>
  </si>
  <si>
    <t>SAMINA SHARIF</t>
  </si>
  <si>
    <t>BORE</t>
  </si>
  <si>
    <t>GGHS SHADA WAL MAJA</t>
  </si>
  <si>
    <t>GGHS shadiwal manhandled Johar  town lahore</t>
  </si>
  <si>
    <t>shahida Rasheed</t>
  </si>
  <si>
    <t>GGHS SHADAB COLONY</t>
  </si>
  <si>
    <t>Shadab colony</t>
  </si>
  <si>
    <t>Street # 2 shadab colony fsd</t>
  </si>
  <si>
    <t>shadab colony</t>
  </si>
  <si>
    <t>gulfishan colony</t>
  </si>
  <si>
    <t>SABAHAT RIAZ</t>
  </si>
  <si>
    <t>GGHS SHADAN LUND</t>
  </si>
  <si>
    <t>chak danda</t>
  </si>
  <si>
    <t>gGHS SHADAN LUND TEHSIL&amp;DISTRICT DG KHAN</t>
  </si>
  <si>
    <t>mohala balochan wala</t>
  </si>
  <si>
    <t>madiha islam</t>
  </si>
  <si>
    <t>GGHS SHADIA</t>
  </si>
  <si>
    <t>Dhakuanwala Shadia Mianwali</t>
  </si>
  <si>
    <t>GGHS SHAGEER SHAHEED PARK</t>
  </si>
  <si>
    <t>Nowshehra Road</t>
  </si>
  <si>
    <t>nowshera road gujranwala</t>
  </si>
  <si>
    <t>data ganj bakhsh</t>
  </si>
  <si>
    <t>Faiza</t>
  </si>
  <si>
    <t>GGHS SHAH BURHAN</t>
  </si>
  <si>
    <t>MOH SHAH BURHAN CHINIOT DISTRICT CHINIOT</t>
  </si>
  <si>
    <t>MOH SHAH BURHAN CHINIOT</t>
  </si>
  <si>
    <t>moh. Tarkhana chiniot</t>
  </si>
  <si>
    <t>ISMAT MANSOOR</t>
  </si>
  <si>
    <t>School water filtration plant</t>
  </si>
  <si>
    <t>GGHS SHAH HUSSAIN GUJRAT</t>
  </si>
  <si>
    <t>MOHALLAH SHAH HUSSAIN GUJRAT</t>
  </si>
  <si>
    <t>City GUJRAT</t>
  </si>
  <si>
    <t>Mrs. Fozia Naz</t>
  </si>
  <si>
    <t>GGHS SHAH JAMAL</t>
  </si>
  <si>
    <t>SHAH JAMAL</t>
  </si>
  <si>
    <t>NEAR DARBAR BABA SHAH JAMAL P/O SHAH JAMAL M GARH</t>
  </si>
  <si>
    <t>NEAR DARBAR BABA SHAH JAMAL</t>
  </si>
  <si>
    <t>Naheed perveen</t>
  </si>
  <si>
    <t>GGHS SHAH JEWNA CITY</t>
  </si>
  <si>
    <t>Shah Jewna City</t>
  </si>
  <si>
    <t>Shah Jewna city</t>
  </si>
  <si>
    <t>Mahar wali</t>
  </si>
  <si>
    <t>GGHS SHAH MUHAMMAD WALI</t>
  </si>
  <si>
    <t>Shah Muhammad Wali</t>
  </si>
  <si>
    <t>GGHS Shah Muhammad wali</t>
  </si>
  <si>
    <t>GGHS SHAH PUR</t>
  </si>
  <si>
    <t>yasmeen nighat</t>
  </si>
  <si>
    <t>GGHS SHAH PUR KANJRAN</t>
  </si>
  <si>
    <t>shahpur kanjra multan road</t>
  </si>
  <si>
    <t>Memuna Perveen</t>
  </si>
  <si>
    <t>GGHS SHAH PUR SYEDAN</t>
  </si>
  <si>
    <t>shahpur Syedan</t>
  </si>
  <si>
    <t>GGHS SHAHPUR SYEDAN teh &amp; distt chakwal</t>
  </si>
  <si>
    <t>CHOA GANJ ALI SHAH</t>
  </si>
  <si>
    <t>Samreen Arshad</t>
  </si>
  <si>
    <t>GGHS SHAH RAI SADULLAH</t>
  </si>
  <si>
    <t>Shah Rai Sadullah</t>
  </si>
  <si>
    <t>GGHS shah rai sadullah</t>
  </si>
  <si>
    <t>GGHS SHAH SADAR DIN</t>
  </si>
  <si>
    <t>pakki</t>
  </si>
  <si>
    <t>GGH/S SHAH SADAR DIN</t>
  </si>
  <si>
    <t>shah sadar din</t>
  </si>
  <si>
    <t>GGHS SHAHABADIKE</t>
  </si>
  <si>
    <t>shahabdike</t>
  </si>
  <si>
    <t>Shahabdike</t>
  </si>
  <si>
    <t>Sara Rafique</t>
  </si>
  <si>
    <t>injector</t>
  </si>
  <si>
    <t>GGHS SHAHAB-UD-DIN RAWAN SHAH KAMAL ROAD ICHHRA</t>
  </si>
  <si>
    <t>Clifton Colony</t>
  </si>
  <si>
    <t>Rawan Shah Kamal Road, Ichhra, LHR</t>
  </si>
  <si>
    <t>Razia Zareen</t>
  </si>
  <si>
    <t>GGHS SHAHANA LOK</t>
  </si>
  <si>
    <t>Shahana Lok</t>
  </si>
  <si>
    <t>village shahanalok</t>
  </si>
  <si>
    <t>Koto Balloch</t>
  </si>
  <si>
    <t>Mudiha Rasul</t>
  </si>
  <si>
    <t>GGHS SHAHBAZ KHEL</t>
  </si>
  <si>
    <t>molha habit khel shahbaz khel</t>
  </si>
  <si>
    <t>Ghazala Azmat</t>
  </si>
  <si>
    <t>GGHS SHAHBAZ SHARIF</t>
  </si>
  <si>
    <t>Kohatiyan</t>
  </si>
  <si>
    <t>Qureshiyan</t>
  </si>
  <si>
    <t>GGHS SHAHDIWAL</t>
  </si>
  <si>
    <t>ichar kay shadiwal gujrat</t>
  </si>
  <si>
    <t>GULSHAN FIRDOUS</t>
  </si>
  <si>
    <t>GGHS SHAHEEDAN WALI</t>
  </si>
  <si>
    <t>SHAHEEDANWALI VPO TEHSIL &amp; DISTRICT MANDI BAHAUDDIN</t>
  </si>
  <si>
    <t>SHAHEEDANWALI</t>
  </si>
  <si>
    <t>ISMAT PARVEEN</t>
  </si>
  <si>
    <t>GGHS SHAHEEN FAZAL PURA KOT KHAWAJA SAEED</t>
  </si>
  <si>
    <t>kot khawaja saeed lhr.</t>
  </si>
  <si>
    <t>Fazal Pura Kot Khawaja Saeed Lahore.</t>
  </si>
  <si>
    <t>Shah Noor park</t>
  </si>
  <si>
    <t>Hina Ghulam Shabbir</t>
  </si>
  <si>
    <t>GGHS SHAHER SULTAN</t>
  </si>
  <si>
    <t>SHAHER SUTLAN</t>
  </si>
  <si>
    <t>NEAR UNION COUNCILE SHAHER SULTAN</t>
  </si>
  <si>
    <t>Asma Sultana</t>
  </si>
  <si>
    <t>GGHS SHAHIA</t>
  </si>
  <si>
    <t>Shahia</t>
  </si>
  <si>
    <t>Main hazara road shahia, tehsil hassanabdal, district attock</t>
  </si>
  <si>
    <t>Khalida Jabin</t>
  </si>
  <si>
    <t>GGHS SHAHID IQBAL (SHAHEED) CHAK NO 172 GB</t>
  </si>
  <si>
    <t>172gb tehsil samundri distt. faisalabad</t>
  </si>
  <si>
    <t>172gb</t>
  </si>
  <si>
    <t>supplied  water</t>
  </si>
  <si>
    <t>GGHS SHAHNIKDAR</t>
  </si>
  <si>
    <t>ShahNikdur</t>
  </si>
  <si>
    <t>Gghsshahnikdur</t>
  </si>
  <si>
    <t>Ferzana Mahmood</t>
  </si>
  <si>
    <t>GGHS SHAHPUR CITY</t>
  </si>
  <si>
    <t>Shah Pur City</t>
  </si>
  <si>
    <t>Govt Girls High School Shah pur city</t>
  </si>
  <si>
    <t>Nuzhat Karim</t>
  </si>
  <si>
    <t>GGHS SHAHPUR SADAR</t>
  </si>
  <si>
    <t>Shahpur Sadar</t>
  </si>
  <si>
    <t>shahpur sadar teh.shahpur DIstt.Sargodha</t>
  </si>
  <si>
    <t>GGHS SHAHZADA</t>
  </si>
  <si>
    <t>v&amp;pobox shahzada</t>
  </si>
  <si>
    <t>Shahzada Pasrur</t>
  </si>
  <si>
    <t>YASMEEN KOUSAR</t>
  </si>
  <si>
    <t>GGHS SHAKAR DARA</t>
  </si>
  <si>
    <t>shakardara</t>
  </si>
  <si>
    <t>Govt Girls High School Shakardara Attock</t>
  </si>
  <si>
    <t>sarwala</t>
  </si>
  <si>
    <t>Sajida Kalsoom</t>
  </si>
  <si>
    <t>electric water pump</t>
  </si>
  <si>
    <t>GGHS SHAKAR GARH</t>
  </si>
  <si>
    <t>SKG</t>
  </si>
  <si>
    <t>GGHS SHAKARGARH#1</t>
  </si>
  <si>
    <t>Naveeda Afzal</t>
  </si>
  <si>
    <t>GGHS SHAKARGARH NO. 2</t>
  </si>
  <si>
    <t>shakargarh</t>
  </si>
  <si>
    <t>chak Amru road shakargarh</t>
  </si>
  <si>
    <t>Surriya ghulam rasool</t>
  </si>
  <si>
    <t>GGHS SHAKREELA</t>
  </si>
  <si>
    <t>Shakreel</t>
  </si>
  <si>
    <t>village shakreela, p.o saadat pur teh.sarai alamgir district Gujrat</t>
  </si>
  <si>
    <t>Shakreela</t>
  </si>
  <si>
    <t>zAKIA KHATOON</t>
  </si>
  <si>
    <t>GGHS SHALIMAR TOWN LAHORE</t>
  </si>
  <si>
    <t>govt girls high school shalimar town lhr</t>
  </si>
  <si>
    <t>Shalimar Town</t>
  </si>
  <si>
    <t>naseerabad</t>
  </si>
  <si>
    <t>GGHS SHAMAS ABAD</t>
  </si>
  <si>
    <t>sHAMSABAD</t>
  </si>
  <si>
    <t>GGHS SHAMSABAD VILL AND PO SHAMSABAD</t>
  </si>
  <si>
    <t>SHAMSABAD</t>
  </si>
  <si>
    <t>JAVERIA UMBREEN</t>
  </si>
  <si>
    <t>GGHS SHAMIM LALA MUSA</t>
  </si>
  <si>
    <t>Railway Road no.1 , Near Abdullah Hospital Lalamusa</t>
  </si>
  <si>
    <t>SALMA RABBANI</t>
  </si>
  <si>
    <t>govt.water - pump water</t>
  </si>
  <si>
    <t>GGHS SHAMIR</t>
  </si>
  <si>
    <t>Shameer</t>
  </si>
  <si>
    <t>village shameer tehsil kamonki district Gujranwala</t>
  </si>
  <si>
    <t>Nangal Doona Singh</t>
  </si>
  <si>
    <t>Saira Khan</t>
  </si>
  <si>
    <t>GGHS SHAMKE BHATTIAN</t>
  </si>
  <si>
    <t>shamke bhattian</t>
  </si>
  <si>
    <t>Shamke Bhattian35 km multan road lahore</t>
  </si>
  <si>
    <t>Shamke Bhattian</t>
  </si>
  <si>
    <t>Naheed Fatima</t>
  </si>
  <si>
    <t>GGHS SHAMSHER TOWN</t>
  </si>
  <si>
    <t>Shamsher Town</t>
  </si>
  <si>
    <t>gghs shamsher town sargodha</t>
  </si>
  <si>
    <t>M C</t>
  </si>
  <si>
    <t>GGHS SHARAQPUR KHURD</t>
  </si>
  <si>
    <t>gghs sharaq pur khurd</t>
  </si>
  <si>
    <t>Kotabdulmalik</t>
  </si>
  <si>
    <t>nosheen Rafique</t>
  </si>
  <si>
    <t>GGHS SHARIF ABAD</t>
  </si>
  <si>
    <t>Gilkala</t>
  </si>
  <si>
    <t>Bashiran</t>
  </si>
  <si>
    <t>electric water coolor and hand pump</t>
  </si>
  <si>
    <t>GGHS SHARIF CHAJRA</t>
  </si>
  <si>
    <t>Sharif Chajra</t>
  </si>
  <si>
    <t>Govt Girls High school Sharif chajra</t>
  </si>
  <si>
    <t>Rashda perveen</t>
  </si>
  <si>
    <t>GGHS SHARIF PURA MULTAN</t>
  </si>
  <si>
    <t>Juma Khalisa</t>
  </si>
  <si>
    <t>Bewa colony Multan</t>
  </si>
  <si>
    <t>Anila Masood</t>
  </si>
  <si>
    <t>GGHS SHEEN BAGH</t>
  </si>
  <si>
    <t>attock</t>
  </si>
  <si>
    <t>sheenbagh attock</t>
  </si>
  <si>
    <t>sheenbagh</t>
  </si>
  <si>
    <t>sabiha khanum</t>
  </si>
  <si>
    <t>GGHS SHEIKH UMER</t>
  </si>
  <si>
    <t>mouza sheikh umer kot adu</t>
  </si>
  <si>
    <t>IRSHAD PARVEEN</t>
  </si>
  <si>
    <t>GGHS SHEIKH WAHIN</t>
  </si>
  <si>
    <t>zafrabad, muza Sheikh Wahan</t>
  </si>
  <si>
    <t>Zafrabad</t>
  </si>
  <si>
    <t>Asia Rauf</t>
  </si>
  <si>
    <t>GGHS SHEIKPUR</t>
  </si>
  <si>
    <t>G.G.H.S sheikhpur post office sheikhpur gujrat</t>
  </si>
  <si>
    <t>ayesha Maqsood</t>
  </si>
  <si>
    <t>GGHS SHER CHAKER</t>
  </si>
  <si>
    <t>Haveli Sheikh Raju</t>
  </si>
  <si>
    <t>gghs sherchakir</t>
  </si>
  <si>
    <t>Sherchakir</t>
  </si>
  <si>
    <t>GGHS SHER SHAH COLONY LAHORE</t>
  </si>
  <si>
    <t>A block sher Shah colony</t>
  </si>
  <si>
    <t>Sher Shah Colony</t>
  </si>
  <si>
    <t>Bhobtiyan</t>
  </si>
  <si>
    <t>GGHS SHER SHAH MULTAN</t>
  </si>
  <si>
    <t>SHER SHAH</t>
  </si>
  <si>
    <t>BASTI DRBAR SHER SHAH MULTAN</t>
  </si>
  <si>
    <t>GGHS SHER ZAMAN COLONY</t>
  </si>
  <si>
    <t>Sher zaman colony Tulsa road Rawalpindi</t>
  </si>
  <si>
    <t>Tulsa</t>
  </si>
  <si>
    <t>kaneez zanub</t>
  </si>
  <si>
    <t>GGHS SHEROKE</t>
  </si>
  <si>
    <t>Sherokey</t>
  </si>
  <si>
    <t>GGHS SHEROKEY</t>
  </si>
  <si>
    <t>Dheori</t>
  </si>
  <si>
    <t>GGHS SHIKAR PUR</t>
  </si>
  <si>
    <t>near makee masjid shikarpur</t>
  </si>
  <si>
    <t>nasira hussain</t>
  </si>
  <si>
    <t>GGHS SHINKA</t>
  </si>
  <si>
    <t>Village shinka tehsil hazro</t>
  </si>
  <si>
    <t>Taqveem Akhtar</t>
  </si>
  <si>
    <t>GGHS SHORKOT CANTT</t>
  </si>
  <si>
    <t>gghs shorkot cantt</t>
  </si>
  <si>
    <t>AZKA CHAUDHRY</t>
  </si>
  <si>
    <t>GGHS SHORKOT CITY</t>
  </si>
  <si>
    <t>khalida Perveen</t>
  </si>
  <si>
    <t>GGHS SIAL</t>
  </si>
  <si>
    <t>Govt. girls high school sial bhakkar</t>
  </si>
  <si>
    <t>Aeysha Siddiqi</t>
  </si>
  <si>
    <t>GGHS SIAL SHARIF</t>
  </si>
  <si>
    <t>Sial Shareef</t>
  </si>
  <si>
    <t>sial shareef</t>
  </si>
  <si>
    <t>Shazia Zafar</t>
  </si>
  <si>
    <t>GGHS SIALKOT BYPASS</t>
  </si>
  <si>
    <t>Sialkot Bypass</t>
  </si>
  <si>
    <t>GGHS  sialkot Bypass chowk</t>
  </si>
  <si>
    <t>Samia Shaheen</t>
  </si>
  <si>
    <t>GGHS SIAN</t>
  </si>
  <si>
    <t>sian</t>
  </si>
  <si>
    <t>Rukhsana ghulam nabi</t>
  </si>
  <si>
    <t>GGHS SIDH</t>
  </si>
  <si>
    <t>Village &amp;p.o sidh tehsil kharian distt gujrat.</t>
  </si>
  <si>
    <t>Burchh</t>
  </si>
  <si>
    <t>rashida begum</t>
  </si>
  <si>
    <t>GGHS SIHAL</t>
  </si>
  <si>
    <t>Village and post office sihal. Tehsil and district Sihal</t>
  </si>
  <si>
    <t>Nowshabah Ejaz</t>
  </si>
  <si>
    <t>GGHS SIKANDAR ABAD SHUJABAD</t>
  </si>
  <si>
    <t>SikandarAbad</t>
  </si>
  <si>
    <t>gghsSikandarAbad</t>
  </si>
  <si>
    <t>Shaheena  Khanam</t>
  </si>
  <si>
    <t>GGHS SIKHANI WALA</t>
  </si>
  <si>
    <t>Govt Girls High School SIKHANI WALA</t>
  </si>
  <si>
    <t>Nighat Javaid</t>
  </si>
  <si>
    <t>GGHS SILLANWALI</t>
  </si>
  <si>
    <t>Silanwali City</t>
  </si>
  <si>
    <t>Government Girls High School sillanwali</t>
  </si>
  <si>
    <t>GGHS SIMBLI</t>
  </si>
  <si>
    <t>VPO Simbli tehsil Sarai Alamgir District gujrat</t>
  </si>
  <si>
    <t>GGHS SIMLA ISLAMIA RWP</t>
  </si>
  <si>
    <t>B Block satellite town Rawalpindi</t>
  </si>
  <si>
    <t>B Block</t>
  </si>
  <si>
    <t>Syeda tauseef Fatima</t>
  </si>
  <si>
    <t>GGHS SINAWAN</t>
  </si>
  <si>
    <t>sinawan</t>
  </si>
  <si>
    <t>sinawan tehsil kot addu District muzaffargarh</t>
  </si>
  <si>
    <t>m C sinawan</t>
  </si>
  <si>
    <t>khalida shaheen</t>
  </si>
  <si>
    <t>GGHS SINDHALIAN WALI</t>
  </si>
  <si>
    <t>Check</t>
  </si>
  <si>
    <t>sandhilanwali</t>
  </si>
  <si>
    <t>attia younas</t>
  </si>
  <si>
    <t>GGHS SINGWALA</t>
  </si>
  <si>
    <t>Singwala</t>
  </si>
  <si>
    <t>vpo SANGWALA teh  talagang distt chakwal</t>
  </si>
  <si>
    <t>Budial</t>
  </si>
  <si>
    <t>GGHS SIR SOBA SHAH</t>
  </si>
  <si>
    <t>Anchoha</t>
  </si>
  <si>
    <t>Gghs sar suba Shah Tehsil Kallar syedan  Dusty Rwp</t>
  </si>
  <si>
    <t>Sar Suba shah</t>
  </si>
  <si>
    <t>Rehana Younis</t>
  </si>
  <si>
    <t>GGHS SIRAN WALI</t>
  </si>
  <si>
    <t>siranwali</t>
  </si>
  <si>
    <t>GGHS SIRANWALI TEH DASKA DISTT SIALKOT</t>
  </si>
  <si>
    <t>SIRANWALI</t>
  </si>
  <si>
    <t>NAVEEDA ZAFAR</t>
  </si>
  <si>
    <t>GGHS SOBHA RAM</t>
  </si>
  <si>
    <t>Sobharam</t>
  </si>
  <si>
    <t>sobharam Depalpur Okara</t>
  </si>
  <si>
    <t>Uzma Tasnim</t>
  </si>
  <si>
    <t>GGHS SOCIAL WELFARE KALIM SHAHEED CLY.</t>
  </si>
  <si>
    <t>GOVT GIRLS HIGH SCHOOL KALEEM SHAHEED COLONY NO1 FSD</t>
  </si>
  <si>
    <t>KALEEM SHAHEED COLONY NO1</t>
  </si>
  <si>
    <t>SIDDIQUE ABAD</t>
  </si>
  <si>
    <t>GGHS SODHIWAL</t>
  </si>
  <si>
    <t>Sodhiwal</t>
  </si>
  <si>
    <t>GGHS sodhiwal P/O Mandi Ahmad Abad,Tehsil Depalpur district okara.</t>
  </si>
  <si>
    <t>Sodhiwal(Mandi ahmad abad)</t>
  </si>
  <si>
    <t>MC Mandi Ahmad Abad</t>
  </si>
  <si>
    <t>GGHS SODIWAL QUARTERS MULTAN ROAD LHR.</t>
  </si>
  <si>
    <t>sodiwal</t>
  </si>
  <si>
    <t>gghs sodiwal quarters multan road,lhr.</t>
  </si>
  <si>
    <t>mrs. mah farah</t>
  </si>
  <si>
    <t>GGHS SOHAN</t>
  </si>
  <si>
    <t>village and post office sohan tehsil Dina Distt.jhelum</t>
  </si>
  <si>
    <t>Sohah</t>
  </si>
  <si>
    <t>Sehrish Zameer</t>
  </si>
  <si>
    <t>GGHS SOHAWA</t>
  </si>
  <si>
    <t>VPO Sohawa via Khanpur , Tehsil And District Chakwal</t>
  </si>
  <si>
    <t>GGHS SOHAWA DILLOANA</t>
  </si>
  <si>
    <t>sohawa Dilloana</t>
  </si>
  <si>
    <t>Sohawa Dilloana</t>
  </si>
  <si>
    <t>SOHAWA DILLOANA</t>
  </si>
  <si>
    <t>GGHS SOHDRA</t>
  </si>
  <si>
    <t>GGHS SOHDRA(34120033)Teh Wazirabad Distt Gujranwala</t>
  </si>
  <si>
    <t>TAHIRA KOUSAR</t>
  </si>
  <si>
    <t>GGHS SOKAR</t>
  </si>
  <si>
    <t>BUGHLANI</t>
  </si>
  <si>
    <t>BASTI SOKAR TEHSIL TAUNSA</t>
  </si>
  <si>
    <t>Zubaida khanum</t>
  </si>
  <si>
    <t>GGHS SONDHA</t>
  </si>
  <si>
    <t>SOONDHA</t>
  </si>
  <si>
    <t>GGHS SOONDHA BWN</t>
  </si>
  <si>
    <t>fareeda khanam</t>
  </si>
  <si>
    <t>GGHS SOOK KALAN</t>
  </si>
  <si>
    <t>sook  kalan</t>
  </si>
  <si>
    <t>G.G.H School sook kalan Gujrat</t>
  </si>
  <si>
    <t>sook kalan</t>
  </si>
  <si>
    <t>Sook kalan Gujrat</t>
  </si>
  <si>
    <t>GGHS SUFI PURA M.B.DIN</t>
  </si>
  <si>
    <t>SUFI PURA</t>
  </si>
  <si>
    <t>MOH, SUFI PURA BUGHY SHAH ROAD MANDI BAHAUDDIN</t>
  </si>
  <si>
    <t>GGHS SUGAR MILLS COLONY LAYYAH</t>
  </si>
  <si>
    <t>Sugar Mills Copony Layyah</t>
  </si>
  <si>
    <t>GGHS Sugar Mills Colony Layyah</t>
  </si>
  <si>
    <t>Sugar Mills Colony Layyah</t>
  </si>
  <si>
    <t>ghazala mumtaz</t>
  </si>
  <si>
    <t>GGHS SUKHO</t>
  </si>
  <si>
    <t>VPO SUKHO TEHSIL GUJAR KHAN DISTRICT RAWALPINDI</t>
  </si>
  <si>
    <t>Farhat-un-Nisa</t>
  </si>
  <si>
    <t>GGHS SUKKA TALAGANG</t>
  </si>
  <si>
    <t>GGHS SULAKHN ABAD</t>
  </si>
  <si>
    <t>Solakhnabad</t>
  </si>
  <si>
    <t>Govt girls High school solakhnabad post office solakhnabad pasroor road grw</t>
  </si>
  <si>
    <t>Talwandi Musa Khan</t>
  </si>
  <si>
    <t>SARFARAZ AKHTAR</t>
  </si>
  <si>
    <t>GGHS SULEMAN PURA</t>
  </si>
  <si>
    <t>GGHS suleman pura bhalwal street no.18 suleman pura bhalwal tehsil bhalwal district sargodha</t>
  </si>
  <si>
    <t>Suleman Pura</t>
  </si>
  <si>
    <t>City Bhalwal</t>
  </si>
  <si>
    <t>Nargis Tasleem</t>
  </si>
  <si>
    <t>GGHS SULTAN AHMED ROAD ICCHRA LAHORE</t>
  </si>
  <si>
    <t>sultan ahmad road ichhra</t>
  </si>
  <si>
    <t>Ichhra</t>
  </si>
  <si>
    <t>Tabasum Aslam</t>
  </si>
  <si>
    <t>GGHS SULTAN BAHU</t>
  </si>
  <si>
    <t>Sultan Bahoo</t>
  </si>
  <si>
    <t>gghs sultan bahoo samandari road sultan bahoo tehsil A.P.Sial</t>
  </si>
  <si>
    <t>Shazia Sadaf</t>
  </si>
  <si>
    <t>GGHS SULTAN BUKISH GUJRAT</t>
  </si>
  <si>
    <t>Sultan Bukhsh</t>
  </si>
  <si>
    <t>govt. sultan bukish railway road gujrat</t>
  </si>
  <si>
    <t>aziz abad Railway road</t>
  </si>
  <si>
    <t>chah kholay</t>
  </si>
  <si>
    <t>Sobia Ali</t>
  </si>
  <si>
    <t>GGHS SULTAN KEY</t>
  </si>
  <si>
    <t>Sultan Ky</t>
  </si>
  <si>
    <t>P/o raiwend dstr lhr village sultan ky</t>
  </si>
  <si>
    <t>Sultan Kay</t>
  </si>
  <si>
    <t>shaheen kauser</t>
  </si>
  <si>
    <t>GGHS SULTAN KHEL</t>
  </si>
  <si>
    <t>sultankhel</t>
  </si>
  <si>
    <t>govt.girls high school,sultankhel</t>
  </si>
  <si>
    <t>GGHS SULTAN PUR</t>
  </si>
  <si>
    <t>GGHS sultanpur shahpur sargodha</t>
  </si>
  <si>
    <t>Sultanpur Maiken</t>
  </si>
  <si>
    <t>Mehvish Naheed</t>
  </si>
  <si>
    <t>GGHS SULTAN PURA NEW LATIFABAD MULTAN</t>
  </si>
  <si>
    <t>NEW LATIF BAD</t>
  </si>
  <si>
    <t>GGHS SULTAN PURA NEW LATIF ABAD MULTAN</t>
  </si>
  <si>
    <t>NEW LATIF ABAD</t>
  </si>
  <si>
    <t>ASHRAF COLONY</t>
  </si>
  <si>
    <t>FOZIA NISHAT</t>
  </si>
  <si>
    <t>WATER FILTERATION PLANT BY GOVT</t>
  </si>
  <si>
    <t>GGHS SUMRA NASHAIB SHUMALI</t>
  </si>
  <si>
    <t>sumra Nashaib shumali layyah</t>
  </si>
  <si>
    <t>Shahnila Zaffar</t>
  </si>
  <si>
    <t>GGHS SUNDER MULTAN ROAD LAHORE</t>
  </si>
  <si>
    <t>sundar</t>
  </si>
  <si>
    <t>sundar multan road lahore</t>
  </si>
  <si>
    <t>sham k bhatian</t>
  </si>
  <si>
    <t>mrs. kaniz akhtar awan d/o ali hussain</t>
  </si>
  <si>
    <t>GGHS SURGDHAN</t>
  </si>
  <si>
    <t>Surgdhan</t>
  </si>
  <si>
    <t>Govt. Girls High School Surgdhan Tehsil Sohawa Distt. Jhelum</t>
  </si>
  <si>
    <t>Ghausia Bibi</t>
  </si>
  <si>
    <t>GGHS SURKHPUR</t>
  </si>
  <si>
    <t>Village and p.o.box surkhpur teh and distt Gujrat</t>
  </si>
  <si>
    <t>Musarat Shahin</t>
  </si>
  <si>
    <t>GGHS SURRIA GUJRAN</t>
  </si>
  <si>
    <t>GGHS sarriya gujran</t>
  </si>
  <si>
    <t>Sarriya Gujran</t>
  </si>
  <si>
    <t>GGHS SUSRAL</t>
  </si>
  <si>
    <t>vpo sasral</t>
  </si>
  <si>
    <t>GGHS SUTAR MILLS</t>
  </si>
  <si>
    <t>manawan</t>
  </si>
  <si>
    <t>sootermills Lahore</t>
  </si>
  <si>
    <t>sooter mills</t>
  </si>
  <si>
    <t>handu gujjar</t>
  </si>
  <si>
    <t>Salma Sajid</t>
  </si>
  <si>
    <t>GGHS SUTLEJ OKARA</t>
  </si>
  <si>
    <t>Gghs sutlej Okara</t>
  </si>
  <si>
    <t>Garden Town Okara</t>
  </si>
  <si>
    <t>razia atif</t>
  </si>
  <si>
    <t>GGHS SYED</t>
  </si>
  <si>
    <t>tariqabad khokherki</t>
  </si>
  <si>
    <t>Samrana Atiqa</t>
  </si>
  <si>
    <t>GGHS SYED IMAM SHAH BAHAWALPUR</t>
  </si>
  <si>
    <t>near puarani sabzi mandi opposite tibiyah college bwp</t>
  </si>
  <si>
    <t>aam khaas</t>
  </si>
  <si>
    <t>Naila Shahid</t>
  </si>
  <si>
    <t>GGHS TAHIR MODEL GULSHAN-E-SHALIMAR HOUSING SCHEME</t>
  </si>
  <si>
    <t>madina colony  baghbanpura lhr</t>
  </si>
  <si>
    <t>madina colony</t>
  </si>
  <si>
    <t>SAYYEDA MOGHEES BUKHARI</t>
  </si>
  <si>
    <t>GGHS TAHIR WALI</t>
  </si>
  <si>
    <t>Tahir Wali</t>
  </si>
  <si>
    <t>P/o Jhelan wali Basti Tahir wali chani goth</t>
  </si>
  <si>
    <t>GGHS TAHLI GORAYA</t>
  </si>
  <si>
    <t>Thali goraya</t>
  </si>
  <si>
    <t>Madhora kalan</t>
  </si>
  <si>
    <t>Naseer Nawaz</t>
  </si>
  <si>
    <t>GGHS TAHLIAN WALA</t>
  </si>
  <si>
    <t>GGHS TAHLIANWALA CHAK KHASA AND P/O TAHLIANWALA TEH AND DISTT JHELUM</t>
  </si>
  <si>
    <t>KHASA</t>
  </si>
  <si>
    <t>GGHS TAJ PURA SCHEME LAHORE CANTT</t>
  </si>
  <si>
    <t>TAJPURA</t>
  </si>
  <si>
    <t>GGHS TAJPURA SCHEME(NEAR BABRRI MASJID) LAHORE CANTT</t>
  </si>
  <si>
    <t>MISBAH TALLAT</t>
  </si>
  <si>
    <t>GGHS TAKAL</t>
  </si>
  <si>
    <t>takal</t>
  </si>
  <si>
    <t>Village &amp; PO TAKAL TEHSIL KALLAR SYEDAN DISTT rawalpindi</t>
  </si>
  <si>
    <t>choha khalsa</t>
  </si>
  <si>
    <t>UZMA YASMIN</t>
  </si>
  <si>
    <t>GGHS TAKHAT PARI</t>
  </si>
  <si>
    <t>GGHS TAKHT PARI RAWALPINDI</t>
  </si>
  <si>
    <t>TAKHT PARI</t>
  </si>
  <si>
    <t>nadia shahbaz</t>
  </si>
  <si>
    <t>GGHS TAKHAT PUR</t>
  </si>
  <si>
    <t>Takhat Pur</t>
  </si>
  <si>
    <t>Govt. Girls High School Takhat Pur,Tehsil Pasrur,Distt Sialkot</t>
  </si>
  <si>
    <t>Sana Younas</t>
  </si>
  <si>
    <t>GGHS TAKHT HAZARA</t>
  </si>
  <si>
    <t>Takhat Hazara Village</t>
  </si>
  <si>
    <t>gghs  takhat hazara tehsil kotmomin district Sargodha</t>
  </si>
  <si>
    <t>Takhat Hazara</t>
  </si>
  <si>
    <t>Saira Batool</t>
  </si>
  <si>
    <t>GGHS TALAB WALA</t>
  </si>
  <si>
    <t>GGHS TALAB WALA CHUNIAN</t>
  </si>
  <si>
    <t>CITY1</t>
  </si>
  <si>
    <t>syeda munazza fatima</t>
  </si>
  <si>
    <t>GGHS TALBANI</t>
  </si>
  <si>
    <t>p/o Talbani Tehsil Liaqat District Rahim Yar Khan</t>
  </si>
  <si>
    <t>Rabeeya Altaf</t>
  </si>
  <si>
    <t>GGHS TALHARA</t>
  </si>
  <si>
    <t>Talhara</t>
  </si>
  <si>
    <t>Yasmin</t>
  </si>
  <si>
    <t>GGHS TALIM UL BINAT SHESHA MOTI BAZAR LAHORE</t>
  </si>
  <si>
    <t>Ghumti Bazar</t>
  </si>
  <si>
    <t>Govt taleem ul binat high school shisha moti bazar lahore</t>
  </si>
  <si>
    <t>Sooter Mandi</t>
  </si>
  <si>
    <t>GGHS TALWANDI</t>
  </si>
  <si>
    <t>Iram Ambrin</t>
  </si>
  <si>
    <t>GGHS TALWANDI BHINDRAN</t>
  </si>
  <si>
    <t>Talwandi bhindran</t>
  </si>
  <si>
    <t>gghs talwandi bhindran</t>
  </si>
  <si>
    <t>GGHS TALWANDI KHAJOOR WALI</t>
  </si>
  <si>
    <t>talwandi khjoor wali</t>
  </si>
  <si>
    <t>GGHS TALWANDI KHAJOORWALI</t>
  </si>
  <si>
    <t>talwandi khajoorwali</t>
  </si>
  <si>
    <t>Shafia Akhtar</t>
  </si>
  <si>
    <t>GGHS TALWANDI MUSA KHAN</t>
  </si>
  <si>
    <t>Talwandi Musa Khan Gujranwala</t>
  </si>
  <si>
    <t>Rifat Jahan</t>
  </si>
  <si>
    <t>GGHS TAMBOLI</t>
  </si>
  <si>
    <t>Tamboli</t>
  </si>
  <si>
    <t>gghs tamboli sadhoke</t>
  </si>
  <si>
    <t>Gunaur</t>
  </si>
  <si>
    <t>Naila Malik</t>
  </si>
  <si>
    <t>GGHS TAMIR-E-MILLAT</t>
  </si>
  <si>
    <t>Basti Amanat Ali</t>
  </si>
  <si>
    <t>millat road rahim yar khan</t>
  </si>
  <si>
    <t>GGHS TAMMAN TEHSIL TALAGHANG</t>
  </si>
  <si>
    <t>vpo tamman</t>
  </si>
  <si>
    <t>Riffat Fatima</t>
  </si>
  <si>
    <t>GGHS TANDA</t>
  </si>
  <si>
    <t>TANDA</t>
  </si>
  <si>
    <t>GOVT.GIRLS HIGH SCHOOL TANDA TEH.AND DISTT.GUJRAT</t>
  </si>
  <si>
    <t>YASMIN TAHIRA</t>
  </si>
  <si>
    <t>GGHS TANVEER ISLAMIA MUSTAFA ABAD</t>
  </si>
  <si>
    <t>mustafa bad lhr Cantt</t>
  </si>
  <si>
    <t>Adila Basit</t>
  </si>
  <si>
    <t>GGHS TAPILA DOST MUHAMMAD</t>
  </si>
  <si>
    <t>TAPPIALA DOST MUHAMMAD</t>
  </si>
  <si>
    <t>GOVT. GHS  TAPPIALA DOST MUHAMMAD  TEHSIL MURIDKE DISTRICT SHEIKHUPURA</t>
  </si>
  <si>
    <t>LAMBRAY</t>
  </si>
  <si>
    <t>ishrat nigah</t>
  </si>
  <si>
    <t>GGHS TARAP</t>
  </si>
  <si>
    <t>GOVT GIRLS HIGH SCHOOL TARAP TEHSIL JAND DISTRICT ATTOCK</t>
  </si>
  <si>
    <t>GGHS TARIGRI</t>
  </si>
  <si>
    <t>Trigri</t>
  </si>
  <si>
    <t>Village &amp; P/O Trigri Teh &amp; District  Gujranwala</t>
  </si>
  <si>
    <t>Zunaira Hafiz Muhammad</t>
  </si>
  <si>
    <t>GGHS TARIQ ABAD</t>
  </si>
  <si>
    <t>Tariqabad, tehsil and district sargodha</t>
  </si>
  <si>
    <t>GGHS TATRAL CHAKWAL</t>
  </si>
  <si>
    <t>Tatral</t>
  </si>
  <si>
    <t>Gghstatral chakwal</t>
  </si>
  <si>
    <t>Naila Afshan</t>
  </si>
  <si>
    <t>GGHS TAUNSA CITY</t>
  </si>
  <si>
    <t>Tub</t>
  </si>
  <si>
    <t>govt girls high school city taunsa</t>
  </si>
  <si>
    <t>Taunsa Sharif</t>
  </si>
  <si>
    <t>KALSOOM HINA</t>
  </si>
  <si>
    <t>GGHS TAXILA</t>
  </si>
  <si>
    <t>GGHS taxila railway road</t>
  </si>
  <si>
    <t>Gheela Khurd</t>
  </si>
  <si>
    <t>Zareen Iqbal</t>
  </si>
  <si>
    <t>GGHS TDA COLONY LAYYAH</t>
  </si>
  <si>
    <t>GGHS TDA Colony layyah   Near Tda chock  layyah</t>
  </si>
  <si>
    <t>layyah 1</t>
  </si>
  <si>
    <t>SHAHEENA FARID</t>
  </si>
  <si>
    <t>GGHS TECHNICAL SANGLA HILL</t>
  </si>
  <si>
    <t>sangla</t>
  </si>
  <si>
    <t>govt tech high school sangla hill</t>
  </si>
  <si>
    <t>munazzA zIA</t>
  </si>
  <si>
    <t>GGHS TEHZEEB-UL-BINAT 3-B I TOWNSHIP</t>
  </si>
  <si>
    <t>GOVT.TEHZEEB-UL-BINAT MODAL GHS,3B1,TOWNSHIP,LAHORE.</t>
  </si>
  <si>
    <t>3B1</t>
  </si>
  <si>
    <t>GGHS TEHZEEB-UL-BINAT TAKIA SADHUAN LAHORE</t>
  </si>
  <si>
    <t>serian wala bzar takia sadhuan rang mehal lahore</t>
  </si>
  <si>
    <t>Shah Alam Gate</t>
  </si>
  <si>
    <t>Mrs Uzma Gilani</t>
  </si>
  <si>
    <t>GGHS TEHZIB UL BANNAT</t>
  </si>
  <si>
    <t>Ghanta Gher</t>
  </si>
  <si>
    <t>GGHS tehzib ul binnat near clock tower gujranwala</t>
  </si>
  <si>
    <t>Melad Chock</t>
  </si>
  <si>
    <t>Nighat Tariq</t>
  </si>
  <si>
    <t>GGHS TENCH BHATIA</t>
  </si>
  <si>
    <t>tench bhatta rwp</t>
  </si>
  <si>
    <t>yasmeen mehboob</t>
  </si>
  <si>
    <t>GGHS THAHEEM WALA</t>
  </si>
  <si>
    <t>Ghalwan II</t>
  </si>
  <si>
    <t>Basti Hassan Wala Khan Naala Moza Ghalwan II Tehsil Alipur</t>
  </si>
  <si>
    <t>Basti Hassan Wala</t>
  </si>
  <si>
    <t>GGHS THALAY KALAN</t>
  </si>
  <si>
    <t>Thillay Kalan Teh Narowal district Narowal</t>
  </si>
  <si>
    <t>bushra mobeen</t>
  </si>
  <si>
    <t>GGHS THANEEL KAMAL</t>
  </si>
  <si>
    <t>Vpo thanil kamal tehsil &amp; district chakwal</t>
  </si>
  <si>
    <t>Robia Parveen</t>
  </si>
  <si>
    <t>GGHS THATHA KHERO MUTUMAL</t>
  </si>
  <si>
    <t>thatha</t>
  </si>
  <si>
    <t>thatha khairio</t>
  </si>
  <si>
    <t>thatha khairo</t>
  </si>
  <si>
    <t>GGHS THATHA SADIQ ABAD JAHANIAN</t>
  </si>
  <si>
    <t>GGHS THATHA SADIQ ABAD jahanian</t>
  </si>
  <si>
    <t>Thatha sadiq Abad</t>
  </si>
  <si>
    <t>Matin Gul</t>
  </si>
  <si>
    <t>GGHS THATHI</t>
  </si>
  <si>
    <t>village &amp; p. o thathi tehsile  Gujarkhan  distt.rawalpindi</t>
  </si>
  <si>
    <t>Zoya Khalid</t>
  </si>
  <si>
    <t>GGHS THATHI BALA RAJA</t>
  </si>
  <si>
    <t>govt. girls high school thathi bala raja, tehsil lalian distirict chiniot</t>
  </si>
  <si>
    <t>Mubashra mubeen</t>
  </si>
  <si>
    <t>GGHS THATHI GADIAN SAHIWAL DIST. SARGODHA</t>
  </si>
  <si>
    <t>THATHI LAMBI</t>
  </si>
  <si>
    <t>GGHS THATHI GADIAN SAHIWAL DISTRICT SARGODHA</t>
  </si>
  <si>
    <t>Kinza Zafar</t>
  </si>
  <si>
    <t>GGHS THATTA</t>
  </si>
  <si>
    <t>THATTA</t>
  </si>
  <si>
    <t>V P O GOVT GIRLS HIGH SCHOOL THATTA</t>
  </si>
  <si>
    <t>JAMIL AKHTAR</t>
  </si>
  <si>
    <t>GGHS THATTA KHALIL</t>
  </si>
  <si>
    <t>GGHS thatha Khalil,  Taxila</t>
  </si>
  <si>
    <t>GGHS THATTA MUSA</t>
  </si>
  <si>
    <t>thathamusa</t>
  </si>
  <si>
    <t>v.p.o thathamusa tehsil/distt.gujrat</t>
  </si>
  <si>
    <t>roubina kousar</t>
  </si>
  <si>
    <t>GGHS THEH PANJU KAHNA LAHORE CANTT</t>
  </si>
  <si>
    <t>theh panju</t>
  </si>
  <si>
    <t>they panju</t>
  </si>
  <si>
    <t>panju</t>
  </si>
  <si>
    <t>mrs khursheed jabbar khan</t>
  </si>
  <si>
    <t>GGHS THEH SHEIKHUM</t>
  </si>
  <si>
    <t>theh sheikhum</t>
  </si>
  <si>
    <t>GGHS theh Sheikhum Kasur</t>
  </si>
  <si>
    <t>Theh Sheikham</t>
  </si>
  <si>
    <t>Saleha Khalid</t>
  </si>
  <si>
    <t>GGHS THINGI COLONY</t>
  </si>
  <si>
    <t>Thingi</t>
  </si>
  <si>
    <t>chak no 172 wb.thingi</t>
  </si>
  <si>
    <t>Chak No 78 Wb</t>
  </si>
  <si>
    <t>Saadia Hadiat</t>
  </si>
  <si>
    <t>GGHS THIRPAL</t>
  </si>
  <si>
    <t>Thirpal</t>
  </si>
  <si>
    <t>v.p.o. thirpal chakwal</t>
  </si>
  <si>
    <t>Karayala</t>
  </si>
  <si>
    <t>Shehnaz  Bibi</t>
  </si>
  <si>
    <t>GGHS THOHA BAHDUR</t>
  </si>
  <si>
    <t>Thoha Bahadur</t>
  </si>
  <si>
    <t>GGHS Thoha Bahadur</t>
  </si>
  <si>
    <t>khaizran zahra</t>
  </si>
  <si>
    <t>GGHS THOHA KHALSA</t>
  </si>
  <si>
    <t>Thoha Khalsa</t>
  </si>
  <si>
    <t>vpo gghsthoha khalsa teh kahuta distt rwp</t>
  </si>
  <si>
    <t>Samina Mushtaq</t>
  </si>
  <si>
    <t>GGHS THOON</t>
  </si>
  <si>
    <t>Kotli</t>
  </si>
  <si>
    <t>government girls high school, thoon,kotli sattian.</t>
  </si>
  <si>
    <t>Qudsia Hussan</t>
  </si>
  <si>
    <t>GGHS THROO HARIAN</t>
  </si>
  <si>
    <t>throo harian</t>
  </si>
  <si>
    <t>Dhulam Kahlwan</t>
  </si>
  <si>
    <t>Raisa Zeb</t>
  </si>
  <si>
    <t>GGHS THULL HAMZA</t>
  </si>
  <si>
    <t>gghs thull hamza p/o Thull Hamza Liaquat pur</t>
  </si>
  <si>
    <t>Sajida Mahmood Bhatti</t>
  </si>
  <si>
    <t>GGHS TIBBA BADAR SHAIR NO.1</t>
  </si>
  <si>
    <t>bader sher</t>
  </si>
  <si>
    <t>bader sher bahawalpur</t>
  </si>
  <si>
    <t>GGHS TIBBA HAMID SHAH</t>
  </si>
  <si>
    <t>Lundi</t>
  </si>
  <si>
    <t>Tibba Hamid Shah</t>
  </si>
  <si>
    <t>Tibba Hamid shah</t>
  </si>
  <si>
    <t>FARIDA BIBI</t>
  </si>
  <si>
    <t>GGHS TIBBI GORIAN</t>
  </si>
  <si>
    <t>Tibbi Gorian</t>
  </si>
  <si>
    <t>Tibbi gorian.</t>
  </si>
  <si>
    <t>Aadowal</t>
  </si>
  <si>
    <t>GGHS TIBBI HUMBO CHAK NO 578</t>
  </si>
  <si>
    <t>govt girls high schooltibbi humbo chak no.578</t>
  </si>
  <si>
    <t>tibbi Humbo</t>
  </si>
  <si>
    <t>tibbi humbo</t>
  </si>
  <si>
    <t>GGHS TIBBI QAISRANI</t>
  </si>
  <si>
    <t>Tibbi Miana</t>
  </si>
  <si>
    <t>TIBBI QAISRANI TEH TAUNSA Disst. D G Khan</t>
  </si>
  <si>
    <t>Tibbi Qaisrani</t>
  </si>
  <si>
    <t>GGHS TOBA BALOCHAN</t>
  </si>
  <si>
    <t>Dhab Wazir Ka</t>
  </si>
  <si>
    <t>Govt. Girls High School Toba Balochan Tehsil Minchin abad</t>
  </si>
  <si>
    <t>Afshan Munir</t>
  </si>
  <si>
    <t>GGHS TOBA QALNDAR SHAH</t>
  </si>
  <si>
    <t>Toba Qalandar Toba Qalander  Shah</t>
  </si>
  <si>
    <t>Govt. Girls High School Toba Qalander Shah Bahawalnagar</t>
  </si>
  <si>
    <t>Kouser Ghulam Muhammad</t>
  </si>
  <si>
    <t>GGHS TOBAH</t>
  </si>
  <si>
    <t>v.p.o tobah teh p.d.khan dist jhelum1952</t>
  </si>
  <si>
    <t>Saima Nighat Sherazi</t>
  </si>
  <si>
    <t>GGHS TOLAY KEY</t>
  </si>
  <si>
    <t>village tolekee</t>
  </si>
  <si>
    <t>tolaykee</t>
  </si>
  <si>
    <t>ghaniya</t>
  </si>
  <si>
    <t>Nosheen Shoukat</t>
  </si>
  <si>
    <t>GGHS TOOR</t>
  </si>
  <si>
    <t>vpo Toor
teh distt jlm</t>
  </si>
  <si>
    <t>Sameera Noureen</t>
  </si>
  <si>
    <t>GGHS TOORAN WAL</t>
  </si>
  <si>
    <t>Village toranwal p/o kotli loharan</t>
  </si>
  <si>
    <t>Head marala</t>
  </si>
  <si>
    <t>samina younas</t>
  </si>
  <si>
    <t>GGHS TOOT</t>
  </si>
  <si>
    <t>toot</t>
  </si>
  <si>
    <t>v.p.o toot tehsil gheb district attock</t>
  </si>
  <si>
    <t>maira shareef</t>
  </si>
  <si>
    <t>REHANA NASEEM</t>
  </si>
  <si>
    <t>GGHS TOQEER SHAHEED LALA MUSA (NEWLY EST)</t>
  </si>
  <si>
    <t>GGHS TOQEER SHAHEED LALAMUSA,Sardar Pura Road Near Eid Gah Masjid</t>
  </si>
  <si>
    <t>SARDAR PURA</t>
  </si>
  <si>
    <t>Fouzia Bibi</t>
  </si>
  <si>
    <t>GGHS TORANGI GHARBI</t>
  </si>
  <si>
    <t>post office tola bangi khail district mianwali</t>
  </si>
  <si>
    <t>Torangi</t>
  </si>
  <si>
    <t>SAEEDA BEGUM</t>
  </si>
  <si>
    <t>GGHS TREEL</t>
  </si>
  <si>
    <t>Treel</t>
  </si>
  <si>
    <t>vill Treel, P. O Treel,Teh Kallar Syedan, Distt rwp</t>
  </si>
  <si>
    <t>Saima Javed</t>
  </si>
  <si>
    <t>GGHS TRIMU HEAD</t>
  </si>
  <si>
    <t>Dhui Muhammad</t>
  </si>
  <si>
    <t>Head trimu canal colony moza dhui Muhammad tehsil &amp;district Jhang</t>
  </si>
  <si>
    <t>hameeda fatima</t>
  </si>
  <si>
    <t>GGHS TRINDA ALI MURAD</t>
  </si>
  <si>
    <t>Taranda Ali Murad</t>
  </si>
  <si>
    <t>PO TARANDA ALI MURAD, GPO kot samaba, Sonak Road</t>
  </si>
  <si>
    <t>TARANDA ALI MURAD</t>
  </si>
  <si>
    <t>Hina Afzal</t>
  </si>
  <si>
    <t>GGHS TRUG EAST</t>
  </si>
  <si>
    <t>Trag East</t>
  </si>
  <si>
    <t>gghss trag east</t>
  </si>
  <si>
    <t>TRAG</t>
  </si>
  <si>
    <t>Ateeqa Jalal</t>
  </si>
  <si>
    <t>GGHS TURKISH COLONY MUZAFFARGARH</t>
  </si>
  <si>
    <t>Rakh khan pur</t>
  </si>
  <si>
    <t>GGHS TURKISH COLONY</t>
  </si>
  <si>
    <t>turkish colony</t>
  </si>
  <si>
    <t>GGHS TURKISH MODEL VILLAGE RAKH AZMAT WALA</t>
  </si>
  <si>
    <t>Turkish Model Village Rakh Azmat Wala Jampur</t>
  </si>
  <si>
    <t>Turkish Model Village</t>
  </si>
  <si>
    <t>Pervin Akhtar</t>
  </si>
  <si>
    <t>GGHS TURKISH MODEL VILLAGE RAKH FAZIL PUR</t>
  </si>
  <si>
    <t>RAKH Fazilpur</t>
  </si>
  <si>
    <t>turkish model village kotla androon road fazilpur</t>
  </si>
  <si>
    <t>Miss Saima Asghar</t>
  </si>
  <si>
    <t>GGHS UCHHALI</t>
  </si>
  <si>
    <t>Uchhali</t>
  </si>
  <si>
    <t>gghs uchhali vpo uchhali</t>
  </si>
  <si>
    <t>UChhali</t>
  </si>
  <si>
    <t>GGHS UGALI</t>
  </si>
  <si>
    <t>Ugali</t>
  </si>
  <si>
    <t>g g h school  ugali</t>
  </si>
  <si>
    <t>Adila Naz</t>
  </si>
  <si>
    <t>GGHS UGGO BHINDER</t>
  </si>
  <si>
    <t>Uggobhinder</t>
  </si>
  <si>
    <t>uggobhinderP/O Eminabad,Kamoki,Gujranwala</t>
  </si>
  <si>
    <t>KotliNawab</t>
  </si>
  <si>
    <t>Hina Ibrar</t>
  </si>
  <si>
    <t>GGHS UMAR KHICHI</t>
  </si>
  <si>
    <t>umar khichi</t>
  </si>
  <si>
    <t>mouza Umar Khichi mailsi</t>
  </si>
  <si>
    <t>dhamakki</t>
  </si>
  <si>
    <t>Tahira Amin</t>
  </si>
  <si>
    <t>GGHS UMER PURA CHAK NO 50/RB</t>
  </si>
  <si>
    <t>Umerpura</t>
  </si>
  <si>
    <t>gghs umerpura chak#50 rb</t>
  </si>
  <si>
    <t>najma Perveen</t>
  </si>
  <si>
    <t>GGHS URBAN AREA T.B.Z.COLONY</t>
  </si>
  <si>
    <t>V Block Tariq Bin Ziad Colony Sahiwal</t>
  </si>
  <si>
    <t>Sobia Razzaq</t>
  </si>
  <si>
    <t>GGHS USMAN WALA</t>
  </si>
  <si>
    <t>Usman wala</t>
  </si>
  <si>
    <t>usman wala P/o usman wala kasur</t>
  </si>
  <si>
    <t>usman wala</t>
  </si>
  <si>
    <t>Shumaila Shafi</t>
  </si>
  <si>
    <t>GGHS USMAN ZADA ADRA</t>
  </si>
  <si>
    <t>GGHS Usman Zada Adra Vill &amp; PO Usman Zada Adra</t>
  </si>
  <si>
    <t>Najma Yasmin</t>
  </si>
  <si>
    <t>GGHS USMANIA MURREE ROAD</t>
  </si>
  <si>
    <t>Govt. Usmania Girls secondary school Murree Road Rwp</t>
  </si>
  <si>
    <t>Amarpura</t>
  </si>
  <si>
    <t>Amar pura</t>
  </si>
  <si>
    <t>Dr Farah Javed Awan</t>
  </si>
  <si>
    <t>GGHS VANOTIAN WALI</t>
  </si>
  <si>
    <t>wanotianwali</t>
  </si>
  <si>
    <t>JAVARIA RAZA</t>
  </si>
  <si>
    <t>GGHS VEERKA BATH</t>
  </si>
  <si>
    <t>govt Girls High School Veerka Bath SKP</t>
  </si>
  <si>
    <t>veerka bath</t>
  </si>
  <si>
    <t>keeley</t>
  </si>
  <si>
    <t>Sonia  Anam</t>
  </si>
  <si>
    <t>GGHS VEROWALA</t>
  </si>
  <si>
    <t>GGHS VERPAL</t>
  </si>
  <si>
    <t>VERPAL CHATTHA</t>
  </si>
  <si>
    <t>ASIFA NAZ</t>
  </si>
  <si>
    <t>GGHS VERSENKEY</t>
  </si>
  <si>
    <t>Versienkey</t>
  </si>
  <si>
    <t>village versienkey P/O shahgarib tehsil shakargarh district narowal.</t>
  </si>
  <si>
    <t>Jameela Akhtar</t>
  </si>
  <si>
    <t>GGHS WACHOKE KALAN</t>
  </si>
  <si>
    <t>Wachokikalan</t>
  </si>
  <si>
    <t>KOT HASAN KHAN</t>
  </si>
  <si>
    <t>Praveen Sadaq</t>
  </si>
  <si>
    <t>GGHS WADALA CHEEMA</t>
  </si>
  <si>
    <t>Wadala Cheema</t>
  </si>
  <si>
    <t>Wadala Cheema Tehsil Wazirabad</t>
  </si>
  <si>
    <t>Bhatti ke</t>
  </si>
  <si>
    <t>GGHS WAFAQI COLONY LAHORE</t>
  </si>
  <si>
    <t>JOHAR TOWN</t>
  </si>
  <si>
    <t>94 FG WAFAQI COLONY, LAHORE</t>
  </si>
  <si>
    <t>JOHAR TROWN</t>
  </si>
  <si>
    <t>farzana makhdoom</t>
  </si>
  <si>
    <t>GGHS WAG</t>
  </si>
  <si>
    <t>wagh</t>
  </si>
  <si>
    <t>GOVT GIRLS  HIGH SCHOOLWAGH</t>
  </si>
  <si>
    <t>jalal pur sharief</t>
  </si>
  <si>
    <t>Aneela Azmat</t>
  </si>
  <si>
    <t>GGHS WAGHAL</t>
  </si>
  <si>
    <t>village &amp; p.o waghal teh kotli sattian dist rawalpindi</t>
  </si>
  <si>
    <t>Chajana Waghal</t>
  </si>
  <si>
    <t>Nuzhat Imran</t>
  </si>
  <si>
    <t>GGHS WAH VILLAGE</t>
  </si>
  <si>
    <t>Wah Village</t>
  </si>
  <si>
    <t>GGHS wah village</t>
  </si>
  <si>
    <t>Zahoor Bibi</t>
  </si>
  <si>
    <t>GGHS WAHDAT COLONY</t>
  </si>
  <si>
    <t>GGHS, wahdat colony taxila</t>
  </si>
  <si>
    <t>Thatatha Khalil</t>
  </si>
  <si>
    <t>Asma Siddiqa</t>
  </si>
  <si>
    <t>GGHS WAHI ALI ARAIN</t>
  </si>
  <si>
    <t>Wahi Ali Arain</t>
  </si>
  <si>
    <t>moza wahi ali arain tehsil and distt lodhran</t>
  </si>
  <si>
    <t>Dhoryan Wala</t>
  </si>
  <si>
    <t>Riffat Kalsoom</t>
  </si>
  <si>
    <t>GGHS WAHNDO</t>
  </si>
  <si>
    <t>wahndo</t>
  </si>
  <si>
    <t>gvot.girlshigh school wahndo kamoke gujranwala</t>
  </si>
  <si>
    <t>wahandn</t>
  </si>
  <si>
    <t>Abida bashir</t>
  </si>
  <si>
    <t>GGHS WAISA</t>
  </si>
  <si>
    <t>Waisa</t>
  </si>
  <si>
    <t>vpo waisa,Tehsil hazro, District Attock</t>
  </si>
  <si>
    <t>waisa</t>
  </si>
  <si>
    <t>kamal pur musa</t>
  </si>
  <si>
    <t>Umara sarwar</t>
  </si>
  <si>
    <t>GGHS WALI PUR BORA 175/RB</t>
  </si>
  <si>
    <t>Walipurbura</t>
  </si>
  <si>
    <t>gghswalipurbora chak no 175</t>
  </si>
  <si>
    <t>Walipurbora</t>
  </si>
  <si>
    <t>najma miraj</t>
  </si>
  <si>
    <t>GGHS WALI PUR BURA</t>
  </si>
  <si>
    <t>Wali Pur Bourha</t>
  </si>
  <si>
    <t>wali pur bourha po box baramanga skg</t>
  </si>
  <si>
    <t>Wali Pur Bourhs</t>
  </si>
  <si>
    <t>Zirvah Nasreen</t>
  </si>
  <si>
    <t>GGHS WALTON LAHORE</t>
  </si>
  <si>
    <t>walton cantt</t>
  </si>
  <si>
    <t>boy scout walton road lahore cantt</t>
  </si>
  <si>
    <t>aziz bhatti town</t>
  </si>
  <si>
    <t>GGHS WAN</t>
  </si>
  <si>
    <t>Wan</t>
  </si>
  <si>
    <t>govt girls high school wan, teh sambrial sialkot</t>
  </si>
  <si>
    <t>AFSAH NAWAZ</t>
  </si>
  <si>
    <t>we bring water from lake</t>
  </si>
  <si>
    <t>GGHS WAN BHACHRAN</t>
  </si>
  <si>
    <t>wanbhachran</t>
  </si>
  <si>
    <t>wanbhacgran</t>
  </si>
  <si>
    <t>GGHS WANG</t>
  </si>
  <si>
    <t>WAANG AWAL</t>
  </si>
  <si>
    <t>HAMEED COLONY WANG</t>
  </si>
  <si>
    <t>WANG</t>
  </si>
  <si>
    <t>Humaira Bibi</t>
  </si>
  <si>
    <t>GGHS WANHAR TALAGANG</t>
  </si>
  <si>
    <t>Wanhar</t>
  </si>
  <si>
    <t>vpo wanhar tehsil Talagang distt:Chakwal</t>
  </si>
  <si>
    <t>GGHS WANIA WALA</t>
  </si>
  <si>
    <t>Village wania Wala near sialkot bypass grw</t>
  </si>
  <si>
    <t>GGHS WAPDA COLONY</t>
  </si>
  <si>
    <t>Mandibhauddin</t>
  </si>
  <si>
    <t>gghswapdacolony</t>
  </si>
  <si>
    <t>Pindibhauddin</t>
  </si>
  <si>
    <t>khalida taj</t>
  </si>
  <si>
    <t>GGHS WAPDA SCORP RYK</t>
  </si>
  <si>
    <t>Kot Kammu Shah</t>
  </si>
  <si>
    <t>gghs wapda scarp ryk cant.</t>
  </si>
  <si>
    <t>asia rafiq</t>
  </si>
  <si>
    <t>cant. water supply</t>
  </si>
  <si>
    <t>GGHS WARA SEHRAN</t>
  </si>
  <si>
    <t>village wara sehran ,tehsil karore,layyah</t>
  </si>
  <si>
    <t>Wara sehran</t>
  </si>
  <si>
    <t>Shazia Amber</t>
  </si>
  <si>
    <t>GGHS WARBURTON GAON</t>
  </si>
  <si>
    <t>Warburton Gaon</t>
  </si>
  <si>
    <t>Warburton Goan</t>
  </si>
  <si>
    <t>Chao No 575 GB</t>
  </si>
  <si>
    <t>Asia Ameer</t>
  </si>
  <si>
    <t>GGHS WARD NO. 8 MAILSI</t>
  </si>
  <si>
    <t>Govt Girls H/S Ward No. 8 Mailsi</t>
  </si>
  <si>
    <t>East Mailsi</t>
  </si>
  <si>
    <t>ASIA NASEEM</t>
  </si>
  <si>
    <t>GGHS WARD NO.11 ARFAT COLONY</t>
  </si>
  <si>
    <t>GGES ward11 Arfat colony</t>
  </si>
  <si>
    <t>Ward#11</t>
  </si>
  <si>
    <t>Quaimpur</t>
  </si>
  <si>
    <t>Naheed Akbar</t>
  </si>
  <si>
    <t>GGHS WARD NO.4 CHOWK AZAM</t>
  </si>
  <si>
    <t>ward 4 chowk azam</t>
  </si>
  <si>
    <t>ward 4</t>
  </si>
  <si>
    <t>GGHS WARWAL</t>
  </si>
  <si>
    <t>WARWAL</t>
  </si>
  <si>
    <t>VILLAGE AND POST OFFICE WARWAL</t>
  </si>
  <si>
    <t>TALAT ABBAS</t>
  </si>
  <si>
    <t>GGHS WARYAM WALA</t>
  </si>
  <si>
    <t>GGHS Waryam Wala,PO Waryam Wala,Tehsil Shorkot Zila Jhang</t>
  </si>
  <si>
    <t>sajida sultana</t>
  </si>
  <si>
    <t>hand pump Water cooler water pump</t>
  </si>
  <si>
    <t>GGHS WASAN PURA SCHEME NO. 2</t>
  </si>
  <si>
    <t>Scheme  No 2</t>
  </si>
  <si>
    <t>GGHS WASAN PURA SCHEME NO 2 LHR</t>
  </si>
  <si>
    <t>Jahangir Park</t>
  </si>
  <si>
    <t>Attiya Khanum</t>
  </si>
  <si>
    <t>ELECTRIC COOLERS</t>
  </si>
  <si>
    <t>GGHS WASU</t>
  </si>
  <si>
    <t>Wasu mandibahauddin</t>
  </si>
  <si>
    <t>Govt.Girls High school wasu mandibahauddin</t>
  </si>
  <si>
    <t>Wasu Mandibahauddin</t>
  </si>
  <si>
    <t>Wasu</t>
  </si>
  <si>
    <t>GGHS WAZIR KAY CHATHA</t>
  </si>
  <si>
    <t>Wazirkay Chatha</t>
  </si>
  <si>
    <t>wazirkay chatha. teh wazirabad distt gujranwala</t>
  </si>
  <si>
    <t>Saharan Chatha</t>
  </si>
  <si>
    <t>Saima Nawishta</t>
  </si>
  <si>
    <t>GGHS WAZIRABAD</t>
  </si>
  <si>
    <t>WZD</t>
  </si>
  <si>
    <t>mohalla Miani WZD</t>
  </si>
  <si>
    <t>Mini WZD</t>
  </si>
  <si>
    <t>GGHS WAZIRAKHAN BAZURGWAL</t>
  </si>
  <si>
    <t>BAZURGWAL</t>
  </si>
  <si>
    <t>VPO BAZURGWAL TEHSIL KHARIAN DISTRICT GUJRAT</t>
  </si>
  <si>
    <t>GGHS WEHGAL</t>
  </si>
  <si>
    <t>wehgal</t>
  </si>
  <si>
    <t>Govt. Girls High School Wehgal, Mustafabad, Kasur.</t>
  </si>
  <si>
    <t>Farah Mehmood</t>
  </si>
  <si>
    <t>GGHS WILLAYAT ABAD NO.2 MULTAN</t>
  </si>
  <si>
    <t>Willayat Abad</t>
  </si>
  <si>
    <t>Government High School Willayat Abad No. 2 Multan</t>
  </si>
  <si>
    <t>Syeda Farhat Iqbal Gillani</t>
  </si>
  <si>
    <t>GGHS X BLOCK</t>
  </si>
  <si>
    <t>peoples colony, x-block</t>
  </si>
  <si>
    <t>Vehari</t>
  </si>
  <si>
    <t>taimoor shaheed colony</t>
  </si>
  <si>
    <t>Majeeda Tariq</t>
  </si>
  <si>
    <t>GGHS YAROO KHOSA</t>
  </si>
  <si>
    <t>Govt.Girls High School, Yaroo Khosa,D.G. Khan</t>
  </si>
  <si>
    <t>Yaroo Khosa</t>
  </si>
  <si>
    <t>Rakhshanda  Jabeen</t>
  </si>
  <si>
    <t>GGHS YASMIN ISLAMIA FIAZ PARK MUGHAL PURA</t>
  </si>
  <si>
    <t>Mughalpura, Lahore</t>
  </si>
  <si>
    <t>Dry Port Mughalpura Lahore</t>
  </si>
  <si>
    <t>Zubaira yasmin</t>
  </si>
  <si>
    <t>GGHS Z BLOCK NEW MULTAN</t>
  </si>
  <si>
    <t>Ghouspura</t>
  </si>
  <si>
    <t>z block new multan</t>
  </si>
  <si>
    <t>Asma Tabassum</t>
  </si>
  <si>
    <t>GGHS ZAFAR WAL</t>
  </si>
  <si>
    <t>AZRA TABASSUM</t>
  </si>
  <si>
    <t>GGHS ZAHOOR HAYAT COLONY BHALWAL</t>
  </si>
  <si>
    <t>Zahoor Hayat Colony</t>
  </si>
  <si>
    <t>Zahoor Hayat Colony Bhalwal Distt. Sargodha</t>
  </si>
  <si>
    <t>Bhalwal 3</t>
  </si>
  <si>
    <t>Najma Naureen</t>
  </si>
  <si>
    <t>GGHS ZAHOORA</t>
  </si>
  <si>
    <t>zahoora</t>
  </si>
  <si>
    <t>village &amp; p.o zahoora sialkot</t>
  </si>
  <si>
    <t>village zahoora</t>
  </si>
  <si>
    <t>pindi panjoran</t>
  </si>
  <si>
    <t>shamim Akhtar</t>
  </si>
  <si>
    <t>GGHS ZAID TOWN PHASE NO.2 PIRAN GHAIB ROAD MULTAN</t>
  </si>
  <si>
    <t>Rana Street zaid town multan</t>
  </si>
  <si>
    <t>rani qaisara</t>
  </si>
  <si>
    <t>GGHS ZIA AYUB RESEARCH FAISALABAD</t>
  </si>
  <si>
    <t>GOVT.ZIA GIRLS HIGH SCHOOL AYUB RESEARCH FAISALABAD</t>
  </si>
  <si>
    <t>MUNAZZA AZIZ</t>
  </si>
  <si>
    <t>GGHS ZIA-UL-HAQ COLONY RAWALPINDI</t>
  </si>
  <si>
    <t>Govt.Girls High School Zia-ul-Haq Colony Rawalpindi</t>
  </si>
  <si>
    <t>pirwadhai</t>
  </si>
  <si>
    <t>Khayaban e Iqbal</t>
  </si>
  <si>
    <t>mussarat Shaheen</t>
  </si>
  <si>
    <t>GGHS ZINAT SIKANDRIA RWP</t>
  </si>
  <si>
    <t>DHOCK KHABBA MILLAT COLONY RAWALPINDI</t>
  </si>
  <si>
    <t>MILLAT COLONY</t>
  </si>
  <si>
    <t>Faaiza Manzoor</t>
  </si>
  <si>
    <t>GGHS ZM REHMAN PURA ROAD SGD</t>
  </si>
  <si>
    <t>REHMAN PURA ROAD</t>
  </si>
  <si>
    <t>Rehmanpura sgd</t>
  </si>
  <si>
    <t>Rehmanpura</t>
  </si>
  <si>
    <t>YASMIN AKHTAR</t>
  </si>
  <si>
    <t>GGHSMISRIAL</t>
  </si>
  <si>
    <t>gghs misrial village misrial teh talagang</t>
  </si>
  <si>
    <t>GGHSS 105/15-L VANJARI, MIAN CHANNU</t>
  </si>
  <si>
    <t>Chack 105/15-L Vanjari</t>
  </si>
  <si>
    <t>GGHSS 114/7-R</t>
  </si>
  <si>
    <t>114/7r</t>
  </si>
  <si>
    <t>chak no.114/7r,tehsil. chichawatni  district    sahiwal</t>
  </si>
  <si>
    <t>GGHSS 120/9-L KAMEER</t>
  </si>
  <si>
    <t>GGHSS 120/9-L KAMIR NEAR SADAR BAZAR DISTRICT SAHIWAL</t>
  </si>
  <si>
    <t>Kamir 120/9L</t>
  </si>
  <si>
    <t>kamir 120/9L</t>
  </si>
  <si>
    <t>GGHSS 134/9-L</t>
  </si>
  <si>
    <t>----</t>
  </si>
  <si>
    <t>Govt.Girls Higher secondary School 134/9-L Sahiwal.</t>
  </si>
  <si>
    <t>Chak No. 134/9-L Sahiwal</t>
  </si>
  <si>
    <t>Chak No. 134/9-L SWL</t>
  </si>
  <si>
    <t>GGHSS 136/10-R, JAHANIAN</t>
  </si>
  <si>
    <t>136/10 -R</t>
  </si>
  <si>
    <t>gghss136/10.r chak no 136 tehsil jahanian district khanewal</t>
  </si>
  <si>
    <t>136/10-R</t>
  </si>
  <si>
    <t>136/10-r</t>
  </si>
  <si>
    <t>RUBINA NOOR</t>
  </si>
  <si>
    <t>tarbain</t>
  </si>
  <si>
    <t>GGHSS 149 EB ARIFWALA</t>
  </si>
  <si>
    <t>149/eb arifwala</t>
  </si>
  <si>
    <t>149/eb</t>
  </si>
  <si>
    <t>151/eb</t>
  </si>
  <si>
    <t>lubna zia</t>
  </si>
  <si>
    <t>GGHSS 16/8-BR, TULAMBA</t>
  </si>
  <si>
    <t>TULAMMBA</t>
  </si>
  <si>
    <t>CHAK NO 16/8.BR MIAN CHANNU</t>
  </si>
  <si>
    <t>Mrs Robina Nazneen</t>
  </si>
  <si>
    <t>GGHSS 173 EB</t>
  </si>
  <si>
    <t>chak no 173</t>
  </si>
  <si>
    <t>mrs  abida aslam</t>
  </si>
  <si>
    <t>GGHSS 176/9-L</t>
  </si>
  <si>
    <t>176/9L</t>
  </si>
  <si>
    <t>176/9.L</t>
  </si>
  <si>
    <t>Al Munazza Saima</t>
  </si>
  <si>
    <t>GGHSS 19/9-R, KACHA KHUH</t>
  </si>
  <si>
    <t>KACHA KHUH</t>
  </si>
  <si>
    <t>G.G.H.S.S.19/9-R KACH khuh khanewal</t>
  </si>
  <si>
    <t>19/9R kacha khuh</t>
  </si>
  <si>
    <t>Dr.Shamim Akhter</t>
  </si>
  <si>
    <t>GGHSS 203/RB MANAWALA FSD</t>
  </si>
  <si>
    <t>GGHSS 203RB MANAWALA FSD</t>
  </si>
  <si>
    <t>SAFIA KHATOON</t>
  </si>
  <si>
    <t>GGHSS 21/11-L</t>
  </si>
  <si>
    <t>21/11L</t>
  </si>
  <si>
    <t>21/11.L</t>
  </si>
  <si>
    <t>Abida Tahir Chaudhry</t>
  </si>
  <si>
    <t>GGHSS 23/10-R, KACHA KHUH</t>
  </si>
  <si>
    <t>GGHSS 23/10-R, KACHA KHU</t>
  </si>
  <si>
    <t>CHAK NO.23/10-R</t>
  </si>
  <si>
    <t>GGHSS 255 EB</t>
  </si>
  <si>
    <t>255 EB</t>
  </si>
  <si>
    <t>GGHSS 255/E.B Burewala</t>
  </si>
  <si>
    <t>255/E.B Burewala</t>
  </si>
  <si>
    <t>Chak No 267/E.B</t>
  </si>
  <si>
    <t>GGHSS 269 EB</t>
  </si>
  <si>
    <t>269 EB</t>
  </si>
  <si>
    <t>GOVT GIRLS HIGHER SECONDARY SCHOOL 269/EB BUREWALA</t>
  </si>
  <si>
    <t>CHAK NO 269/EB</t>
  </si>
  <si>
    <t>CHAK NO 265/EB</t>
  </si>
  <si>
    <t>Riffat Majeed</t>
  </si>
  <si>
    <t>GGHSS 35/M</t>
  </si>
  <si>
    <t>CHAK 35M POST OFFICE 35M Tehsil DUNYAPUR DISTRICT LODHRAN</t>
  </si>
  <si>
    <t>Musarrat Rafiq</t>
  </si>
  <si>
    <t>GGHSS 358/WB</t>
  </si>
  <si>
    <t>Chak No 358/WB</t>
  </si>
  <si>
    <t>CHAK NO 358/WB, TEHSIL DUNYAPUR, DISTRICT LODHRAN</t>
  </si>
  <si>
    <t>Chak No 360/WB</t>
  </si>
  <si>
    <t>SHABINA RAANA</t>
  </si>
  <si>
    <t>GGHSS 365/WB</t>
  </si>
  <si>
    <t>Chak no 365 / wb lodhran</t>
  </si>
  <si>
    <t>chak no 365 / wb lodhran</t>
  </si>
  <si>
    <t>Chak no 366/wb</t>
  </si>
  <si>
    <t>rehana kamal</t>
  </si>
  <si>
    <t>GGHSS 4/14-L</t>
  </si>
  <si>
    <t>GGHSS 4/14L</t>
  </si>
  <si>
    <t>samina kousar d/o ghulam muhammad</t>
  </si>
  <si>
    <t>GGHSS 45/12-L</t>
  </si>
  <si>
    <t>45/12-L</t>
  </si>
  <si>
    <t>GGHSS45/12-L</t>
  </si>
  <si>
    <t>Chak No45/12-L</t>
  </si>
  <si>
    <t>tahira waheed</t>
  </si>
  <si>
    <t>GGHSS 586 GB</t>
  </si>
  <si>
    <t>586 GB</t>
  </si>
  <si>
    <t>586 GB II JARANWALA NEAR MANDI BUCHIANA</t>
  </si>
  <si>
    <t>586 GB II JARANWALA</t>
  </si>
  <si>
    <t>657/8 GB</t>
  </si>
  <si>
    <t>Samia Chaudhari</t>
  </si>
  <si>
    <t>GGHSS 60/5-L</t>
  </si>
  <si>
    <t>60/5-l burjwala</t>
  </si>
  <si>
    <t>gGHSS 60/5-L SAHIWAL</t>
  </si>
  <si>
    <t>60/5-L</t>
  </si>
  <si>
    <t>Nighat Raana</t>
  </si>
  <si>
    <t>GGHSS 62/12-L</t>
  </si>
  <si>
    <t>GGHSS 62/12-L TEHSIL CHICHAWATNI DISTT: SAHIWAL</t>
  </si>
  <si>
    <t>62/12.L</t>
  </si>
  <si>
    <t>CHAK NO 62/12-L</t>
  </si>
  <si>
    <t>Shahida Parveen D/O Muhammad Ramzan</t>
  </si>
  <si>
    <t>GGHSS 66/JB</t>
  </si>
  <si>
    <t>dhandra</t>
  </si>
  <si>
    <t>66 jb fsd</t>
  </si>
  <si>
    <t>Binat Unnisa</t>
  </si>
  <si>
    <t>GGHSS 73/5-L</t>
  </si>
  <si>
    <t>Chak No 73/5L Sahiwal</t>
  </si>
  <si>
    <t>Tahira Nasir</t>
  </si>
  <si>
    <t>GGHSS 8/11-L</t>
  </si>
  <si>
    <t>8/11-L</t>
  </si>
  <si>
    <t>Farhat Shamim</t>
  </si>
  <si>
    <t>GGHSS 89/6-R</t>
  </si>
  <si>
    <t>Chak No. 89/6-R sahiwal</t>
  </si>
  <si>
    <t>chak No. 89/6-r</t>
  </si>
  <si>
    <t>Chak No. 89/6-R Sahiwal</t>
  </si>
  <si>
    <t>Mrs.Bushra Saeed</t>
  </si>
  <si>
    <t>GGHSS 9/1-AL AKHTAR ABAD</t>
  </si>
  <si>
    <t>akhtarabad</t>
  </si>
  <si>
    <t>GGHSS 9/1AL AKHTARABAD OKARA</t>
  </si>
  <si>
    <t>Shahida Nasser</t>
  </si>
  <si>
    <t>GGHSS 92/6-R</t>
  </si>
  <si>
    <t>Chak#92/6-R</t>
  </si>
  <si>
    <t>GGHSS 92/6-R SWL</t>
  </si>
  <si>
    <t>GGHSS 96/12-L</t>
  </si>
  <si>
    <t>9612l</t>
  </si>
  <si>
    <t>chak no 96/12l chichawatni sahiwal</t>
  </si>
  <si>
    <t>96/12l</t>
  </si>
  <si>
    <t>Chak 96/12l</t>
  </si>
  <si>
    <t>Zafar Un Nisa</t>
  </si>
  <si>
    <t>GGHSS 98 EB SHEIKH FAZAL</t>
  </si>
  <si>
    <t>SHEIKH FAZAL</t>
  </si>
  <si>
    <t>CHAK NO 98/EB SHEIKH FAZAL</t>
  </si>
  <si>
    <t>98/EB SHEIKH FAZAL</t>
  </si>
  <si>
    <t>GGHSS ABDUL HAKIM, ABDUL HAKIM</t>
  </si>
  <si>
    <t>ABDUL HAKIM</t>
  </si>
  <si>
    <t>hospital road abdul hakim</t>
  </si>
  <si>
    <t>Fouzia Firdous</t>
  </si>
  <si>
    <t>GGHSS ADAM WAHIN LODHRAN</t>
  </si>
  <si>
    <t>Adam Wahin</t>
  </si>
  <si>
    <t>Shamim hameed</t>
  </si>
  <si>
    <t>GGHSS AHMAD ABAD</t>
  </si>
  <si>
    <t>Ahmadabad A</t>
  </si>
  <si>
    <t>GGHSS Ahmadabad</t>
  </si>
  <si>
    <t>GGHSS AHMAD NAGAR</t>
  </si>
  <si>
    <t>ahmad Nagar</t>
  </si>
  <si>
    <t>Govt Girls H/S School ahmad Nagar</t>
  </si>
  <si>
    <t>sadia zafar</t>
  </si>
  <si>
    <t>GGHSS AHMAD PUR MANDI SAFDARABAD</t>
  </si>
  <si>
    <t>Safdaraad</t>
  </si>
  <si>
    <t>Govt Girls Higher Secondary School Safdaraad Tehsil Safdaraad District Sheikhupura</t>
  </si>
  <si>
    <t>Riffat Un Nissa</t>
  </si>
  <si>
    <t>GGHSS AHMAD PUR SIAL</t>
  </si>
  <si>
    <t>GGHSS AP SIAL</t>
  </si>
  <si>
    <t>Ahmd Pur Sial</t>
  </si>
  <si>
    <t>sabra sultana</t>
  </si>
  <si>
    <t>GGHSS AJNAIN WALA</t>
  </si>
  <si>
    <t>GGHSS AJNIANWALA</t>
  </si>
  <si>
    <t>TAHIRA YOUSAF KHARAL</t>
  </si>
  <si>
    <t>GGHSS ALLAMA IQBAL COLONY FSD</t>
  </si>
  <si>
    <t>E BLOCK ALLAMA IQBAL COLONY</t>
  </si>
  <si>
    <t>ALLAMA IQBAL COLONY</t>
  </si>
  <si>
    <t>MRS EJAZ AKHTAR</t>
  </si>
  <si>
    <t>GGHSS AMRAO ALI KHAN ROSHAN BHEELA</t>
  </si>
  <si>
    <t>Govt Girls Amrao Ali Khan Higher Secondary School Roshan Bheela</t>
  </si>
  <si>
    <t>Shazia Anees</t>
  </si>
  <si>
    <t>GGHSS AROOP</t>
  </si>
  <si>
    <t>GGHSS    Mohallah Bhindran aroop</t>
  </si>
  <si>
    <t>sadia naseer</t>
  </si>
  <si>
    <t>electric coolers with filter</t>
  </si>
  <si>
    <t>GGHSS Attached Quaid Azam Academy H-9  ISLAMABAD</t>
  </si>
  <si>
    <t>H-9Islamabad</t>
  </si>
  <si>
    <t>Govt Higher Secondary School attached with QAED H-9,ISLAMABAD</t>
  </si>
  <si>
    <t>Katchi Basti</t>
  </si>
  <si>
    <t>I 9 Ibd</t>
  </si>
  <si>
    <t>Fatima Batool</t>
  </si>
  <si>
    <t>GGHSS ATTOCK CITY NO.1</t>
  </si>
  <si>
    <t>k block near deen plaza attock city</t>
  </si>
  <si>
    <t>attock city</t>
  </si>
  <si>
    <t>TEHSEEN URFIA</t>
  </si>
  <si>
    <t>GGHSS AWAN TOWN</t>
  </si>
  <si>
    <t>government. girls higher secondary school awan Town lahore</t>
  </si>
  <si>
    <t>GGHSS BADIANA</t>
  </si>
  <si>
    <t>Badiana</t>
  </si>
  <si>
    <t>Village Badiana Teh Pasrur Dist Sialkot</t>
  </si>
  <si>
    <t>GGHSS BAGH</t>
  </si>
  <si>
    <t>town comitte bagh</t>
  </si>
  <si>
    <t>bushra  naheed</t>
  </si>
  <si>
    <t>GGHSS BARKI</t>
  </si>
  <si>
    <t>village barki p/o barki lahore cantt</t>
  </si>
  <si>
    <t>Shazia Zia</t>
  </si>
  <si>
    <t>GGHSS BASAL</t>
  </si>
  <si>
    <t>basal</t>
  </si>
  <si>
    <t>vpo basal tehsil jand district attock</t>
  </si>
  <si>
    <t>Najma Begum</t>
  </si>
  <si>
    <t>GGHSS BASSALI</t>
  </si>
  <si>
    <t>bassali</t>
  </si>
  <si>
    <t>shaheen kousar</t>
  </si>
  <si>
    <t>GGHSS BEGOWALA</t>
  </si>
  <si>
    <t>vpo begowala sambrial sialkot</t>
  </si>
  <si>
    <t>Bgowala</t>
  </si>
  <si>
    <t>Tayyaba zareen shafqat</t>
  </si>
  <si>
    <t>GGHSS BEWAL</t>
  </si>
  <si>
    <t>Bewal. p.o Bewal tehsil Gujar khan District Rawalpindi</t>
  </si>
  <si>
    <t>GGHSS BHAGIANA KALAN</t>
  </si>
  <si>
    <t>Bughiana Kalan, Tehsil Pattoki</t>
  </si>
  <si>
    <t>Qamar Sultana</t>
  </si>
  <si>
    <t>GGHSS BHAMBA KALAN</t>
  </si>
  <si>
    <t>BHAMBA KALAN  Tehsil Jot Radha Kishan Distt Kasur</t>
  </si>
  <si>
    <t>GGHSS BHAMBA KALAN DISTT. KSR</t>
  </si>
  <si>
    <t>bhamba kalan</t>
  </si>
  <si>
    <t>BHAMBA KALAN</t>
  </si>
  <si>
    <t>asifa khaliq</t>
  </si>
  <si>
    <t>GGHSS BHARPUR V &amp; P.O. BHARPUR CHAKWAL</t>
  </si>
  <si>
    <t>GGHSS BHARPUR, TEHSIL KALLAR KAHAR, DISTT CHAKWAL</t>
  </si>
  <si>
    <t>ATTIA SHAHEEN</t>
  </si>
  <si>
    <t>GGHSS BHEDIAN KALAN</t>
  </si>
  <si>
    <t>BHEDIAN KALAN</t>
  </si>
  <si>
    <t>GOVT GIRLS HIGHER CONDENSER SCHOOL BHEDIAN KALAN KASUR</t>
  </si>
  <si>
    <t>BHDIAN KALAN</t>
  </si>
  <si>
    <t>Kauser Batool</t>
  </si>
  <si>
    <t>GGHSS BHERA</t>
  </si>
  <si>
    <t>RAILWAY ROAD BHERA</t>
  </si>
  <si>
    <t>bHERA</t>
  </si>
  <si>
    <t>MC BHERA</t>
  </si>
  <si>
    <t>Mrs Nasim Akhtar</t>
  </si>
  <si>
    <t>GGHSS BHIKHI SHARIF</t>
  </si>
  <si>
    <t>Bhikhi sharif</t>
  </si>
  <si>
    <t>village and post office bhikhi sharif</t>
  </si>
  <si>
    <t>bhikhi sharif</t>
  </si>
  <si>
    <t>Ghulam Zohra</t>
  </si>
  <si>
    <t>GGHSS BHONG SHARIF</t>
  </si>
  <si>
    <t>Bhong</t>
  </si>
  <si>
    <t>gghsbhongsharif.sdk@gmail.com</t>
  </si>
  <si>
    <t>Bhong Sharif</t>
  </si>
  <si>
    <t>Ghazala Munir</t>
  </si>
  <si>
    <t>GGHSS BHOWANA</t>
  </si>
  <si>
    <t>bhowana</t>
  </si>
  <si>
    <t>gghss bhowana</t>
  </si>
  <si>
    <t>Bhowana</t>
  </si>
  <si>
    <t>sorayyia parveen</t>
  </si>
  <si>
    <t>GGHSS BUCHAL KALAN V &amp; P.O BUCHAL KALAN CHAKWAL</t>
  </si>
  <si>
    <t>BUCHAL KALAN</t>
  </si>
  <si>
    <t>GGHSS BUCHAL KALAN  V &amp; P.O. BUCHAL KALAN TEH KALLAR  KAHAR  DISTT CHAKWAL</t>
  </si>
  <si>
    <t>Mahmooda  Kausar</t>
  </si>
  <si>
    <t>GGHSS BUCHAL KHURD</t>
  </si>
  <si>
    <t>vpo buchal khurd district chakwal tehsil kallar kahar</t>
  </si>
  <si>
    <t>Rizwana  Parveen</t>
  </si>
  <si>
    <t>GGHSS BUCHEKI</t>
  </si>
  <si>
    <t>bucheki</t>
  </si>
  <si>
    <t>purana bazar bucheki, district and division  nankana sahib</t>
  </si>
  <si>
    <t>purana bazar bucheki</t>
  </si>
  <si>
    <t>Bucheki</t>
  </si>
  <si>
    <t>Fouzia saeed</t>
  </si>
  <si>
    <t>GGHSS BUDHA GORAYA</t>
  </si>
  <si>
    <t>Muddaser Parween</t>
  </si>
  <si>
    <t>GGHSS CANAL COLONY</t>
  </si>
  <si>
    <t>Canal Colony Rahim Yar Khan</t>
  </si>
  <si>
    <t>Club Road Rahim Yar Khan</t>
  </si>
  <si>
    <t>GGHSS CENTRAL MODEL GULBERG-III</t>
  </si>
  <si>
    <t>gulberg</t>
  </si>
  <si>
    <t>govt central model HSS for girls, cII, gulberg III</t>
  </si>
  <si>
    <t>GULBERG</t>
  </si>
  <si>
    <t>NAJMA LIAQAT</t>
  </si>
  <si>
    <t>GGHSS CHAH BOHAR WALA RAILWAY ROAD MULTAN</t>
  </si>
  <si>
    <t>abbas colony</t>
  </si>
  <si>
    <t>GGHSS CHAH BOHAR WALA NEAR THANA JALIL ABAD</t>
  </si>
  <si>
    <t>CHAH  BOHAR WALA</t>
  </si>
  <si>
    <t>IMTIAZ SHAHEEN</t>
  </si>
  <si>
    <t>GGHSS CHAH FATEH KHAN BAHAWALPUR</t>
  </si>
  <si>
    <t>Gghss chah fateh khan zanana hospital road bahawalpur</t>
  </si>
  <si>
    <t>mussarat akhtar</t>
  </si>
  <si>
    <t>GGHSS CHAHARI KALIAL</t>
  </si>
  <si>
    <t>CHEHARI Kalyal KALYAL</t>
  </si>
  <si>
    <t>GGHSS CHEHARI KALYAL</t>
  </si>
  <si>
    <t>CHEHARI KALYAL</t>
  </si>
  <si>
    <t>GHUNGRILLA</t>
  </si>
  <si>
    <t>GGHSS CHAK 103 JB CHAK JHUMRA</t>
  </si>
  <si>
    <t>103jb</t>
  </si>
  <si>
    <t>gghss103jb</t>
  </si>
  <si>
    <t>Brnala</t>
  </si>
  <si>
    <t>SHAMSHAD RUBANA</t>
  </si>
  <si>
    <t>in tank</t>
  </si>
  <si>
    <t>GGHSS CHAK 115 JB FSD</t>
  </si>
  <si>
    <t>115 JB</t>
  </si>
  <si>
    <t>CHAK NO 115 JB FASALABAD</t>
  </si>
  <si>
    <t>115 JB DIALGHAR</t>
  </si>
  <si>
    <t>Sarwat Naseem</t>
  </si>
  <si>
    <t>GGHSS CHAK 148 GB</t>
  </si>
  <si>
    <t>Chak No. 148 GB</t>
  </si>
  <si>
    <t>Chak No. 151 GB</t>
  </si>
  <si>
    <t>SAFIA HAMEED</t>
  </si>
  <si>
    <t>GGHSS CHAK 189 RB CHAK JHUMRA FSD</t>
  </si>
  <si>
    <t>189 Rb</t>
  </si>
  <si>
    <t>Ambreen Afzal</t>
  </si>
  <si>
    <t>GGHSS CHAK 202 RB GATTI FSD</t>
  </si>
  <si>
    <t>202rb gatti</t>
  </si>
  <si>
    <t>202rb</t>
  </si>
  <si>
    <t>khalida naheed</t>
  </si>
  <si>
    <t>GGHSS CHAK 218 GB</t>
  </si>
  <si>
    <t>GGHSS 218 GB Tehsil Samundri Distt. Faisalabad</t>
  </si>
  <si>
    <t>218gb</t>
  </si>
  <si>
    <t>Chak No. 142 GB</t>
  </si>
  <si>
    <t>Tahira Abaida</t>
  </si>
  <si>
    <t>GGHSS CHAK 242 RB FSD</t>
  </si>
  <si>
    <t>chak no 242 rb fsd</t>
  </si>
  <si>
    <t>govt girls higher secondary school 242 rb  dasuha fsd</t>
  </si>
  <si>
    <t>MUNEERA BIBI</t>
  </si>
  <si>
    <t>GGHSS CHAK 252 GB</t>
  </si>
  <si>
    <t>Chak No 252 GB</t>
  </si>
  <si>
    <t>Chak No 183 GB</t>
  </si>
  <si>
    <t>SUMREEN NAZ</t>
  </si>
  <si>
    <t>GGHSS CHAK 267 RB DIJKOT</t>
  </si>
  <si>
    <t>chak#267rb jalandr</t>
  </si>
  <si>
    <t>Jalandar</t>
  </si>
  <si>
    <t>267 Jalander</t>
  </si>
  <si>
    <t>Mamuna Sharif</t>
  </si>
  <si>
    <t>govt    / water pump</t>
  </si>
  <si>
    <t>GGHSS CHAK 281 JB DAVAKHARI</t>
  </si>
  <si>
    <t>GOVT.GIRLS HIGHER SECONDARY SCHOOL 281 JB.DAWAKHARI.</t>
  </si>
  <si>
    <t>CHACK NO 281 JB</t>
  </si>
  <si>
    <t>CHACK 281 JB</t>
  </si>
  <si>
    <t>GGHSS CHAK 30 JB FSD</t>
  </si>
  <si>
    <t>GGHSS 30 JB, FAISALABAD</t>
  </si>
  <si>
    <t>FARHAT FIRDOUS</t>
  </si>
  <si>
    <t>GGHSS CHAK 316 GB</t>
  </si>
  <si>
    <t>CHAK NO 316 GB</t>
  </si>
  <si>
    <t>chak no 316 gB</t>
  </si>
  <si>
    <t>316/GB</t>
  </si>
  <si>
    <t>Aqsa Waqas</t>
  </si>
  <si>
    <t>GGHSS CHAK 343 GB</t>
  </si>
  <si>
    <t>gghs/s 343 gb,</t>
  </si>
  <si>
    <t>Jarahan</t>
  </si>
  <si>
    <t>Chorwala</t>
  </si>
  <si>
    <t>Nasima Mamzoor</t>
  </si>
  <si>
    <t>GGHSS CHAK 379 JB KALOIA</t>
  </si>
  <si>
    <t>Kaloya</t>
  </si>
  <si>
    <t>gghss379jb kaloia T.TSingh</t>
  </si>
  <si>
    <t>Chak # 375 Jb T T SINGH</t>
  </si>
  <si>
    <t>Humaira Anjum</t>
  </si>
  <si>
    <t>GGHSS CHAK 39 GB</t>
  </si>
  <si>
    <t>Satyana</t>
  </si>
  <si>
    <t>chak no 39 GB Tehsil Jaranwala</t>
  </si>
  <si>
    <t>Chak No Thirty Chak No Thirty NineGB</t>
  </si>
  <si>
    <t>Chak No Thirty Nine Gb</t>
  </si>
  <si>
    <t>GGHSS CHAK 430 JB</t>
  </si>
  <si>
    <t>430 jb</t>
  </si>
  <si>
    <t>Chak no.430jb</t>
  </si>
  <si>
    <t>Chak no430jb</t>
  </si>
  <si>
    <t>Chak no431jb</t>
  </si>
  <si>
    <t>SHAHIDA NISAR</t>
  </si>
  <si>
    <t>GGHSS CHAK 49 JB FSD</t>
  </si>
  <si>
    <t>MUNDA PIND</t>
  </si>
  <si>
    <t>CHAK NO 49/ JB FSD</t>
  </si>
  <si>
    <t>BORAY WAAL</t>
  </si>
  <si>
    <t>Munawer Yousaf</t>
  </si>
  <si>
    <t>GGHSS CHAK 57 JB FSD</t>
  </si>
  <si>
    <t>CHAK NO 57 JB FSD</t>
  </si>
  <si>
    <t>CHAK NO 57 JB  GHAYALA KALAN FSD</t>
  </si>
  <si>
    <t>CHAK NO 57 JB GHAYALA KALAN</t>
  </si>
  <si>
    <t>MRS KHALIDA PERVEEN</t>
  </si>
  <si>
    <t>GGHSS CHAK 644 GB</t>
  </si>
  <si>
    <t>644 Gb</t>
  </si>
  <si>
    <t>chak 644 gb</t>
  </si>
  <si>
    <t>Chak 644gb</t>
  </si>
  <si>
    <t>GGHSS CHAK 74 JB THIKRIWALA FSD</t>
  </si>
  <si>
    <t>74 jb</t>
  </si>
  <si>
    <t>chak no 74 jb fsd</t>
  </si>
  <si>
    <t>thikriwala</t>
  </si>
  <si>
    <t>Sajida Noor</t>
  </si>
  <si>
    <t>GGHSS CHAK 94 GB</t>
  </si>
  <si>
    <t>94GB</t>
  </si>
  <si>
    <t>Chak No. 94/GB, jARANWALA</t>
  </si>
  <si>
    <t>94/GB Shankar</t>
  </si>
  <si>
    <t>CHAK NO. 97/GB</t>
  </si>
  <si>
    <t>SHABANA BABAR</t>
  </si>
  <si>
    <t>GGHSS CHAK BELI KHAN</t>
  </si>
  <si>
    <t>chak beli khan</t>
  </si>
  <si>
    <t>chak beli khan,distt and teh rawalpindi.</t>
  </si>
  <si>
    <t>chak beli lkhan</t>
  </si>
  <si>
    <t>Assiya mahmood</t>
  </si>
  <si>
    <t>GGHSS CHAK JANOOBI</t>
  </si>
  <si>
    <t>chak janoobi</t>
  </si>
  <si>
    <t>chak janoobi jhang city</t>
  </si>
  <si>
    <t>madan shah</t>
  </si>
  <si>
    <t>sakhawat fatima</t>
  </si>
  <si>
    <t>GGHSS CHAK JHUMRA</t>
  </si>
  <si>
    <t>gghss near railway station chak jhumra, fsd</t>
  </si>
  <si>
    <t>mc chak jhumra</t>
  </si>
  <si>
    <t>zubaida khanum</t>
  </si>
  <si>
    <t>GGHSS CHAK NO 167 GB</t>
  </si>
  <si>
    <t>SATIANA</t>
  </si>
  <si>
    <t>Chak no 167 Gb katarian samundri Faisalabad</t>
  </si>
  <si>
    <t>MaIlwaan UC 130</t>
  </si>
  <si>
    <t>SAMINA MANZOOR</t>
  </si>
  <si>
    <t>buy water</t>
  </si>
  <si>
    <t>GGHSS CHAK NO 210 GB</t>
  </si>
  <si>
    <t>CHAK NO 210 GB TEH: SAMUNDRI, DIST: FAISALABAD</t>
  </si>
  <si>
    <t>CHAK NO 210 GB</t>
  </si>
  <si>
    <t>CHAK NO 211 GB</t>
  </si>
  <si>
    <t>WATER WID FILTER</t>
  </si>
  <si>
    <t>GGHSS CHAK NO 221 GB</t>
  </si>
  <si>
    <t>221GB</t>
  </si>
  <si>
    <t>DAKKHANA KHAS CHAK NO 221GB TEHSIL SAMUNDRI DISTT FSD</t>
  </si>
  <si>
    <t>GGHSS CHAK NO 319 HR</t>
  </si>
  <si>
    <t>GGHSS,chak 319HR, Marot, tehsil Fort Abbas</t>
  </si>
  <si>
    <t>GGHSS CHAK NO 452 GB</t>
  </si>
  <si>
    <t>rehmay shah</t>
  </si>
  <si>
    <t>chak no 452 gB</t>
  </si>
  <si>
    <t>452 gB</t>
  </si>
  <si>
    <t>Sumaira Rasool</t>
  </si>
  <si>
    <t>GGHSS CHAK NO 469 GB</t>
  </si>
  <si>
    <t>CHAK NO. 469 GB</t>
  </si>
  <si>
    <t>MC SAMUNDRI</t>
  </si>
  <si>
    <t>ASMA REHMAN</t>
  </si>
  <si>
    <t>GGHSS CHAK NO 509 GB</t>
  </si>
  <si>
    <t>MAMUKANJAN</t>
  </si>
  <si>
    <t>CHAK NO 509 GB MAMUKANJAN</t>
  </si>
  <si>
    <t>CHAK NO 509 GB</t>
  </si>
  <si>
    <t>MC MAMUKANJAN</t>
  </si>
  <si>
    <t>SHAMIM AKHTER</t>
  </si>
  <si>
    <t>GGHSS CHAK NO 9-11 WB</t>
  </si>
  <si>
    <t>9-11/w.b</t>
  </si>
  <si>
    <t>govt.girls higher secndary school 9-11/w.b,vehari</t>
  </si>
  <si>
    <t>RIFFAT NASIM</t>
  </si>
  <si>
    <t>GGHSS CHAK NO. 1/P</t>
  </si>
  <si>
    <t>jetha bhutta</t>
  </si>
  <si>
    <t>govt girls higher secondary school jetha bhutta khanpur</t>
  </si>
  <si>
    <t>SHAGUFTA HINA</t>
  </si>
  <si>
    <t>GGHSS CHAK NO. 170 JB</t>
  </si>
  <si>
    <t>Govt. Girls Higher Secondary School 170jb Jhang.</t>
  </si>
  <si>
    <t>Chak No 170</t>
  </si>
  <si>
    <t>Garwah169</t>
  </si>
  <si>
    <t>Miss Sofia iftikhar</t>
  </si>
  <si>
    <t>GGHSS CHAK NO. 187/9-L</t>
  </si>
  <si>
    <t>187/9L</t>
  </si>
  <si>
    <t>chak no.187/9L</t>
  </si>
  <si>
    <t>Shazia Jamil</t>
  </si>
  <si>
    <t>GGHSS CHAK NO. 202 M (WEST</t>
  </si>
  <si>
    <t>202/m</t>
  </si>
  <si>
    <t>GGHSS 202/m dahranwala teh. chishtian dist. bwn</t>
  </si>
  <si>
    <t>201/m</t>
  </si>
  <si>
    <t>GGHSS CHAK NO. 24 KALAN</t>
  </si>
  <si>
    <t>Chak No 24 Kalan</t>
  </si>
  <si>
    <t>Chak no 24 kalan Tehsil safdarabad District sheikhupura</t>
  </si>
  <si>
    <t>Abdullah Pur Kolar</t>
  </si>
  <si>
    <t>Sawaira Mehmood</t>
  </si>
  <si>
    <t>GGHSS CHAK NO. 261/WB</t>
  </si>
  <si>
    <t>GOVT: GIRLS HIGHER SECONDARY SCHOOL 261/WB TEHSIL MAISLI (vEHARI)</t>
  </si>
  <si>
    <t>chak  261/WB</t>
  </si>
  <si>
    <t>KHARALA</t>
  </si>
  <si>
    <t>GGHSS CHAK NO. 447 GB SAMUNDRI</t>
  </si>
  <si>
    <t>chak no 447 gb</t>
  </si>
  <si>
    <t>chak no 447 gb tehsil samundri district faisal abad</t>
  </si>
  <si>
    <t>chak no 448 gb</t>
  </si>
  <si>
    <t>MUSSARAT QAMAR</t>
  </si>
  <si>
    <t>GGHSS CHAK NO. 527 GB</t>
  </si>
  <si>
    <t>chak No 527gb samundri faisalabad</t>
  </si>
  <si>
    <t>Chak No 527gb</t>
  </si>
  <si>
    <t>527gb</t>
  </si>
  <si>
    <t>mrs shahnaz bano</t>
  </si>
  <si>
    <t>GGHSS CHAK NO. 56/P</t>
  </si>
  <si>
    <t>56/P</t>
  </si>
  <si>
    <t>chak 56/p RYK</t>
  </si>
  <si>
    <t>Chak No. 51-P</t>
  </si>
  <si>
    <t>GGHSS CHAK NO. 88 / WB</t>
  </si>
  <si>
    <t>gghss88wb</t>
  </si>
  <si>
    <t>88/WB</t>
  </si>
  <si>
    <t>GGHSS CHAK NO.10 ML</t>
  </si>
  <si>
    <t>10 ML Bhalwal</t>
  </si>
  <si>
    <t>chak 10 ml Bhalwal</t>
  </si>
  <si>
    <t>Chak 10 ML Bhalwal</t>
  </si>
  <si>
    <t>GGHSS CHAK NO.104 NB</t>
  </si>
  <si>
    <t>Chak 104NB</t>
  </si>
  <si>
    <t>104 nb</t>
  </si>
  <si>
    <t>104 Nb</t>
  </si>
  <si>
    <t>Mussarat Bukhari</t>
  </si>
  <si>
    <t>GGHSS CHAK NO.105 SB</t>
  </si>
  <si>
    <t>GGHSS 10 5-SB,Sargodha</t>
  </si>
  <si>
    <t>Chak No 105-SB</t>
  </si>
  <si>
    <t>107/SB</t>
  </si>
  <si>
    <t>Nusrat Rana</t>
  </si>
  <si>
    <t>GGHSS CHAK NO.107 NB</t>
  </si>
  <si>
    <t>CHAK NO 107NB</t>
  </si>
  <si>
    <t>CHAK NO 107NB Sillanwali Sargodha</t>
  </si>
  <si>
    <t>CHAK NO 111 NB</t>
  </si>
  <si>
    <t>Praveen Akhter</t>
  </si>
  <si>
    <t>GGHSS CHAK NO.107/DB</t>
  </si>
  <si>
    <t>chak no107/db</t>
  </si>
  <si>
    <t>Chak No 107/ Db</t>
  </si>
  <si>
    <t>Chak No 106/db</t>
  </si>
  <si>
    <t>Shafaqat un Nisa</t>
  </si>
  <si>
    <t>GGHSS CHAK NO.109 SB</t>
  </si>
  <si>
    <t>109 SB</t>
  </si>
  <si>
    <t>Chak 109SB, Sargodha</t>
  </si>
  <si>
    <t>Chak 109SB</t>
  </si>
  <si>
    <t>Raana Mustafa</t>
  </si>
  <si>
    <t>GGHSS CHAK NO.12/BC</t>
  </si>
  <si>
    <t>Chak#12/bc Bwp</t>
  </si>
  <si>
    <t>GGHSS chak#12/bc Bwp</t>
  </si>
  <si>
    <t>Chak#12bc Bwp</t>
  </si>
  <si>
    <t>Manzoora Nawaz</t>
  </si>
  <si>
    <t>GGHSS CHAK NO.127 SB</t>
  </si>
  <si>
    <t>Chak No 127Sb Sillanwali</t>
  </si>
  <si>
    <t>Chak No 127Sb</t>
  </si>
  <si>
    <t>Chak No 125Sb</t>
  </si>
  <si>
    <t>Saddia Irum</t>
  </si>
  <si>
    <t>GGHSS CHAK NO.132/6-R</t>
  </si>
  <si>
    <t>132/6-r</t>
  </si>
  <si>
    <t>chak no 132/6-r P/O Same Tehsil haroonabad District BWN</t>
  </si>
  <si>
    <t>Chak No 132/6-r</t>
  </si>
  <si>
    <t>ATIQA YASMIN</t>
  </si>
  <si>
    <t>GGHSS CHAK NO.133 SB</t>
  </si>
  <si>
    <t>Chak No133 SB</t>
  </si>
  <si>
    <t>GGHSS Chak no  133 SB</t>
  </si>
  <si>
    <t>Chak no 133 sb</t>
  </si>
  <si>
    <t>Chak no 132 Sb</t>
  </si>
  <si>
    <t>Sadia Rasheed</t>
  </si>
  <si>
    <t>GGHSS CHAK NO.153/M</t>
  </si>
  <si>
    <t>Chak 153M</t>
  </si>
  <si>
    <t>GOVT.gilrs higher secondary school 153M hasilpur</t>
  </si>
  <si>
    <t>Chak no 153M</t>
  </si>
  <si>
    <t>Chak No 188M</t>
  </si>
  <si>
    <t>GGHSS CHAK NO.18/GD</t>
  </si>
  <si>
    <t>18/GD</t>
  </si>
  <si>
    <t>chak no 18/GD P/O  18G/D oka
T&amp;D Okara</t>
  </si>
  <si>
    <t>18GD</t>
  </si>
  <si>
    <t>GGHSS CHAK NO.185/7-R</t>
  </si>
  <si>
    <t>185/7R</t>
  </si>
  <si>
    <t>GGHSS185/7R KHICHIWALA</t>
  </si>
  <si>
    <t>Chak No 185/7r</t>
  </si>
  <si>
    <t>GGHSS CHAK NO.29 SB</t>
  </si>
  <si>
    <t>29 Sb</t>
  </si>
  <si>
    <t>gghss 29 sb Sargodha</t>
  </si>
  <si>
    <t>Chak 29 Sb</t>
  </si>
  <si>
    <t>28/SB</t>
  </si>
  <si>
    <t>Tabassum Shamshad</t>
  </si>
  <si>
    <t>GGHSS CHAK NO.42 SB</t>
  </si>
  <si>
    <t>42SB</t>
  </si>
  <si>
    <t>G.G.H/Sec school 42SB SARGODHA</t>
  </si>
  <si>
    <t>Chak 42SB Sgd</t>
  </si>
  <si>
    <t>Chak 40 SB Sgd</t>
  </si>
  <si>
    <t>Naeem Muhammad Shafi</t>
  </si>
  <si>
    <t>GGHSS CHAK NO.42/DB</t>
  </si>
  <si>
    <t>chak no 42 db yazman road bahawalpur</t>
  </si>
  <si>
    <t>42db</t>
  </si>
  <si>
    <t>GGHSS CHAK NO.45 SB</t>
  </si>
  <si>
    <t>45 Sb Sgd</t>
  </si>
  <si>
    <t>Chak No 45 sb tehsil &amp; district sargodha</t>
  </si>
  <si>
    <t>46 Sb Sgd</t>
  </si>
  <si>
    <t>NUZHAT ASMA</t>
  </si>
  <si>
    <t>GGHSS CHAK NO.46 SB</t>
  </si>
  <si>
    <t>Chak# 46 SB</t>
  </si>
  <si>
    <t>chak # 45 S.B</t>
  </si>
  <si>
    <t>Chak#45 SB</t>
  </si>
  <si>
    <t>Chak# 45 SB</t>
  </si>
  <si>
    <t>boar</t>
  </si>
  <si>
    <t>GGHSS CHAK NO.66 EB</t>
  </si>
  <si>
    <t>chak no 66 eb</t>
  </si>
  <si>
    <t>chak no 66 eb tehsil arifwala district pakpattan</t>
  </si>
  <si>
    <t>Sumera Mustafa</t>
  </si>
  <si>
    <t>GGHSS CHAK NO.84 SB</t>
  </si>
  <si>
    <t>chak 84 sb</t>
  </si>
  <si>
    <t>Bushra Malik</t>
  </si>
  <si>
    <t>GGHSS CHAK NO.88 SB</t>
  </si>
  <si>
    <t>chak no 88 sb sargodha</t>
  </si>
  <si>
    <t>chak no 88 sb</t>
  </si>
  <si>
    <t>Mrs. khalida seher</t>
  </si>
  <si>
    <t>GGHSS CHALIANWALA</t>
  </si>
  <si>
    <t>Village &amp; P/O Chillianwala. Tehsil and District Mandi Bahauddin.</t>
  </si>
  <si>
    <t>Ismat Iqbal</t>
  </si>
  <si>
    <t>GGHSS CHAUNTRA</t>
  </si>
  <si>
    <t>Village &amp; po chauntra</t>
  </si>
  <si>
    <t>CHAUNTRA</t>
  </si>
  <si>
    <t>Naeema Rana</t>
  </si>
  <si>
    <t>GGHSS CHHAB</t>
  </si>
  <si>
    <t>chhab tehsil jand district attock</t>
  </si>
  <si>
    <t>GGHSS CHHINA</t>
  </si>
  <si>
    <t>Chhina</t>
  </si>
  <si>
    <t>gghs/s chhina P/O CHHINA TEH &amp; DISTT BHAKAKR</t>
  </si>
  <si>
    <t>chhina</t>
  </si>
  <si>
    <t>PEER ASHAB</t>
  </si>
  <si>
    <t>GGHSS CHISHT NAGAR FAROOQ ABAD</t>
  </si>
  <si>
    <t>GGHSS Chisht nagar farooqabad</t>
  </si>
  <si>
    <t>Chisht Nagar Farooqabad</t>
  </si>
  <si>
    <t>Muncipal Comeett</t>
  </si>
  <si>
    <t>Kaneez Fatima Zaidi</t>
  </si>
  <si>
    <t>GGHSS CHOUA KHALSA</t>
  </si>
  <si>
    <t>VPO CHOA KHALSA TEH KALLAR SYEDAN</t>
  </si>
  <si>
    <t>CHOA KHALSA</t>
  </si>
  <si>
    <t>NISSAS AKHTAR</t>
  </si>
  <si>
    <t>GGHSS CHOWK SARWAR SHAHEED</t>
  </si>
  <si>
    <t>layyah road chowk sarwar shaheed</t>
  </si>
  <si>
    <t>Friha Naz</t>
  </si>
  <si>
    <t>GGHSS CHUNG MULTAN ROAD</t>
  </si>
  <si>
    <t>chung</t>
  </si>
  <si>
    <t>GGHSS chung multan road lahore</t>
  </si>
  <si>
    <t>Afshan Zafar</t>
  </si>
  <si>
    <t>GGHSS CITY   D.G.KHAN</t>
  </si>
  <si>
    <t>SADAR</t>
  </si>
  <si>
    <t>GGHSS CITY DGK BLOCK 49</t>
  </si>
  <si>
    <t>MEHBOOBABAD</t>
  </si>
  <si>
    <t>Mrs. Jamila Rahman</t>
  </si>
  <si>
    <t>GGHSS COMPREHENSIVE BAHAWALPUR</t>
  </si>
  <si>
    <t>karna</t>
  </si>
  <si>
    <t>G.G.H.S.S Comprehensive Bwp</t>
  </si>
  <si>
    <t>riaz colony</t>
  </si>
  <si>
    <t>city Bwp</t>
  </si>
  <si>
    <t>Shahnaz kousar</t>
  </si>
  <si>
    <t>GGHSS COMPREHENSIVE DHOK KASHMIRIAN</t>
  </si>
  <si>
    <t>Govt Comp GHSS  Dhoke kashmirian  data gunj bakhs road Rwp</t>
  </si>
  <si>
    <t>Munir Khalida</t>
  </si>
  <si>
    <t>GGHSS COMPREHENSIVE GULGASHT COLONY MULTAN</t>
  </si>
  <si>
    <t>gulgasht colony.</t>
  </si>
  <si>
    <t>gghss comprehensive, gulgasht colony, multan</t>
  </si>
  <si>
    <t>gulgasht</t>
  </si>
  <si>
    <t>Naghma shireen</t>
  </si>
  <si>
    <t>GGHSS COMPREHENSIVE MADINA TOWN FSD</t>
  </si>
  <si>
    <t>MADINA TOWN</t>
  </si>
  <si>
    <t>103 Y BLOCK MADINA TOWN</t>
  </si>
  <si>
    <t>MADINA TOWN Y BLOCK</t>
  </si>
  <si>
    <t>Mst Rafia Sultana</t>
  </si>
  <si>
    <t>GGHSS COMPREHENSIVE WAHDAT ROAD</t>
  </si>
  <si>
    <t>wahdat road</t>
  </si>
  <si>
    <t>wahdat road lahore</t>
  </si>
  <si>
    <t>muslum town</t>
  </si>
  <si>
    <t>mrs. zainab shaheen  ummat rasool</t>
  </si>
  <si>
    <t>GGHSS D.D. PANNAH</t>
  </si>
  <si>
    <t>D.D.PANAH</t>
  </si>
  <si>
    <t>NEAR BUS STAND D.D.PANAH</t>
  </si>
  <si>
    <t>Azra Mehboob</t>
  </si>
  <si>
    <t>GGHSS DAHRAN WALA</t>
  </si>
  <si>
    <t>Dahranwala</t>
  </si>
  <si>
    <t>GGHSS Dahranwala Tehsil Chishtian District Bahawalnagar</t>
  </si>
  <si>
    <t>GGHSS DAJAL</t>
  </si>
  <si>
    <t>Dajal</t>
  </si>
  <si>
    <t>govt girls higher secondary School dajal district  Rajan pur</t>
  </si>
  <si>
    <t>Ghazala Firdous</t>
  </si>
  <si>
    <t>GGHSS DALWAL</t>
  </si>
  <si>
    <t>GGHSS Dalwal Tehsil Choa Saiden Shah Dist Chakwal</t>
  </si>
  <si>
    <t>Shamim Fatima</t>
  </si>
  <si>
    <t>GGHSS DEONA</t>
  </si>
  <si>
    <t>Deona</t>
  </si>
  <si>
    <t>GGHSS DEONA GUJRAT</t>
  </si>
  <si>
    <t>SALMA QAZI</t>
  </si>
  <si>
    <t>GGHSS DEV SAMAJ ROAD KRISHAN NAGAR</t>
  </si>
  <si>
    <t>krishan nagar</t>
  </si>
  <si>
    <t>dev samaj road lahore</t>
  </si>
  <si>
    <t>sunat nagar</t>
  </si>
  <si>
    <t>nyla mumtaz</t>
  </si>
  <si>
    <t>GGHSS DHANOTE</t>
  </si>
  <si>
    <t>DHANOTE</t>
  </si>
  <si>
    <t>GGHSS DHANOTE TEHSIL KEHROR PACCA DISTRICT LODHRAN</t>
  </si>
  <si>
    <t>NASIRA NAHID</t>
  </si>
  <si>
    <t>GGHSS DHARNAKA</t>
  </si>
  <si>
    <t>DHIBBA KARSIAL</t>
  </si>
  <si>
    <t>GGHSS DHURNAKA MIANWALI</t>
  </si>
  <si>
    <t>DHURNAKA</t>
  </si>
  <si>
    <t>NAMAL</t>
  </si>
  <si>
    <t>NOOR AZMAT kHATOON</t>
  </si>
  <si>
    <t>GGHSS DHAROWAL</t>
  </si>
  <si>
    <t>DHAROWAL</t>
  </si>
  <si>
    <t>GGHSS DHAROWAL, SIALKOT</t>
  </si>
  <si>
    <t>ASMA ZAHID DAR</t>
  </si>
  <si>
    <t>GGHSS DIJKOT</t>
  </si>
  <si>
    <t>DIJKOT</t>
  </si>
  <si>
    <t>MC DIJKOT</t>
  </si>
  <si>
    <t>Rahila Bano</t>
  </si>
  <si>
    <t>GGHSS DOMELI</t>
  </si>
  <si>
    <t>govt.girls higher secondary school domeli</t>
  </si>
  <si>
    <t>MUSRAT YASMIN</t>
  </si>
  <si>
    <t>GGHSS DUNGA BUNGA</t>
  </si>
  <si>
    <t>Dunga Akoka</t>
  </si>
  <si>
    <t>GGHSS Dunga Bunga BWN</t>
  </si>
  <si>
    <t>Dunga Bunga</t>
  </si>
  <si>
    <t>GGHSS EHSAN PUR</t>
  </si>
  <si>
    <t>Govt girls higher secondary school Ehsan pur Tehsil Kot Adu</t>
  </si>
  <si>
    <t>GGHSS EMINABAD</t>
  </si>
  <si>
    <t>eminabad</t>
  </si>
  <si>
    <t>govt.girls higher Secondary school eminabad</t>
  </si>
  <si>
    <t>Gul Shireen</t>
  </si>
  <si>
    <t>GGHSS Excellent (ATTACHED WITH QAED) LALAMUSA.</t>
  </si>
  <si>
    <t>circular road muhallah qasba lalamusa</t>
  </si>
  <si>
    <t>FARZANA AKRAM</t>
  </si>
  <si>
    <t>GGHSS EXCELLENT LAB</t>
  </si>
  <si>
    <t>DGKhan</t>
  </si>
  <si>
    <t>Block z DGKhan</t>
  </si>
  <si>
    <t>DGKHAN</t>
  </si>
  <si>
    <t>DGKhan Urben</t>
  </si>
  <si>
    <t>GGHSS FAQIR WALI</t>
  </si>
  <si>
    <t>ahmad nagar faqirwali</t>
  </si>
  <si>
    <t>Ahmadnagar Faqirwali</t>
  </si>
  <si>
    <t>MRS. QAMAR-UN-NISA</t>
  </si>
  <si>
    <t>GGHSS FARID TOWN SAHIWAL</t>
  </si>
  <si>
    <t>Farid town</t>
  </si>
  <si>
    <t>gGHSS Farid Town SWL</t>
  </si>
  <si>
    <t>Mrs Asia Khalid</t>
  </si>
  <si>
    <t>GGHSS FAROOQBAD</t>
  </si>
  <si>
    <t>siddiqi haidri</t>
  </si>
  <si>
    <t>GGHSS MOHALLAH SIDDIQI HAIDRI</t>
  </si>
  <si>
    <t>Misbah Batool</t>
  </si>
  <si>
    <t>GGHSS FAZILPUR</t>
  </si>
  <si>
    <t>mohallah aziz abad fazilpur</t>
  </si>
  <si>
    <t>MUBEEN SULTANA</t>
  </si>
  <si>
    <t>GGHSS FEROZA</t>
  </si>
  <si>
    <t>pacca laran</t>
  </si>
  <si>
    <t>govt girls higher secondary school feroza tehsil liaquat pur</t>
  </si>
  <si>
    <t>feroza</t>
  </si>
  <si>
    <t>hayyat lar</t>
  </si>
  <si>
    <t>fARKHANDA SAIF</t>
  </si>
  <si>
    <t>GGHSS GAGGOO</t>
  </si>
  <si>
    <t>187 EB</t>
  </si>
  <si>
    <t>SAMINA MANNAN</t>
  </si>
  <si>
    <t>GGHSS GAOU SHALA</t>
  </si>
  <si>
    <t>Gov't Girls Higher Secondary School Gaoshalla teh. Chichawatni Distt. Sahiwal</t>
  </si>
  <si>
    <t>Gaoshalla</t>
  </si>
  <si>
    <t>GGHSS GHAKHAR</t>
  </si>
  <si>
    <t>Govt Girls Higher Secondary School Ghakhar</t>
  </si>
  <si>
    <t>Kishwar naheed</t>
  </si>
  <si>
    <t>GGHSS GHORA GALI (old GGPS Pithli Malot)</t>
  </si>
  <si>
    <t>pithli</t>
  </si>
  <si>
    <t>govt girls higher secondary school ghora gali murree</t>
  </si>
  <si>
    <t>ghora gali</t>
  </si>
  <si>
    <t>Uzma Afreen</t>
  </si>
  <si>
    <t>tank water</t>
  </si>
  <si>
    <t>GGHSS GHOTA FATEH GARH</t>
  </si>
  <si>
    <t>Ghota Fateh Garh</t>
  </si>
  <si>
    <t>Ghota Fateh garh</t>
  </si>
  <si>
    <t>Nargis Ara</t>
  </si>
  <si>
    <t>GGHSS GOLAKI</t>
  </si>
  <si>
    <t>GOLEKI</t>
  </si>
  <si>
    <t>GOVT GIRLS HIGHER SECONDARY SCHOOL GOLEKI</t>
  </si>
  <si>
    <t>rehana perveen</t>
  </si>
  <si>
    <t>GGHSS GULIANA</t>
  </si>
  <si>
    <t>VPO GULIANA TESHIL KHARIAN DISTRICT GUJRAT</t>
  </si>
  <si>
    <t>guliana</t>
  </si>
  <si>
    <t>Tanveer- Un -Nisa</t>
  </si>
  <si>
    <t>GGHSS HAFIZ SHERAZI BASTI ARRIAN WALI SHAHANI</t>
  </si>
  <si>
    <t>SHAHANI</t>
  </si>
  <si>
    <t>GGHSS HAFIZ SHERAZI BASTI ARRIAN WALI SHAHANI BHAKKAR</t>
  </si>
  <si>
    <t>BASTI ARRIAN WALI SHAHANI</t>
  </si>
  <si>
    <t>Afzal Tehmina kulachi</t>
  </si>
  <si>
    <t>GGHSS HARNOLI</t>
  </si>
  <si>
    <t>Liaqtabad East</t>
  </si>
  <si>
    <t>GGHSS HARNOLI teh.Piplan Mianwali</t>
  </si>
  <si>
    <t>afshan jabeen</t>
  </si>
  <si>
    <t>GGHSS HASSAN ABDAL</t>
  </si>
  <si>
    <t>MOh takya near jamia masjid hassanabdal</t>
  </si>
  <si>
    <t>Moh Takya</t>
  </si>
  <si>
    <t>Hassan ABdal</t>
  </si>
  <si>
    <t>miss asia bibi</t>
  </si>
  <si>
    <t>GGHSS HAVELI MEHR SHAH, ABDUL HAKIM</t>
  </si>
  <si>
    <t>HAVELI MEHAR SHAH</t>
  </si>
  <si>
    <t>HAVELI KORANGA</t>
  </si>
  <si>
    <t>GGHSS HEAD MARALA</t>
  </si>
  <si>
    <t>dhallay wali</t>
  </si>
  <si>
    <t>NAND PUR, ARMY COLONY, NEAR HBL MARALA</t>
  </si>
  <si>
    <t>nand pur</t>
  </si>
  <si>
    <t>HEAD MARALA</t>
  </si>
  <si>
    <t>FARINA ILYAS</t>
  </si>
  <si>
    <t>GGHSS HELAN</t>
  </si>
  <si>
    <t>helan</t>
  </si>
  <si>
    <t>Nayyer Sajid</t>
  </si>
  <si>
    <t>hand pump motor</t>
  </si>
  <si>
    <t>GGHSS HUNDAL</t>
  </si>
  <si>
    <t>gghss hundal sialkot</t>
  </si>
  <si>
    <t>Robina Mir</t>
  </si>
  <si>
    <t>GGHSS HYDER ABAD TOWN</t>
  </si>
  <si>
    <t>Hyderabad  Town</t>
  </si>
  <si>
    <t>gghss Hyderabad town</t>
  </si>
  <si>
    <t>Hyderabad Town</t>
  </si>
  <si>
    <t>Nousheen Ghafoor</t>
  </si>
  <si>
    <t>GGHSS IQBAL NAGAR</t>
  </si>
  <si>
    <t>Govt.Girls Higher Secondary School Iqbal Nagar</t>
  </si>
  <si>
    <t>7/14l</t>
  </si>
  <si>
    <t>FARHAT SULTANA</t>
  </si>
  <si>
    <t>GGHSS ISLAMIA JEHLUM</t>
  </si>
  <si>
    <t>ward 2</t>
  </si>
  <si>
    <t>Nia Mohallah Jhelum.</t>
  </si>
  <si>
    <t>jhelum v</t>
  </si>
  <si>
    <t>Sara Majid</t>
  </si>
  <si>
    <t>GGHSS JABBAL</t>
  </si>
  <si>
    <t>VPO Jabbal Tehsil Zafarwal, District Narowal</t>
  </si>
  <si>
    <t>GGHSS JABBAR PINDORI</t>
  </si>
  <si>
    <t>Balyam</t>
  </si>
  <si>
    <t>gghss jabbar pindori tehsil gujar khan</t>
  </si>
  <si>
    <t>Jabbar</t>
  </si>
  <si>
    <t>miss shazia aftab</t>
  </si>
  <si>
    <t>GGHSS JAHAZ GROUND SAHIWAL</t>
  </si>
  <si>
    <t>jahaz groud sahiwal</t>
  </si>
  <si>
    <t>Sughra Ali</t>
  </si>
  <si>
    <t>GGHSS JALLAH ARIAN</t>
  </si>
  <si>
    <t>Jallaha Arain</t>
  </si>
  <si>
    <t>po jallah arain lodhran</t>
  </si>
  <si>
    <t>mrs. tasleem fatima</t>
  </si>
  <si>
    <t>GGHSS JALLO MORE</t>
  </si>
  <si>
    <t>jallomore</t>
  </si>
  <si>
    <t>main bazar jallomore</t>
  </si>
  <si>
    <t>Jallomore</t>
  </si>
  <si>
    <t>Waheeda Zulfiqar</t>
  </si>
  <si>
    <t>GGHSS JAND WALA</t>
  </si>
  <si>
    <t>jandwala</t>
  </si>
  <si>
    <t>chack jandwalaP/O same thesil&amp;distt bahawalnagar</t>
  </si>
  <si>
    <t>Zareen fatima</t>
  </si>
  <si>
    <t>GGHSS JASWAL</t>
  </si>
  <si>
    <t>JASWAL</t>
  </si>
  <si>
    <t>VILL.JASWAL P/O JHATLA</t>
  </si>
  <si>
    <t>AFSHAN NAZIR</t>
  </si>
  <si>
    <t>GGHSS JHATLA</t>
  </si>
  <si>
    <t>v/p/o jhatla</t>
  </si>
  <si>
    <t>jhatla</t>
  </si>
  <si>
    <t>imrana fozia</t>
  </si>
  <si>
    <t>GGHSS JHATTA HATHIAL</t>
  </si>
  <si>
    <t>JHATTA HATHIAL</t>
  </si>
  <si>
    <t>VILLAGE AND POST OFFICE JHATTA HATHIAL</t>
  </si>
  <si>
    <t>Aneela Hassan</t>
  </si>
  <si>
    <t>GGHSS JHAWRIAN</t>
  </si>
  <si>
    <t>megha road jhawarian</t>
  </si>
  <si>
    <t>Nazli Shahnaz</t>
  </si>
  <si>
    <t>GGHSS JODH PUR KABIRWALA</t>
  </si>
  <si>
    <t>Jodh Pur</t>
  </si>
  <si>
    <t>GOVT. GIRLS HIGHER SECONDARY SCHOOL JODH PUR (KABIRWALA)</t>
  </si>
  <si>
    <t>JODH PUR</t>
  </si>
  <si>
    <t>surriya anjum bhutta</t>
  </si>
  <si>
    <t>GGHSS JOKALIAN</t>
  </si>
  <si>
    <t>V.P.O Jokalian Teh. phalia Distt. M.B.Din</t>
  </si>
  <si>
    <t>Farzana Ghani</t>
  </si>
  <si>
    <t>GGHSS KACHI BASTI KAMALIA</t>
  </si>
  <si>
    <t>mOHALLAH bILAL, kAMALIA</t>
  </si>
  <si>
    <t>bILAL gUNG</t>
  </si>
  <si>
    <t>cITY ii</t>
  </si>
  <si>
    <t>Rashida Anwar</t>
  </si>
  <si>
    <t>GGHSS KAKI NOU</t>
  </si>
  <si>
    <t>Kakki Nau Doaim</t>
  </si>
  <si>
    <t>kakki nau doaim</t>
  </si>
  <si>
    <t>Kakki Nau</t>
  </si>
  <si>
    <t>RASHIDA MUNIR</t>
  </si>
  <si>
    <t>GGHSS KALAS</t>
  </si>
  <si>
    <t>KALAS</t>
  </si>
  <si>
    <t>GGHSS KALAS P/O CHAK CHAKORA TEH&amp;DISTT CHAKWAL</t>
  </si>
  <si>
    <t>MOGLA</t>
  </si>
  <si>
    <t>SAFEER AAKHTAR</t>
  </si>
  <si>
    <t>GGHSS KALEKE MANDI</t>
  </si>
  <si>
    <t>KALEKE MANDI</t>
  </si>
  <si>
    <t>KALEKE MANDI TEHSIL AND DISTRICT HAFIZABAD</t>
  </si>
  <si>
    <t>Nargas bashir</t>
  </si>
  <si>
    <t>GGHSS KAMAL PUR</t>
  </si>
  <si>
    <t>Kamal pur Teh.Daska.Sialkot</t>
  </si>
  <si>
    <t>Farnaz Asif</t>
  </si>
  <si>
    <t>GGHSS KAMMAR MUSHANI</t>
  </si>
  <si>
    <t>Kamarmushani</t>
  </si>
  <si>
    <t>gghs kammar mushani district mianwali</t>
  </si>
  <si>
    <t>Kammar Mushani</t>
  </si>
  <si>
    <t>KAUSER PARVEEN</t>
  </si>
  <si>
    <t>GGHSS KANJRUR</t>
  </si>
  <si>
    <t>village &amp;p/o kanjrur</t>
  </si>
  <si>
    <t>Shazia Yousaf</t>
  </si>
  <si>
    <t>GGHSS KARIAN WALA</t>
  </si>
  <si>
    <t>karianwala</t>
  </si>
  <si>
    <t>GGHSS karianwala</t>
  </si>
  <si>
    <t>bushra nasreen</t>
  </si>
  <si>
    <t>GGHSS KARYAL KALAN</t>
  </si>
  <si>
    <t>karyal kalan</t>
  </si>
  <si>
    <t>karyal kalan teh noeshehra virkan</t>
  </si>
  <si>
    <t>NAZHAT AMEEN</t>
  </si>
  <si>
    <t>GGHSS KATHALA CHINAB</t>
  </si>
  <si>
    <t>Kahala Chenab</t>
  </si>
  <si>
    <t>p/of and village Kathala chenab</t>
  </si>
  <si>
    <t>FARZANA BASHIR</t>
  </si>
  <si>
    <t>GGHSS KEHROR PACCA</t>
  </si>
  <si>
    <t>kehror pacca</t>
  </si>
  <si>
    <t>gosia chok gghss kehror pacca</t>
  </si>
  <si>
    <t>gosia chok</t>
  </si>
  <si>
    <t>diyanat pura</t>
  </si>
  <si>
    <t>HAMEEDA PERVEEN</t>
  </si>
  <si>
    <t>GGHSS KHAN BELA</t>
  </si>
  <si>
    <t>GGH.SS khan bela</t>
  </si>
  <si>
    <t>GGHSS KHAN PUR</t>
  </si>
  <si>
    <t>VILLAGE AND POST OFICE KHANPUR, TEHSIL AND DISTRICT CHAKWAL</t>
  </si>
  <si>
    <t>DHUMAN</t>
  </si>
  <si>
    <t>SHEHNAZ BEGUM</t>
  </si>
  <si>
    <t>GGHSS KHAROLIAN</t>
  </si>
  <si>
    <t>KHAROLIAN</t>
  </si>
  <si>
    <t>GOVT.GIRLS HIGER SECONDASRY SCHOOL KHAROLIAN, TEHSIL SAMBRIAL,SIALKOT</t>
  </si>
  <si>
    <t>NIGHAT FATIMA</t>
  </si>
  <si>
    <t>GGHSS KHAROTA SYEDAN</t>
  </si>
  <si>
    <t>kharota syedan Sialkot</t>
  </si>
  <si>
    <t>KHAROTA SYEDAN</t>
  </si>
  <si>
    <t>GGHSS KHAWAJA M.SAFDAR SIALKOT</t>
  </si>
  <si>
    <t>paris road puran Nagar sialkot</t>
  </si>
  <si>
    <t>water works</t>
  </si>
  <si>
    <t>SAJIDA PARVEEN</t>
  </si>
  <si>
    <t>GGHSS KHOHAR</t>
  </si>
  <si>
    <t>khohar</t>
  </si>
  <si>
    <t>vill p.o khohar</t>
  </si>
  <si>
    <t>NUSRAT AZIZ</t>
  </si>
  <si>
    <t>GGHSS KHURRIAN WALA</t>
  </si>
  <si>
    <t>266 RB KHURRIANWALA</t>
  </si>
  <si>
    <t>KHURRIANWALA</t>
  </si>
  <si>
    <t>ABIDA CH.</t>
  </si>
  <si>
    <t>GGHSS KHUSHAB GEROTE ROAD</t>
  </si>
  <si>
    <t>Girot road khushab</t>
  </si>
  <si>
    <t>HUMA MUSTAFA</t>
  </si>
  <si>
    <t>GGHSS KHUTREE BANGLA</t>
  </si>
  <si>
    <t>khutree banglow</t>
  </si>
  <si>
    <t>chak no 121 DNB, khutree banglow Yazman</t>
  </si>
  <si>
    <t>merana</t>
  </si>
  <si>
    <t>Sidra Alvi</t>
  </si>
  <si>
    <t>GGHSS KIRARRI KOT</t>
  </si>
  <si>
    <t>kARARI kOT</t>
  </si>
  <si>
    <t>Karari Kot p/o same</t>
  </si>
  <si>
    <t>Mrs Naghma Parveen</t>
  </si>
  <si>
    <t>GGHSS KOLO TARAR</t>
  </si>
  <si>
    <t>kolo tarar</t>
  </si>
  <si>
    <t>govt.girls higher secondary school kolo tarar tehsil and district hafizabad</t>
  </si>
  <si>
    <t>GGHSS KOT CHUTTA</t>
  </si>
  <si>
    <t>kot chutta</t>
  </si>
  <si>
    <t>govt.girls higher secondary school kot chutta</t>
  </si>
  <si>
    <t>muncipal comettee</t>
  </si>
  <si>
    <t>ANJUM AFSHAN</t>
  </si>
  <si>
    <t>GGHSS KOT FATEH KHAN</t>
  </si>
  <si>
    <t>kot fateh khan</t>
  </si>
  <si>
    <t>VPO Kot Fateh khan</t>
  </si>
  <si>
    <t>Nasim akhtar</t>
  </si>
  <si>
    <t>GGHSS KOT ISLAM, ABDUL HAKIM</t>
  </si>
  <si>
    <t>Kotislam</t>
  </si>
  <si>
    <t>Shahla Jabeen</t>
  </si>
  <si>
    <t>GGHSS KOT SAMABA</t>
  </si>
  <si>
    <t>KOT SAMABA</t>
  </si>
  <si>
    <t>MOHALLAH SADAT KOT SAMABA</t>
  </si>
  <si>
    <t>KOT SAMABA - MC</t>
  </si>
  <si>
    <t>SHAHNAZ FATIMA</t>
  </si>
  <si>
    <t>GGHSS KUKKAR HATTA, KABIRWALA</t>
  </si>
  <si>
    <t>kabirwala</t>
  </si>
  <si>
    <t>govt.girls higher secondary school kukkar hatta kabirwala</t>
  </si>
  <si>
    <t>kukkar hatta</t>
  </si>
  <si>
    <t>ibrahim pur</t>
  </si>
  <si>
    <t>syeda shabahat zahra</t>
  </si>
  <si>
    <t>GGHSS KULUWAL</t>
  </si>
  <si>
    <t>kulluwal</t>
  </si>
  <si>
    <t>filter/ motor</t>
  </si>
  <si>
    <t>GGHSS KUNDIAN</t>
  </si>
  <si>
    <t>moh. haji  alamkhanwala kundian</t>
  </si>
  <si>
    <t>Zubda Aziz</t>
  </si>
  <si>
    <t>water moter</t>
  </si>
  <si>
    <t>GGHSS LADHANA</t>
  </si>
  <si>
    <t>ladhana</t>
  </si>
  <si>
    <t>Safia parveen</t>
  </si>
  <si>
    <t>GGHSS LADY ANDERSAN SIALKOT</t>
  </si>
  <si>
    <t>Adda Pasrurian mohallah islamabad, Sialkot.</t>
  </si>
  <si>
    <t>GGHSS LADY MACLAGAN LODGE ROAD OLD ANARKALI</t>
  </si>
  <si>
    <t>DATA TOWN</t>
  </si>
  <si>
    <t>GGHSS LADY MACLAGAN LODGE ROAD ANARKALI</t>
  </si>
  <si>
    <t>OLD ANARKALI</t>
  </si>
  <si>
    <t>FARAH KHAN</t>
  </si>
  <si>
    <t>GGHSS LALIAN</t>
  </si>
  <si>
    <t>GOVT.GIRLS HIGHER SECONDARY SCHOOL LALIAN.</t>
  </si>
  <si>
    <t>MC LALIAN</t>
  </si>
  <si>
    <t>GGHSS LALLIANI</t>
  </si>
  <si>
    <t>GHSS Lalliani</t>
  </si>
  <si>
    <t>GGHSS LAWA</t>
  </si>
  <si>
    <t>vpo lawa</t>
  </si>
  <si>
    <t>Mrs GHULAM ANWAR</t>
  </si>
  <si>
    <t>GGHSS MABILE SHARIF</t>
  </si>
  <si>
    <t>MAIBAL DAGGAR</t>
  </si>
  <si>
    <t>GOVT. GIRLS HIGHER SECONDARY SCHOOL MAIBAL SHARIF</t>
  </si>
  <si>
    <t>MAIBAL SHARIF</t>
  </si>
  <si>
    <t>aTIFUT aISHA</t>
  </si>
  <si>
    <t>GGHSS MACHIAN WALA</t>
  </si>
  <si>
    <t>557/E.B</t>
  </si>
  <si>
    <t>GOVT.GIRLS HIGHER SECONDARY SCHOOL MACHIANWALA vehari</t>
  </si>
  <si>
    <t>557/E.B Vehari</t>
  </si>
  <si>
    <t>CHAK NO.533/E.B</t>
  </si>
  <si>
    <t>Mrs. Razia Sultana</t>
  </si>
  <si>
    <t>GGHSS MAINGRI</t>
  </si>
  <si>
    <t>Maingri p/O Noor Kot Teh Shakargarh District Narowal</t>
  </si>
  <si>
    <t>Ayesha Qudsia</t>
  </si>
  <si>
    <t>GGHSS MAKHDOOM PUR PAHORAN, KHANEWAL</t>
  </si>
  <si>
    <t>MAKHDUMPUR</t>
  </si>
  <si>
    <t>GGHSS MAKHDUMPUR PAHORAN KHANEWAL</t>
  </si>
  <si>
    <t>ZUBAIDA SAHAR D/o MUHAMMAD ISMAIL</t>
  </si>
  <si>
    <t>GGHSS MALHOO</t>
  </si>
  <si>
    <t>Malhoo</t>
  </si>
  <si>
    <t>gghss malhoo hazro attock</t>
  </si>
  <si>
    <t>Kamalpurmusa</t>
  </si>
  <si>
    <t>Fozia Aslam</t>
  </si>
  <si>
    <t>GGHSS MALHUWALI</t>
  </si>
  <si>
    <t>vpo malhowali tehsil pindigheb distt attock</t>
  </si>
  <si>
    <t>Sumaira bibi</t>
  </si>
  <si>
    <t>GGHSS MALKA HANS</t>
  </si>
  <si>
    <t>malka hans</t>
  </si>
  <si>
    <t>govt girls higher secondary school malka hans</t>
  </si>
  <si>
    <t>BUSHRA IQBAL</t>
  </si>
  <si>
    <t>GGHSS MANA AHMEDANI</t>
  </si>
  <si>
    <t>MANA AHMADANI</t>
  </si>
  <si>
    <t>MANA AHAMADANI</t>
  </si>
  <si>
    <t>GGHSS MANAWALA</t>
  </si>
  <si>
    <t>manawala</t>
  </si>
  <si>
    <t>nankana road manawala district skp</t>
  </si>
  <si>
    <t>rashida rehmat</t>
  </si>
  <si>
    <t>GGHSS MANDI AHMED ABAD</t>
  </si>
  <si>
    <t>mandi ahmad abad</t>
  </si>
  <si>
    <t>gghss mandi ahmad abad</t>
  </si>
  <si>
    <t>RUKHSANA KHURSHEED</t>
  </si>
  <si>
    <t>GGHSS MANDI SADIQ GUNJ</t>
  </si>
  <si>
    <t>Mandi Sadiq Gung</t>
  </si>
  <si>
    <t>GGHSS MANDI SADIQ GUNG</t>
  </si>
  <si>
    <t>Razia Abbas</t>
  </si>
  <si>
    <t>GGHSS MANGA MANDI MULTAN ROAD</t>
  </si>
  <si>
    <t>Manga Mandi</t>
  </si>
  <si>
    <t>Manga Mandi Multan Road Lahore</t>
  </si>
  <si>
    <t>Manga Mandi taarer</t>
  </si>
  <si>
    <t>Tabassum Ilyass</t>
  </si>
  <si>
    <t>GGHSS MANSOOR ABAD NISHAT ABAD FSD</t>
  </si>
  <si>
    <t>Malik Pur manawla Fsd</t>
  </si>
  <si>
    <t>203RB Shamsabad</t>
  </si>
  <si>
    <t>GGHSS MARYAL</t>
  </si>
  <si>
    <t>Maryal</t>
  </si>
  <si>
    <t>GGHSS Maryal</t>
  </si>
  <si>
    <t>Chatrana</t>
  </si>
  <si>
    <t>Fazeelat khalid ch.</t>
  </si>
  <si>
    <t>GGHSS MATORE</t>
  </si>
  <si>
    <t>MATORE</t>
  </si>
  <si>
    <t>VILL AND P.O MATORE TEHSIL KAHUTA DISTT.RWP.</t>
  </si>
  <si>
    <t>GGHSS MATOTLY SHUJABAD</t>
  </si>
  <si>
    <t>Matotli</t>
  </si>
  <si>
    <t>p/o matotli shujabad</t>
  </si>
  <si>
    <t>ABIDA AZIZ</t>
  </si>
  <si>
    <t>GGHSS MC BHOWANA BAZAR FAISALABAD</t>
  </si>
  <si>
    <t>Bhowana Bazar</t>
  </si>
  <si>
    <t>Govt.M.C Girls Higher Secondaryschool Bhawana Bazar Faisalabad</t>
  </si>
  <si>
    <t>Bhawana Bazar</t>
  </si>
  <si>
    <t>CC</t>
  </si>
  <si>
    <t>qamar sultana</t>
  </si>
  <si>
    <t>GGHSS MC DIJKOT ROAD FAISALABAD</t>
  </si>
  <si>
    <t>GMCGHSS DIJKOT ROAD FSD CITY</t>
  </si>
  <si>
    <t>FSD CITY</t>
  </si>
  <si>
    <t>SIRSYYED TOWN</t>
  </si>
  <si>
    <t>SAFIA NASREEN</t>
  </si>
  <si>
    <t>provided by teacher</t>
  </si>
  <si>
    <t>GGHSS MC SAMANABAD FAISALABAD</t>
  </si>
  <si>
    <t>MADNI CHOWK SAMANABAD</t>
  </si>
  <si>
    <t>rehana Afzal</t>
  </si>
  <si>
    <t>GGHSS MCLEOD GUNJ</t>
  </si>
  <si>
    <t>govt.girls higher secondary school mecleodgunj tehsil minchinabad</t>
  </si>
  <si>
    <t>ahmad pur mecleodgunj</t>
  </si>
  <si>
    <t>Shahida Hafeez</t>
  </si>
  <si>
    <t>GGHSS MIANA GONDAL</t>
  </si>
  <si>
    <t>Govt Girls Higher Sec School Miana Gondal</t>
  </si>
  <si>
    <t>Asifa Parveen</t>
  </si>
  <si>
    <t>GGHSS MIANWAL RANJHA</t>
  </si>
  <si>
    <t>Mianwal ranjha</t>
  </si>
  <si>
    <t>v.p.o.mianwal ranjha</t>
  </si>
  <si>
    <t>Saba Butt</t>
  </si>
  <si>
    <t>GGHSS MIDH RANJHA</t>
  </si>
  <si>
    <t>Midh Ranjha Tehsil Kotmomin district Sargodha</t>
  </si>
  <si>
    <t>Sonia Sadaf</t>
  </si>
  <si>
    <t>GGHSS MINHALA KALAN</t>
  </si>
  <si>
    <t>Minhala Kalan</t>
  </si>
  <si>
    <t>govt girls higher secondary school minhala kalan</t>
  </si>
  <si>
    <t>Farkhanda Naheed</t>
  </si>
  <si>
    <t>GGHSS MIR DAD MUFAI</t>
  </si>
  <si>
    <t>MIRDAD MUAFI</t>
  </si>
  <si>
    <t>GGHSS MIRDAD MUAFI, SAHIWAL</t>
  </si>
  <si>
    <t>Mirdad Muafi</t>
  </si>
  <si>
    <t>Nasim Akhtar Bashir</t>
  </si>
  <si>
    <t>GGHSS MIRZA</t>
  </si>
  <si>
    <t>government girls higher secondary school mirza</t>
  </si>
  <si>
    <t>SHAZIA KHURSHID</t>
  </si>
  <si>
    <t>GGHSS MITHA TIWANA</t>
  </si>
  <si>
    <t>govt girls higher secondary school moh awanawala mitha tiwana</t>
  </si>
  <si>
    <t>Mc Mitha Tiwana</t>
  </si>
  <si>
    <t>GGHSS MITHAN KOT</t>
  </si>
  <si>
    <t>Kashmir Colony Kot Mithan Tehsil &amp; Distt Rajanpur</t>
  </si>
  <si>
    <t>mubeen akhtar</t>
  </si>
  <si>
    <t>GGHSS MODEL</t>
  </si>
  <si>
    <t>kachi jamal</t>
  </si>
  <si>
    <t>govt girls model higher secondary school khanpur</t>
  </si>
  <si>
    <t>city khanpur</t>
  </si>
  <si>
    <t>70 a</t>
  </si>
  <si>
    <t>REHANA BADAR</t>
  </si>
  <si>
    <t>GGHSS MODEL DINA</t>
  </si>
  <si>
    <t>Mangla road dina</t>
  </si>
  <si>
    <t>Dina2</t>
  </si>
  <si>
    <t>Shehba Iqbal</t>
  </si>
  <si>
    <t>GGHSS MODEL GHARIB PURA GUJRAT</t>
  </si>
  <si>
    <t>govt. girls model higher secondary school ghareeb pura gujrat</t>
  </si>
  <si>
    <t>mohalla Ghareeb Pura</t>
  </si>
  <si>
    <t>ali pura</t>
  </si>
  <si>
    <t>razia akhtar</t>
  </si>
  <si>
    <t>GGHSS MODEL HAFIZABAD</t>
  </si>
  <si>
    <t>moh sher pura hfd</t>
  </si>
  <si>
    <t>Abida Saleemi</t>
  </si>
  <si>
    <t>GGHSS MODEL TOWN SIALKOT</t>
  </si>
  <si>
    <t>MODEL TOWN, SIALKOT.</t>
  </si>
  <si>
    <t>SAIMA MUBARAK</t>
  </si>
  <si>
    <t>GGHSS MODEL TOWN-A (ATTACH WITH GCET) BAHAWALPUR</t>
  </si>
  <si>
    <t>Quaid-e-Azam Model Higher Secondary School Attached QAED (F) MTA Bwp</t>
  </si>
  <si>
    <t>Model Town A</t>
  </si>
  <si>
    <t>Model town A</t>
  </si>
  <si>
    <t>Tabinda Kokab</t>
  </si>
  <si>
    <t>GGHSS MODEL TOWN-A BAHAWALPUR</t>
  </si>
  <si>
    <t>GOVT. GIRLS HIGH SCHOOL MODEL TOWN (A) BAHWALPUR</t>
  </si>
  <si>
    <t>MODEL TOWN (A)</t>
  </si>
  <si>
    <t>SAFIA SULTANA</t>
  </si>
  <si>
    <t>GGHSS MOHRI PUR, SARAI SIDHU</t>
  </si>
  <si>
    <t>MOHRIPUR</t>
  </si>
  <si>
    <t>GOVT GIRLS HIGHER SECONDARY SCHOOL MOHRIPUR</t>
  </si>
  <si>
    <t>Iqbal Riaz</t>
  </si>
  <si>
    <t>GGHSS MONG</t>
  </si>
  <si>
    <t>MONG</t>
  </si>
  <si>
    <t>ISHRAT NASREEN</t>
  </si>
  <si>
    <t>GGHSS MOON LIGHT U-BLOCK NEW MULTAN</t>
  </si>
  <si>
    <t>U BLOCK NEW MULTAN</t>
  </si>
  <si>
    <t>GGHSS MOON LIGHT U- BLOCK NEW MULTAN</t>
  </si>
  <si>
    <t>KHALIDA ZAFFAR</t>
  </si>
  <si>
    <t>GGHSS MORE KHUNDA</t>
  </si>
  <si>
    <t>more khunda</t>
  </si>
  <si>
    <t>GGHSS MORE KHUNDA NNS</t>
  </si>
  <si>
    <t>kot sher e rubani</t>
  </si>
  <si>
    <t>NATHA</t>
  </si>
  <si>
    <t>RAHILA IKRAM</t>
  </si>
  <si>
    <t>GGHSS MORGAH</t>
  </si>
  <si>
    <t>govt girls higher sec- school (aoc) morgah rawalpindi</t>
  </si>
  <si>
    <t>Arl co. morgah</t>
  </si>
  <si>
    <t>GGHSS MUAZZAM ABAD</t>
  </si>
  <si>
    <t>P.O.Box Moazzamabad tehsile Kotmomin District Sargodha</t>
  </si>
  <si>
    <t>Robina Hassan</t>
  </si>
  <si>
    <t>GGHSS MUBARAKPUR</t>
  </si>
  <si>
    <t>Govt.Girls.Higher Secondary School Mubarakpur</t>
  </si>
  <si>
    <t>anjum shaheen</t>
  </si>
  <si>
    <t>GGHSS MUNDAKEY GORAYA</t>
  </si>
  <si>
    <t>Mundekey Goraya</t>
  </si>
  <si>
    <t>mundake goraya</t>
  </si>
  <si>
    <t>Mundake Goraya</t>
  </si>
  <si>
    <t>Shamaila Ijaz</t>
  </si>
  <si>
    <t>GGHSS MURAD PUR SIALKOT</t>
  </si>
  <si>
    <t>Muradpur</t>
  </si>
  <si>
    <t>PO.Gohadpur Teh,Distt Sialkot</t>
  </si>
  <si>
    <t>KAUSAR NAHEED KAZMI</t>
  </si>
  <si>
    <t>GGHSS MURALA</t>
  </si>
  <si>
    <t>vill,murala,tehsil and district mandi bahauddin</t>
  </si>
  <si>
    <t>Muniba Zaman</t>
  </si>
  <si>
    <t>GGHSS MURIDKE</t>
  </si>
  <si>
    <t>muridke town</t>
  </si>
  <si>
    <t>GOVT. GIRLS HIGHER SECONDARY SCHOOL NEAR RAILWAY CROSSING MURIDKE</t>
  </si>
  <si>
    <t>MURIDKE TOWN</t>
  </si>
  <si>
    <t>GHAZALA SHAHEEN</t>
  </si>
  <si>
    <t>GGHSS MUSTAFA ABAD</t>
  </si>
  <si>
    <t>mustafaabad</t>
  </si>
  <si>
    <t>Rubina Amin</t>
  </si>
  <si>
    <t>GGHSS NAI ABADI RASUL</t>
  </si>
  <si>
    <t>nail abadi rasul</t>
  </si>
  <si>
    <t>Ghazala  Yasmin</t>
  </si>
  <si>
    <t>GGHSS NALLA MUSLIM SHAMALI</t>
  </si>
  <si>
    <t>vpo nala musalmana teh kallar syedan distt rawalpindi</t>
  </si>
  <si>
    <t>Nala Musalmana</t>
  </si>
  <si>
    <t>Nala Musalmans</t>
  </si>
  <si>
    <t>Iffat Qadir Malik</t>
  </si>
  <si>
    <t>GGHSS NANGAL SAHDAN</t>
  </si>
  <si>
    <t>NANGAL SAHDAN</t>
  </si>
  <si>
    <t>VILLAGE NANGAL SAHDAN TEHSILE MURIDKE DISTRICT SHEIKHUPURA</t>
  </si>
  <si>
    <t>SHAFQAT MUNIR</t>
  </si>
  <si>
    <t>GGHSS NARANG MANDI</t>
  </si>
  <si>
    <t>GGHSS Narang</t>
  </si>
  <si>
    <t>KHALIDA SAKINA</t>
  </si>
  <si>
    <t>GGHSS NATIONAL PAF BASE SARGODHA</t>
  </si>
  <si>
    <t>PAF</t>
  </si>
  <si>
    <t>PAF BASE SGD</t>
  </si>
  <si>
    <t>PAF Base</t>
  </si>
  <si>
    <t>GGHSS NAUSHERA</t>
  </si>
  <si>
    <t>MC Naushera</t>
  </si>
  <si>
    <t>GGHSS NAWAN KOT</t>
  </si>
  <si>
    <t>govt.girls higher secondary school Nawan kot</t>
  </si>
  <si>
    <t>ABIDA KHANUM</t>
  </si>
  <si>
    <t>hand pump and electricty cooler</t>
  </si>
  <si>
    <t>GGHSS NAWAN SHAHER (ATTACH WITH GCET (W) MULTAN)</t>
  </si>
  <si>
    <t>Jumma khalisa</t>
  </si>
  <si>
    <t>GGHSS attached with GCET Nawan Shehar</t>
  </si>
  <si>
    <t>Gulnar Colony</t>
  </si>
  <si>
    <t>GGHSS NEHANG</t>
  </si>
  <si>
    <t>Punjpeer</t>
  </si>
  <si>
    <t>Nehang tehsil sahiwal disst sagodha</t>
  </si>
  <si>
    <t>Nehang</t>
  </si>
  <si>
    <t>Havli Majoka</t>
  </si>
  <si>
    <t>Farzana Kanwal</t>
  </si>
  <si>
    <t>GGHSS NINDOWAL</t>
  </si>
  <si>
    <t>nindowal</t>
  </si>
  <si>
    <t>vpo nindowal teh kharian distt gujrat</t>
  </si>
  <si>
    <t>GGHSS NO 2 MURREE ROAD RWP</t>
  </si>
  <si>
    <t>gghssno2 murree road rwp</t>
  </si>
  <si>
    <t>Muree Road</t>
  </si>
  <si>
    <t>Ariya Mohalla</t>
  </si>
  <si>
    <t>SHEHLA AFSHAN NAZLI</t>
  </si>
  <si>
    <t>GGHSS NO.1 BAGH SARDARAN RAWALPINDI CITY</t>
  </si>
  <si>
    <t>bagh sardaran Rawalpindi</t>
  </si>
  <si>
    <t>Dhoke Dolal</t>
  </si>
  <si>
    <t>Shazia Tahir</t>
  </si>
  <si>
    <t>GGHSS NO.1 COLLEGE ROAD GUJRANWALA</t>
  </si>
  <si>
    <t>college road grw</t>
  </si>
  <si>
    <t>Farooq Ganj</t>
  </si>
  <si>
    <t>Azmat perveen</t>
  </si>
  <si>
    <t>GGHSS NO.1 JHELUM</t>
  </si>
  <si>
    <t>g.g.h.s.s no 01 jhelum civil line near Imam bargah jhelum</t>
  </si>
  <si>
    <t>City Jhelum</t>
  </si>
  <si>
    <t>Safia Cheema</t>
  </si>
  <si>
    <t>GGHSS NO.2 JHELUM</t>
  </si>
  <si>
    <t>Machine Mohallah No.3, Jhelum</t>
  </si>
  <si>
    <t>Muhammadi Chowk</t>
  </si>
  <si>
    <t>GGHSS NOOR SHAH</t>
  </si>
  <si>
    <t>town Noor Shah district sahiwal</t>
  </si>
  <si>
    <t>kaukab jabeen</t>
  </si>
  <si>
    <t>GGHSS NOORPUR NAURANGA</t>
  </si>
  <si>
    <t>Noorpur Nauranga</t>
  </si>
  <si>
    <t>GGHSS noorpur nauranga</t>
  </si>
  <si>
    <t>SHABNAM MUBARAK</t>
  </si>
  <si>
    <t>GGHSS NUTKANI</t>
  </si>
  <si>
    <t>Kath Garh</t>
  </si>
  <si>
    <t>p/O NUTKANI</t>
  </si>
  <si>
    <t>GGHSS OLD</t>
  </si>
  <si>
    <t>old sadiq abad</t>
  </si>
  <si>
    <t>gghsoldsdk@yahoo.com</t>
  </si>
  <si>
    <t>mohalla meeran</t>
  </si>
  <si>
    <t>B2</t>
  </si>
  <si>
    <t>afshan naz</t>
  </si>
  <si>
    <t>GGHSS PAC F-6 KAMRA</t>
  </si>
  <si>
    <t>PAC KAMRA</t>
  </si>
  <si>
    <t>GGHSS ARF PAC KAMRA</t>
  </si>
  <si>
    <t>SHAHNAZ PARVEEN</t>
  </si>
  <si>
    <t>GGHSS PAF COLONY MIANWALI</t>
  </si>
  <si>
    <t>Watta khel</t>
  </si>
  <si>
    <t>gghss paf Colony mianwali</t>
  </si>
  <si>
    <t>GGHSS PAHAR PUR</t>
  </si>
  <si>
    <t>p/o pahar pur city near RHC pahar pur</t>
  </si>
  <si>
    <t>pahar pur city</t>
  </si>
  <si>
    <t>MEMOONA iRAM</t>
  </si>
  <si>
    <t>GGHSS PARIAL</t>
  </si>
  <si>
    <t>PARIAL</t>
  </si>
  <si>
    <t>vill&amp;p/o parial Teh &amp; Distt Rwp</t>
  </si>
  <si>
    <t>OBAIDA RIZVI</t>
  </si>
  <si>
    <t>GGHSS PEOPLES COLONY NO. 1 FSD</t>
  </si>
  <si>
    <t>PEOPLE COLONY NO.1</t>
  </si>
  <si>
    <t>GOVT MODEL GIRLS H/SS PC NO.1.FSD</t>
  </si>
  <si>
    <t>Mussarat Shamim</t>
  </si>
  <si>
    <t>GGHSS PHUKLIAN</t>
  </si>
  <si>
    <t>phuklian</t>
  </si>
  <si>
    <t>village and P/O phuklian</t>
  </si>
  <si>
    <t>sitara javaid</t>
  </si>
  <si>
    <t>GGHSS PINDI BHATTAN</t>
  </si>
  <si>
    <t>Pindi bhattian</t>
  </si>
  <si>
    <t>MC Pindi Bhattian</t>
  </si>
  <si>
    <t>GGHSS PIR MAHAL</t>
  </si>
  <si>
    <t>Medina abad  pir mahal</t>
  </si>
  <si>
    <t>Madinabad PirMahal</t>
  </si>
  <si>
    <t>FARKHANDA KOKAB</t>
  </si>
  <si>
    <t>GGHSS PIRAN GHAIB MULTAN</t>
  </si>
  <si>
    <t>piran ghaib</t>
  </si>
  <si>
    <t>piran ghaib road multan near sui gas office</t>
  </si>
  <si>
    <t>Razia Niazi</t>
  </si>
  <si>
    <t>GGHSS PRACTISING ATTACH WITH GCET JAUHARABAD</t>
  </si>
  <si>
    <t>attached with university of education jauharabad campus</t>
  </si>
  <si>
    <t>MC JAUHARABAD</t>
  </si>
  <si>
    <t>Asma Nawaz</t>
  </si>
  <si>
    <t>GGHSS PRACTISING TOWNSHIP</t>
  </si>
  <si>
    <t>Govt. Practicing Girls Higher Secondary School, Sadiq Chowk, Township Lahore</t>
  </si>
  <si>
    <t>B Block Township</t>
  </si>
  <si>
    <t>FARZANA NOREEN</t>
  </si>
  <si>
    <t>GGHSS QABOOLA, ARIFWALA</t>
  </si>
  <si>
    <t>QABOOLA</t>
  </si>
  <si>
    <t>EID GAH ROAD QABOOLA</t>
  </si>
  <si>
    <t>MRS.KHALIDA MAQBOOL</t>
  </si>
  <si>
    <t>GGHSS QADIR PUR RAN MULTAN</t>
  </si>
  <si>
    <t>Khazina Rauf</t>
  </si>
  <si>
    <t>GGHSS QAIM PUR</t>
  </si>
  <si>
    <t>Govt. Girls Higher Secondary School Qaim Pur Tehsil Hasil Pur</t>
  </si>
  <si>
    <t>sumera zahoor</t>
  </si>
  <si>
    <t>GGHSS QUAID ABAD</t>
  </si>
  <si>
    <t>GGHSS QUAIDABAD DISTRICT KHUSHAB</t>
  </si>
  <si>
    <t>MC QUAIDABAD</t>
  </si>
  <si>
    <t>Dr Syeda Rashida Perveen</t>
  </si>
  <si>
    <t>GGHSS RAJA JANG KASUR</t>
  </si>
  <si>
    <t>Raja jang</t>
  </si>
  <si>
    <t>Govt.girls higher secondary school raja jang</t>
  </si>
  <si>
    <t>Nagina akhtar</t>
  </si>
  <si>
    <t>pum</t>
  </si>
  <si>
    <t>GGHSS RAJANA</t>
  </si>
  <si>
    <t>G. G. H. S. S,  SAMANDRY ROAD RAJANA</t>
  </si>
  <si>
    <t>285 gb rajana</t>
  </si>
  <si>
    <t>Chach no 285 gb</t>
  </si>
  <si>
    <t>nargis Rukhsana</t>
  </si>
  <si>
    <t>GGHSS RAJOA SADAT</t>
  </si>
  <si>
    <t>Rajoya Sadat Tehsil and District Chiniot</t>
  </si>
  <si>
    <t>Khadijah Bukhari</t>
  </si>
  <si>
    <t>GGHSS RAM NAGAR CHAK NO. 6 GB</t>
  </si>
  <si>
    <t>chak 6 ramnagar</t>
  </si>
  <si>
    <t>Chak 6</t>
  </si>
  <si>
    <t>Chak 4 Bhagwan Pura</t>
  </si>
  <si>
    <t>Khalida Amir Aawan</t>
  </si>
  <si>
    <t>GGHSS RANGERS COLONY</t>
  </si>
  <si>
    <t>Rangers H/Q</t>
  </si>
  <si>
    <t>Govt. Girls Higher Secondary School Rangers Colony Lahore Cantt</t>
  </si>
  <si>
    <t>Al-Faisal Town</t>
  </si>
  <si>
    <t>Mrs Abida Parveen</t>
  </si>
  <si>
    <t>GGHSS RASOOL NAGAR</t>
  </si>
  <si>
    <t>Govt girls higher secondary school Rasool Nagar</t>
  </si>
  <si>
    <t>kaniz Zahra  Iram</t>
  </si>
  <si>
    <t>GGHSS RAVI ROAD (NEAR DATA DARBAR)</t>
  </si>
  <si>
    <t>Ravi Road, Lahore</t>
  </si>
  <si>
    <t>Peer Makki</t>
  </si>
  <si>
    <t>Mrs. Humaira Shahid</t>
  </si>
  <si>
    <t>GGHSS RENALA KHURD</t>
  </si>
  <si>
    <t>muslim town renala khurd</t>
  </si>
  <si>
    <t>Ranala</t>
  </si>
  <si>
    <t>renala</t>
  </si>
  <si>
    <t>roomana ambreen</t>
  </si>
  <si>
    <t>GGHSS RODDI</t>
  </si>
  <si>
    <t>Gullaman</t>
  </si>
  <si>
    <t>p /o rodi Kullar kot Disst.bhakkar</t>
  </si>
  <si>
    <t>Roddi</t>
  </si>
  <si>
    <t>Gullman</t>
  </si>
  <si>
    <t>shamim iqbal</t>
  </si>
  <si>
    <t>GGHSS ROHILLAN WALI</t>
  </si>
  <si>
    <t>R.Wali</t>
  </si>
  <si>
    <t>Govt girls higher secondary School Rohillan wali</t>
  </si>
  <si>
    <t>Rehana Tabasum</t>
  </si>
  <si>
    <t>GGHSS SABAZ KOT</t>
  </si>
  <si>
    <t>Sabaz Kot</t>
  </si>
  <si>
    <t>gghsssabazkot teh pasrur district sialkot</t>
  </si>
  <si>
    <t>nazia iqbal</t>
  </si>
  <si>
    <t>GGHSS SAGRI</t>
  </si>
  <si>
    <t>sagri</t>
  </si>
  <si>
    <t>GOVT.GIRLS.HIGHER SECONDARY SCHOOL SAGRI RAWALPINDI</t>
  </si>
  <si>
    <t>mrs farhat yasmin</t>
  </si>
  <si>
    <t>GGHSS SAMANABAD</t>
  </si>
  <si>
    <t>21 acre scheme samanabad lahore.</t>
  </si>
  <si>
    <t>SHAMAILA SAMAN</t>
  </si>
  <si>
    <t>GGHSS SAMOTE</t>
  </si>
  <si>
    <t>GGHSS samote</t>
  </si>
  <si>
    <t>asma naeem</t>
  </si>
  <si>
    <t>GGHSS SANDRAL</t>
  </si>
  <si>
    <t>sandral</t>
  </si>
  <si>
    <t>IMTIAZ KOUSAR</t>
  </si>
  <si>
    <t>GGHSS SANJAR PUR</t>
  </si>
  <si>
    <t>sanjar pur</t>
  </si>
  <si>
    <t>post office sanjar pur sadik abad</t>
  </si>
  <si>
    <t>surraiya muhammad hussain</t>
  </si>
  <si>
    <t>GGHSS SARAI ALAMGIR</t>
  </si>
  <si>
    <t>Govt.Girls Higher Secondary School Old Railway Line Sarai Alamgir</t>
  </si>
  <si>
    <t>GGHSS SARDAR PUR, SARAI SIDHU</t>
  </si>
  <si>
    <t>Sumara Maryam</t>
  </si>
  <si>
    <t>GGHSS SARRIA</t>
  </si>
  <si>
    <t>Sariya</t>
  </si>
  <si>
    <t>VPO Sariya</t>
  </si>
  <si>
    <t>TAHIRA KALSOOM</t>
  </si>
  <si>
    <t>GGHSS SATELLITE TOWN</t>
  </si>
  <si>
    <t>A block satellite town jhang</t>
  </si>
  <si>
    <t>Rubina Shabahat</t>
  </si>
  <si>
    <t>GGHSS SATELLITE TOWN BAHAWALPUR</t>
  </si>
  <si>
    <t>QADIR BAKHSH CHANAR</t>
  </si>
  <si>
    <t>COMMERCIAL AREA BAHAWALPUR</t>
  </si>
  <si>
    <t>SATELLITE TOWN BWP</t>
  </si>
  <si>
    <t>CITY BAHAWALPUR</t>
  </si>
  <si>
    <t>riffat jabeen</t>
  </si>
  <si>
    <t>GGHSS SATRAH</t>
  </si>
  <si>
    <t>GGHSSS SATRAH TEHSIL DASKA DI ST. SIALKOT</t>
  </si>
  <si>
    <t>raheela ahmed</t>
  </si>
  <si>
    <t>GGHSS SEET PUR</t>
  </si>
  <si>
    <t>p/of seetpur</t>
  </si>
  <si>
    <t>perveen nazer</t>
  </si>
  <si>
    <t>GGHSS SHADI KHAN</t>
  </si>
  <si>
    <t>SHADI KHAN</t>
  </si>
  <si>
    <t>V&amp;PO SHADI KHAN TEHSIL HAZRO DISTRICT ATTOCK</t>
  </si>
  <si>
    <t>FORMULI</t>
  </si>
  <si>
    <t>adam gulla</t>
  </si>
  <si>
    <t>GGHSS SHAHDRA TOWN, LAHORE</t>
  </si>
  <si>
    <t>naeem park shahdara town lahore</t>
  </si>
  <si>
    <t>Naeem Park Shahdara Town Lahore</t>
  </si>
  <si>
    <t>lady shah</t>
  </si>
  <si>
    <t>NAJMA RIAZ</t>
  </si>
  <si>
    <t>GGHSS SHAHI CHOWK GHULAM MUHAMMAD ABAD FSD</t>
  </si>
  <si>
    <t>g.m abad</t>
  </si>
  <si>
    <t>GGHSS shahi chowk G.M Abad</t>
  </si>
  <si>
    <t>MST NAZIA AKRAM</t>
  </si>
  <si>
    <t>GGHSS SHAHKOT NANKANA ROAD SHAHKOT</t>
  </si>
  <si>
    <t>Nankana Road Shahkot District Nankana Sahib</t>
  </si>
  <si>
    <t>Dr.Tasleem Tayyeba</t>
  </si>
  <si>
    <t>GGHSS SHAM KOT, KABIRWALA</t>
  </si>
  <si>
    <t>basti shamkot tehsil kabirwala distt khanewal</t>
  </si>
  <si>
    <t>UC Shamkot</t>
  </si>
  <si>
    <t>GGHSS SHARAQPUR</t>
  </si>
  <si>
    <t>sharaqpur</t>
  </si>
  <si>
    <t>SALMA ANWAR</t>
  </si>
  <si>
    <t>GGHSS SHEIKH SARDAR MUHAMMAD GARHI SHAHU</t>
  </si>
  <si>
    <t>96 ALLAMA IQBAL ROAD GARHI SHAHU LHR</t>
  </si>
  <si>
    <t>HABIB ULLAH ROAD</t>
  </si>
  <si>
    <t>Hafiz a Nuzhat Sadiq</t>
  </si>
  <si>
    <t>GGHSS SHER GARRH</t>
  </si>
  <si>
    <t>govt girls
higer secondary school sher garh</t>
  </si>
  <si>
    <t>iffat naheed</t>
  </si>
  <si>
    <t>GGHSS SHUJABAD MULTAN</t>
  </si>
  <si>
    <t>GAJJU HATTA</t>
  </si>
  <si>
    <t>NEW HOUSING COLONY SHUJABAD</t>
  </si>
  <si>
    <t>SHUJABAD</t>
  </si>
  <si>
    <t>Aziz Fatima Niazi</t>
  </si>
  <si>
    <t>GGHSS SIALKOT CANTT.</t>
  </si>
  <si>
    <t>govt girls higher secondary school sialkot cantt</t>
  </si>
  <si>
    <t>Gousia Road</t>
  </si>
  <si>
    <t>HAJRA SARWAT</t>
  </si>
  <si>
    <t>GGHSS SINGH PURA</t>
  </si>
  <si>
    <t>GGHSS SINGHPURA LHR</t>
  </si>
  <si>
    <t>FARHANA NAZ</t>
  </si>
  <si>
    <t>GGHSS SOHAL KHURD</t>
  </si>
  <si>
    <t>sohal khurd</t>
  </si>
  <si>
    <t>GGH/S SCHOOL SOHAL KHURD</t>
  </si>
  <si>
    <t>mandhala</t>
  </si>
  <si>
    <t>sumaira gulshan</t>
  </si>
  <si>
    <t>GGHSS SOHAWA</t>
  </si>
  <si>
    <t>GOVT.GIRLS HIGHER SECONDARY SCHOOL MAIN BAZAR SOHAWA</t>
  </si>
  <si>
    <t>Shahnaz Akhtar Zahoor</t>
  </si>
  <si>
    <t>GGHSS SOOIAN WALA</t>
  </si>
  <si>
    <t>sooianwala</t>
  </si>
  <si>
    <t>sAMIA bASHIR</t>
  </si>
  <si>
    <t>GGHSS SUKHEKE MANDI RAILWAY ROAD</t>
  </si>
  <si>
    <t>Sukheke Mandi</t>
  </si>
  <si>
    <t>GGHSS SUKHEKE MANDI</t>
  </si>
  <si>
    <t>Mussarat Kousar</t>
  </si>
  <si>
    <t>GGHSS SUKHO CHAK</t>
  </si>
  <si>
    <t>Sukho Chak</t>
  </si>
  <si>
    <t>P. O. sukhochak, tehsil shakargarh,district Narowal</t>
  </si>
  <si>
    <t>GGHSS SURJ MIANI MULTAN</t>
  </si>
  <si>
    <t>alamdi surah</t>
  </si>
  <si>
    <t>alamdi surah suraj miani multan</t>
  </si>
  <si>
    <t>suraj mIANI</t>
  </si>
  <si>
    <t>asifa naheed</t>
  </si>
  <si>
    <t>GGHSS SYED WALA P/O NANKANA</t>
  </si>
  <si>
    <t>syedwala</t>
  </si>
  <si>
    <t>syedwala tehsil and district nankana sahib</t>
  </si>
  <si>
    <t>Rukhsana Riaz</t>
  </si>
  <si>
    <t>GGHSS TATEY PUR</t>
  </si>
  <si>
    <t>GGHSS Taty Pur Multan P/O Taty Pur</t>
  </si>
  <si>
    <t>GGHSS TATLAY AALI</t>
  </si>
  <si>
    <t>Tatlay Aali</t>
  </si>
  <si>
    <t>governmemt girls higher secondry school,tatlay aali</t>
  </si>
  <si>
    <t>GGHSS TAUNSA SHARIF</t>
  </si>
  <si>
    <t>COLLEGE ROAD TAUNSA</t>
  </si>
  <si>
    <t>SAFIA SHAHNAZ</t>
  </si>
  <si>
    <t>GGHSS THATHA RAI BAHADUR</t>
  </si>
  <si>
    <t>THUTHA RAI BAHADUR</t>
  </si>
  <si>
    <t>vpo thutha rai bahadur,teh. kharian,distt. gujrat</t>
  </si>
  <si>
    <t>MAMOONA ARSHAD</t>
  </si>
  <si>
    <t>GGHSS THOHA MAHRAM KHAN</t>
  </si>
  <si>
    <t>thoha mehram khan</t>
  </si>
  <si>
    <t>thoha mehram khan-1</t>
  </si>
  <si>
    <t>shama zia</t>
  </si>
  <si>
    <t>GGHSS TIBBA SULTAN PUR</t>
  </si>
  <si>
    <t>GGHSS Tibba sultan pur</t>
  </si>
  <si>
    <t>Tibba Sultan Pur</t>
  </si>
  <si>
    <t>GGHSS TIRINDA MUHAMMAD PANAH</t>
  </si>
  <si>
    <t>TMP</t>
  </si>
  <si>
    <t>GGHSS Tranda Muhammad Panah</t>
  </si>
  <si>
    <t>ZAHIDA SULTANA</t>
  </si>
  <si>
    <t>GGHSS TRANDA SAWAY KHAN</t>
  </si>
  <si>
    <t>TRANDA SAWAY KHAN</t>
  </si>
  <si>
    <t>TRANDA SAWAY KHAN DISTRIC RAHIM YAR KHAN</t>
  </si>
  <si>
    <t>M.C</t>
  </si>
  <si>
    <t>Hina Perveen</t>
  </si>
  <si>
    <t>GGHSS TULAMBA, TULAMBA</t>
  </si>
  <si>
    <t>tulamba</t>
  </si>
  <si>
    <t>Govt girls Higher Secondary School Tulamba</t>
  </si>
  <si>
    <t>tulamba city</t>
  </si>
  <si>
    <t>NAEEM SARWAR</t>
  </si>
  <si>
    <t>GGHSS UCH SHAREEF</t>
  </si>
  <si>
    <t>mohallah Bukhari near tanki chok   uch sharif</t>
  </si>
  <si>
    <t>KHALIDA MEHWISH</t>
  </si>
  <si>
    <t>GGHSS UGGOKI</t>
  </si>
  <si>
    <t>Uggoki</t>
  </si>
  <si>
    <t>uggoki sialkot</t>
  </si>
  <si>
    <t>jeweiria faiz cheema</t>
  </si>
  <si>
    <t>GGHSS UMER BLOCK ALLAMA IQBAL TOWN</t>
  </si>
  <si>
    <t>Govt. GHSS Umer Block Allama Iqbal Town Lahore</t>
  </si>
  <si>
    <t>iqbal town</t>
  </si>
  <si>
    <t>Raza block</t>
  </si>
  <si>
    <t>Nyla Jabeen</t>
  </si>
  <si>
    <t>GGHSS UMER KOT</t>
  </si>
  <si>
    <t>Umarkot</t>
  </si>
  <si>
    <t>govt.girls higher secondary school umarkot</t>
  </si>
  <si>
    <t>Tahira shaheen</t>
  </si>
  <si>
    <t>GGHSS USMAN KHATTAR</t>
  </si>
  <si>
    <t>USMAN KHATTAR</t>
  </si>
  <si>
    <t>GGHSS USMAN KHATTAR TAXILA,RAWALPINDI.</t>
  </si>
  <si>
    <t>USMAN KHATTAR .</t>
  </si>
  <si>
    <t>Noreen Rashid</t>
  </si>
  <si>
    <t>tube well connection</t>
  </si>
  <si>
    <t>GGHSS VANIKE TARAR</t>
  </si>
  <si>
    <t>Vanike Tarar</t>
  </si>
  <si>
    <t>village vanike tarar ,hafizabad</t>
  </si>
  <si>
    <t>NUSRAT JABEEN</t>
  </si>
  <si>
    <t>GGHSS VEHOVA</t>
  </si>
  <si>
    <t>GOVT Girls Higher Secondary School college road vehova</t>
  </si>
  <si>
    <t>Shumali Vehova</t>
  </si>
  <si>
    <t>MRS SADAT FATIMA</t>
  </si>
  <si>
    <t>GGHSS VERIO</t>
  </si>
  <si>
    <t>chicherwali</t>
  </si>
  <si>
    <t>gghss vario sialkot</t>
  </si>
  <si>
    <t>vario</t>
  </si>
  <si>
    <t>gurri malia</t>
  </si>
  <si>
    <t>Shafqat Zia</t>
  </si>
  <si>
    <t>GGHSS VICTORIA INSIDE MORI GATE LAHORE</t>
  </si>
  <si>
    <t>Government Victoria girls higher secondary school INSIDE Mori gate Lahore</t>
  </si>
  <si>
    <t>Nasira Rafiq</t>
  </si>
  <si>
    <t>GGHSS VIJH</t>
  </si>
  <si>
    <t>VIJH</t>
  </si>
  <si>
    <t>Surraya Sultana</t>
  </si>
  <si>
    <t>GGHSS WADALA SANDHWAN</t>
  </si>
  <si>
    <t>wadala sandhwan daska sialkot</t>
  </si>
  <si>
    <t>Misbah Baqar</t>
  </si>
  <si>
    <t>GGHSS WAN RADHA RAM</t>
  </si>
  <si>
    <t>Habib Abad</t>
  </si>
  <si>
    <t>Govt Higher Secondary School Wan Radha Ram Kadur</t>
  </si>
  <si>
    <t>razia noreen</t>
  </si>
  <si>
    <t>GGHSS WASU ASTANA</t>
  </si>
  <si>
    <t>GGHSS Wasu Astana.</t>
  </si>
  <si>
    <t>Abida Perveen Maqbool</t>
  </si>
  <si>
    <t>GGHSS YAZMAN</t>
  </si>
  <si>
    <t>OPPOSITE GRAIN MARKET YAZMAN BAHAWALPUR</t>
  </si>
  <si>
    <t>YAZMAM</t>
  </si>
  <si>
    <t>city Yazman</t>
  </si>
  <si>
    <t>GGHSS ZAHIR PIR</t>
  </si>
  <si>
    <t>zahir pir</t>
  </si>
  <si>
    <t>Muhammad Pura .Zahir Pir</t>
  </si>
  <si>
    <t>muhammad Pura pura .zahir pir</t>
  </si>
  <si>
    <t>mc. zahir pir</t>
  </si>
  <si>
    <t>Naseem Begum</t>
  </si>
  <si>
    <t>GGHSS ZANIB KOTLI LOHARAN WEST</t>
  </si>
  <si>
    <t>kotli loharan west</t>
  </si>
  <si>
    <t>govt zaniab girls higher secondary school kotli loharan west sialkot.</t>
  </si>
  <si>
    <t>waheeda tasneem</t>
  </si>
  <si>
    <t>GGHSS ZARIF SHAHEED SHAUJABAD</t>
  </si>
  <si>
    <t>RajaRam</t>
  </si>
  <si>
    <t>gghss.zarifshaheed. Shujabad multan</t>
  </si>
  <si>
    <t>Raja Ram</t>
  </si>
  <si>
    <t>Raja RAM</t>
  </si>
  <si>
    <t>GGM PS HARWANI</t>
  </si>
  <si>
    <t>Village herwani tehsil tausa shareef distric dg khan</t>
  </si>
  <si>
    <t>Herwani</t>
  </si>
  <si>
    <t>Public tubewell</t>
  </si>
  <si>
    <t>GGMCMS BAGHAN WALA</t>
  </si>
  <si>
    <t>BAGHANWALA</t>
  </si>
  <si>
    <t>vpo baghnwala teh pd khan jhelum</t>
  </si>
  <si>
    <t>SADAF ZULFIQAR</t>
  </si>
  <si>
    <t>GGMCMS DAFFER</t>
  </si>
  <si>
    <t>VPO DAFFAR TEHSILE PIND DADAN KHAN DISTT DAFFAR</t>
  </si>
  <si>
    <t>Sabira Kalsoom</t>
  </si>
  <si>
    <t>GGMES  BARKAT WALA</t>
  </si>
  <si>
    <t>Barkatwala</t>
  </si>
  <si>
    <t>Govt girls community model elementry school barkatwala</t>
  </si>
  <si>
    <t>GGMES (MC) HASSANABDAL</t>
  </si>
  <si>
    <t>Govt.Girls Elementary (mc) Model School Hassan Abdal</t>
  </si>
  <si>
    <t>SHAISTA SAFDAR</t>
  </si>
  <si>
    <t>GGMES 131/6-R GHARBI</t>
  </si>
  <si>
    <t>131/6R(w)</t>
  </si>
  <si>
    <t>GMGE/S131/6R(w)tehsil hND district BWN</t>
  </si>
  <si>
    <t>Rehana Habib</t>
  </si>
  <si>
    <t>GGMES 20/V, KHANEWAL</t>
  </si>
  <si>
    <t>chak no.20-v</t>
  </si>
  <si>
    <t>20/v</t>
  </si>
  <si>
    <t>GGMES 315 WB</t>
  </si>
  <si>
    <t>Chak No 315/WB Thesil Dunyapur Distt Lodhran</t>
  </si>
  <si>
    <t>chak No 315/WB</t>
  </si>
  <si>
    <t>Noor Garh</t>
  </si>
  <si>
    <t>Sadia Ambrin</t>
  </si>
  <si>
    <t>GGMES 339WB DUNYA PUR</t>
  </si>
  <si>
    <t>339wb</t>
  </si>
  <si>
    <t>355wb</t>
  </si>
  <si>
    <t>Tanzeela Naseem</t>
  </si>
  <si>
    <t>GGMES 8/8-AR NO. 1, TULAMBA</t>
  </si>
  <si>
    <t>8/8 AR</t>
  </si>
  <si>
    <t>chak no 8/8Ar</t>
  </si>
  <si>
    <t>8/8AR</t>
  </si>
  <si>
    <t>133/16L</t>
  </si>
  <si>
    <t>Humera Rehman</t>
  </si>
  <si>
    <t>GGMES AGARAIN</t>
  </si>
  <si>
    <t>Agrian</t>
  </si>
  <si>
    <t>village Agrian</t>
  </si>
  <si>
    <t>Giddiyan</t>
  </si>
  <si>
    <t>Tehseen Jafar</t>
  </si>
  <si>
    <t>GGMES BAIR FAQERAN</t>
  </si>
  <si>
    <t>Bair Faqiran</t>
  </si>
  <si>
    <t>P/o bair faqiran</t>
  </si>
  <si>
    <t>Sama Arooj</t>
  </si>
  <si>
    <t>GGMES BASTI NAZAR</t>
  </si>
  <si>
    <t>Rakh Dhaoo</t>
  </si>
  <si>
    <t>GGMES Basti Nazar</t>
  </si>
  <si>
    <t>Rifat Khadim</t>
  </si>
  <si>
    <t>GGMES BHAITH</t>
  </si>
  <si>
    <t>bhait</t>
  </si>
  <si>
    <t>village bhait p o dhok awan teh sohawa</t>
  </si>
  <si>
    <t>nagial</t>
  </si>
  <si>
    <t>GGMES CHAK NO 234 JB</t>
  </si>
  <si>
    <t>Chak No 234 Jb</t>
  </si>
  <si>
    <t>chak no 234 jb bhowana chiniot</t>
  </si>
  <si>
    <t>GGMES CHAK NO 30/ML</t>
  </si>
  <si>
    <t>Chak number 30 ml P/O 32 ml tehsil kallur kot distt bhakkar</t>
  </si>
  <si>
    <t>30 Ml</t>
  </si>
  <si>
    <t>Nadia Nisar</t>
  </si>
  <si>
    <t>GGMES CHAK NO.4/RH</t>
  </si>
  <si>
    <t>Rakh Haitu</t>
  </si>
  <si>
    <t>chak no 4rh p/o box fazil tehsil kalur kot district bhakkar</t>
  </si>
  <si>
    <t>Chak No 4rh</t>
  </si>
  <si>
    <t>GGMES CHAK NO.65/ML</t>
  </si>
  <si>
    <t>Khan Pur Janubi</t>
  </si>
  <si>
    <t>chak no. 65ml bk</t>
  </si>
  <si>
    <t>65 Ml</t>
  </si>
  <si>
    <t>60 -61ml</t>
  </si>
  <si>
    <t>FARAH JABEEN</t>
  </si>
  <si>
    <t>GGMES CHAK NO.79/ML</t>
  </si>
  <si>
    <t>East Bhakkar</t>
  </si>
  <si>
    <t>chk no 79ml</t>
  </si>
  <si>
    <t>79ML</t>
  </si>
  <si>
    <t>GGMES DADAY WALA</t>
  </si>
  <si>
    <t>Basti Dadday wala paigah DGKhan</t>
  </si>
  <si>
    <t>Tabinda Yasmin</t>
  </si>
  <si>
    <t>GGMES DAUD</t>
  </si>
  <si>
    <t>Daud</t>
  </si>
  <si>
    <t>daud</t>
  </si>
  <si>
    <t>Pajuwali</t>
  </si>
  <si>
    <t>Shafqat Ara</t>
  </si>
  <si>
    <t>GGMES DHERA</t>
  </si>
  <si>
    <t>Dhera</t>
  </si>
  <si>
    <t>dhera</t>
  </si>
  <si>
    <t>Sadia Asmat</t>
  </si>
  <si>
    <t>GGMES GADARI</t>
  </si>
  <si>
    <t>Gadari</t>
  </si>
  <si>
    <t>Mehmoona Khalid</t>
  </si>
  <si>
    <t>GGMES HAJI KAMAND</t>
  </si>
  <si>
    <t>JHOKE UTRA -FEMALE</t>
  </si>
  <si>
    <t>P/O Jhoke utra  Moza Haji Kamand</t>
  </si>
  <si>
    <t>Jhoke utra</t>
  </si>
  <si>
    <t>GGMES KHAR RAKHI GORGE</t>
  </si>
  <si>
    <t>KHAR (FORT MUNRO) - FEMALE</t>
  </si>
  <si>
    <t>Khar</t>
  </si>
  <si>
    <t>Government Girls Model Elementary School Khar Fort Manro</t>
  </si>
  <si>
    <t>Khar Fort Manro</t>
  </si>
  <si>
    <t>Zeenat Bibi</t>
  </si>
  <si>
    <t>GGMES KORIAN WALI</t>
  </si>
  <si>
    <t>Korianwali</t>
  </si>
  <si>
    <t>korian wali post office rampoora</t>
  </si>
  <si>
    <t>Korian Wali</t>
  </si>
  <si>
    <t>GGMES KOT BAHADUR, KABIRWALA</t>
  </si>
  <si>
    <t>Kot Bahadur</t>
  </si>
  <si>
    <t>makhdoom pur road nazd pull vanoi kabirwala muza kotbahadur</t>
  </si>
  <si>
    <t>Kot Bahader</t>
  </si>
  <si>
    <t>Farida Ishrat</t>
  </si>
  <si>
    <t>GGMES KOT HAQ NAWAZ, OLD KHANEWAL</t>
  </si>
  <si>
    <t>16-v Kwl</t>
  </si>
  <si>
    <t>basti kot haq nawaz kwl</t>
  </si>
  <si>
    <t>Kot Haq Nawaz Kwl</t>
  </si>
  <si>
    <t>Chak No 16-v Kwl</t>
  </si>
  <si>
    <t>Zubaida Jabeen</t>
  </si>
  <si>
    <t>GGMES MADU KALAS</t>
  </si>
  <si>
    <t>g m e s madukalas teh Dina distt jhelum</t>
  </si>
  <si>
    <t>GGMES MAHNI</t>
  </si>
  <si>
    <t>RUQIA NIAZI</t>
  </si>
  <si>
    <t>GGMES MEHSIAN</t>
  </si>
  <si>
    <t>Mehsian</t>
  </si>
  <si>
    <t>GMESMehsian</t>
  </si>
  <si>
    <t>Sidra Anser</t>
  </si>
  <si>
    <t>GGMES NOOR MADRISA TUL BINAT JHELUM</t>
  </si>
  <si>
    <t>Shumali Mohallah</t>
  </si>
  <si>
    <t>GMES Noor ul Banat Jhelum</t>
  </si>
  <si>
    <t>Robina Tabassum</t>
  </si>
  <si>
    <t>GGMES NOOR PURA NO 1</t>
  </si>
  <si>
    <t>ATHAR SINGH SANI</t>
  </si>
  <si>
    <t>JALL WALA ROAD NOOR PURA KAMBHOO BAHAWALNAGAR</t>
  </si>
  <si>
    <t>NOOR PURA</t>
  </si>
  <si>
    <t>KOT FATHE MUHAMMAD SHAH</t>
  </si>
  <si>
    <t>GGMES NOORWAL</t>
  </si>
  <si>
    <t>Noorwal</t>
  </si>
  <si>
    <t>vill Noorwal p.o Pinwal teh &amp; distt Chakwal</t>
  </si>
  <si>
    <t>Mudassara Yasmeen</t>
  </si>
  <si>
    <t>GGMES RAMA</t>
  </si>
  <si>
    <t>Mehloo</t>
  </si>
  <si>
    <t>Govt.Girls Model Elementary school Rama tehsil fateh jang district Attock</t>
  </si>
  <si>
    <t>Khalida Bibi</t>
  </si>
  <si>
    <t>GGMES RAQBA NABI SHAH</t>
  </si>
  <si>
    <t>Raqba Nabi Shah</t>
  </si>
  <si>
    <t>govt model school raqba nabi shah distt rajan pur</t>
  </si>
  <si>
    <t>Samira Ejaz</t>
  </si>
  <si>
    <t>GGMES RAYYA GORAYA</t>
  </si>
  <si>
    <t>Rayya Goraya</t>
  </si>
  <si>
    <t>Rayya Goraya p/o kotli M siddiqe</t>
  </si>
  <si>
    <t>Bobak Marali</t>
  </si>
  <si>
    <t>TANZILA HAIDER</t>
  </si>
  <si>
    <t>GGMES SAHIBA KAMALA</t>
  </si>
  <si>
    <t>Kamala</t>
  </si>
  <si>
    <t>sahiba kamala Hazro Attock</t>
  </si>
  <si>
    <t>Sahiba Kamala</t>
  </si>
  <si>
    <t>GGMES SAKHI SARWAR (B)</t>
  </si>
  <si>
    <t>tahira nusrat</t>
  </si>
  <si>
    <t>GGMES TANDOI</t>
  </si>
  <si>
    <t>Tandoi</t>
  </si>
  <si>
    <t>vill. tandoi p.o. dewan e hazoori teh sohawa distt jhelum</t>
  </si>
  <si>
    <t>Attia Qudus</t>
  </si>
  <si>
    <t>GGMHS KAUNTRILA</t>
  </si>
  <si>
    <t>Kauntrila</t>
  </si>
  <si>
    <t>GGHS KAUNTRILA THSIL GUJAR KHAN DISTT RWP</t>
  </si>
  <si>
    <t>RUKHSANA UN NISA</t>
  </si>
  <si>
    <t>GGMHS MOHRA NOORI</t>
  </si>
  <si>
    <t>village and post office Mohra Noori tehsil Gujar khan</t>
  </si>
  <si>
    <t>Yasmeen Kousar</t>
  </si>
  <si>
    <t>GGMMS MOHALLAH RAJAPUR NEAR KHANEWAL ROAD</t>
  </si>
  <si>
    <t>GGMMS MOHALLAH RAJA PUR NEAR KHANEWALROAD MULTAN</t>
  </si>
  <si>
    <t>GGMMS MUD AKBAR SHAH</t>
  </si>
  <si>
    <t>Tibbi Gull Muhamad</t>
  </si>
  <si>
    <t>mud akber shah</t>
  </si>
  <si>
    <t>Mud Akber Shah</t>
  </si>
  <si>
    <t>Samina Ahmed</t>
  </si>
  <si>
    <t>GGMMS NANKA GIDDER</t>
  </si>
  <si>
    <t>SANDHILIAN WALI FEMALE</t>
  </si>
  <si>
    <t>basti kalar wala</t>
  </si>
  <si>
    <t>Sana Batool</t>
  </si>
  <si>
    <t>GGMODEL HS HAIRO EAST</t>
  </si>
  <si>
    <t>Hairo east</t>
  </si>
  <si>
    <t>hairo east,Tehsil taunsa</t>
  </si>
  <si>
    <t>hairo east</t>
  </si>
  <si>
    <t>Mamoona Marghoob</t>
  </si>
  <si>
    <t>GGMPS 118/15-L, MIAN CHANNU</t>
  </si>
  <si>
    <t>118/15L</t>
  </si>
  <si>
    <t>Govt. Model Primary School 118/15L Main Channu Khanewal</t>
  </si>
  <si>
    <t>Miss Rahat Aman</t>
  </si>
  <si>
    <t>GGMPS ADOKEY MAHIS</t>
  </si>
  <si>
    <t>Adokeymahis</t>
  </si>
  <si>
    <t>teh:narowal dist:narowal  p.o  badomahli  village adokey mahis</t>
  </si>
  <si>
    <t>Adokey Mahis</t>
  </si>
  <si>
    <t>Samera  Mustafa</t>
  </si>
  <si>
    <t>GGMPS AHMAD ABAD</t>
  </si>
  <si>
    <t>Mari Gharbi</t>
  </si>
  <si>
    <t>sheru wala maouza mari gharbi</t>
  </si>
  <si>
    <t>Sheru Wala</t>
  </si>
  <si>
    <t>shakila bibi</t>
  </si>
  <si>
    <t>GGMPS AHMED PUR LISHARI</t>
  </si>
  <si>
    <t>Pehar</t>
  </si>
  <si>
    <t>Basti Ahmed pur lashari</t>
  </si>
  <si>
    <t>Ahmed Pur Lashari</t>
  </si>
  <si>
    <t>Tibbi Qasrani</t>
  </si>
  <si>
    <t>Zakia</t>
  </si>
  <si>
    <t>electric + hand</t>
  </si>
  <si>
    <t>GGMPS ALLAH ABAD</t>
  </si>
  <si>
    <t>Chak Jogiani</t>
  </si>
  <si>
    <t>chak jogiani, basti jity ani choti bala</t>
  </si>
  <si>
    <t>Bakhar Wah</t>
  </si>
  <si>
    <t>Samreen Sadaf</t>
  </si>
  <si>
    <t>take water from nearest village</t>
  </si>
  <si>
    <t>GGMPS AMBREND WALA</t>
  </si>
  <si>
    <t>Haddy Wala</t>
  </si>
  <si>
    <t>haddy wala</t>
  </si>
  <si>
    <t>Ambreend Wala</t>
  </si>
  <si>
    <t>Jakharr Imam Shah</t>
  </si>
  <si>
    <t>GGMPS AMWAAL</t>
  </si>
  <si>
    <t>Amwaal</t>
  </si>
  <si>
    <t>village amwaal po box zafarwal teh zafarwal district narowal</t>
  </si>
  <si>
    <t>Chak Dhudho</t>
  </si>
  <si>
    <t>Samia Aish</t>
  </si>
  <si>
    <t>GGMPS ANARI</t>
  </si>
  <si>
    <t>Anari</t>
  </si>
  <si>
    <t>moza anari</t>
  </si>
  <si>
    <t>Tumun Leghari Bala</t>
  </si>
  <si>
    <t>Maria Murad</t>
  </si>
  <si>
    <t>GGMPS ARIF ABAD</t>
  </si>
  <si>
    <t>basti marrha. hairo.</t>
  </si>
  <si>
    <t>Basti Marrha</t>
  </si>
  <si>
    <t>Laraib Fatima</t>
  </si>
  <si>
    <t>GGMPS AZAM PUR</t>
  </si>
  <si>
    <t>Azam Pur</t>
  </si>
  <si>
    <t>ggmps azampur.p.o dharyala jalip</t>
  </si>
  <si>
    <t>Fozia Sultan</t>
  </si>
  <si>
    <t>GGMPS BABER WALA</t>
  </si>
  <si>
    <t>hussain computers d g kgan</t>
  </si>
  <si>
    <t>Chah Babber Wala</t>
  </si>
  <si>
    <t>Shazma Dilshad</t>
  </si>
  <si>
    <t>GGMPS BADA KHOSA</t>
  </si>
  <si>
    <t>Chak Jhalareen</t>
  </si>
  <si>
    <t>Basti bada khosa</t>
  </si>
  <si>
    <t>Bada Khosa</t>
  </si>
  <si>
    <t>zunaira nawaz</t>
  </si>
  <si>
    <t>GGMPS BAIT ALIANI</t>
  </si>
  <si>
    <t>Bait Alyani</t>
  </si>
  <si>
    <t>Bait Alyani p/o shadan Lund tehsiltaunsa sharif district d.g khan</t>
  </si>
  <si>
    <t>Zakia Bibi</t>
  </si>
  <si>
    <t>GGMPS BASTI AZEEM</t>
  </si>
  <si>
    <t>jalal khan</t>
  </si>
  <si>
    <t>taunsa</t>
  </si>
  <si>
    <t>basti azeem</t>
  </si>
  <si>
    <t>punjgrain</t>
  </si>
  <si>
    <t>GGMPS BASTI BARA</t>
  </si>
  <si>
    <t>Vadoor</t>
  </si>
  <si>
    <t>basti bara/ vadoor</t>
  </si>
  <si>
    <t>Noshaba Nargis</t>
  </si>
  <si>
    <t>GGMPS BASTI BUDHEN</t>
  </si>
  <si>
    <t>Mana Ahmadani Sharqi</t>
  </si>
  <si>
    <t>Basti budhan</t>
  </si>
  <si>
    <t>Basti Budhan</t>
  </si>
  <si>
    <t>Mana Ahmadani</t>
  </si>
  <si>
    <t>Shaista Moin</t>
  </si>
  <si>
    <t>GGMPS BASTI DARKHAN</t>
  </si>
  <si>
    <t>ChakDanda Shadan Lund</t>
  </si>
  <si>
    <t>GGMPS BASTI DARKHSN P/O SHADAN LUND</t>
  </si>
  <si>
    <t>BASTI DARKHAN</t>
  </si>
  <si>
    <t>Aziz khanum</t>
  </si>
  <si>
    <t>GGMPS BASTI DOOSA</t>
  </si>
  <si>
    <t>Basti Dosa</t>
  </si>
  <si>
    <t>p/o shah ali basti dosa tehsil kot chutta distt dera ghazi khan</t>
  </si>
  <si>
    <t>Sabra Kalsoom</t>
  </si>
  <si>
    <t>GGMPS BASTI HALA</t>
  </si>
  <si>
    <t>Bastidor hala us ara jafar</t>
  </si>
  <si>
    <t>Bastidor Hala</t>
  </si>
  <si>
    <t>Fou zia Bibi</t>
  </si>
  <si>
    <t>GGMPS BASTI JHOKE</t>
  </si>
  <si>
    <t>Basti Jhoke</t>
  </si>
  <si>
    <t>basti jhoke teh and District m garh</t>
  </si>
  <si>
    <t>Kharik</t>
  </si>
  <si>
    <t>Shakila Qayyume</t>
  </si>
  <si>
    <t>GGMPS BASTI LASHARI</t>
  </si>
  <si>
    <t>Mamori</t>
  </si>
  <si>
    <t>Basti lashari</t>
  </si>
  <si>
    <t>GGMPS BASTI MALI</t>
  </si>
  <si>
    <t>ChabriZairee RukhChabriZairee</t>
  </si>
  <si>
    <t>ChahDistrictBoardWalaMouzaRukhChabriZaireeBastiMali</t>
  </si>
  <si>
    <t>BastiMali</t>
  </si>
  <si>
    <t>ChabriZairee</t>
  </si>
  <si>
    <t>Sabiha Bibi</t>
  </si>
  <si>
    <t>GGMPS BASTI MARIL</t>
  </si>
  <si>
    <t>gmps basti marral</t>
  </si>
  <si>
    <t>Basti Marral</t>
  </si>
  <si>
    <t>Saima Shabbir</t>
  </si>
  <si>
    <t>GGMPS BASTI PANDHI WALA</t>
  </si>
  <si>
    <t>Muttfriq Chahan</t>
  </si>
  <si>
    <t>ggmps basti pandhi wala</t>
  </si>
  <si>
    <t>Choti Zereen</t>
  </si>
  <si>
    <t>Mutfariq Chahan</t>
  </si>
  <si>
    <t>REHANA QADIR</t>
  </si>
  <si>
    <t>GGMPS Basti Raheem Bakhsh</t>
  </si>
  <si>
    <t>Bilsharqi</t>
  </si>
  <si>
    <t>basti raheem bux kharar buzdar</t>
  </si>
  <si>
    <t>Basti Raheem Bux</t>
  </si>
  <si>
    <t>GGMPS BASTI RODO GHARBI</t>
  </si>
  <si>
    <t>Rodo</t>
  </si>
  <si>
    <t>GGPS Basti Rodo Gharbi Trouble Area Dear Ghazi Khan</t>
  </si>
  <si>
    <t>GGMPS BASTI SHAH</t>
  </si>
  <si>
    <t>Lighari/</t>
  </si>
  <si>
    <t>basti shah p/o Nutkani</t>
  </si>
  <si>
    <t>Basti Shah</t>
  </si>
  <si>
    <t>GGMPS BASTI YAROO</t>
  </si>
  <si>
    <t>Sakhi Server</t>
  </si>
  <si>
    <t>Basti yaroo near daak khana khaas sakhi server</t>
  </si>
  <si>
    <t>Basti Yaroo</t>
  </si>
  <si>
    <t>Sakhi Sarwar</t>
  </si>
  <si>
    <t>Naheed Saleem</t>
  </si>
  <si>
    <t>GGMPS BEGAY WALA</t>
  </si>
  <si>
    <t>Beggay wala nazd gadai</t>
  </si>
  <si>
    <t>Beggay Wala</t>
  </si>
  <si>
    <t>Lubna Kareem</t>
  </si>
  <si>
    <t>GGMPS BEJA PUR</t>
  </si>
  <si>
    <t>UNCHA KALAN-FEMALE</t>
  </si>
  <si>
    <t>Bejapur</t>
  </si>
  <si>
    <t>Govt girls model primary school bejapur</t>
  </si>
  <si>
    <t>GGMPS BHANWAR</t>
  </si>
  <si>
    <t>BHanwar</t>
  </si>
  <si>
    <t>bhanwar p o phugla</t>
  </si>
  <si>
    <t>Sakeena Akhtar</t>
  </si>
  <si>
    <t>GGMPS BHAWANI PUR</t>
  </si>
  <si>
    <t>Bhawanipur</t>
  </si>
  <si>
    <t>Village Bhawanipur p\ o Kanjrur Tehsil Shakargarh District Narowal.</t>
  </si>
  <si>
    <t>Malu Salu</t>
  </si>
  <si>
    <t>Tayyaba Sarwar</t>
  </si>
  <si>
    <t>GGMPS BHORAY SHAH</t>
  </si>
  <si>
    <t>boohrai shah.basti malana</t>
  </si>
  <si>
    <t>Boohrai Shah</t>
  </si>
  <si>
    <t>GGMPS BLO KHANTANA</t>
  </si>
  <si>
    <t>Ballokhtana</t>
  </si>
  <si>
    <t>Ballokhtana p/o babral tehsil shakargarh</t>
  </si>
  <si>
    <t>Gamtala</t>
  </si>
  <si>
    <t>GGMPS BORI</t>
  </si>
  <si>
    <t>GGMPSBoori Teh.ZWL Distt.NWL Dakhana Jandraan.</t>
  </si>
  <si>
    <t>Langarkay</t>
  </si>
  <si>
    <t>GGMPS BUBAK MUTTER</t>
  </si>
  <si>
    <t>Bubak</t>
  </si>
  <si>
    <t>GGMPS Bubak</t>
  </si>
  <si>
    <t>Uncha Kallan</t>
  </si>
  <si>
    <t>GGMPS BUDHU KOT</t>
  </si>
  <si>
    <t>budhu kot</t>
  </si>
  <si>
    <t>village budhu kot p/o nonar tehsil &amp; District Narowal</t>
  </si>
  <si>
    <t>dongian</t>
  </si>
  <si>
    <t>faryal yousaf</t>
  </si>
  <si>
    <t>GGMPS BUL BUL PARI</t>
  </si>
  <si>
    <t>Bubul Kalan</t>
  </si>
  <si>
    <t>po pari darwaiza</t>
  </si>
  <si>
    <t>Bulbul Kalan</t>
  </si>
  <si>
    <t>Phulary Syedan</t>
  </si>
  <si>
    <t>Salma Nazir</t>
  </si>
  <si>
    <t>GGMPS BUZDAR SHUMALI</t>
  </si>
  <si>
    <t>buzdar shumali</t>
  </si>
  <si>
    <t>jalu wali</t>
  </si>
  <si>
    <t>GGMPS CHAH MUHAMMAD KHAN</t>
  </si>
  <si>
    <t>Ghadi</t>
  </si>
  <si>
    <t>Khayaban E sarwar</t>
  </si>
  <si>
    <t>Dg Khan</t>
  </si>
  <si>
    <t>Rehana Manzoor</t>
  </si>
  <si>
    <t>GGMPS CHAHAR</t>
  </si>
  <si>
    <t>Chahar</t>
  </si>
  <si>
    <t>GGMPS Chahar, Tehsil Zafrwal, District Narowal</t>
  </si>
  <si>
    <t>Zubida Begum</t>
  </si>
  <si>
    <t>GGMPS CHAK ALAM SHAH</t>
  </si>
  <si>
    <t>Alam Shah</t>
  </si>
  <si>
    <t>alam shah p/o mondka muzaffargarh</t>
  </si>
  <si>
    <t>Farwa Aziz</t>
  </si>
  <si>
    <t>GGMPS CHAK AMRU</t>
  </si>
  <si>
    <t>CHAK AMRU- FEMALE</t>
  </si>
  <si>
    <t>Village Chak Amru p/o Tarkhana Morida Tahsil SKG Dist.Narowal</t>
  </si>
  <si>
    <t>Asia Tufail</t>
  </si>
  <si>
    <t>GGMPS CHAK KALAY KHAN</t>
  </si>
  <si>
    <t>Chak Kalay Khan</t>
  </si>
  <si>
    <t>chak kalay khan post office  phagwari tehsil shakargarh</t>
  </si>
  <si>
    <t>GGMPS CHAK MUJAHID</t>
  </si>
  <si>
    <t>Chak Mujahid</t>
  </si>
  <si>
    <t>gmps chakmujahid,p.o dharyala jalip</t>
  </si>
  <si>
    <t>Shama Andleeb</t>
  </si>
  <si>
    <t>GGMPS CHAK NAHRAH</t>
  </si>
  <si>
    <t>Chak Nahra</t>
  </si>
  <si>
    <t>chak nahra post office tarkhana mureedan tehsil Shakar Garh district narowal</t>
  </si>
  <si>
    <t>Shehnaz Akhtar</t>
  </si>
  <si>
    <t>GGMPS CHAK NO.1/BC</t>
  </si>
  <si>
    <t>Chak No 1 Bc</t>
  </si>
  <si>
    <t>chak no 1 bc</t>
  </si>
  <si>
    <t>Chak No 38 Bc</t>
  </si>
  <si>
    <t>nargis yasmeen</t>
  </si>
  <si>
    <t>GGMPS CHAKRI</t>
  </si>
  <si>
    <t>Village Chakri tehsil zafrowal</t>
  </si>
  <si>
    <t>Muhammed  Hussain Kanwal</t>
  </si>
  <si>
    <t>GGMPS Chanan Wala</t>
  </si>
  <si>
    <t>basti gull wala smina road dg khan</t>
  </si>
  <si>
    <t>GGMPS CHANDOKEY</t>
  </si>
  <si>
    <t>Chandoke</t>
  </si>
  <si>
    <t>GMPS Chandoke</t>
  </si>
  <si>
    <t>Mehvish Khan</t>
  </si>
  <si>
    <t>GGMPS CHOA GUNJ ALI SHAH</t>
  </si>
  <si>
    <t>vpo choah gunj Ali shah</t>
  </si>
  <si>
    <t>Choah gunj Ali Shah</t>
  </si>
  <si>
    <t>GGMPS CHOHAAN WALA</t>
  </si>
  <si>
    <t>Basti Chohan Wala</t>
  </si>
  <si>
    <t>Chohanwala paigah chak#2</t>
  </si>
  <si>
    <t>Chohan Wala</t>
  </si>
  <si>
    <t>Paigah Chak #2</t>
  </si>
  <si>
    <t>Huma Riaz</t>
  </si>
  <si>
    <t>GGMPS CHOONI</t>
  </si>
  <si>
    <t>chooni</t>
  </si>
  <si>
    <t>basti chooni p/o termin</t>
  </si>
  <si>
    <t>MUSSRAT JABEEN</t>
  </si>
  <si>
    <t>GGMPS CHUTTA KHAN</t>
  </si>
  <si>
    <t>Paighan</t>
  </si>
  <si>
    <t>government girls primary school chutta khan</t>
  </si>
  <si>
    <t>Chutta Khan</t>
  </si>
  <si>
    <t>Nasreen akhtar</t>
  </si>
  <si>
    <t>GGMPS DANI WALA</t>
  </si>
  <si>
    <t>Moza chabri zareen basti wareen DG khan</t>
  </si>
  <si>
    <t>Basti Wanreen</t>
  </si>
  <si>
    <t>Mamoona Bibi</t>
  </si>
  <si>
    <t>GGMPS DARKHAN WALA</t>
  </si>
  <si>
    <t>Noor pur</t>
  </si>
  <si>
    <t>BastiDarkhan wala Muaza Noorpur UC Ghousabad</t>
  </si>
  <si>
    <t>Ghousabad</t>
  </si>
  <si>
    <t>Rehana Afzal</t>
  </si>
  <si>
    <t>GGMPS DATA GORAYA</t>
  </si>
  <si>
    <t>Data Goraya</t>
  </si>
  <si>
    <t>Village Data Goraya post office bubak marali TEHSIL AND district narowal</t>
  </si>
  <si>
    <t>Faiza Bilqees</t>
  </si>
  <si>
    <t>GGMPS DAU SHUMALI</t>
  </si>
  <si>
    <t>Dau</t>
  </si>
  <si>
    <t>dau shumali</t>
  </si>
  <si>
    <t>Dau Shumali</t>
  </si>
  <si>
    <t>Kaloo Wala</t>
  </si>
  <si>
    <t>Sadia Rasool</t>
  </si>
  <si>
    <t>GGMPS DAULAT WALA</t>
  </si>
  <si>
    <t>Daulat Wala</t>
  </si>
  <si>
    <t>basti daulat wala uc kotani no 1</t>
  </si>
  <si>
    <t>Faheem Riaz</t>
  </si>
  <si>
    <t>GGMPS DHOK SUNDRAN</t>
  </si>
  <si>
    <t>Dhok Sundran</t>
  </si>
  <si>
    <t>dhoksundran p/o.kot umer teh pind dadan khan distt.jhelum</t>
  </si>
  <si>
    <t>rubab fatima</t>
  </si>
  <si>
    <t>GGMPS DHOWALA</t>
  </si>
  <si>
    <t>Dhowala</t>
  </si>
  <si>
    <t>village daowala post office sankhatra tehsil zafarwal district</t>
  </si>
  <si>
    <t>GGMPS DHUPA</t>
  </si>
  <si>
    <t>Chhatri Ma Lohara</t>
  </si>
  <si>
    <t>p/o Tibbi Qaisrani Teh. Taunsa sharif dist.dg khan</t>
  </si>
  <si>
    <t>Dupha</t>
  </si>
  <si>
    <t>GGMPS DIWAN PUR</t>
  </si>
  <si>
    <t>Dewan Pur</t>
  </si>
  <si>
    <t>Dewan pur Teh pind Dadan Khan</t>
  </si>
  <si>
    <t>GGMPS DUBA DURI</t>
  </si>
  <si>
    <t>duba duri</t>
  </si>
  <si>
    <t>duba duri district dgkhan</t>
  </si>
  <si>
    <t>umm-e-habiba</t>
  </si>
  <si>
    <t>GGMPS ESSAWAL</t>
  </si>
  <si>
    <t>Essawal</t>
  </si>
  <si>
    <t>Village Essawal P.O. Malyar Tehsil Pind Dadan Khan District Jhelum</t>
  </si>
  <si>
    <t>Ahmad abad</t>
  </si>
  <si>
    <t>pipe line conection</t>
  </si>
  <si>
    <t>GGMPS FARID COLONY</t>
  </si>
  <si>
    <t>Chak Mithan</t>
  </si>
  <si>
    <t>fareed colony ali pur road bai pas muzaffargarh</t>
  </si>
  <si>
    <t>Fareed Colony</t>
  </si>
  <si>
    <t>GGMPS FATEH PUR GUJRAN</t>
  </si>
  <si>
    <t>Fatehpur Gujjaran</t>
  </si>
  <si>
    <t>fatehpur gujjaran tehsil SKG district narowal</t>
  </si>
  <si>
    <t>GGMPS GADI SANDILA</t>
  </si>
  <si>
    <t>Gadi Sandeela</t>
  </si>
  <si>
    <t>basti gadi sandeela makwal kalan</t>
  </si>
  <si>
    <t>Nadia Rasul</t>
  </si>
  <si>
    <t>GGMPS GAMOLI</t>
  </si>
  <si>
    <t>Gamoli</t>
  </si>
  <si>
    <t>mozagamoliskhisarwar</t>
  </si>
  <si>
    <t>Kalsoombibi</t>
  </si>
  <si>
    <t>GGMPS GANJIAN WALI KALAN</t>
  </si>
  <si>
    <t>Ganjianwali Kalan</t>
  </si>
  <si>
    <t>GGPS Ganjianwali kalan near Uggoki tehsil sialkot</t>
  </si>
  <si>
    <t>GGMPS GHAJOKE</t>
  </si>
  <si>
    <t>Gajjoke</t>
  </si>
  <si>
    <t>gajjoke district narowal</t>
  </si>
  <si>
    <t>Shakeela Hazoor</t>
  </si>
  <si>
    <t>GGMPS GHOUS WALA</t>
  </si>
  <si>
    <t>Piagah</t>
  </si>
  <si>
    <t>GGMP School Ghous wala</t>
  </si>
  <si>
    <t>GGMPS GHULAM YASEEN</t>
  </si>
  <si>
    <t>Chak Rourhi</t>
  </si>
  <si>
    <t>Ggps ghulam yasin khan choti bala</t>
  </si>
  <si>
    <t>high school</t>
  </si>
  <si>
    <t>GGMPS GIDAR WALA</t>
  </si>
  <si>
    <t>giddar wala near Baye pass multan road dera Ghazi khan</t>
  </si>
  <si>
    <t>Giddar Wala</t>
  </si>
  <si>
    <t>Drahma</t>
  </si>
  <si>
    <t>GGMPS GUDDAN</t>
  </si>
  <si>
    <t>Guddan</t>
  </si>
  <si>
    <t>lal sohanrah</t>
  </si>
  <si>
    <t>GGMPS GUJRAT</t>
  </si>
  <si>
    <t>village gujrat teh shakargarh dist.narowal.p.o pindi umra</t>
  </si>
  <si>
    <t>Chahlah</t>
  </si>
  <si>
    <t>Rashida Amanat</t>
  </si>
  <si>
    <t>GGMPS GUL WALA</t>
  </si>
  <si>
    <t>chah Gul Wala  paigah</t>
  </si>
  <si>
    <t>GGMPS HARBANS PURA</t>
  </si>
  <si>
    <t>Herbenspur</t>
  </si>
  <si>
    <t>herbenspur</t>
  </si>
  <si>
    <t>GGMPS HASSAN ABAD</t>
  </si>
  <si>
    <t>village p /o nutkani tehsil taunsa district dera ghazi khan</t>
  </si>
  <si>
    <t>GGMPS HATH WADIAN</t>
  </si>
  <si>
    <t>Hathwadian</t>
  </si>
  <si>
    <t>hathwadian tehsil and district narowal</t>
  </si>
  <si>
    <t>Thilay Kalan</t>
  </si>
  <si>
    <t>Farida Bibi</t>
  </si>
  <si>
    <t>GGMPS IQBAL NAGAR</t>
  </si>
  <si>
    <t>Pardan Gharbi</t>
  </si>
  <si>
    <t>basti nehalani,mauza pardan gharbi</t>
  </si>
  <si>
    <t>Basti Nehalani</t>
  </si>
  <si>
    <t>Pardan Sharqi</t>
  </si>
  <si>
    <t>GhulamFatima</t>
  </si>
  <si>
    <t>GGMPS JAKHAR TOWN</t>
  </si>
  <si>
    <t>darkhast jamal khan tahsil kotchutta district d.g.khan</t>
  </si>
  <si>
    <t>Darkhast jamal Khan</t>
  </si>
  <si>
    <t>Rizwana Anwar</t>
  </si>
  <si>
    <t>GGMPS JALOKEY</t>
  </si>
  <si>
    <t>Jallokey</t>
  </si>
  <si>
    <t>GGMP/S Jalokey</t>
  </si>
  <si>
    <t>Langerkey</t>
  </si>
  <si>
    <t>Ulfat begum</t>
  </si>
  <si>
    <t>GGMPS JALUB WALI</t>
  </si>
  <si>
    <t>Chit Pani</t>
  </si>
  <si>
    <t>basti jalub wali tehsil taunsa district d g khan</t>
  </si>
  <si>
    <t>Jalub Wali</t>
  </si>
  <si>
    <t>Nadia Kubra</t>
  </si>
  <si>
    <t>GGMPS JARH WALA</t>
  </si>
  <si>
    <t>jurh wala d g khan</t>
  </si>
  <si>
    <t>jarh wala</t>
  </si>
  <si>
    <t>churhatta 15</t>
  </si>
  <si>
    <t>GGMPS JARPAL</t>
  </si>
  <si>
    <t>Jarpal</t>
  </si>
  <si>
    <t>GGMPS JARWAR</t>
  </si>
  <si>
    <t>basti jarwar post office Lakhani</t>
  </si>
  <si>
    <t>Jarwar</t>
  </si>
  <si>
    <t>Hafza Bushra Ameen</t>
  </si>
  <si>
    <t>GGMPS JATTAN</t>
  </si>
  <si>
    <t>WIDADI</t>
  </si>
  <si>
    <t>JATTAN</t>
  </si>
  <si>
    <t>BEROT</t>
  </si>
  <si>
    <t>AMNA NADEEM</t>
  </si>
  <si>
    <t>GGMPS JAVAID ABAD</t>
  </si>
  <si>
    <t>Javaid Abad Adda Karim Wala</t>
  </si>
  <si>
    <t>Javaid Abad</t>
  </si>
  <si>
    <t>hajra bibi</t>
  </si>
  <si>
    <t>GGMPS JEWAN  BARRAL</t>
  </si>
  <si>
    <t>D J Khan Darmiyani</t>
  </si>
  <si>
    <t>basti malik manzoor hussain baber D J Khan darmiyani</t>
  </si>
  <si>
    <t>Basti Malik Manzoor Hussain</t>
  </si>
  <si>
    <t>Anisa Bibi</t>
  </si>
  <si>
    <t>GGMPS JHANGI DARMIANI</t>
  </si>
  <si>
    <t>jhangi darmiani tehsil taunsa district DG khan</t>
  </si>
  <si>
    <t>Jhangi Darmiani</t>
  </si>
  <si>
    <t>Asma  Zafar</t>
  </si>
  <si>
    <t>GGMPS JHOK ROHAIL</t>
  </si>
  <si>
    <t>Jhok Rohail</t>
  </si>
  <si>
    <t>busti Jhok ROHAIL post office soker tahsile taunsa D G khan</t>
  </si>
  <si>
    <t>Busti Jhok ROHAIL</t>
  </si>
  <si>
    <t>Boher</t>
  </si>
  <si>
    <t>Khansa Asghar</t>
  </si>
  <si>
    <t>GGMPS JHOKE HADER KHAN</t>
  </si>
  <si>
    <t>jhangra</t>
  </si>
  <si>
    <t>jhoke Haider khan</t>
  </si>
  <si>
    <t>lakhani</t>
  </si>
  <si>
    <t>Rabia Akbar</t>
  </si>
  <si>
    <t>GGMPS JHOKE KHEVAY WALI</t>
  </si>
  <si>
    <t>jhok kh3vey wali</t>
  </si>
  <si>
    <t>Jhok Khevey Wali</t>
  </si>
  <si>
    <t>Salma Noor</t>
  </si>
  <si>
    <t>GGMPS JHOKE KHUBAR</t>
  </si>
  <si>
    <t>Ggmp/s jhok khubar</t>
  </si>
  <si>
    <t>Jhoke Khubar</t>
  </si>
  <si>
    <t>sadia tabasum</t>
  </si>
  <si>
    <t>GGMPS JHOKE MACHHI WALI</t>
  </si>
  <si>
    <t>Bhutta Wali</t>
  </si>
  <si>
    <t>jhok Machi wali taunda</t>
  </si>
  <si>
    <t>Machi Wali</t>
  </si>
  <si>
    <t>GGMPS JHOKE MASSU</t>
  </si>
  <si>
    <t>Massu</t>
  </si>
  <si>
    <t>Jhok Massu</t>
  </si>
  <si>
    <t>Chah Ramzan Wala</t>
  </si>
  <si>
    <t>Pirdan Sharqi</t>
  </si>
  <si>
    <t>Maqsooda Abbas</t>
  </si>
  <si>
    <t>GGMPS JHOKE SADIQUE WALI</t>
  </si>
  <si>
    <t>jhoke Sadique Wali p/O MAKWAL kalan</t>
  </si>
  <si>
    <t>Jhoke Sadique Wali</t>
  </si>
  <si>
    <t>Shireen Altaf</t>
  </si>
  <si>
    <t>hand pump, mercilblpump, waterpump</t>
  </si>
  <si>
    <t>GGMPS JHOKE WAZIR</t>
  </si>
  <si>
    <t>Chack Danda</t>
  </si>
  <si>
    <t>Basti jhoke wazir post office shadan lund district dera ghazi khan</t>
  </si>
  <si>
    <t>Jhokewazir</t>
  </si>
  <si>
    <t>Monaza Jabeen</t>
  </si>
  <si>
    <t>GGMPS JHOKE YAR SHAH</t>
  </si>
  <si>
    <t>Jhokyar Shah</t>
  </si>
  <si>
    <t>ggps jhokyar Shah</t>
  </si>
  <si>
    <t>Fareeda Banu</t>
  </si>
  <si>
    <t>GGMPS JILALAAN BORH</t>
  </si>
  <si>
    <t>Barthi Janobe</t>
  </si>
  <si>
    <t>barthi janobe trible area</t>
  </si>
  <si>
    <t>Jilalaan Borh</t>
  </si>
  <si>
    <t>saijda Parveen</t>
  </si>
  <si>
    <t>self</t>
  </si>
  <si>
    <t>GGMPS JUNDARAAN</t>
  </si>
  <si>
    <t>Jandran</t>
  </si>
  <si>
    <t>Village Jandran PO Malyar Tehsil P.D Khan Distt Jhelum</t>
  </si>
  <si>
    <t>Afshan Yasin</t>
  </si>
  <si>
    <t>GGMPS KALARI</t>
  </si>
  <si>
    <t>Kalari</t>
  </si>
  <si>
    <t>Ggmps kalari</t>
  </si>
  <si>
    <t>Basti Kalari</t>
  </si>
  <si>
    <t>Pardan Sharki</t>
  </si>
  <si>
    <t>Omul Baneen</t>
  </si>
  <si>
    <t>Water cooler</t>
  </si>
  <si>
    <t>GGMPS KANIAN WALA</t>
  </si>
  <si>
    <t>Kanianwala</t>
  </si>
  <si>
    <t>Gmps kanianwala p/o dharyala jalip</t>
  </si>
  <si>
    <t>kanianwala</t>
  </si>
  <si>
    <t>chakshadi</t>
  </si>
  <si>
    <t>Nabila Naz</t>
  </si>
  <si>
    <t>GGMPS KANJOO WALI</t>
  </si>
  <si>
    <t>Koko Wah</t>
  </si>
  <si>
    <t>kanjoowali</t>
  </si>
  <si>
    <t>Kanjo Wali</t>
  </si>
  <si>
    <t>GGMPS KARIM PUR</t>
  </si>
  <si>
    <t>Karim pur</t>
  </si>
  <si>
    <t>Karim pur tehsil pind dadan khan district Jhelum</t>
  </si>
  <si>
    <t>Karim Pur</t>
  </si>
  <si>
    <t>Sadia Begum</t>
  </si>
  <si>
    <t>GGMPS KARTAR PUR</t>
  </si>
  <si>
    <t>Kartarpur</t>
  </si>
  <si>
    <t>P/O Ferozpur Tehsil Zafarwal Dist Narowal</t>
  </si>
  <si>
    <t>Asma Naz</t>
  </si>
  <si>
    <t>GGMPS KATHOWALI</t>
  </si>
  <si>
    <t>Government model primary school kathowali post office kanjrur the skg dist.Narrowal</t>
  </si>
  <si>
    <t>Kathowali</t>
  </si>
  <si>
    <t>Gourla</t>
  </si>
  <si>
    <t>GGMPS KEEMAY WALA</t>
  </si>
  <si>
    <t>faqeer wala markaz Basti malana</t>
  </si>
  <si>
    <t>GGMPS KHALANG WALA</t>
  </si>
  <si>
    <t>Khalung wala basti Leghari wala</t>
  </si>
  <si>
    <t>Basti Leghari wala</t>
  </si>
  <si>
    <t>Hader Qureshi</t>
  </si>
  <si>
    <t>Asifa Rasheed</t>
  </si>
  <si>
    <t>GGMPS KHANA BOKI</t>
  </si>
  <si>
    <t>Khana Boki</t>
  </si>
  <si>
    <t>village khana boki post office dina the dina distt jhelum</t>
  </si>
  <si>
    <t>Sobia Arif</t>
  </si>
  <si>
    <t>GGMPS KHANAN WALA</t>
  </si>
  <si>
    <t>govt model p/s khanan wala</t>
  </si>
  <si>
    <t>Ludkay Wala</t>
  </si>
  <si>
    <t>Paiga</t>
  </si>
  <si>
    <t>GGMPS KHARAY WALA</t>
  </si>
  <si>
    <t>GGMPS Kharay Wala.P/ O Paigah DGKhan</t>
  </si>
  <si>
    <t>Kharay Wala</t>
  </si>
  <si>
    <t>Sidra Farooqi</t>
  </si>
  <si>
    <t>GGMPS KHOTHIAN JALIP</t>
  </si>
  <si>
    <t>Khothian Jalip</t>
  </si>
  <si>
    <t>Village Khothian Jalip,post office Dharyala Jalip,Tehsil Pind Dadan Khan,District Jhelum.</t>
  </si>
  <si>
    <t>Beenash Muzaffar</t>
  </si>
  <si>
    <t>GGMPS KOT BAWA</t>
  </si>
  <si>
    <t>Kot Bawa</t>
  </si>
  <si>
    <t>kot bawa</t>
  </si>
  <si>
    <t>Depokey</t>
  </si>
  <si>
    <t>Khadam Hussain</t>
  </si>
  <si>
    <t>GGMPS KOT CHUTTA NO. 2</t>
  </si>
  <si>
    <t>Chak#2 Kot Chutta</t>
  </si>
  <si>
    <t>ggps kot chutta no 2</t>
  </si>
  <si>
    <t>Kot Chutta N</t>
  </si>
  <si>
    <t>Shahnaz Gull</t>
  </si>
  <si>
    <t>GGMPS KOT CHUTTA NO. 3</t>
  </si>
  <si>
    <t>BASTI JAM-FEMALE</t>
  </si>
  <si>
    <t>Kotchutta</t>
  </si>
  <si>
    <t>basti jeevani wala choti road kotchutta</t>
  </si>
  <si>
    <t>Jeevani Wala</t>
  </si>
  <si>
    <t>Qudsia Mehmood</t>
  </si>
  <si>
    <t>GGMPS KOT HAST</t>
  </si>
  <si>
    <t>Kot Hast</t>
  </si>
  <si>
    <t>kot hast dharyala jalip teh pinddadan khan distt jelum</t>
  </si>
  <si>
    <t>GGMPS KOT JANOON</t>
  </si>
  <si>
    <t>kot janu</t>
  </si>
  <si>
    <t>kot janu p/o kot tahir</t>
  </si>
  <si>
    <t>jkot janu</t>
  </si>
  <si>
    <t>basti Foja</t>
  </si>
  <si>
    <t>GGMPS KOTHA MEER</t>
  </si>
  <si>
    <t>dho</t>
  </si>
  <si>
    <t>kotha meer</t>
  </si>
  <si>
    <t>GGMPS KOTLA GHULAM NO. 1</t>
  </si>
  <si>
    <t>daday wala, ali wala d.g.khan</t>
  </si>
  <si>
    <t>Daday Wala</t>
  </si>
  <si>
    <t>SALMA MUMTAZ</t>
  </si>
  <si>
    <t>GGMPS KOTLA GHULAM NO. 2</t>
  </si>
  <si>
    <t>basti hissama saddat kotla ghulam no.2</t>
  </si>
  <si>
    <t>Hisama Sadaat</t>
  </si>
  <si>
    <t>shabana batool</t>
  </si>
  <si>
    <t>GGMPS KOTLA SIKHANI</t>
  </si>
  <si>
    <t>TIBBI KHARAK</t>
  </si>
  <si>
    <t>ggmps kotla sikhani .d.g.khan</t>
  </si>
  <si>
    <t>KOTLA SIKHANI</t>
  </si>
  <si>
    <t>Fareeha Nazli</t>
  </si>
  <si>
    <t>GGMPS LALHAL</t>
  </si>
  <si>
    <t>Lalyal</t>
  </si>
  <si>
    <t>vpo lalyal teh gujarkhan distt Rawalpindi</t>
  </si>
  <si>
    <t>Krunb Ilyas</t>
  </si>
  <si>
    <t>Ramna Kanwal</t>
  </si>
  <si>
    <t>GGMPS LILLA BHERWANA</t>
  </si>
  <si>
    <t>lilla bherwana</t>
  </si>
  <si>
    <t>Lilla Bherwana</t>
  </si>
  <si>
    <t>Moqadus Jabeen</t>
  </si>
  <si>
    <t>GGMPS MADDO KE GOAL</t>
  </si>
  <si>
    <t>mado k goal</t>
  </si>
  <si>
    <t>village and post office gol tehsil shakargarh district Narowal</t>
  </si>
  <si>
    <t>mado k gol</t>
  </si>
  <si>
    <t>GGMPS MAHMOOD ABAD TAUNSA</t>
  </si>
  <si>
    <t>NEAR DSP HOUSE</t>
  </si>
  <si>
    <t>GGMPS MALKANI KALAN</t>
  </si>
  <si>
    <t>Malkani kalan</t>
  </si>
  <si>
    <t>government girls model primary school malkani kalan</t>
  </si>
  <si>
    <t>Malkani Kalan</t>
  </si>
  <si>
    <t>Kanwal Jabeen</t>
  </si>
  <si>
    <t>GGMPS MANDHAR</t>
  </si>
  <si>
    <t>Mandhar</t>
  </si>
  <si>
    <t>Gmps Mandhar</t>
  </si>
  <si>
    <t>GGMPS MANGOT JABA</t>
  </si>
  <si>
    <t>Mangot</t>
  </si>
  <si>
    <t>GMPS mangot jabba</t>
  </si>
  <si>
    <t>Phulray Sydan</t>
  </si>
  <si>
    <t>Nighat Riaz</t>
  </si>
  <si>
    <t>GGMPS MANGROTHA NO.3</t>
  </si>
  <si>
    <t>Mangotha East</t>
  </si>
  <si>
    <t>mangrotha east</t>
  </si>
  <si>
    <t>Zakia Bano</t>
  </si>
  <si>
    <t>GGMPS MANSOOR WALA</t>
  </si>
  <si>
    <t>Paigha</t>
  </si>
  <si>
    <t>Ggmps Mansoor Wala</t>
  </si>
  <si>
    <t>Mansoor Wala</t>
  </si>
  <si>
    <t>Shahida Bano</t>
  </si>
  <si>
    <t>GGMPS MAPAL</t>
  </si>
  <si>
    <t>Jhangrah South</t>
  </si>
  <si>
    <t>Basti Mapal,Tehsil Taunsa Sharif</t>
  </si>
  <si>
    <t>Bastion Mapal</t>
  </si>
  <si>
    <t>Aneela Faiz</t>
  </si>
  <si>
    <t>GGMPS MC NO. 3</t>
  </si>
  <si>
    <t>D G Khan</t>
  </si>
  <si>
    <t>Block No.39 Dera Ghazi Khan</t>
  </si>
  <si>
    <t>Block No 39</t>
  </si>
  <si>
    <t>filterwater from plant</t>
  </si>
  <si>
    <t>GGMPS MC NO. 4</t>
  </si>
  <si>
    <t>Block no 6 Dera Gazi khan</t>
  </si>
  <si>
    <t>Roqueea Begum</t>
  </si>
  <si>
    <t>GGMPS MC NO.5</t>
  </si>
  <si>
    <t>Block no 9 Dera ghazi khan</t>
  </si>
  <si>
    <t>Union Council No 14</t>
  </si>
  <si>
    <t>GGMPS MC NO.6 D.G. KHAN</t>
  </si>
  <si>
    <t>block o, dera ghazi khan</t>
  </si>
  <si>
    <t>GGMPS MEERAY</t>
  </si>
  <si>
    <t>Meeray</t>
  </si>
  <si>
    <t>Meeray P.O. Malyar Tehsil P.D Khan Distt. Jhelum</t>
  </si>
  <si>
    <t>Ahmed Abad</t>
  </si>
  <si>
    <t>Sadia Jabeen</t>
  </si>
  <si>
    <t>GGMPS MIAN JANOBI</t>
  </si>
  <si>
    <t>Jhoke uttra</t>
  </si>
  <si>
    <t>basti mian junabi p/o jhoke uttra teh kotchutta district  DG khan</t>
  </si>
  <si>
    <t>Basti mian junabi</t>
  </si>
  <si>
    <t>Adeela Shahnawaz</t>
  </si>
  <si>
    <t>GGMPS MOHIB WALA</t>
  </si>
  <si>
    <t>main taunsa road perdesi chowk dg khan</t>
  </si>
  <si>
    <t>Mohib Wala</t>
  </si>
  <si>
    <t>Shabana Sharif</t>
  </si>
  <si>
    <t>GGMPS MOHRA ALIA</t>
  </si>
  <si>
    <t>MOHRA ALIA</t>
  </si>
  <si>
    <t>VILL MOHRA ALIA,P.O PARIDARVEZAN TEH SOHAWA DISTT JHELUM</t>
  </si>
  <si>
    <t>GGMPS MUGHAL</t>
  </si>
  <si>
    <t>vpo Mughal, teh gujr Khan,Distt rwp</t>
  </si>
  <si>
    <t>Tanzila Iram</t>
  </si>
  <si>
    <t>GGMPS MUHANAY WALI</t>
  </si>
  <si>
    <t>kokowah</t>
  </si>
  <si>
    <t>Basti Mohanywali</t>
  </si>
  <si>
    <t>Mohanywali</t>
  </si>
  <si>
    <t>GGMPS NAJABAT WALA</t>
  </si>
  <si>
    <t>Najabatwala</t>
  </si>
  <si>
    <t>najabatwala</t>
  </si>
  <si>
    <t>Najabat Wala</t>
  </si>
  <si>
    <t>Gadai Shamali</t>
  </si>
  <si>
    <t>GGMPS NANGAL SHAHU</t>
  </si>
  <si>
    <t>Nangal Shau</t>
  </si>
  <si>
    <t>Nangal Shahu p/o Khokhar Wali</t>
  </si>
  <si>
    <t>Nangal Shahu</t>
  </si>
  <si>
    <t>Gaddian</t>
  </si>
  <si>
    <t>Shazia Karamat</t>
  </si>
  <si>
    <t>GGMPS NANGAL SUDKAN</t>
  </si>
  <si>
    <t>Zafarwal</t>
  </si>
  <si>
    <t>Nangal sudkan</t>
  </si>
  <si>
    <t>Nangal Sudkan</t>
  </si>
  <si>
    <t>GGMPS NATHU KOT</t>
  </si>
  <si>
    <t>Nathukot</t>
  </si>
  <si>
    <t>nathukot</t>
  </si>
  <si>
    <t>Kalah</t>
  </si>
  <si>
    <t>Razia Sharif</t>
  </si>
  <si>
    <t>GGMPS NAWAN PIND</t>
  </si>
  <si>
    <t>village Nawan Pind p/o darman</t>
  </si>
  <si>
    <t>GGMPS NORUNGANI</t>
  </si>
  <si>
    <t>Nalduf</t>
  </si>
  <si>
    <t>Moaza nalduf basti norangani barthi</t>
  </si>
  <si>
    <t>Norangani</t>
  </si>
  <si>
    <t>MUKHTAR ZAHRA</t>
  </si>
  <si>
    <t>GGMPS ODERAH</t>
  </si>
  <si>
    <t>Oderah</t>
  </si>
  <si>
    <t>oderah shakargarh</t>
  </si>
  <si>
    <t>Samaira Afzal</t>
  </si>
  <si>
    <t>GGMPS PAHI WALA</t>
  </si>
  <si>
    <t>Kotmubarak</t>
  </si>
  <si>
    <t>Pahi wala,mouza kot mubarik</t>
  </si>
  <si>
    <t>Pahi Wala</t>
  </si>
  <si>
    <t>Bahadurgarh</t>
  </si>
  <si>
    <t>Aqsa Batool</t>
  </si>
  <si>
    <t>GGMPS PEJUWALI WALI KHURD</t>
  </si>
  <si>
    <t>Pejowali Khurd</t>
  </si>
  <si>
    <t>GGP/S Pejowali khurd</t>
  </si>
  <si>
    <t>Pejowali Khlan</t>
  </si>
  <si>
    <t>Naeema Naimat</t>
  </si>
  <si>
    <t>GGMPS PHAPRI</t>
  </si>
  <si>
    <t>Mirhata</t>
  </si>
  <si>
    <t>mirhata uc 32 basti saeed wala ggmps phapri</t>
  </si>
  <si>
    <t>GGMPS PHARAWAL SARU KHAN</t>
  </si>
  <si>
    <t>Pharwal Saru Khan</t>
  </si>
  <si>
    <t>Vill Pharwal Saru Khan</t>
  </si>
  <si>
    <t>samira nosheen</t>
  </si>
  <si>
    <t>GGMPS PHUL WALA</t>
  </si>
  <si>
    <t>Chack Jhangail</t>
  </si>
  <si>
    <t>chah phul wala</t>
  </si>
  <si>
    <t>Phul Wala</t>
  </si>
  <si>
    <t>TANVEER KOUSAR</t>
  </si>
  <si>
    <t>GGMPS PIND BOHLIAN</t>
  </si>
  <si>
    <t>Pind Bohlian</t>
  </si>
  <si>
    <t>Pind Bohlian Post Office Darman The Zafarwal Dist Narowal</t>
  </si>
  <si>
    <t>Dinga Narine Pur</t>
  </si>
  <si>
    <t>GGMPS PUNAN WALA</t>
  </si>
  <si>
    <t>nawan</t>
  </si>
  <si>
    <t>chah mahmood wala nawan shumali</t>
  </si>
  <si>
    <t>mahmood wala</t>
  </si>
  <si>
    <t>Sumera Anwar</t>
  </si>
  <si>
    <t>GGMPS QAIM SHAH NO.2</t>
  </si>
  <si>
    <t>GGMP/S QAIM SHAH NO2</t>
  </si>
  <si>
    <t>Chah Pongar Vala</t>
  </si>
  <si>
    <t>Mamoona Matin</t>
  </si>
  <si>
    <t>GGMPS QAIM WALA # 2</t>
  </si>
  <si>
    <t>Qaimwala no2</t>
  </si>
  <si>
    <t>BASTI GAHNAYwala</t>
  </si>
  <si>
    <t>Saeeda Tehra</t>
  </si>
  <si>
    <t>GGMPS QAISER WALA</t>
  </si>
  <si>
    <t>DRAHMA</t>
  </si>
  <si>
    <t>GGMPS QAISERWALA SARWAR WALI</t>
  </si>
  <si>
    <t>QAISERWALA</t>
  </si>
  <si>
    <t>DRAMA</t>
  </si>
  <si>
    <t>SUMERA AMIN</t>
  </si>
  <si>
    <t>GGMPS QAZI WALI</t>
  </si>
  <si>
    <t>Qazi Wali</t>
  </si>
  <si>
    <t>jhok qazi wali uc mangrotha tehsil taunsa district dg khan</t>
  </si>
  <si>
    <t>GGMPS RAWAL</t>
  </si>
  <si>
    <t>p.o.village rawal tehsil pdk.distt jhelum</t>
  </si>
  <si>
    <t>Summaira Kausar</t>
  </si>
  <si>
    <t>GGMPS RAY PUR</t>
  </si>
  <si>
    <t>Ray Pur</t>
  </si>
  <si>
    <t>Ray pur</t>
  </si>
  <si>
    <t>SIDRA BABU ANJUM</t>
  </si>
  <si>
    <t>GGMPS SAHOBHLLO</t>
  </si>
  <si>
    <t>Saho Ballo</t>
  </si>
  <si>
    <t>village saho ballo p/o ahmad abad narowal</t>
  </si>
  <si>
    <t>Faleeze Pur</t>
  </si>
  <si>
    <t>Rizwana Chouhdry</t>
  </si>
  <si>
    <t>GGMPS SANBAL GALI</t>
  </si>
  <si>
    <t>Vill sumble gali teh murree dist rawalpindi</t>
  </si>
  <si>
    <t>Sumble Sayedan</t>
  </si>
  <si>
    <t>GGMPS SANJAR SHAHI</t>
  </si>
  <si>
    <t>sanjar shahi</t>
  </si>
  <si>
    <t>pul qamabar</t>
  </si>
  <si>
    <t>moza sanjar shahi</t>
  </si>
  <si>
    <t>cholani</t>
  </si>
  <si>
    <t>maimona zia</t>
  </si>
  <si>
    <t>GGMPS SAUWAL</t>
  </si>
  <si>
    <t>V&amp;P Sauwal tehsil Pind Dadan Khan district Jhelum</t>
  </si>
  <si>
    <t>Rozina Naheed</t>
  </si>
  <si>
    <t>GGMPS SAYEDAN WALA</t>
  </si>
  <si>
    <t>Syedanwala</t>
  </si>
  <si>
    <t>vpo Syedanwala Teh. P.D.Khan district Jhelum</t>
  </si>
  <si>
    <t>Pindi Said Por</t>
  </si>
  <si>
    <t>GGMPS SERROCH BERHMANA</t>
  </si>
  <si>
    <t>Serroch Barhanah</t>
  </si>
  <si>
    <t>village serroch barhamnah</t>
  </si>
  <si>
    <t>Serroch Barhamah</t>
  </si>
  <si>
    <t>ASMA RASHEED</t>
  </si>
  <si>
    <t>GGMPS SHADI WALA</t>
  </si>
  <si>
    <t>basti shadi wala p/o lakhani tehsil taunsa district dg khan</t>
  </si>
  <si>
    <t>Shadi Wala</t>
  </si>
  <si>
    <t>LAKHANI</t>
  </si>
  <si>
    <t>Reahana Batool</t>
  </si>
  <si>
    <t>GGMPS Shah Sadar Din #. 2</t>
  </si>
  <si>
    <t>GGMPS Shah Sadar Din # 2</t>
  </si>
  <si>
    <t>Shah Sadar Din</t>
  </si>
  <si>
    <t>GGMPS SHAH WALA</t>
  </si>
  <si>
    <t>mauza khanpur baste shah wala Tehseel kot chutta  District.  DG khan</t>
  </si>
  <si>
    <t>Baste Fauja</t>
  </si>
  <si>
    <t>Najma  Naz</t>
  </si>
  <si>
    <t>GGMPS SHAH WALI</t>
  </si>
  <si>
    <t>p/o litra shah wali</t>
  </si>
  <si>
    <t>Humaira Rasheed</t>
  </si>
  <si>
    <t>by public pump</t>
  </si>
  <si>
    <t>GGMPS SHAKAR PUR</t>
  </si>
  <si>
    <t>Shakarpur</t>
  </si>
  <si>
    <t>GMPS Shakar pur v&amp;p/o Shakar pur Tehsil Pind Dadan Khan,District Jhelum</t>
  </si>
  <si>
    <t>Muneeba Kauser</t>
  </si>
  <si>
    <t>GGMPS SHATAK SHUMALI</t>
  </si>
  <si>
    <t>GGMPS shatak shumali chak bakhar choti zareen</t>
  </si>
  <si>
    <t>Shatak Shumali</t>
  </si>
  <si>
    <t>GGMPS SHER PUR</t>
  </si>
  <si>
    <t>sher pur tehsil p.d Khan distt jhelum</t>
  </si>
  <si>
    <t>Sher pur</t>
  </si>
  <si>
    <t>GGMPS SHER SING WALA</t>
  </si>
  <si>
    <t>Chak No 7rb</t>
  </si>
  <si>
    <t>sher singh wala chack no 07 teh.safdar abad dist.sheikhupura</t>
  </si>
  <si>
    <t>Shair Singh Wala Chak No 7</t>
  </si>
  <si>
    <t>Aliya Parveen</t>
  </si>
  <si>
    <t>GGMPS SIALI UMMER KHAN</t>
  </si>
  <si>
    <t>Siahli Umer Khan</t>
  </si>
  <si>
    <t>siahli umer Khan</t>
  </si>
  <si>
    <t>NAHIDA  KOUSAR</t>
  </si>
  <si>
    <t>GGMPS SIDHAN WALI</t>
  </si>
  <si>
    <t>SidhanwLi</t>
  </si>
  <si>
    <t>sidhanwali</t>
  </si>
  <si>
    <t>Siddhanwali</t>
  </si>
  <si>
    <t>Kalakhatai</t>
  </si>
  <si>
    <t>Humaira Ch</t>
  </si>
  <si>
    <t>GGMPS SUFI GHULAM MUHAMMAD</t>
  </si>
  <si>
    <t>Chak Nangar</t>
  </si>
  <si>
    <t>Chak nangar choti bala</t>
  </si>
  <si>
    <t>GGMPS SUKHAIRA ARAIN</t>
  </si>
  <si>
    <t>Sukhaira Arain</t>
  </si>
  <si>
    <t>Chanda Ramay Wala</t>
  </si>
  <si>
    <t>Arghwana firdous</t>
  </si>
  <si>
    <t>GGMPS SULEHAR MANDI</t>
  </si>
  <si>
    <t>Suleher Mandi</t>
  </si>
  <si>
    <t>GGPS Suleher mandi Tehsil &amp;District Narowal</t>
  </si>
  <si>
    <t>GGMPS SULTAN SANDILA</t>
  </si>
  <si>
    <t>kot daud</t>
  </si>
  <si>
    <t>block 8 house no 131 dera ghazi khan</t>
  </si>
  <si>
    <t>PIR ADIL</t>
  </si>
  <si>
    <t>Zareena Naaz</t>
  </si>
  <si>
    <t>GGMPS SULTANPUR AFGHANAN</t>
  </si>
  <si>
    <t>Sultan Pur afganan</t>
  </si>
  <si>
    <t>GMPSSUlLTANPUR AFGHANAN TEH SHAKARGARH NAROWAL</t>
  </si>
  <si>
    <t>Sultanpur afghanan</t>
  </si>
  <si>
    <t>Iangah</t>
  </si>
  <si>
    <t>GGMPS TARGA</t>
  </si>
  <si>
    <t>p\o pindi amolak govt girls primary school targa</t>
  </si>
  <si>
    <t>Langerkay</t>
  </si>
  <si>
    <t>GGMPS TAUNSA  NO. 2</t>
  </si>
  <si>
    <t>Mohala langah Walla taunsa</t>
  </si>
  <si>
    <t>Hameeda Bano</t>
  </si>
  <si>
    <t>GGMPS THAKAR DOWARA</t>
  </si>
  <si>
    <t>Thakardawara</t>
  </si>
  <si>
    <t>Thakar Dawara</t>
  </si>
  <si>
    <t>Zafar Mehmood</t>
  </si>
  <si>
    <t>GGMPS THAKAR PUR MAQAM</t>
  </si>
  <si>
    <t>Maqam</t>
  </si>
  <si>
    <t>gmps thakar pur maqam</t>
  </si>
  <si>
    <t>Riffat  Yasmeen</t>
  </si>
  <si>
    <t>GGMPS THAKROO</t>
  </si>
  <si>
    <t>Sameej</t>
  </si>
  <si>
    <t>bastion thakro muzak sameej</t>
  </si>
  <si>
    <t>Thakro</t>
  </si>
  <si>
    <t>HAJIRA BIBI</t>
  </si>
  <si>
    <t>talai</t>
  </si>
  <si>
    <t>GGMPS THALAH THOKH</t>
  </si>
  <si>
    <t>Thala Thokh</t>
  </si>
  <si>
    <t>GGMPS THALLA KALAN</t>
  </si>
  <si>
    <t>Thalla Kalan</t>
  </si>
  <si>
    <t>village Thalla kalan Po chak beli khan teh Rawalpindi distt rwp</t>
  </si>
  <si>
    <t>GGMPS THUL PANDHI</t>
  </si>
  <si>
    <t>Thull Pandhi</t>
  </si>
  <si>
    <t>GGMPS THULL PANDHI TUNSA DISTRICT DG KHAN</t>
  </si>
  <si>
    <t>Sony Wali</t>
  </si>
  <si>
    <t>Alia Suleman</t>
  </si>
  <si>
    <t>GGMPS TRIMAN</t>
  </si>
  <si>
    <t>Triman</t>
  </si>
  <si>
    <t>union council jalu wali p/o triman</t>
  </si>
  <si>
    <t>Jalu Wali</t>
  </si>
  <si>
    <t>Afifa Ejaz</t>
  </si>
  <si>
    <t>GGMPS VAJAY WALA</t>
  </si>
  <si>
    <t>basti wajay wala</t>
  </si>
  <si>
    <t>Wajay Wala</t>
  </si>
  <si>
    <t>Basti  Malana</t>
  </si>
  <si>
    <t>Narjis Hameed</t>
  </si>
  <si>
    <t>GGMPS WARA PHAPHRA</t>
  </si>
  <si>
    <t>Wara Phaphra</t>
  </si>
  <si>
    <t>vpo wara phaphra district jhelum tehsil pd khan</t>
  </si>
  <si>
    <t>Maleeha Farman</t>
  </si>
  <si>
    <t>GGMPS WARNALI</t>
  </si>
  <si>
    <t>Warnali</t>
  </si>
  <si>
    <t>warnali</t>
  </si>
  <si>
    <t>Dharyala</t>
  </si>
  <si>
    <t>Fareeha Khanum</t>
  </si>
  <si>
    <t>GGMPS WASSO WALA</t>
  </si>
  <si>
    <t>union council Gada Garbi</t>
  </si>
  <si>
    <t>Bhadur Wala</t>
  </si>
  <si>
    <t>Nasreen Kusar</t>
  </si>
  <si>
    <t>GGMPS ZUBAIR ABAD</t>
  </si>
  <si>
    <t>zubairabad chak 3 paigah</t>
  </si>
  <si>
    <t>Zubairabad</t>
  </si>
  <si>
    <t>Pagha</t>
  </si>
  <si>
    <t>Bareera Zubair</t>
  </si>
  <si>
    <t>GGMS SARMANDAL</t>
  </si>
  <si>
    <t>Sarmandal</t>
  </si>
  <si>
    <t>village sarmandal teh kotli sattian district rwp</t>
  </si>
  <si>
    <t>Lubna Nawaz</t>
  </si>
  <si>
    <t>GGPMS JHOKE MITHA KHAN</t>
  </si>
  <si>
    <t>Janhgera</t>
  </si>
  <si>
    <t>jhoke Mitha khan p\ o jhoke haider khan</t>
  </si>
  <si>
    <t>Jhoke Mitha Khan</t>
  </si>
  <si>
    <t>Pakeeza Iqbal</t>
  </si>
  <si>
    <t>GGPS  113/9-L</t>
  </si>
  <si>
    <t>Chak No 113/9l</t>
  </si>
  <si>
    <t>chak no 113/9l Sahiwal</t>
  </si>
  <si>
    <t>113/9l</t>
  </si>
  <si>
    <t>114/9l Jandian</t>
  </si>
  <si>
    <t>Nighat Ashraf</t>
  </si>
  <si>
    <t>GGPS  44/M</t>
  </si>
  <si>
    <t>44/M</t>
  </si>
  <si>
    <t>Suriya Yasmeen</t>
  </si>
  <si>
    <t>GGPS  ARAL</t>
  </si>
  <si>
    <t>Aral</t>
  </si>
  <si>
    <t>village aral teh sohawa distt jhelum</t>
  </si>
  <si>
    <t>Nazia Jabeen</t>
  </si>
  <si>
    <t>GGPS  DHOK HATTAR</t>
  </si>
  <si>
    <t>Dhok Hattar</t>
  </si>
  <si>
    <t>vpo Nagial tehsil pd khan disst jhelum</t>
  </si>
  <si>
    <t>Jalalpur Sharif</t>
  </si>
  <si>
    <t>GGPS  JHANG MORI</t>
  </si>
  <si>
    <t>vill,p/o jhang mohri,Rwp,Gujar khan</t>
  </si>
  <si>
    <t>Jhang Mohri</t>
  </si>
  <si>
    <t>GGPS  MODEL LADDOANA FATAH THATHA</t>
  </si>
  <si>
    <t>Ladoana</t>
  </si>
  <si>
    <t>ladoana</t>
  </si>
  <si>
    <t>Fateh Thatta</t>
  </si>
  <si>
    <t>GGPS (MC) R BLOCK</t>
  </si>
  <si>
    <t>MC Attock</t>
  </si>
  <si>
    <t>GGPS (MC) R BLOCK ATTOCK</t>
  </si>
  <si>
    <t>Moh Shed Attock</t>
  </si>
  <si>
    <t>Fayyer Mumtaz</t>
  </si>
  <si>
    <t>GGPS (MODEL)  MAST PUR</t>
  </si>
  <si>
    <t>Mast Pur</t>
  </si>
  <si>
    <t>tehsil skg district narowal p o baramanga vilg mast pur</t>
  </si>
  <si>
    <t>MARIA KHAN SHERWANI</t>
  </si>
  <si>
    <t>GGPS (MODEL) BHINDA DAKHLI</t>
  </si>
  <si>
    <t>Bhinda Dakhli</t>
  </si>
  <si>
    <t>ggps bhinda dakhli, jhok jhawar,bwp</t>
  </si>
  <si>
    <t>Jhok Jhawar</t>
  </si>
  <si>
    <t>Khano Wali</t>
  </si>
  <si>
    <t>Safia Yasmin</t>
  </si>
  <si>
    <t>GGPS (MODEL) CHAH MUNSHI WALA</t>
  </si>
  <si>
    <t>g m p/s chah munshi wala moza kharwala mubarakpur</t>
  </si>
  <si>
    <t>BastiKharwala</t>
  </si>
  <si>
    <t>Mud Peer wah</t>
  </si>
  <si>
    <t>GGPS (MODEL) CHAK NO.24/BC (S)</t>
  </si>
  <si>
    <t>chak no.24 bc south bwp</t>
  </si>
  <si>
    <t>24 Sout</t>
  </si>
  <si>
    <t>Chak 24bc</t>
  </si>
  <si>
    <t>sadia mustafa</t>
  </si>
  <si>
    <t>GGPS (MODEL) LORAY</t>
  </si>
  <si>
    <t>Loray</t>
  </si>
  <si>
    <t>Loray p/o dadhyala tehsil &amp; district narowal</t>
  </si>
  <si>
    <t>Misbah Akhtar</t>
  </si>
  <si>
    <t>GGPS (MODEL) MANKA</t>
  </si>
  <si>
    <t>Manka</t>
  </si>
  <si>
    <t>village manka p/0 gumtala tehsil Shakargarh district narowal</t>
  </si>
  <si>
    <t>Anila Akram</t>
  </si>
  <si>
    <t>GGPS (MODEL) NIKI BRIHMNA</t>
  </si>
  <si>
    <t>Bilalnagar</t>
  </si>
  <si>
    <t>bilalnagarpostoffice darman</t>
  </si>
  <si>
    <t>BilaL nagar</t>
  </si>
  <si>
    <t>Dingnarainpur</t>
  </si>
  <si>
    <t>GGPS 1 EB</t>
  </si>
  <si>
    <t>01eb</t>
  </si>
  <si>
    <t>GGPS 1/8-AR, TULAMBA</t>
  </si>
  <si>
    <t>1/8AR</t>
  </si>
  <si>
    <t>GGPS 1/8-AR chak no 1/8-AR Tehsil Mian Channu District Khanewal</t>
  </si>
  <si>
    <t>Madeha Suleman</t>
  </si>
  <si>
    <t>GGPS 1/8-R NAURANG ABAD, TULAMBA</t>
  </si>
  <si>
    <t>Naurang Abad</t>
  </si>
  <si>
    <t>1/8r naurang abad</t>
  </si>
  <si>
    <t>1/8r Naurang Abad</t>
  </si>
  <si>
    <t>Munaza Naz</t>
  </si>
  <si>
    <t>GGPS 1/A 14-L</t>
  </si>
  <si>
    <t>1A/14L</t>
  </si>
  <si>
    <t>1A/14L kassowal</t>
  </si>
  <si>
    <t>GGPS 1/AH, KHANEWAL</t>
  </si>
  <si>
    <t>1ah</t>
  </si>
  <si>
    <t>chak 1ah</t>
  </si>
  <si>
    <t>Chak4 Ah</t>
  </si>
  <si>
    <t>Hameeda Shafi</t>
  </si>
  <si>
    <t>GGPS 1/BC ADDA 16 MILES BAHAWALPUR</t>
  </si>
  <si>
    <t>Govt Model Primary School ada 16 mile chack 1/bc Bahawalpur</t>
  </si>
  <si>
    <t>Basti 16 Mile Chack 1/bc</t>
  </si>
  <si>
    <t>38/bc Lalsohanara</t>
  </si>
  <si>
    <t>Mehwish Bano</t>
  </si>
  <si>
    <t>GGPS 1/M P/O LADHA BOHR CHAK</t>
  </si>
  <si>
    <t>Chak num 1/am tehsil Duniapur district lodhran ladha bhor</t>
  </si>
  <si>
    <t>1/M</t>
  </si>
  <si>
    <t>GGPS 10 GHAGH NO. 2, ABDUL HAKIM</t>
  </si>
  <si>
    <t>govt girls primary school 10ghagh no2</t>
  </si>
  <si>
    <t>10ghagh</t>
  </si>
  <si>
    <t>Nadia Nawaz</t>
  </si>
  <si>
    <t>GGPS 10 GHAGH NO.1 ABDUL HAKIM</t>
  </si>
  <si>
    <t>10ghagh No 1</t>
  </si>
  <si>
    <t>10 ghagh no. 1</t>
  </si>
  <si>
    <t>10 Ghagh No1</t>
  </si>
  <si>
    <t>GGPS 10 MR</t>
  </si>
  <si>
    <t>10MR</t>
  </si>
  <si>
    <t>chak no 10MR makhdoom rasheed multan</t>
  </si>
  <si>
    <t>Chak No 10MR</t>
  </si>
  <si>
    <t>Muneeba Ashiq</t>
  </si>
  <si>
    <t>GGPS 10 WB</t>
  </si>
  <si>
    <t>10 Wb</t>
  </si>
  <si>
    <t>chak no 10 wb</t>
  </si>
  <si>
    <t>16 Wb</t>
  </si>
  <si>
    <t>Tahira Tabassum</t>
  </si>
  <si>
    <t>GGPS 10/11-L (N)</t>
  </si>
  <si>
    <t>Basti Inayat Ali Khan</t>
  </si>
  <si>
    <t>10/11L(N)</t>
  </si>
  <si>
    <t>10/11LN</t>
  </si>
  <si>
    <t>Rubab Batool</t>
  </si>
  <si>
    <t>GGPS 10/14-L</t>
  </si>
  <si>
    <t>10/14.l thesil chichwatni district sahiwal</t>
  </si>
  <si>
    <t>10/14l</t>
  </si>
  <si>
    <t>umma kalsoom</t>
  </si>
  <si>
    <t>GGPS 10/AH, KHANEWAL</t>
  </si>
  <si>
    <t>10 Ah</t>
  </si>
  <si>
    <t>10 ah</t>
  </si>
  <si>
    <t>10ah</t>
  </si>
  <si>
    <t>Shazia Iqbal</t>
  </si>
  <si>
    <t>GGPS 10/FW HAJI MATLOOB</t>
  </si>
  <si>
    <t>GGPS 10 FW BASTI HAJI MATLOOB</t>
  </si>
  <si>
    <t>10 Fw Basti Haji Matloob</t>
  </si>
  <si>
    <t>Naila Kousar</t>
  </si>
  <si>
    <t>GGPS 10/MPR</t>
  </si>
  <si>
    <t>10 MPR</t>
  </si>
  <si>
    <t>Chak No 10 MPR jallah arain teh sail dunya pur lodhran</t>
  </si>
  <si>
    <t>Chak No 10 MPR</t>
  </si>
  <si>
    <t>Kausar Imam</t>
  </si>
  <si>
    <t>GGPS 100 EB</t>
  </si>
  <si>
    <t>100/eb</t>
  </si>
  <si>
    <t>chak no 100/eb</t>
  </si>
  <si>
    <t>Rizwana Shaheen</t>
  </si>
  <si>
    <t>GGPS 100-10/R, JAHANIAN</t>
  </si>
  <si>
    <t>102/10r</t>
  </si>
  <si>
    <t>govt girls p/s 100/10.r</t>
  </si>
  <si>
    <t>100/10r</t>
  </si>
  <si>
    <t>GGPS 101 WB</t>
  </si>
  <si>
    <t>101 Wb</t>
  </si>
  <si>
    <t>GGPS 101WB</t>
  </si>
  <si>
    <t>101 WB</t>
  </si>
  <si>
    <t>95 WB</t>
  </si>
  <si>
    <t>Muzamil Chaudhry</t>
  </si>
  <si>
    <t>GGPS 101/12-L DERA KUNDAN</t>
  </si>
  <si>
    <t>1o1 12 l dera kandan</t>
  </si>
  <si>
    <t>101 12 l dera kandan</t>
  </si>
  <si>
    <t>101  12 l</t>
  </si>
  <si>
    <t>101 12 l</t>
  </si>
  <si>
    <t>Riffat Nazeer</t>
  </si>
  <si>
    <t>GGPS 101/12-L TENDER</t>
  </si>
  <si>
    <t>101/12L Tender</t>
  </si>
  <si>
    <t>GGPS101/12L tender</t>
  </si>
  <si>
    <t>Yasmeen Sultana</t>
  </si>
  <si>
    <t>GGPS 101/6AR DHAMRAN WALA</t>
  </si>
  <si>
    <t>Dumran Wala</t>
  </si>
  <si>
    <t>101/6ar dumran wala</t>
  </si>
  <si>
    <t>101/6ar</t>
  </si>
  <si>
    <t>Sadia Ashiq</t>
  </si>
  <si>
    <t>GGPS 101-A/6-R COAL WALA</t>
  </si>
  <si>
    <t>Coal Wala</t>
  </si>
  <si>
    <t>101/6AR(cw)</t>
  </si>
  <si>
    <t>101/6AR</t>
  </si>
  <si>
    <t>102/AR</t>
  </si>
  <si>
    <t>Najma Tasnim</t>
  </si>
  <si>
    <t>GGPS 102/9-L</t>
  </si>
  <si>
    <t>102/9-l</t>
  </si>
  <si>
    <t>102/9-l sahiwal</t>
  </si>
  <si>
    <t>133/9-l</t>
  </si>
  <si>
    <t>GGPS 102/D</t>
  </si>
  <si>
    <t>102 D</t>
  </si>
  <si>
    <t>g g p s 102 d</t>
  </si>
  <si>
    <t>96 D</t>
  </si>
  <si>
    <t>Rabia Mustafa</t>
  </si>
  <si>
    <t>GGPS 102/P BASTI SERBOHRI</t>
  </si>
  <si>
    <t>Sarbhori</t>
  </si>
  <si>
    <t>GGPS 102/p SERBOHRI</t>
  </si>
  <si>
    <t>102/p</t>
  </si>
  <si>
    <t>AMAAN GARH</t>
  </si>
  <si>
    <t>GGPS 103/7-R</t>
  </si>
  <si>
    <t>103/7-R</t>
  </si>
  <si>
    <t>G.G.P.SCHOOL 103/7-R HARAPPA</t>
  </si>
  <si>
    <t>103/7-R HARAPPA</t>
  </si>
  <si>
    <t>102/6A-R</t>
  </si>
  <si>
    <t>Farkhanda Anwar</t>
  </si>
  <si>
    <t>GGPS 103/9-L</t>
  </si>
  <si>
    <t>GGPS 103/9L</t>
  </si>
  <si>
    <t>Chak #103/9L</t>
  </si>
  <si>
    <t>Fozia Asif</t>
  </si>
  <si>
    <t>GGPS 104/9-L</t>
  </si>
  <si>
    <t>Chak 104 9/L</t>
  </si>
  <si>
    <t>chak 104 9/L sahiwal</t>
  </si>
  <si>
    <t>Chak 104 9/ L</t>
  </si>
  <si>
    <t>Chak 133 9/L</t>
  </si>
  <si>
    <t>Samina Razzaq</t>
  </si>
  <si>
    <t>GGPS 104/RB</t>
  </si>
  <si>
    <t>Pandianwala</t>
  </si>
  <si>
    <t>104/RB</t>
  </si>
  <si>
    <t>Kalgarh</t>
  </si>
  <si>
    <t>GGPS 105/12-L</t>
  </si>
  <si>
    <t>105/12 L</t>
  </si>
  <si>
    <t>chak no 105/12. L</t>
  </si>
  <si>
    <t>50/12 L</t>
  </si>
  <si>
    <t>GGPS 105/15-L, MIAN CHANNU</t>
  </si>
  <si>
    <t>105/15 L</t>
  </si>
  <si>
    <t>GGPS chak # 105/15 l vanjari tehsil mianchannu district khanewal</t>
  </si>
  <si>
    <t>105/15 L Vanjari</t>
  </si>
  <si>
    <t>GGPS 105/RB-II</t>
  </si>
  <si>
    <t>Chk 105rbll</t>
  </si>
  <si>
    <t>chak no.105 rb II gabianwala</t>
  </si>
  <si>
    <t>105 Rb II</t>
  </si>
  <si>
    <t>63 GB Akaal Grh</t>
  </si>
  <si>
    <t>Fareeha Altaf</t>
  </si>
  <si>
    <t>GGPS 106/7-R</t>
  </si>
  <si>
    <t>106/7R</t>
  </si>
  <si>
    <t>Memoona Shaukat</t>
  </si>
  <si>
    <t>GGPS 106/9-L</t>
  </si>
  <si>
    <t>106/9L sahiwal</t>
  </si>
  <si>
    <t>106/9L Sahiwal</t>
  </si>
  <si>
    <t>114 jandiyan</t>
  </si>
  <si>
    <t>Kiran hameed</t>
  </si>
  <si>
    <t>GGPS 107 D</t>
  </si>
  <si>
    <t>Chak 107/D</t>
  </si>
  <si>
    <t>107/D</t>
  </si>
  <si>
    <t>Roohi Bano</t>
  </si>
  <si>
    <t>GGPS 107 WB</t>
  </si>
  <si>
    <t>107 Wb</t>
  </si>
  <si>
    <t>ggps 107 wb</t>
  </si>
  <si>
    <t>Saima Iqbal</t>
  </si>
  <si>
    <t>GGPS 107/7-R</t>
  </si>
  <si>
    <t>107/7-R</t>
  </si>
  <si>
    <t>GGPS 107/7-R BASTI KARAM ABAD</t>
  </si>
  <si>
    <t>107/7R</t>
  </si>
  <si>
    <t>107/7R Basti Karam Abad</t>
  </si>
  <si>
    <t>110/7R</t>
  </si>
  <si>
    <t>Asifa Ali</t>
  </si>
  <si>
    <t>GGPS 107/9-L</t>
  </si>
  <si>
    <t>107/9l</t>
  </si>
  <si>
    <t>G.G.P.S 107/9l</t>
  </si>
  <si>
    <t>Chak No 107/9l</t>
  </si>
  <si>
    <t>Samreen</t>
  </si>
  <si>
    <t>GGPS 107/RB WEST</t>
  </si>
  <si>
    <t>107 Rb</t>
  </si>
  <si>
    <t>chak 107 Rb west</t>
  </si>
  <si>
    <t>chak 106 Rb</t>
  </si>
  <si>
    <t>Noreen Azam</t>
  </si>
  <si>
    <t>GGPS 108/ 10-R</t>
  </si>
  <si>
    <t>Raheeh Shah</t>
  </si>
  <si>
    <t>GGPS 108/10_R</t>
  </si>
  <si>
    <t>Chak No 108/10 R</t>
  </si>
  <si>
    <t>GGPS 108/7-R WEST</t>
  </si>
  <si>
    <t>108 7/r</t>
  </si>
  <si>
    <t>108 7/r west</t>
  </si>
  <si>
    <t>108 7/r West</t>
  </si>
  <si>
    <t>110 7/r</t>
  </si>
  <si>
    <t>Abida Ghaffar</t>
  </si>
  <si>
    <t>GGPS 108/9-L DAKHLI</t>
  </si>
  <si>
    <t>Chak 108/9L Dakhli Abadi</t>
  </si>
  <si>
    <t>chak 108/9L Dakhli abadi sahiwal</t>
  </si>
  <si>
    <t>Chak #108/9L Dakhli Abadi</t>
  </si>
  <si>
    <t>114/9L Jandian</t>
  </si>
  <si>
    <t>Rabbia Rasheed</t>
  </si>
  <si>
    <t>GGPS 108/RB</t>
  </si>
  <si>
    <t>108 RB</t>
  </si>
  <si>
    <t>108 R B</t>
  </si>
  <si>
    <t>108 R B Chudary Wala</t>
  </si>
  <si>
    <t>106 R B</t>
  </si>
  <si>
    <t>Iqra Ammeer Ali</t>
  </si>
  <si>
    <t>GGPS 109/9-L NEW ABADI</t>
  </si>
  <si>
    <t>109/9-l New</t>
  </si>
  <si>
    <t>109/9L new, sahiwal.</t>
  </si>
  <si>
    <t>109/9L New</t>
  </si>
  <si>
    <t>110/9-L</t>
  </si>
  <si>
    <t>GGPS 109/9-L OLD ABADI</t>
  </si>
  <si>
    <t>109/9L Old</t>
  </si>
  <si>
    <t>Chak no.  109/9L Old,  Sahiwal</t>
  </si>
  <si>
    <t>GGPS 109/P</t>
  </si>
  <si>
    <t>Chak No109/p</t>
  </si>
  <si>
    <t>chak no 109/p</t>
  </si>
  <si>
    <t>Chak No 109/p</t>
  </si>
  <si>
    <t>GGPS 11/11-L</t>
  </si>
  <si>
    <t>11/11-L</t>
  </si>
  <si>
    <t>chak #11/11-L chichawatni dist sahiwal</t>
  </si>
  <si>
    <t>GGPS 11/14-L 20 BHAINI</t>
  </si>
  <si>
    <t>20f</t>
  </si>
  <si>
    <t>chak 11/14l</t>
  </si>
  <si>
    <t>11/14 I</t>
  </si>
  <si>
    <t>IQRA GHAFFAR</t>
  </si>
  <si>
    <t>GGPS 11/14-L MAMDOOT FARM</t>
  </si>
  <si>
    <t>Mamdoot Form</t>
  </si>
  <si>
    <t>11/14 L mf</t>
  </si>
  <si>
    <t>11/14 L Mf</t>
  </si>
  <si>
    <t>7/14 L</t>
  </si>
  <si>
    <t>FOZIA RAMZAN</t>
  </si>
  <si>
    <t>GGPS 110 EB</t>
  </si>
  <si>
    <t>110/EB</t>
  </si>
  <si>
    <t>chack# 110/EB burewala district veharias</t>
  </si>
  <si>
    <t>124/EB</t>
  </si>
  <si>
    <t>Nadia Qutab</t>
  </si>
  <si>
    <t>GGPS 111/10-R, JAHANIAN</t>
  </si>
  <si>
    <t>111/10-R</t>
  </si>
  <si>
    <t>chak no 111/10-R</t>
  </si>
  <si>
    <t>115/10 R</t>
  </si>
  <si>
    <t>Shamim James</t>
  </si>
  <si>
    <t>GGPS 111/7-R</t>
  </si>
  <si>
    <t>Chak No111/7R</t>
  </si>
  <si>
    <t>GGPS111/7R</t>
  </si>
  <si>
    <t>Chak No 111/7R</t>
  </si>
  <si>
    <t>112/7R</t>
  </si>
  <si>
    <t>GGPS 111/7-R BUDH DAKHLI</t>
  </si>
  <si>
    <t>111/7-R Budh Dakhli</t>
  </si>
  <si>
    <t>chak no 111/7_r budh dakhli chichawatni</t>
  </si>
  <si>
    <t>Shumaila Atta</t>
  </si>
  <si>
    <t>GGPS 111/9-L</t>
  </si>
  <si>
    <t>111/9-L</t>
  </si>
  <si>
    <t>111/9-L Jahan Khan</t>
  </si>
  <si>
    <t>78/5-L</t>
  </si>
  <si>
    <t>Fozia Franka</t>
  </si>
  <si>
    <t>GGPS 112/15-L, MIAN CHANNU</t>
  </si>
  <si>
    <t>112/15-L</t>
  </si>
  <si>
    <t>GGPS 112/15-L</t>
  </si>
  <si>
    <t>Chak # 112/15-L</t>
  </si>
  <si>
    <t>Iqra Majeed</t>
  </si>
  <si>
    <t>GGPS 112/9-L GANGARAM</t>
  </si>
  <si>
    <t>Gangaram</t>
  </si>
  <si>
    <t>112 9l gangaram sahiwal..</t>
  </si>
  <si>
    <t>112 9l Gangaram Swl</t>
  </si>
  <si>
    <t>Budh Dahkoo</t>
  </si>
  <si>
    <t>GGPS 112/9-L GUNGAJA</t>
  </si>
  <si>
    <t>Budh Dhako</t>
  </si>
  <si>
    <t>GGPS112/9L Gungaja sahiwal</t>
  </si>
  <si>
    <t>Gungaja</t>
  </si>
  <si>
    <t>112/9L</t>
  </si>
  <si>
    <t>GGPS 112/9-L HALLA</t>
  </si>
  <si>
    <t>112 /9l Halla</t>
  </si>
  <si>
    <t>GGPSch.no112/9.l Halla swl</t>
  </si>
  <si>
    <t>CHno112/9l Halla Swl</t>
  </si>
  <si>
    <t>112/9l Budh Dhaku</t>
  </si>
  <si>
    <t>Nazia Kashif</t>
  </si>
  <si>
    <t>GGPS 112/9-L NURANKAY</t>
  </si>
  <si>
    <t>ggps 112/9-L nurankay dhaku sahiwal</t>
  </si>
  <si>
    <t>112/9-L Nuranky</t>
  </si>
  <si>
    <t>Budh Dhaku</t>
  </si>
  <si>
    <t>Humera Khaliq</t>
  </si>
  <si>
    <t>GGPS 113 EB</t>
  </si>
  <si>
    <t>Chak No113/eb</t>
  </si>
  <si>
    <t>ggps113/EB, arifwala pakpattan</t>
  </si>
  <si>
    <t>Chak No113/b</t>
  </si>
  <si>
    <t>Chak No109/eb</t>
  </si>
  <si>
    <t>Sadia shoaib</t>
  </si>
  <si>
    <t>GGPS 113 WB</t>
  </si>
  <si>
    <t>chak no 113 wb</t>
  </si>
  <si>
    <t>113 Wb</t>
  </si>
  <si>
    <t>Fatima Aneela</t>
  </si>
  <si>
    <t>GGPS 113/7-R</t>
  </si>
  <si>
    <t>113/7 R</t>
  </si>
  <si>
    <t>113/7 R chichawatni district Sahiwal</t>
  </si>
  <si>
    <t>114/7 R</t>
  </si>
  <si>
    <t>Robina Shahnaz</t>
  </si>
  <si>
    <t>GGPS 114/15-L QADEEM, MIAN CHANNU</t>
  </si>
  <si>
    <t>114/15-L</t>
  </si>
  <si>
    <t>114/15-L P/o 115/15-L Mian Channu</t>
  </si>
  <si>
    <t>Kanizan  Bibi</t>
  </si>
  <si>
    <t>GGPS 114/7-R AMIR PUR</t>
  </si>
  <si>
    <t>CHACK NO 114/7 R Amir Pur</t>
  </si>
  <si>
    <t>114/7 R Amir Pur</t>
  </si>
  <si>
    <t>GGPS 115 EB P/O THANA AHMAD YAR</t>
  </si>
  <si>
    <t>115 /E.B Teh Arifwala Disstt Pakpattan Sharif</t>
  </si>
  <si>
    <t>Nazia Ghous</t>
  </si>
  <si>
    <t>GGPS 115/10-R BARI WALA, JAHANIAN</t>
  </si>
  <si>
    <t>Beri wala</t>
  </si>
  <si>
    <t>115/10R Beri wala</t>
  </si>
  <si>
    <t>GGPS 115/10-R GHULAMU WALA, JAHANIAN</t>
  </si>
  <si>
    <t>Ghulamuwala</t>
  </si>
  <si>
    <t>chak no 115/10-R ghulamu wala</t>
  </si>
  <si>
    <t>115/10-R</t>
  </si>
  <si>
    <t>Shazia Altaf</t>
  </si>
  <si>
    <t>GGPS 115/9-L</t>
  </si>
  <si>
    <t>115/9L</t>
  </si>
  <si>
    <t>chak no 115/9L</t>
  </si>
  <si>
    <t>Budh Dhaku 112/9L</t>
  </si>
  <si>
    <t>Fouzia Zainab</t>
  </si>
  <si>
    <t>GGPS 116 EB</t>
  </si>
  <si>
    <t>116eb</t>
  </si>
  <si>
    <t>chak no 116 eb</t>
  </si>
  <si>
    <t>Chak No 116eb</t>
  </si>
  <si>
    <t>hina ashraf</t>
  </si>
  <si>
    <t>GGPS 116/7-CR</t>
  </si>
  <si>
    <t>Hayatabad street 6 chichawatni</t>
  </si>
  <si>
    <t>asia shehzad</t>
  </si>
  <si>
    <t>GGPS 117/15-L NEW, MIAN CHANNU</t>
  </si>
  <si>
    <t>117/15L</t>
  </si>
  <si>
    <t>Chak No 117/15-L</t>
  </si>
  <si>
    <t>117/15-L</t>
  </si>
  <si>
    <t>Qaisera Anjum</t>
  </si>
  <si>
    <t>GGPS 117/7-DR</t>
  </si>
  <si>
    <t>117/7DR Bamba</t>
  </si>
  <si>
    <t>117/7DR</t>
  </si>
  <si>
    <t>Hira Tariq</t>
  </si>
  <si>
    <t>GGPS 117/7-DR DARA FARID</t>
  </si>
  <si>
    <t>117/7-dr Dera Farid</t>
  </si>
  <si>
    <t>ggps 117/7-dr(dera farid)</t>
  </si>
  <si>
    <t>Tanzeela Tariq</t>
  </si>
  <si>
    <t>GGPS 117/9-L BOHJIAN</t>
  </si>
  <si>
    <t>117/9l bhojain sahiwal</t>
  </si>
  <si>
    <t>117/9l bhojian</t>
  </si>
  <si>
    <t>112/9L bhudh dhakoo</t>
  </si>
  <si>
    <t>GGPS 118 / WB</t>
  </si>
  <si>
    <t>118/wb</t>
  </si>
  <si>
    <t>chak no 118/w.b</t>
  </si>
  <si>
    <t>Kishwer Sultana</t>
  </si>
  <si>
    <t>GGPS 118 EB</t>
  </si>
  <si>
    <t>118/Eb</t>
  </si>
  <si>
    <t>chak no 118/EB</t>
  </si>
  <si>
    <t>118/EB</t>
  </si>
  <si>
    <t>GGPS 118/6-R AB</t>
  </si>
  <si>
    <t>chak-118/6r Ab</t>
  </si>
  <si>
    <t>118/6rAB thseel haronbad</t>
  </si>
  <si>
    <t>Chak No118/6rAB</t>
  </si>
  <si>
    <t>118/6 r</t>
  </si>
  <si>
    <t>Zunera Ajmal</t>
  </si>
  <si>
    <t>GGPS 118/7-DR</t>
  </si>
  <si>
    <t>Chak 118/7-DR</t>
  </si>
  <si>
    <t>chak no.118/7DR</t>
  </si>
  <si>
    <t>119/7-DR</t>
  </si>
  <si>
    <t>Veena Sherazi</t>
  </si>
  <si>
    <t>GGPS 118/9-L GHUNAH</t>
  </si>
  <si>
    <t>118/9l Ghunna</t>
  </si>
  <si>
    <t>118/9l ghunna</t>
  </si>
  <si>
    <t>119/9l</t>
  </si>
  <si>
    <t>Talat Saba</t>
  </si>
  <si>
    <t>GGPS 119/13-AL</t>
  </si>
  <si>
    <t>119/13al</t>
  </si>
  <si>
    <t>GGPS 12 EB</t>
  </si>
  <si>
    <t>12eb</t>
  </si>
  <si>
    <t>12/E B</t>
  </si>
  <si>
    <t>50/S P</t>
  </si>
  <si>
    <t>Musarrat  Hashim</t>
  </si>
  <si>
    <t>GGPS 12 SP</t>
  </si>
  <si>
    <t>CHAKBEDI 2 - FEMALE</t>
  </si>
  <si>
    <t>12sp</t>
  </si>
  <si>
    <t>12sp koria farm</t>
  </si>
  <si>
    <t>Korea farm 12sp</t>
  </si>
  <si>
    <t>Hafiza Nadia Bibi</t>
  </si>
  <si>
    <t>GGPS 12 SP DAKHLI (BASTI KAMAL DIN)</t>
  </si>
  <si>
    <t>chak no 12sp</t>
  </si>
  <si>
    <t>sana Hussain</t>
  </si>
  <si>
    <t>GGPS 12/14-L</t>
  </si>
  <si>
    <t>12/14-L</t>
  </si>
  <si>
    <t>chak#12/14-L Tehsil Chichawatni Distt Sahiwal</t>
  </si>
  <si>
    <t>GGPS 12/FAIZ</t>
  </si>
  <si>
    <t>12 Faiz</t>
  </si>
  <si>
    <t>12 faiz basti malook</t>
  </si>
  <si>
    <t>Tekan Wala</t>
  </si>
  <si>
    <t>Basti malook</t>
  </si>
  <si>
    <t>Shazia Rahim</t>
  </si>
  <si>
    <t>GGPS 120 WB</t>
  </si>
  <si>
    <t>120/wb</t>
  </si>
  <si>
    <t>moza burkhudar</t>
  </si>
  <si>
    <t>GGPS 120/15-L, MIAN CHANNU</t>
  </si>
  <si>
    <t>Chak 120/15 L</t>
  </si>
  <si>
    <t>Chak 120/15 L tehsel mian channu district khanewal</t>
  </si>
  <si>
    <t>Memoona Zafar</t>
  </si>
  <si>
    <t>GGPS 120/9-L NEAR DARBAR</t>
  </si>
  <si>
    <t>kamir</t>
  </si>
  <si>
    <t>120/9l</t>
  </si>
  <si>
    <t>Nasim Anwer</t>
  </si>
  <si>
    <t>GGPS 120/9-L NEW ABADI KAMEER</t>
  </si>
  <si>
    <t>KAMIR</t>
  </si>
  <si>
    <t>120 9/L Nai Abadi Kameer</t>
  </si>
  <si>
    <t>MUNICIPAL COMMITTEE KAMIR</t>
  </si>
  <si>
    <t>Zubaida Khalid</t>
  </si>
  <si>
    <t>GGPS 121/7-ER</t>
  </si>
  <si>
    <t>121/7-ER</t>
  </si>
  <si>
    <t>.chak.no121/7ER  TEH chichawtni district sahiwal</t>
  </si>
  <si>
    <t>121/7ER</t>
  </si>
  <si>
    <t>119/7dr</t>
  </si>
  <si>
    <t>GGPS 121/9-L</t>
  </si>
  <si>
    <t>121/9-L SAHIWAL</t>
  </si>
  <si>
    <t>CHAK NO 121/9-L KAMIR-A SAHIWAL</t>
  </si>
  <si>
    <t>153/9-L</t>
  </si>
  <si>
    <t>UMME SALMA</t>
  </si>
  <si>
    <t>GGPS 121/P</t>
  </si>
  <si>
    <t>GGPS121/P</t>
  </si>
  <si>
    <t>121/p</t>
  </si>
  <si>
    <t>GGPS 122 EB</t>
  </si>
  <si>
    <t>Govt girls primery school 122/EB Burewala</t>
  </si>
  <si>
    <t>122/EB Burewala</t>
  </si>
  <si>
    <t>Nasirah Bibi</t>
  </si>
  <si>
    <t>GGPS 122/1-L</t>
  </si>
  <si>
    <t>Bagho Bhar</t>
  </si>
  <si>
    <t>GGPS 122/1L bagho bhar</t>
  </si>
  <si>
    <t>122/1L</t>
  </si>
  <si>
    <t>Sahar Nafees</t>
  </si>
  <si>
    <t>GGPS 122/6-R (AB)</t>
  </si>
  <si>
    <t>Chak no 122 /6r ab</t>
  </si>
  <si>
    <t>122/6r ab</t>
  </si>
  <si>
    <t>101/6r</t>
  </si>
  <si>
    <t>GGPS 122/7-ER</t>
  </si>
  <si>
    <t>122/7er</t>
  </si>
  <si>
    <t>122/7er tehsil chichawtni district Sahiwal</t>
  </si>
  <si>
    <t>GGPS 122/9-L ADA KAMEER</t>
  </si>
  <si>
    <t>Chak No 122/9l</t>
  </si>
  <si>
    <t>GGPS 122/9l</t>
  </si>
  <si>
    <t>Chak No119/9l</t>
  </si>
  <si>
    <t>Rashida Latif</t>
  </si>
  <si>
    <t>GGPS 122/P</t>
  </si>
  <si>
    <t>Wah Fakiran</t>
  </si>
  <si>
    <t>chack 122p</t>
  </si>
  <si>
    <t>122p</t>
  </si>
  <si>
    <t>Nazia Ramzan</t>
  </si>
  <si>
    <t>GGPS 123 B</t>
  </si>
  <si>
    <t>wah kohna</t>
  </si>
  <si>
    <t>chak 123 p b</t>
  </si>
  <si>
    <t>123 P B</t>
  </si>
  <si>
    <t>Tahira naseem akhtar</t>
  </si>
  <si>
    <t>GGPS 123/7-ER BASTI DALOWAN, TULAMBA</t>
  </si>
  <si>
    <t>Koat Sikander</t>
  </si>
  <si>
    <t>123/7ER,P.O Box 124/7ER</t>
  </si>
  <si>
    <t>Basti Dulowan</t>
  </si>
  <si>
    <t>Zillay Rubab Sajid</t>
  </si>
  <si>
    <t>GGPS 123/P TIBBA</t>
  </si>
  <si>
    <t>Wah Faqreeran</t>
  </si>
  <si>
    <t>chak no 123 p tibba teh and disst rahim yar khan</t>
  </si>
  <si>
    <t>Chak No 123p Tibba</t>
  </si>
  <si>
    <t>Chak 114 P</t>
  </si>
  <si>
    <t>Aysha Siddiqa</t>
  </si>
  <si>
    <t>GGPS 124 WB</t>
  </si>
  <si>
    <t>124/Wb</t>
  </si>
  <si>
    <t>Madiha Mustafa</t>
  </si>
  <si>
    <t>GGPS 124/P B</t>
  </si>
  <si>
    <t>124/p</t>
  </si>
  <si>
    <t>chack 124/p post office 125/p</t>
  </si>
  <si>
    <t>sumaira rabbani</t>
  </si>
  <si>
    <t>GGPS 125  GARB</t>
  </si>
  <si>
    <t>125 GB</t>
  </si>
  <si>
    <t>GGPS125GB Jaranwala</t>
  </si>
  <si>
    <t>CHAK NO 125GB</t>
  </si>
  <si>
    <t>235GB</t>
  </si>
  <si>
    <t>Noor-ul-wara</t>
  </si>
  <si>
    <t>GGPS 125/15-L BAGH WALA, MIAN CHANNU</t>
  </si>
  <si>
    <t>125/15-L</t>
  </si>
  <si>
    <t>G.G.P.S 125/15-L baghwala</t>
  </si>
  <si>
    <t>131/15-L</t>
  </si>
  <si>
    <t>Samina Mehmood</t>
  </si>
  <si>
    <t>GGPS 125/1-L</t>
  </si>
  <si>
    <t>Bagho-baghar</t>
  </si>
  <si>
    <t>125 1.L</t>
  </si>
  <si>
    <t>125 1L</t>
  </si>
  <si>
    <t>Uzm a Naheed</t>
  </si>
  <si>
    <t>GGPS 125/6-R</t>
  </si>
  <si>
    <t>125/6r</t>
  </si>
  <si>
    <t>Govt girl primary school 125/6.R</t>
  </si>
  <si>
    <t>125/6R</t>
  </si>
  <si>
    <t>Munaza Perveen</t>
  </si>
  <si>
    <t>GGPS 125/9-L</t>
  </si>
  <si>
    <t>125/9-L</t>
  </si>
  <si>
    <t>chak no 125/9L</t>
  </si>
  <si>
    <t>125/9L</t>
  </si>
  <si>
    <t>Budh Dahko</t>
  </si>
  <si>
    <t>Manzooran Bibi</t>
  </si>
  <si>
    <t>GGPS 125/WB SOUTH</t>
  </si>
  <si>
    <t>125/wb</t>
  </si>
  <si>
    <t>chak no.125/wb</t>
  </si>
  <si>
    <t>sandhal</t>
  </si>
  <si>
    <t>Sughra Nasir</t>
  </si>
  <si>
    <t>GGPS 126 EB</t>
  </si>
  <si>
    <t>126/eb</t>
  </si>
  <si>
    <t>chak no 126/EB burewala</t>
  </si>
  <si>
    <t>Hafiza Javeria Muqaddas</t>
  </si>
  <si>
    <t>GGPS 126 WB</t>
  </si>
  <si>
    <t>126/Wb</t>
  </si>
  <si>
    <t>126/wb</t>
  </si>
  <si>
    <t>Zaherabad Saheed</t>
  </si>
  <si>
    <t>GGPS 126-4/15-L CHUBARA WALI, MIAN CHANNU</t>
  </si>
  <si>
    <t>Chak No126/15-l#4</t>
  </si>
  <si>
    <t>Chak No 126/15-l no 4 Teh Mian Channu Dist Khanewal</t>
  </si>
  <si>
    <t>Chak No 126/15-l#4</t>
  </si>
  <si>
    <t>Chak No 126/15-l#2</t>
  </si>
  <si>
    <t>Riffat Mukhtar</t>
  </si>
  <si>
    <t>GGPS 127/10-R, JAHANIAN</t>
  </si>
  <si>
    <t>Chak No 127/10R</t>
  </si>
  <si>
    <t>Ggps127/10R</t>
  </si>
  <si>
    <t>127/10R</t>
  </si>
  <si>
    <t>Shahida Rifat</t>
  </si>
  <si>
    <t>GGPS 127/9-L</t>
  </si>
  <si>
    <t>127/9l</t>
  </si>
  <si>
    <t>chak no 127/9l adda shabeel</t>
  </si>
  <si>
    <t>129/9l</t>
  </si>
  <si>
    <t>Farah Saeed</t>
  </si>
  <si>
    <t>GGPS 127/P</t>
  </si>
  <si>
    <t>Basti Bhorry Khan</t>
  </si>
  <si>
    <t>GGPS 127/P BASTI BHORRY KHAN</t>
  </si>
  <si>
    <t>Fozia Iqbal</t>
  </si>
  <si>
    <t>GGPS 128 TDA WARD NO. 6 CHOWK AZAM</t>
  </si>
  <si>
    <t>chk 128 ward no 6 chowk azam</t>
  </si>
  <si>
    <t>Rubina batool</t>
  </si>
  <si>
    <t>GGPS 128/15-L</t>
  </si>
  <si>
    <t>128/15-l</t>
  </si>
  <si>
    <t>chak # 128/15-l mian channu khanewal</t>
  </si>
  <si>
    <t>Gulnaz Kousar</t>
  </si>
  <si>
    <t>GGPS 129/9-L KALAN</t>
  </si>
  <si>
    <t>129/9-l</t>
  </si>
  <si>
    <t>g.g.p.s 129/9-l</t>
  </si>
  <si>
    <t>Zubia Ashraf</t>
  </si>
  <si>
    <t>GGPS 129/9-L KHURD</t>
  </si>
  <si>
    <t>chak # 129/9-l khurd sahiwal</t>
  </si>
  <si>
    <t>129/9-l Khurd</t>
  </si>
  <si>
    <t>GGPS 129/EB</t>
  </si>
  <si>
    <t>chak no 129/eb po 127/eb Arifwala</t>
  </si>
  <si>
    <t>129/EB</t>
  </si>
  <si>
    <t>GGPS 13 SP</t>
  </si>
  <si>
    <t>13/sp</t>
  </si>
  <si>
    <t>chak # 13 / sp</t>
  </si>
  <si>
    <t>17/ Sp</t>
  </si>
  <si>
    <t>Kousar Usman</t>
  </si>
  <si>
    <t>GGPS 13 WB (NEW)</t>
  </si>
  <si>
    <t>Kulalan</t>
  </si>
  <si>
    <t>Chak no13wb new vehari</t>
  </si>
  <si>
    <t>13wb</t>
  </si>
  <si>
    <t>75 Wb</t>
  </si>
  <si>
    <t>Zakia Bashir</t>
  </si>
  <si>
    <t>GGPS 13/4.L</t>
  </si>
  <si>
    <t>13/4l</t>
  </si>
  <si>
    <t>13/4l Okara</t>
  </si>
  <si>
    <t>Sajda Mansha</t>
  </si>
  <si>
    <t>GGPS 13/V, KABIRWALA</t>
  </si>
  <si>
    <t>13/v</t>
  </si>
  <si>
    <t>G.M.P.S 13/v tehsil kabirwala</t>
  </si>
  <si>
    <t>Kot Bahdar</t>
  </si>
  <si>
    <t>Surya Jabeen</t>
  </si>
  <si>
    <t>GGPS 130/P</t>
  </si>
  <si>
    <t>lunda</t>
  </si>
  <si>
    <t>ggps chak no 130p po chak no 148p teh sdk</t>
  </si>
  <si>
    <t>chak no 130p</t>
  </si>
  <si>
    <t>148 p</t>
  </si>
  <si>
    <t>Farkhanda Zafar</t>
  </si>
  <si>
    <t>GGPS 131 EB</t>
  </si>
  <si>
    <t>131/EB</t>
  </si>
  <si>
    <t>chak no 131/EB</t>
  </si>
  <si>
    <t>Moin Kot</t>
  </si>
  <si>
    <t>Aneela Muneer</t>
  </si>
  <si>
    <t>GGPS 131/9-L</t>
  </si>
  <si>
    <t>131/9L</t>
  </si>
  <si>
    <t>131/9Â£</t>
  </si>
  <si>
    <t>Asma Yousaf</t>
  </si>
  <si>
    <t>GGPS 131/WB</t>
  </si>
  <si>
    <t>Chak no 131/w.b Mailsi, Vehari</t>
  </si>
  <si>
    <t>131/wb</t>
  </si>
  <si>
    <t>Amara Batool</t>
  </si>
  <si>
    <t>GGPS 13-1AL</t>
  </si>
  <si>
    <t>13/1AL</t>
  </si>
  <si>
    <t>chak no 13/1AL Renala khurd</t>
  </si>
  <si>
    <t>13/1Al</t>
  </si>
  <si>
    <t>11/1AL</t>
  </si>
  <si>
    <t>Zaib-un-Nisa</t>
  </si>
  <si>
    <t>GGPS 132/1-L</t>
  </si>
  <si>
    <t>132/1L</t>
  </si>
  <si>
    <t>Robina Nazia</t>
  </si>
  <si>
    <t>GGPS 132/M PUL ARIAN MINER B</t>
  </si>
  <si>
    <t>Chk No 132m Pul Arien Miner</t>
  </si>
  <si>
    <t>chk no 132m p/o 134m thseil chishtian zila bhawalnagar</t>
  </si>
  <si>
    <t>Chk No 134m</t>
  </si>
  <si>
    <t>GGPS 133/16-L, MIAN CHANNU</t>
  </si>
  <si>
    <t>chak no 133/16_L</t>
  </si>
  <si>
    <t>CHAK NO 133/16 L</t>
  </si>
  <si>
    <t>Sana Latif</t>
  </si>
  <si>
    <t>GGPS 133/6-R W</t>
  </si>
  <si>
    <t>133/6-R</t>
  </si>
  <si>
    <t>133/6r p/o132/6r teh HND distt BWN</t>
  </si>
  <si>
    <t>Nadia Yasmim</t>
  </si>
  <si>
    <t>GGPS 134 EB</t>
  </si>
  <si>
    <t>Chak #134/EB</t>
  </si>
  <si>
    <t>chak#134/E.B burewala</t>
  </si>
  <si>
    <t>Chak#134/EB</t>
  </si>
  <si>
    <t>Chak#128/EB</t>
  </si>
  <si>
    <t>Tehmina Tabassum</t>
  </si>
  <si>
    <t>GGPS 134 EB HIMAT PURA</t>
  </si>
  <si>
    <t>134/EB himatpura</t>
  </si>
  <si>
    <t>chak no 134/EB himatpura Tehsil Burewala Dist. Vehari</t>
  </si>
  <si>
    <t>134/EB</t>
  </si>
  <si>
    <t>GGPS 134/10-R, JAHANIAN</t>
  </si>
  <si>
    <t>Thatha  Sadiq  Abad</t>
  </si>
  <si>
    <t>134 /10_R</t>
  </si>
  <si>
    <t>134/10R</t>
  </si>
  <si>
    <t>Munirah Sohail</t>
  </si>
  <si>
    <t>GGPS 134/P</t>
  </si>
  <si>
    <t>134 / p</t>
  </si>
  <si>
    <t>govt girls primary school chak no 134 / p</t>
  </si>
  <si>
    <t>Chak 134 / p</t>
  </si>
  <si>
    <t>92 / p</t>
  </si>
  <si>
    <t>GGPS 135/10-R JADEED, JAHANIAN</t>
  </si>
  <si>
    <t>Chak 135/10-R</t>
  </si>
  <si>
    <t>Chak 135/10-R(J)Jahania khanewal</t>
  </si>
  <si>
    <t>Thatta Sadiqabad</t>
  </si>
  <si>
    <t>Vectoria Shazia</t>
  </si>
  <si>
    <t>GGPS 135/16-L, P/O 135/16-L STUNZABAD, MIAN CHANNU</t>
  </si>
  <si>
    <t>Chak no 135/16-L , P/O 135/16-L Stuntzabad , Mian Channu district khanewal</t>
  </si>
  <si>
    <t>Nasreen Fozia</t>
  </si>
  <si>
    <t>GGPS 135/EB</t>
  </si>
  <si>
    <t>135/EB</t>
  </si>
  <si>
    <t>135/EB tehsil arif wala district pakpattan. poBox same</t>
  </si>
  <si>
    <t>135/EB Tehsil Arifwala District Pakpattan</t>
  </si>
  <si>
    <t>GGPS 135-A/9-L</t>
  </si>
  <si>
    <t>135a/9L</t>
  </si>
  <si>
    <t>chak no. 135a/9L Sahiwal</t>
  </si>
  <si>
    <t>135A/9L Sahiwal</t>
  </si>
  <si>
    <t>Zikria Bano</t>
  </si>
  <si>
    <t>GGPS 136 EB</t>
  </si>
  <si>
    <t>Chak 136 EB</t>
  </si>
  <si>
    <t>Chak 136 EB Burewala District Vehari</t>
  </si>
  <si>
    <t>Chak 128 EB</t>
  </si>
  <si>
    <t>GGPS 136/6-R</t>
  </si>
  <si>
    <t>136/6R</t>
  </si>
  <si>
    <t>Chak #136/6r</t>
  </si>
  <si>
    <t>136/6r</t>
  </si>
  <si>
    <t>142/6r</t>
  </si>
  <si>
    <t>Farhat  Parveen DO  Ghulam  Mustafa</t>
  </si>
  <si>
    <t>GGPS 136/9-L</t>
  </si>
  <si>
    <t>136/9L</t>
  </si>
  <si>
    <t>H#156 Ali masjid gulistan road sahiwal</t>
  </si>
  <si>
    <t>136 9L</t>
  </si>
  <si>
    <t>Farzana Azhar</t>
  </si>
  <si>
    <t>GGPS 136/P FAIZ COLONY</t>
  </si>
  <si>
    <t>ghosia sultania town street 4</t>
  </si>
  <si>
    <t>Faiz Colony</t>
  </si>
  <si>
    <t>MC CITY SADIQABAD</t>
  </si>
  <si>
    <t>Syeda Farhat Naz</t>
  </si>
  <si>
    <t>GGPS 137 EB PO 127 EB</t>
  </si>
  <si>
    <t>chak no 137 e.b adda moin kot thana ahmad yar Teh. arifwala disst. Pakpattan</t>
  </si>
  <si>
    <t>137 E B</t>
  </si>
  <si>
    <t>137 Moin Kot</t>
  </si>
  <si>
    <t>FARHET YASMEEN</t>
  </si>
  <si>
    <t>GGPS 137/9-L</t>
  </si>
  <si>
    <t>chak no 137/9L sahiwal</t>
  </si>
  <si>
    <t>137/9L</t>
  </si>
  <si>
    <t>Aleena Maheen</t>
  </si>
  <si>
    <t>GGPS 138/9-L EHSAN ABAD</t>
  </si>
  <si>
    <t>138/9L Ahsan Abad</t>
  </si>
  <si>
    <t>chak number 138/9L Ahsan abad</t>
  </si>
  <si>
    <t>138/9lL Ahsan Abad</t>
  </si>
  <si>
    <t>138/9L Old</t>
  </si>
  <si>
    <t>Hafiza Layala Mariam</t>
  </si>
  <si>
    <t>GGPS 138/9-L LATAN</t>
  </si>
  <si>
    <t>Lattan</t>
  </si>
  <si>
    <t>138/9-l Lattan ,Sahiwal</t>
  </si>
  <si>
    <t>138/9-l Lattan</t>
  </si>
  <si>
    <t>138/9l Old</t>
  </si>
  <si>
    <t>Abida Kasour</t>
  </si>
  <si>
    <t>GGPS 138/P</t>
  </si>
  <si>
    <t>138 PBP/O 136p</t>
  </si>
  <si>
    <t>GGPS138PB (P/O) 136P Rahim  yar khan</t>
  </si>
  <si>
    <t>138 PB</t>
  </si>
  <si>
    <t>92p</t>
  </si>
  <si>
    <t>GGPS 139/10-R QADEEM, JAHANIAN</t>
  </si>
  <si>
    <t>Khow Awan Wala</t>
  </si>
  <si>
    <t>139/10r</t>
  </si>
  <si>
    <t>139/10r Old</t>
  </si>
  <si>
    <t>138/10 R</t>
  </si>
  <si>
    <t>Saima Shaheen</t>
  </si>
  <si>
    <t>GGPS 14 MR MULTAN P/O 14 MR</t>
  </si>
  <si>
    <t>Khan Pur MARAL</t>
  </si>
  <si>
    <t>chak 14 MR</t>
  </si>
  <si>
    <t>Chak 14MR</t>
  </si>
  <si>
    <t>GGPS 14 WB BASTI LAL KHAN</t>
  </si>
  <si>
    <t>14/wb Basti Lal</t>
  </si>
  <si>
    <t>14/wb basti lal khan</t>
  </si>
  <si>
    <t>16/wb</t>
  </si>
  <si>
    <t>Yasmin Yaqoob</t>
  </si>
  <si>
    <t>GGPS 14/1.R</t>
  </si>
  <si>
    <t>Chak no 14/1.R</t>
  </si>
  <si>
    <t>14/1R</t>
  </si>
  <si>
    <t>IRUM SHAHEEN</t>
  </si>
  <si>
    <t>GGPS 1-4/MPR</t>
  </si>
  <si>
    <t>chack no 1_4/mpr</t>
  </si>
  <si>
    <t>1-4/MPR</t>
  </si>
  <si>
    <t>Naila Nazar</t>
  </si>
  <si>
    <t>GGPS 14/V, KABIRWALA</t>
  </si>
  <si>
    <t>14 V</t>
  </si>
  <si>
    <t>chak no 14_v kabirwala</t>
  </si>
  <si>
    <t>Chak No 14v</t>
  </si>
  <si>
    <t>Seema Jamil</t>
  </si>
  <si>
    <t>GGPS 141 EB TEH ARIFWALA</t>
  </si>
  <si>
    <t>Chak No 141/EB</t>
  </si>
  <si>
    <t>Chak No 141/E.B Teh. Arifwala  District  Pakpattan</t>
  </si>
  <si>
    <t>Chak No 151/EB</t>
  </si>
  <si>
    <t>Khalida Saeed</t>
  </si>
  <si>
    <t>GGPS 141/P</t>
  </si>
  <si>
    <t>141p</t>
  </si>
  <si>
    <t>ggps 141/p</t>
  </si>
  <si>
    <t>141/p</t>
  </si>
  <si>
    <t>GGPS 142 /WB</t>
  </si>
  <si>
    <t>142/Wb</t>
  </si>
  <si>
    <t>chak#142/wb</t>
  </si>
  <si>
    <t>Zareena Bi Bi</t>
  </si>
  <si>
    <t>GGPS 142/M-A</t>
  </si>
  <si>
    <t>Hasilpur Markaz</t>
  </si>
  <si>
    <t>Chak No 142M.A Tehsil Hasil Pur Distt Bwp</t>
  </si>
  <si>
    <t>Chak 142M-A</t>
  </si>
  <si>
    <t>188M</t>
  </si>
  <si>
    <t>Sumaira Yaqoob</t>
  </si>
  <si>
    <t>GGPS 143 EB</t>
  </si>
  <si>
    <t>143/e B</t>
  </si>
  <si>
    <t>chak no 143/eb</t>
  </si>
  <si>
    <t>143/eb</t>
  </si>
  <si>
    <t>147/eb</t>
  </si>
  <si>
    <t>GGPS 143/6-R</t>
  </si>
  <si>
    <t>143/6r</t>
  </si>
  <si>
    <t>chak no 143/6 r</t>
  </si>
  <si>
    <t>143/6 r</t>
  </si>
  <si>
    <t>Sadia Tehreem</t>
  </si>
  <si>
    <t>GGPS 144 WB</t>
  </si>
  <si>
    <t>144/wb</t>
  </si>
  <si>
    <t>144/w.b</t>
  </si>
  <si>
    <t>Saima iqbal</t>
  </si>
  <si>
    <t>GGPS 146/9-L</t>
  </si>
  <si>
    <t>146 9L</t>
  </si>
  <si>
    <t>Chak # 146  9L Tehsil Chichawatni Dist.Sahiwal</t>
  </si>
  <si>
    <t>147 9L</t>
  </si>
  <si>
    <t>Munaza Ismail</t>
  </si>
  <si>
    <t>GGPS 146/EB</t>
  </si>
  <si>
    <t>146 EB</t>
  </si>
  <si>
    <t>146 EB 2 laat</t>
  </si>
  <si>
    <t>Sadaf Boota</t>
  </si>
  <si>
    <t>GGPS 147 P</t>
  </si>
  <si>
    <t>ch  no 147 p  tehsil  sadiqabad</t>
  </si>
  <si>
    <t>147 P</t>
  </si>
  <si>
    <t>GGPS 147/9-L</t>
  </si>
  <si>
    <t>Chak no147/9L Tehsil Chichawatni district sahiwal</t>
  </si>
  <si>
    <t>Ambreen Ashraf</t>
  </si>
  <si>
    <t>GGPS 148/10-R, JAHANIAN</t>
  </si>
  <si>
    <t>Govt Girls Primary School 148/10R sarwar abad</t>
  </si>
  <si>
    <t>148/10R Sarwar Abad</t>
  </si>
  <si>
    <t>149/10R</t>
  </si>
  <si>
    <t>Hafiza Maryam</t>
  </si>
  <si>
    <t>GGPS 148/6-R</t>
  </si>
  <si>
    <t>148/6-R</t>
  </si>
  <si>
    <t>148/6r.HN D.   BWN.</t>
  </si>
  <si>
    <t>Nagina Kousar</t>
  </si>
  <si>
    <t>GGPS 148/EB</t>
  </si>
  <si>
    <t>chak # 148/EB</t>
  </si>
  <si>
    <t>Shala  Wazir</t>
  </si>
  <si>
    <t>GGPS 149/10-R, JAHANIAN</t>
  </si>
  <si>
    <t>149/10-R</t>
  </si>
  <si>
    <t>Govt. Girls Primary School chak no 149/10-R</t>
  </si>
  <si>
    <t>Nighat Sarfraz</t>
  </si>
  <si>
    <t>GGPS 149/6-R (E)</t>
  </si>
  <si>
    <t>149/6r</t>
  </si>
  <si>
    <t>Chak#149/6r east mianwala bngla haroon abad</t>
  </si>
  <si>
    <t>Sajida Naveed Aslam</t>
  </si>
  <si>
    <t>GGPS 149/6-R (W)</t>
  </si>
  <si>
    <t>Chak no 149/6-r W</t>
  </si>
  <si>
    <t>chak no 149/6-r The HND District BWN</t>
  </si>
  <si>
    <t>Chak no149 /6-r W</t>
  </si>
  <si>
    <t>Chak no 98/6-r</t>
  </si>
  <si>
    <t>GGPS 149/P JADEED SADIQABAD</t>
  </si>
  <si>
    <t>birthala</t>
  </si>
  <si>
    <t>basti doctor chak 149/p</t>
  </si>
  <si>
    <t>Basti doctor</t>
  </si>
  <si>
    <t>adam sohaba</t>
  </si>
  <si>
    <t>GGPS 149/P QADEEM SADIQABAD</t>
  </si>
  <si>
    <t>Adam Sohaba</t>
  </si>
  <si>
    <t>149/p qadeem sadiq abad district rahim yar khan</t>
  </si>
  <si>
    <t>149/p</t>
  </si>
  <si>
    <t>GGPS 149/WB</t>
  </si>
  <si>
    <t>149/wb</t>
  </si>
  <si>
    <t>Chak no 149/w.b Tehsil mailsi</t>
  </si>
  <si>
    <t>Kiran Shamim</t>
  </si>
  <si>
    <t>GGPS 15 MR P/O 15/MR MULTAN</t>
  </si>
  <si>
    <t>15mr</t>
  </si>
  <si>
    <t>GGPS chak 15mr</t>
  </si>
  <si>
    <t>Rid</t>
  </si>
  <si>
    <t>Saba Prem</t>
  </si>
  <si>
    <t>GGPS 15/14-L</t>
  </si>
  <si>
    <t>15/14L</t>
  </si>
  <si>
    <t>15/14.L qawatar farm Tehsil chichawatni District Sahiwal</t>
  </si>
  <si>
    <t>Qavatar Farm</t>
  </si>
  <si>
    <t>7/14L</t>
  </si>
  <si>
    <t>Goshi Sultana</t>
  </si>
  <si>
    <t>GGPS 15/4.L</t>
  </si>
  <si>
    <t>15/4L</t>
  </si>
  <si>
    <t>Najma Zareen</t>
  </si>
  <si>
    <t>GGPS 15/8-R TANKI WALA, P/O 7/9-R HANOMAN GHAR, KACHA KHUH</t>
  </si>
  <si>
    <t>15/8rtw</t>
  </si>
  <si>
    <t>15/8r tw</t>
  </si>
  <si>
    <t>14/8r</t>
  </si>
  <si>
    <t>GGPS 15/BC BWP SADDAR</t>
  </si>
  <si>
    <t>15/bc Sharqi</t>
  </si>
  <si>
    <t>chak no 15/bc</t>
  </si>
  <si>
    <t>Chak No 15/bc</t>
  </si>
  <si>
    <t>Nosheen Zubair</t>
  </si>
  <si>
    <t>GGPS 150 EB NEW</t>
  </si>
  <si>
    <t>150eb New</t>
  </si>
  <si>
    <t>chak no 150 eb New burewala</t>
  </si>
  <si>
    <t>Gulshan Fatima</t>
  </si>
  <si>
    <t>GGPS 150/10-R, JAHANIAN</t>
  </si>
  <si>
    <t>150/10-R</t>
  </si>
  <si>
    <t>Govt Girls Primary School Chak#150/10-R</t>
  </si>
  <si>
    <t>Sajida Muhammad Din</t>
  </si>
  <si>
    <t>GGPS 151 EB PO DILLOW WALA ARIFWALA</t>
  </si>
  <si>
    <t>chak no 151/eb</t>
  </si>
  <si>
    <t>GGPS 151/2-L</t>
  </si>
  <si>
    <t>Chak No 151/2L</t>
  </si>
  <si>
    <t>GG primary school 151/2L</t>
  </si>
  <si>
    <t>Rehana Shahnaz</t>
  </si>
  <si>
    <t>GGPS 151/9-L</t>
  </si>
  <si>
    <t>151/9-L</t>
  </si>
  <si>
    <t>Ã§hak No151/9-L Sahiwal</t>
  </si>
  <si>
    <t>150/9-L</t>
  </si>
  <si>
    <t>Farzana  Rasheed</t>
  </si>
  <si>
    <t>GGPS 152/10-R, JAHANIAN</t>
  </si>
  <si>
    <t>chak no 152/10-R</t>
  </si>
  <si>
    <t>152/10-R</t>
  </si>
  <si>
    <t>174/10-R</t>
  </si>
  <si>
    <t>Iqra Samreen</t>
  </si>
  <si>
    <t>GGPS 152/EB</t>
  </si>
  <si>
    <t>152 EB</t>
  </si>
  <si>
    <t>GGPS 153/10-R JADEED , JAHANIAN</t>
  </si>
  <si>
    <t>Basti Arayan</t>
  </si>
  <si>
    <t>GGPS 153/10 R Jadeed Jahania</t>
  </si>
  <si>
    <t>153/10 R</t>
  </si>
  <si>
    <t>157/10 R</t>
  </si>
  <si>
    <t>GGPS 153/9-L</t>
  </si>
  <si>
    <t>Nazish Ashfaq</t>
  </si>
  <si>
    <t>GGPS 154/10-R, JAHANIAN</t>
  </si>
  <si>
    <t>154/10r</t>
  </si>
  <si>
    <t>GGPS 154/3-L SHARQI</t>
  </si>
  <si>
    <t>154 /3L East</t>
  </si>
  <si>
    <t>G.G.P . S154 3/L east</t>
  </si>
  <si>
    <t>154 3/L East</t>
  </si>
  <si>
    <t>152 /2L</t>
  </si>
  <si>
    <t>Kousar Malik</t>
  </si>
  <si>
    <t>GGPS 155/9-L</t>
  </si>
  <si>
    <t>155/ 9L</t>
  </si>
  <si>
    <t>155/ 9.L</t>
  </si>
  <si>
    <t>155/9L</t>
  </si>
  <si>
    <t>153/9 L</t>
  </si>
  <si>
    <t>Hafiza Abida Perveen</t>
  </si>
  <si>
    <t>GGPS 156 WB</t>
  </si>
  <si>
    <t>Chak No 156/WB</t>
  </si>
  <si>
    <t>chak no 156 /WB</t>
  </si>
  <si>
    <t>Chak No 156/Wb</t>
  </si>
  <si>
    <t>Sara Iqbal</t>
  </si>
  <si>
    <t>GGPS 157/10-R, JAHANIAN</t>
  </si>
  <si>
    <t>Chak No157/10R</t>
  </si>
  <si>
    <t>POBoÃ—Jungle  Maryala Chak no157-10R</t>
  </si>
  <si>
    <t>Chak No157-10R</t>
  </si>
  <si>
    <t>Chak No 157/10R</t>
  </si>
  <si>
    <t>Shahnaz Baby</t>
  </si>
  <si>
    <t>GGPS 157/9-L</t>
  </si>
  <si>
    <t>157/9-L</t>
  </si>
  <si>
    <t>chak # 157/9-l</t>
  </si>
  <si>
    <t>chak #157/9-l</t>
  </si>
  <si>
    <t>153/9-l</t>
  </si>
  <si>
    <t>Tammat Nasir</t>
  </si>
  <si>
    <t>GGPS 158/9-L</t>
  </si>
  <si>
    <t>158/9-l</t>
  </si>
  <si>
    <t>Bushra Maqbool</t>
  </si>
  <si>
    <t>GGPS 15-8/R AYUB HERAJ, KACHA KHUH</t>
  </si>
  <si>
    <t>Bastion Ayoob Haraj</t>
  </si>
  <si>
    <t>15/8/r A.H</t>
  </si>
  <si>
    <t>15-8-r A-H</t>
  </si>
  <si>
    <t>14/8/r</t>
  </si>
  <si>
    <t>GGPS 159/10-R JADEED, JAHANIAN</t>
  </si>
  <si>
    <t>159/10R</t>
  </si>
  <si>
    <t>chak no159/10r jahanian khanewal</t>
  </si>
  <si>
    <t>159/10r</t>
  </si>
  <si>
    <t>160/10r</t>
  </si>
  <si>
    <t>Shagufta Kousar</t>
  </si>
  <si>
    <t>GGPS 159/9-L</t>
  </si>
  <si>
    <t>159/9 L</t>
  </si>
  <si>
    <t>ggps 159/9 L</t>
  </si>
  <si>
    <t>162/9 L</t>
  </si>
  <si>
    <t>GGPS 15-KB WEST</t>
  </si>
  <si>
    <t>15kb West</t>
  </si>
  <si>
    <t>15kb post office pir sader din pakpattan</t>
  </si>
  <si>
    <t>15 Kb West</t>
  </si>
  <si>
    <t>Arshan Begum</t>
  </si>
  <si>
    <t>GGPS 16 SP</t>
  </si>
  <si>
    <t>16sp</t>
  </si>
  <si>
    <t>GGPS16sp near rakh pul</t>
  </si>
  <si>
    <t>17sp</t>
  </si>
  <si>
    <t>shahida perveen</t>
  </si>
  <si>
    <t>GGPS 16 WB</t>
  </si>
  <si>
    <t>Rafia Khaliq</t>
  </si>
  <si>
    <t>GGPS 16/1-R</t>
  </si>
  <si>
    <t>16/1R</t>
  </si>
  <si>
    <t>Chak No 16/1R Haroon abad Bahawalnagar</t>
  </si>
  <si>
    <t>20/3R</t>
  </si>
  <si>
    <t>KANEEZ BATOOL</t>
  </si>
  <si>
    <t>GGPS 16/69</t>
  </si>
  <si>
    <t>Chak 16/69</t>
  </si>
  <si>
    <t>Chak No 16/69 Markaz Syedwala Nns</t>
  </si>
  <si>
    <t>Chak No 16/69</t>
  </si>
  <si>
    <t>Noor Fatima</t>
  </si>
  <si>
    <t>GGPS 16/8-R NO.1 TULAMBA</t>
  </si>
  <si>
    <t>63/8-R</t>
  </si>
  <si>
    <t>GGPS 16/8R No 1   Tulamba tehsil  Mian Channu  khanewal</t>
  </si>
  <si>
    <t>16/8-R</t>
  </si>
  <si>
    <t>GGPS 16/8-R NO.2 TULAMBA</t>
  </si>
  <si>
    <t>16/8R No2</t>
  </si>
  <si>
    <t>ggps16/8R no.2 tulamba</t>
  </si>
  <si>
    <t>16/8R</t>
  </si>
  <si>
    <t>Rizwana Riaz</t>
  </si>
  <si>
    <t>GGPS 16/9-R, KACHA KHUH</t>
  </si>
  <si>
    <t>16/9 R</t>
  </si>
  <si>
    <t>GGPS 16/9-R KACHA KAHUH  KHANEWAL</t>
  </si>
  <si>
    <t>VILLAGE  16/9-R KACHA KHUH</t>
  </si>
  <si>
    <t>Huma Batool</t>
  </si>
  <si>
    <t>GGPS 160 WB</t>
  </si>
  <si>
    <t>160wb Foujianwala</t>
  </si>
  <si>
    <t>160/w.b,tehsil melsi destric vehari</t>
  </si>
  <si>
    <t>160/wb Foujianwala</t>
  </si>
  <si>
    <t>GGPS 160-A/10-R, JAHANIAN</t>
  </si>
  <si>
    <t>160A/10R</t>
  </si>
  <si>
    <t>GGPS160A/10-R</t>
  </si>
  <si>
    <t>Chk#160A/10-R</t>
  </si>
  <si>
    <t>160A/10-R</t>
  </si>
  <si>
    <t>GGPS 161/10-R, KHANEWAL</t>
  </si>
  <si>
    <t>MEHAR SHAH</t>
  </si>
  <si>
    <t>CHAK NO.161/10-R MEHAR SHAH KHANEWAL</t>
  </si>
  <si>
    <t>161/10-R</t>
  </si>
  <si>
    <t>Ferhana Yasmeen</t>
  </si>
  <si>
    <t>GGPS 161/9-L</t>
  </si>
  <si>
    <t>161/9L</t>
  </si>
  <si>
    <t>chak No 161 / 9 L</t>
  </si>
  <si>
    <t>Uzma Riasat</t>
  </si>
  <si>
    <t>GGPS 161/P</t>
  </si>
  <si>
    <t>161p</t>
  </si>
  <si>
    <t>chak no 161p manthar road</t>
  </si>
  <si>
    <t>160p</t>
  </si>
  <si>
    <t>GGPS 162 EB</t>
  </si>
  <si>
    <t>162EB</t>
  </si>
  <si>
    <t>chak no 162EB tehsil&amp;district vehari</t>
  </si>
  <si>
    <t>166EB</t>
  </si>
  <si>
    <t>Saba Amin</t>
  </si>
  <si>
    <t>GGPS 162/9-L CHUKIAN</t>
  </si>
  <si>
    <t>162/9l C</t>
  </si>
  <si>
    <t>162/9l c</t>
  </si>
  <si>
    <t>162/9l  C</t>
  </si>
  <si>
    <t>162/9l F</t>
  </si>
  <si>
    <t>Shazia batool</t>
  </si>
  <si>
    <t>GGPS 162/9-L FUJIAN WALA</t>
  </si>
  <si>
    <t>1629l</t>
  </si>
  <si>
    <t>ggps162.9L f chichawatni distic sahiwal</t>
  </si>
  <si>
    <t>1629L F</t>
  </si>
  <si>
    <t>Naila Noreen</t>
  </si>
  <si>
    <t>GGPS 162P</t>
  </si>
  <si>
    <t>Seena Wad</t>
  </si>
  <si>
    <t>GGPS chk no 162p dak khana mnthar</t>
  </si>
  <si>
    <t>162p</t>
  </si>
  <si>
    <t>GGPS 163/9-L OLD ABADI</t>
  </si>
  <si>
    <t>Old Abdi</t>
  </si>
  <si>
    <t>163/9l old abbadi</t>
  </si>
  <si>
    <t>163 9L OLd Abdi</t>
  </si>
  <si>
    <t>GGPS 163/P</t>
  </si>
  <si>
    <t>163p</t>
  </si>
  <si>
    <t>ggps163p m.khan postel address</t>
  </si>
  <si>
    <t>GGPS 163-A/9-L</t>
  </si>
  <si>
    <t>163A /9L</t>
  </si>
  <si>
    <t>163A/9L</t>
  </si>
  <si>
    <t>KALSOOM ZOHRA</t>
  </si>
  <si>
    <t>GGPS 164/7-R AB WEST</t>
  </si>
  <si>
    <t>Chak No 164/7R</t>
  </si>
  <si>
    <t>chak no 164/7R AB</t>
  </si>
  <si>
    <t>Shabana Nazli</t>
  </si>
  <si>
    <t>GGPS 164/9-L</t>
  </si>
  <si>
    <t>164/9L</t>
  </si>
  <si>
    <t>Chak# 164/9-L</t>
  </si>
  <si>
    <t>164/9l</t>
  </si>
  <si>
    <t>GGPS 165 WB</t>
  </si>
  <si>
    <t>165wb</t>
  </si>
  <si>
    <t>165wb Adda ghulam Hussain</t>
  </si>
  <si>
    <t>Shitab Garh</t>
  </si>
  <si>
    <t>GGPS 165/P</t>
  </si>
  <si>
    <t>ADAM SOHABA - FEMALE</t>
  </si>
  <si>
    <t>Goth Jorah</t>
  </si>
  <si>
    <t>chak no.165/p sadiq abad</t>
  </si>
  <si>
    <t>Chak No165/p</t>
  </si>
  <si>
    <t>D-4</t>
  </si>
  <si>
    <t>Sajida Mussarat</t>
  </si>
  <si>
    <t>GGPS 166 WB</t>
  </si>
  <si>
    <t>166wb old</t>
  </si>
  <si>
    <t>chak 158 wb</t>
  </si>
  <si>
    <t>GGPS 166/10-R, KHANEWAL</t>
  </si>
  <si>
    <t>chak 166/10  New kWl</t>
  </si>
  <si>
    <t>166/10r New</t>
  </si>
  <si>
    <t>166/10r</t>
  </si>
  <si>
    <t>Allah Rakhi</t>
  </si>
  <si>
    <t>GGPS 166/P</t>
  </si>
  <si>
    <t>Chak 166/p</t>
  </si>
  <si>
    <t>Chak 166/p mohalla green town sadik abad</t>
  </si>
  <si>
    <t>Shahina Kausar</t>
  </si>
  <si>
    <t>nearby water plant</t>
  </si>
  <si>
    <t>GGPS 167/9-L</t>
  </si>
  <si>
    <t>167/9l</t>
  </si>
  <si>
    <t>chack no 167/9l teh cci dist sahiwal</t>
  </si>
  <si>
    <t>168/9l</t>
  </si>
  <si>
    <t>GGPS 168 WB</t>
  </si>
  <si>
    <t>168/wb</t>
  </si>
  <si>
    <t>158/wb</t>
  </si>
  <si>
    <t>irram zaman</t>
  </si>
  <si>
    <t>GGPS 169/10-R, 169/10-R JADEED, KHANEWAL</t>
  </si>
  <si>
    <t>169/10-R Jadeed</t>
  </si>
  <si>
    <t>chak#169/10R Jadeed</t>
  </si>
  <si>
    <t>169/10R Jadeed</t>
  </si>
  <si>
    <t>170/10r</t>
  </si>
  <si>
    <t>Saliha Mubeen</t>
  </si>
  <si>
    <t>GGPS 169/M BASTI P.P</t>
  </si>
  <si>
    <t>Muslimtown Chak No 169/M PP</t>
  </si>
  <si>
    <t>Muslim town Chak no 169/M P.P</t>
  </si>
  <si>
    <t>Chak No 169/ M PP</t>
  </si>
  <si>
    <t>Chak No 169/M PP</t>
  </si>
  <si>
    <t>GGPS 169/P TIBBA</t>
  </si>
  <si>
    <t>Chak 169/p</t>
  </si>
  <si>
    <t>Tibba 169/p</t>
  </si>
  <si>
    <t>Rukhsana Shahid</t>
  </si>
  <si>
    <t>GGPS 17 EB</t>
  </si>
  <si>
    <t>Chak No 17eb</t>
  </si>
  <si>
    <t>chak no 17 eb teh arif wala distt ppn</t>
  </si>
  <si>
    <t>Chak No17 EB</t>
  </si>
  <si>
    <t>Chak No13 EB</t>
  </si>
  <si>
    <t>GGPS 17 KB MERKAZ QABOOLA</t>
  </si>
  <si>
    <t>17kb</t>
  </si>
  <si>
    <t>17kb Thesil Arifwala Distt Pakpattan</t>
  </si>
  <si>
    <t>17KB</t>
  </si>
  <si>
    <t>18kb</t>
  </si>
  <si>
    <t>Aisha Ghufar</t>
  </si>
  <si>
    <t>GGPS 17/14-L</t>
  </si>
  <si>
    <t>17 /14 L</t>
  </si>
  <si>
    <t>GGPS 17/14 L</t>
  </si>
  <si>
    <t>17/14 L</t>
  </si>
  <si>
    <t>Mahmooda Tasnim</t>
  </si>
  <si>
    <t>GGPS 17/8-R, TULAMBA</t>
  </si>
  <si>
    <t>17 8/R</t>
  </si>
  <si>
    <t>17 8/r</t>
  </si>
  <si>
    <t>3/8 AR</t>
  </si>
  <si>
    <t>GGPS 17/M</t>
  </si>
  <si>
    <t>CHAK NO 17/M</t>
  </si>
  <si>
    <t>CHAK NO 11/M</t>
  </si>
  <si>
    <t>GGPS 170 WB</t>
  </si>
  <si>
    <t>chak no. 170/wb</t>
  </si>
  <si>
    <t>170/wb</t>
  </si>
  <si>
    <t>Misbah Saher</t>
  </si>
  <si>
    <t>GGPS 17-1L</t>
  </si>
  <si>
    <t>17/1-L</t>
  </si>
  <si>
    <t>17/1L</t>
  </si>
  <si>
    <t>Saima tahira</t>
  </si>
  <si>
    <t>GGPS 172/GB II</t>
  </si>
  <si>
    <t>Chhajwal</t>
  </si>
  <si>
    <t>Chak No.172 GB New Chhajwal Post Office Same Tehsil Samundri District Faisalabad.</t>
  </si>
  <si>
    <t>Kutruwal</t>
  </si>
  <si>
    <t>GGPS 173/WB</t>
  </si>
  <si>
    <t>chak no 173wb post office mitru</t>
  </si>
  <si>
    <t>173wb</t>
  </si>
  <si>
    <t>MITRU</t>
  </si>
  <si>
    <t>GGPS 174/10-R CHRISTIAN, JAHANIAN</t>
  </si>
  <si>
    <t>174/10 R</t>
  </si>
  <si>
    <t>chak no 174/10 R post office chak no 173/10 R tehsil jahanian district khanewal</t>
  </si>
  <si>
    <t>174/10 R Christian</t>
  </si>
  <si>
    <t>Farah naz</t>
  </si>
  <si>
    <t>GGPS 174/9-L BANGLA SHERWALA</t>
  </si>
  <si>
    <t>174/9L</t>
  </si>
  <si>
    <t>GGPS 174/9.l Bangla sherwala</t>
  </si>
  <si>
    <t>Anwar Perveen</t>
  </si>
  <si>
    <t>GGPS 174-75/9-L</t>
  </si>
  <si>
    <t>174-75/9-L</t>
  </si>
  <si>
    <t>ggps174-75/9-L</t>
  </si>
  <si>
    <t>162/9-L</t>
  </si>
  <si>
    <t>Ushna Asif</t>
  </si>
  <si>
    <t>GGPS 175/9-L</t>
  </si>
  <si>
    <t>175/9L</t>
  </si>
  <si>
    <t>chak no 175/9L</t>
  </si>
  <si>
    <t>Farukh Riaz</t>
  </si>
  <si>
    <t>GGPS 175/9-L SULMAN WALA</t>
  </si>
  <si>
    <t>175/9l Sulman Wala</t>
  </si>
  <si>
    <t>chak no 175/9l</t>
  </si>
  <si>
    <t>175/9l</t>
  </si>
  <si>
    <t>Zakia Ashraf</t>
  </si>
  <si>
    <t>GGPS 176 EB</t>
  </si>
  <si>
    <t>Chak No. 176/EB</t>
  </si>
  <si>
    <t>chak no.176/EB vehari</t>
  </si>
  <si>
    <t>176/EB</t>
  </si>
  <si>
    <t>Nida Mumtaz</t>
  </si>
  <si>
    <t>GGPS 176/9-L NEW</t>
  </si>
  <si>
    <t>176/9L New</t>
  </si>
  <si>
    <t>176/9L new</t>
  </si>
  <si>
    <t>Safia Naheed</t>
  </si>
  <si>
    <t>GGPS 177/9-L</t>
  </si>
  <si>
    <t>Chak#177/9l</t>
  </si>
  <si>
    <t>chak#177/9l</t>
  </si>
  <si>
    <t>177/9L</t>
  </si>
  <si>
    <t>GGPS 178/P</t>
  </si>
  <si>
    <t>178 P</t>
  </si>
  <si>
    <t>chak no178/p street no 1 Sadiqabad District Rahim Yar khan</t>
  </si>
  <si>
    <t>Chak No178/p</t>
  </si>
  <si>
    <t>Amina Batool</t>
  </si>
  <si>
    <t>GGPS 179 EB</t>
  </si>
  <si>
    <t>Chak # 179/eb</t>
  </si>
  <si>
    <t>chak no. 179/ E.B. tehsil Burewala. district vehari</t>
  </si>
  <si>
    <t>179/EB</t>
  </si>
  <si>
    <t>Sana Ashiq</t>
  </si>
  <si>
    <t>GGPS 179/9-L</t>
  </si>
  <si>
    <t>179/9L</t>
  </si>
  <si>
    <t>chak no 179/9L</t>
  </si>
  <si>
    <t>Chak No180/9L</t>
  </si>
  <si>
    <t>Qaisira Noreen</t>
  </si>
  <si>
    <t>GGPS 17MPR</t>
  </si>
  <si>
    <t>17mpr</t>
  </si>
  <si>
    <t>17@pr teh/dis lodhran</t>
  </si>
  <si>
    <t>49m</t>
  </si>
  <si>
    <t>Rafia Saddique</t>
  </si>
  <si>
    <t>GGPS 18 KB</t>
  </si>
  <si>
    <t>Chak no.18KB</t>
  </si>
  <si>
    <t>GGPS 18/14-L</t>
  </si>
  <si>
    <t>chak no 18/14L,PO Iqbal nagar,teh chichawatni,distt sahiwal</t>
  </si>
  <si>
    <t>18/14L</t>
  </si>
  <si>
    <t>KANIZ FATIMA</t>
  </si>
  <si>
    <t>GGPS 18/4-L</t>
  </si>
  <si>
    <t>18/4.L</t>
  </si>
  <si>
    <t>Cantonment Board Okara Canth</t>
  </si>
  <si>
    <t>Amra Shakeela</t>
  </si>
  <si>
    <t>GGPS 18/AH, KHANEWAL</t>
  </si>
  <si>
    <t>18/AH</t>
  </si>
  <si>
    <t>GGPS 18/AH near army depot khanewal</t>
  </si>
  <si>
    <t>Chak No18/AH</t>
  </si>
  <si>
    <t>Chak No12/AH</t>
  </si>
  <si>
    <t>Uzma Mumtaz</t>
  </si>
  <si>
    <t>GGPS 18/MPR</t>
  </si>
  <si>
    <t>18mpr</t>
  </si>
  <si>
    <t>chak no 18mpr post of ice 19mpr lodhran</t>
  </si>
  <si>
    <t>Fozia Kiran</t>
  </si>
  <si>
    <t>GGPS 180 WB</t>
  </si>
  <si>
    <t>180/wb</t>
  </si>
  <si>
    <t>chak no 180/wb tehsil mailsi district vehari</t>
  </si>
  <si>
    <t>GGPS 181/9-L</t>
  </si>
  <si>
    <t>181/9-L</t>
  </si>
  <si>
    <t>chak No 181/9-L</t>
  </si>
  <si>
    <t>Chak  No 181/9-L</t>
  </si>
  <si>
    <t>8-11-L</t>
  </si>
  <si>
    <t>GGPS 182/P</t>
  </si>
  <si>
    <t>Chak 182/p</t>
  </si>
  <si>
    <t>chak 182/p post office bangla manthar tahseel sdk distt. ryk</t>
  </si>
  <si>
    <t>GGPS 183 WB</t>
  </si>
  <si>
    <t>183wb</t>
  </si>
  <si>
    <t>chak no 183wb Teh. mailsi district vehari</t>
  </si>
  <si>
    <t>195wb</t>
  </si>
  <si>
    <t>Alia Parveen</t>
  </si>
  <si>
    <t>GGPS 183/P</t>
  </si>
  <si>
    <t>183/P</t>
  </si>
  <si>
    <t>chak 183/p</t>
  </si>
  <si>
    <t>Khalida ishaq</t>
  </si>
  <si>
    <t>GGPS 184 EB</t>
  </si>
  <si>
    <t>184eb</t>
  </si>
  <si>
    <t>ggps184eb, vehari</t>
  </si>
  <si>
    <t>Iqra Fazil</t>
  </si>
  <si>
    <t>GGPS 184/P QADEEM</t>
  </si>
  <si>
    <t>184p Qadeem</t>
  </si>
  <si>
    <t>Fouzia Ashraf</t>
  </si>
  <si>
    <t>GGPS 185/7-R SOUTH</t>
  </si>
  <si>
    <t>185 7r S</t>
  </si>
  <si>
    <t>185 7 R S</t>
  </si>
  <si>
    <t>GGPS 185/9-L EAST</t>
  </si>
  <si>
    <t>185/9-L</t>
  </si>
  <si>
    <t>CHAK NO. 185/9-L (EAST)</t>
  </si>
  <si>
    <t>185/9-L(EAST)</t>
  </si>
  <si>
    <t>Zareena Hameed</t>
  </si>
  <si>
    <t>GGPS 187 EB</t>
  </si>
  <si>
    <t>187/E.B</t>
  </si>
  <si>
    <t>Maria Sarwar</t>
  </si>
  <si>
    <t>GGPS 188 EB</t>
  </si>
  <si>
    <t>Main Pakhi</t>
  </si>
  <si>
    <t>chak No. 188/EB Tehsil Vehari</t>
  </si>
  <si>
    <t>188 EB</t>
  </si>
  <si>
    <t>Chak no. 204/EB</t>
  </si>
  <si>
    <t>GGPS 188 WB</t>
  </si>
  <si>
    <t>GGps 188wb</t>
  </si>
  <si>
    <t>chak no 188wb</t>
  </si>
  <si>
    <t>SHAZIA AKBAR</t>
  </si>
  <si>
    <t>GGPS 189 EB</t>
  </si>
  <si>
    <t>189 eb</t>
  </si>
  <si>
    <t>chak no 189/eb, gaggoo</t>
  </si>
  <si>
    <t>215 eb</t>
  </si>
  <si>
    <t>Abida Akram</t>
  </si>
  <si>
    <t>GGPS 189/P</t>
  </si>
  <si>
    <t>189/p</t>
  </si>
  <si>
    <t>govt.girls primary school 189/p sadiqabad</t>
  </si>
  <si>
    <t>Ghoth Jangho</t>
  </si>
  <si>
    <t>Safeera Sanaullah</t>
  </si>
  <si>
    <t>GGPS 189-A/9-L</t>
  </si>
  <si>
    <t>189/9-AL</t>
  </si>
  <si>
    <t>Riffat Tahira</t>
  </si>
  <si>
    <t>GGPS 18-A/WM</t>
  </si>
  <si>
    <t>18A/WM</t>
  </si>
  <si>
    <t>GGPS 18.A/W.M Tukra</t>
  </si>
  <si>
    <t>Murad K Khatia</t>
  </si>
  <si>
    <t>Farah Ghafoor</t>
  </si>
  <si>
    <t>GGPS 19 JB II</t>
  </si>
  <si>
    <t>Burili</t>
  </si>
  <si>
    <t>GGPS19JBii</t>
  </si>
  <si>
    <t>Burali</t>
  </si>
  <si>
    <t>kadar K</t>
  </si>
  <si>
    <t>Numra Akram</t>
  </si>
  <si>
    <t>GGPS 19 KASSI P/O M JHOKE LASHKAR PUR MUKHDOOM RASHED</t>
  </si>
  <si>
    <t>Jhok Lashkar</t>
  </si>
  <si>
    <t>ggps 19 kassi chah hidayat wala</t>
  </si>
  <si>
    <t>Chah Hidayat Wala</t>
  </si>
  <si>
    <t>saeeda khanm</t>
  </si>
  <si>
    <t>GGPS 19 MR MULTAN</t>
  </si>
  <si>
    <t>Chak 19 Mr</t>
  </si>
  <si>
    <t>chak 19/mr tehsil multan</t>
  </si>
  <si>
    <t>19 Mr</t>
  </si>
  <si>
    <t>18/ MR</t>
  </si>
  <si>
    <t>GGPS 19/11-L</t>
  </si>
  <si>
    <t>19/11l</t>
  </si>
  <si>
    <t>GGPS 19/11L</t>
  </si>
  <si>
    <t>19/11-l</t>
  </si>
  <si>
    <t>GGPS 19/14-L</t>
  </si>
  <si>
    <t>19/14L</t>
  </si>
  <si>
    <t>G.G.P.S 19/14.L</t>
  </si>
  <si>
    <t>23/14L</t>
  </si>
  <si>
    <t>Bilqees Akhter</t>
  </si>
  <si>
    <t>GGPS 19/1-R HAROON ABAD</t>
  </si>
  <si>
    <t>Chak No 19/1R</t>
  </si>
  <si>
    <t>chak NO 19/1R tehsil Haroonabad</t>
  </si>
  <si>
    <t>19/1R</t>
  </si>
  <si>
    <t>SAJIDA HANIF</t>
  </si>
  <si>
    <t>GGPS 19/8-R TULAMBA</t>
  </si>
  <si>
    <t>Moza</t>
  </si>
  <si>
    <t>19/8 AR Marazion Tulamba</t>
  </si>
  <si>
    <t>19/8 AR</t>
  </si>
  <si>
    <t>Chougatta Panjoana</t>
  </si>
  <si>
    <t>tahira batool</t>
  </si>
  <si>
    <t>GGPS 19/9-R GHARBI, KACHA KHUH</t>
  </si>
  <si>
    <t>19/9r West Tibaa</t>
  </si>
  <si>
    <t>chak no 19/9r west tiba kachakhoh</t>
  </si>
  <si>
    <t>19/9r West Tiba</t>
  </si>
  <si>
    <t>JAVARIA AMJAD</t>
  </si>
  <si>
    <t>GGPS 19/G.D</t>
  </si>
  <si>
    <t>GGPS 19/GD haripur okara</t>
  </si>
  <si>
    <t>19/GD</t>
  </si>
  <si>
    <t>24/GD</t>
  </si>
  <si>
    <t>Summayya Bibi</t>
  </si>
  <si>
    <t>GGPS 190 EB</t>
  </si>
  <si>
    <t>Chak No. 190/EB tehsil Vehari</t>
  </si>
  <si>
    <t>Chak No. 204/EB</t>
  </si>
  <si>
    <t>Tasnim Akhtar</t>
  </si>
  <si>
    <t>GGPS 191/P</t>
  </si>
  <si>
    <t>chak no 191/p</t>
  </si>
  <si>
    <t>GGPS 192 RB KALWAN</t>
  </si>
  <si>
    <t>chak no 192 rb kalwan fsd</t>
  </si>
  <si>
    <t>192 Rb Kalwan</t>
  </si>
  <si>
    <t>Shagufta Tesleem</t>
  </si>
  <si>
    <t>GGPS 192 WB</t>
  </si>
  <si>
    <t>192wb</t>
  </si>
  <si>
    <t>GGPS 192/P</t>
  </si>
  <si>
    <t>Chak no.192/P</t>
  </si>
  <si>
    <t>Chak No192/P</t>
  </si>
  <si>
    <t>Chak No173/P</t>
  </si>
  <si>
    <t>Sabiha Amjad</t>
  </si>
  <si>
    <t>GGPS 193 EB</t>
  </si>
  <si>
    <t>193/E B</t>
  </si>
  <si>
    <t>chak no 193/eb</t>
  </si>
  <si>
    <t>193/EB</t>
  </si>
  <si>
    <t>GGPS 193 WB</t>
  </si>
  <si>
    <t>Pehlwan ARain</t>
  </si>
  <si>
    <t>193wb</t>
  </si>
  <si>
    <t>Muqadiss Mukhtar</t>
  </si>
  <si>
    <t>GGPS 194 WB</t>
  </si>
  <si>
    <t>194wb</t>
  </si>
  <si>
    <t>Khurshid Bibi</t>
  </si>
  <si>
    <t>GGPS 195 EB</t>
  </si>
  <si>
    <t>195/EB</t>
  </si>
  <si>
    <t>chak no195/e.b</t>
  </si>
  <si>
    <t>Shazia Yaqub</t>
  </si>
  <si>
    <t>GGPS 195 EB DOGRAN WALA</t>
  </si>
  <si>
    <t>chakno195/E.B(D.W Gaggoo Burewala Vehari</t>
  </si>
  <si>
    <t>195/EBDW</t>
  </si>
  <si>
    <t>215/EB Gaggoo</t>
  </si>
  <si>
    <t>GGPS 195 HB</t>
  </si>
  <si>
    <t>195 HB</t>
  </si>
  <si>
    <t>195 HB Tehsil Fortbass District Bahawalnagar</t>
  </si>
  <si>
    <t>195 H</t>
  </si>
  <si>
    <t>204/9R</t>
  </si>
  <si>
    <t>GGPS 195/P B</t>
  </si>
  <si>
    <t>Wahi  Pir  Bakhash</t>
  </si>
  <si>
    <t>chak no 195.pb</t>
  </si>
  <si>
    <t>Chak No 195pb</t>
  </si>
  <si>
    <t>Chak No  173p</t>
  </si>
  <si>
    <t>MEHMOODA BEGUM</t>
  </si>
  <si>
    <t>GGPS 196 WB</t>
  </si>
  <si>
    <t>196wb</t>
  </si>
  <si>
    <t>Abira Shahid</t>
  </si>
  <si>
    <t>GGPS 198 WB</t>
  </si>
  <si>
    <t>198wb</t>
  </si>
  <si>
    <t>chack no 198 W.B tehsil mailsi district vehari</t>
  </si>
  <si>
    <t>198 WBWB</t>
  </si>
  <si>
    <t>GGPS 2 TANDLIAN WALA</t>
  </si>
  <si>
    <t>GGPS No 2 Tandlianwala</t>
  </si>
  <si>
    <t>MC Tandlianwala</t>
  </si>
  <si>
    <t>GGPS 2/14-L</t>
  </si>
  <si>
    <t>2/14L</t>
  </si>
  <si>
    <t>Ggps 2/14.L</t>
  </si>
  <si>
    <t>Mussarat Yasmen</t>
  </si>
  <si>
    <t>GGPS 2/9-R, KACHA KHUH</t>
  </si>
  <si>
    <t>rathwala</t>
  </si>
  <si>
    <t>chak no.2/9R</t>
  </si>
  <si>
    <t>Chak no 2/9R</t>
  </si>
  <si>
    <t>4/8R</t>
  </si>
  <si>
    <t>Rubina Younis</t>
  </si>
  <si>
    <t>GGPS 2/BC(W)</t>
  </si>
  <si>
    <t>2 Bc</t>
  </si>
  <si>
    <t>2 bc west bahwalpur saddr</t>
  </si>
  <si>
    <t>2 Bc West</t>
  </si>
  <si>
    <t>38 Bc</t>
  </si>
  <si>
    <t>Andleeb Zahra</t>
  </si>
  <si>
    <t>GGPS 2/KB</t>
  </si>
  <si>
    <t>2kb</t>
  </si>
  <si>
    <t>2kb village</t>
  </si>
  <si>
    <t>Behrampur</t>
  </si>
  <si>
    <t>Salma Idrees</t>
  </si>
  <si>
    <t>GGPS 2/M</t>
  </si>
  <si>
    <t>chak 2/m p/o Sardarpur Jhandir Teh. Duniyapur Distt. Lodhran.</t>
  </si>
  <si>
    <t>GGPS 20 EB POST OFFICE 30 EB</t>
  </si>
  <si>
    <t>20/eb</t>
  </si>
  <si>
    <t>chak no 20eb post office 30eb</t>
  </si>
  <si>
    <t>GGPS 20/8-R, TULAMBA</t>
  </si>
  <si>
    <t>chak20/8r</t>
  </si>
  <si>
    <t>Chak20/8r</t>
  </si>
  <si>
    <t>Punjwana</t>
  </si>
  <si>
    <t>GGPS 20/A BAAZI GARAAN</t>
  </si>
  <si>
    <t>20/A Baazi Garaan</t>
  </si>
  <si>
    <t>Govt Girls Primary school 20/A Baazi Garaan</t>
  </si>
  <si>
    <t>20/A</t>
  </si>
  <si>
    <t>GGPS 20/M</t>
  </si>
  <si>
    <t>20M</t>
  </si>
  <si>
    <t>chak 20m</t>
  </si>
  <si>
    <t>GGPS 200 EB</t>
  </si>
  <si>
    <t>200/EB</t>
  </si>
  <si>
    <t>chak no. 200/EB Tehsil Vehari</t>
  </si>
  <si>
    <t>Chak No. 200/EB</t>
  </si>
  <si>
    <t>Zobia Munir</t>
  </si>
  <si>
    <t>GGPS 201/EB NEW</t>
  </si>
  <si>
    <t>Laat Ghuman</t>
  </si>
  <si>
    <t>chak # 201 / EB New dera ghuman</t>
  </si>
  <si>
    <t>201 / EB</t>
  </si>
  <si>
    <t>Chak # 199 /EB</t>
  </si>
  <si>
    <t>Rafia Naveed</t>
  </si>
  <si>
    <t>GGPS 202 EB</t>
  </si>
  <si>
    <t>202/EB</t>
  </si>
  <si>
    <t>chak no. 202/EB</t>
  </si>
  <si>
    <t>204EB</t>
  </si>
  <si>
    <t>GGPS 202 WB</t>
  </si>
  <si>
    <t>202/WB</t>
  </si>
  <si>
    <t>ward#6 Tibba Sultan pur</t>
  </si>
  <si>
    <t>202/wb</t>
  </si>
  <si>
    <t>Basti Sahar</t>
  </si>
  <si>
    <t>GGPS 203 EB OLD</t>
  </si>
  <si>
    <t>203 eb old</t>
  </si>
  <si>
    <t>203eb East</t>
  </si>
  <si>
    <t>Sajida Akram</t>
  </si>
  <si>
    <t>GGPS 204 EB</t>
  </si>
  <si>
    <t>Chak#204/E.B Vehari</t>
  </si>
  <si>
    <t>Brirah Ilyas</t>
  </si>
  <si>
    <t>GGPS 205 WB</t>
  </si>
  <si>
    <t>205/wb</t>
  </si>
  <si>
    <t>Ggps 205/Wb post office Dokota mailsi</t>
  </si>
  <si>
    <t>Humaira Anwar</t>
  </si>
  <si>
    <t>GGPS 207 P</t>
  </si>
  <si>
    <t>207p</t>
  </si>
  <si>
    <t>186p</t>
  </si>
  <si>
    <t>GGPS 208 EB</t>
  </si>
  <si>
    <t>208EB</t>
  </si>
  <si>
    <t>chak no 208EB Vehari</t>
  </si>
  <si>
    <t>Sana Yaqoob</t>
  </si>
  <si>
    <t>GGPS 209 EB BASTI JATTAN WALI</t>
  </si>
  <si>
    <t>209/EB</t>
  </si>
  <si>
    <t>chak # 209/E.B P.O #207/E.B tehsil arifwala distt pakpattam</t>
  </si>
  <si>
    <t>163/EB</t>
  </si>
  <si>
    <t>GGPS 20-A/1.AL MALKI</t>
  </si>
  <si>
    <t>20A/1Al Malki</t>
  </si>
  <si>
    <t>GGPS 20A/1.AL MALKI</t>
  </si>
  <si>
    <t>20A/1AL Malki</t>
  </si>
  <si>
    <t>25/1AL</t>
  </si>
  <si>
    <t>Amara Sarwar</t>
  </si>
  <si>
    <t>GGPS 21/3-R A</t>
  </si>
  <si>
    <t>21/3R</t>
  </si>
  <si>
    <t>Chak No. 21/3.R</t>
  </si>
  <si>
    <t>Nayyara Sultana</t>
  </si>
  <si>
    <t>GGPS 21/KB</t>
  </si>
  <si>
    <t>Chak #21kb</t>
  </si>
  <si>
    <t>chak # 21kb teh arifwala distt pakpattan</t>
  </si>
  <si>
    <t>Chak# 21kb</t>
  </si>
  <si>
    <t>Gulnaz Ishfaq</t>
  </si>
  <si>
    <t>GGPS 21/NP QADEEM GHULAM RASOOL</t>
  </si>
  <si>
    <t>21np</t>
  </si>
  <si>
    <t>Ggps 21np qadeem</t>
  </si>
  <si>
    <t>21 np Qadeem</t>
  </si>
  <si>
    <t>Drigra</t>
  </si>
  <si>
    <t>GGPS 21/SP (Newly Established)</t>
  </si>
  <si>
    <t>21/sp</t>
  </si>
  <si>
    <t>Ggps 21/sp chak no 21/sp</t>
  </si>
  <si>
    <t>Chak No 21/sp</t>
  </si>
  <si>
    <t>Mahwish Liaqat</t>
  </si>
  <si>
    <t>GGPS 21-1AL</t>
  </si>
  <si>
    <t>21/1al</t>
  </si>
  <si>
    <t>22/1al</t>
  </si>
  <si>
    <t>Shamim Barkat</t>
  </si>
  <si>
    <t>GGPS 212 EB</t>
  </si>
  <si>
    <t>Chak #212/Eb</t>
  </si>
  <si>
    <t>chak#212/eb Vehari</t>
  </si>
  <si>
    <t>212/Eb</t>
  </si>
  <si>
    <t>Saba Manzoor</t>
  </si>
  <si>
    <t>GGPS 215 WB</t>
  </si>
  <si>
    <t>Chak 215wb</t>
  </si>
  <si>
    <t>Govt. Girls Primary School Chak NO: 215/WB</t>
  </si>
  <si>
    <t>chak 215wb</t>
  </si>
  <si>
    <t>chak 151wb</t>
  </si>
  <si>
    <t>Saeeda Ghulam</t>
  </si>
  <si>
    <t>GGPS 22 EB</t>
  </si>
  <si>
    <t>22/eb</t>
  </si>
  <si>
    <t>50/sp</t>
  </si>
  <si>
    <t>Shahnaz Liaqat</t>
  </si>
  <si>
    <t>GGPS 22 MILL</t>
  </si>
  <si>
    <t>Village 22meel P.O Tret Teh. Murree Dist. Rawalpindi</t>
  </si>
  <si>
    <t>22Meel</t>
  </si>
  <si>
    <t>Zaheen Akhtar</t>
  </si>
  <si>
    <t>GGPS 22 SP</t>
  </si>
  <si>
    <t>22sp</t>
  </si>
  <si>
    <t>22 Sp</t>
  </si>
  <si>
    <t>Shumaila Butt</t>
  </si>
  <si>
    <t>GGPS 22/14-L</t>
  </si>
  <si>
    <t>22/14L</t>
  </si>
  <si>
    <t>chak no 22/14L Iqbal Nagar</t>
  </si>
  <si>
    <t>22/14</t>
  </si>
  <si>
    <t>Noshaba Qaiser</t>
  </si>
  <si>
    <t>GGPS 221 WB DUNYA PUR</t>
  </si>
  <si>
    <t>Chak 221 tehsil dunyapur district Lodhran</t>
  </si>
  <si>
    <t>Chak221</t>
  </si>
  <si>
    <t>Chak 231</t>
  </si>
  <si>
    <t>Nighat Yousaf</t>
  </si>
  <si>
    <t>GGPS 22-1AL</t>
  </si>
  <si>
    <t>Chak#22/1al</t>
  </si>
  <si>
    <t>Syeda Gulshana Hassan Kirmani</t>
  </si>
  <si>
    <t>GGPS 223 WB</t>
  </si>
  <si>
    <t>Chak No 223wb</t>
  </si>
  <si>
    <t>CHAK no. 223wb Teh. Dunya pur distt lodhran</t>
  </si>
  <si>
    <t>CHAK 223 Wb</t>
  </si>
  <si>
    <t>LadhaBohar</t>
  </si>
  <si>
    <t>Samra Sadaf</t>
  </si>
  <si>
    <t>GGPS 225 WB</t>
  </si>
  <si>
    <t>chak 225/wb</t>
  </si>
  <si>
    <t>chak 225/wb tehsil dunyapur distt lodhran</t>
  </si>
  <si>
    <t>225/wb</t>
  </si>
  <si>
    <t>231/wb</t>
  </si>
  <si>
    <t>Asifa Khaliq</t>
  </si>
  <si>
    <t>GGPS 227 EB</t>
  </si>
  <si>
    <t>Chak No 227</t>
  </si>
  <si>
    <t>227\eb gaggo mandi</t>
  </si>
  <si>
    <t>Tahira Kosar</t>
  </si>
  <si>
    <t>GGPS 23 DB</t>
  </si>
  <si>
    <t>23DB</t>
  </si>
  <si>
    <t>Chak no 23db p/o 22db tehsil and disttrict mianwali</t>
  </si>
  <si>
    <t>Muzaffar Pur South No 1</t>
  </si>
  <si>
    <t>Water pump and hand pump</t>
  </si>
  <si>
    <t>GGPS 23 SP</t>
  </si>
  <si>
    <t>pakpattan</t>
  </si>
  <si>
    <t>Guruchak 23/SP</t>
  </si>
  <si>
    <t>Guruchak 23/sp</t>
  </si>
  <si>
    <t>ChakNoor Muhammd</t>
  </si>
  <si>
    <t>Sobia Zafar</t>
  </si>
  <si>
    <t>GGPS 23 WB</t>
  </si>
  <si>
    <t>23wb</t>
  </si>
  <si>
    <t>GGPS23WB</t>
  </si>
  <si>
    <t>Chak no 15 Wb Vhr</t>
  </si>
  <si>
    <t>Raseela Begum</t>
  </si>
  <si>
    <t>GGPS 23/14-L</t>
  </si>
  <si>
    <t>23/14l</t>
  </si>
  <si>
    <t>chak.no 23/14l</t>
  </si>
  <si>
    <t>Iqra batool</t>
  </si>
  <si>
    <t>GGPS 23/4.L</t>
  </si>
  <si>
    <t>23/4l</t>
  </si>
  <si>
    <t>chak 23./4l</t>
  </si>
  <si>
    <t>Amna Khanum</t>
  </si>
  <si>
    <t>GGPS 23/P</t>
  </si>
  <si>
    <t>Peer Charan Punnan</t>
  </si>
  <si>
    <t>Basti karam elahi chak no 23p khan pur</t>
  </si>
  <si>
    <t>Basti Karam Elahi</t>
  </si>
  <si>
    <t>saima irum</t>
  </si>
  <si>
    <t>GGPS 23-1AL</t>
  </si>
  <si>
    <t>23/1al</t>
  </si>
  <si>
    <t>Chak No. 231AL</t>
  </si>
  <si>
    <t>chak no 23 1AL</t>
  </si>
  <si>
    <t>221AL</t>
  </si>
  <si>
    <t>Rukhsana Baqir</t>
  </si>
  <si>
    <t>GGPS 233 WB DUNYA PUR</t>
  </si>
  <si>
    <t>Chak No 233W.B Adda Zakheera Dunyapur.</t>
  </si>
  <si>
    <t>Chak No 233WB</t>
  </si>
  <si>
    <t>Arshad Akhtar</t>
  </si>
  <si>
    <t>GGPS 235 WB</t>
  </si>
  <si>
    <t>235/WB</t>
  </si>
  <si>
    <t>CHAK NO 235/WB</t>
  </si>
  <si>
    <t>237/WB</t>
  </si>
  <si>
    <t>SAIMA RASHEED</t>
  </si>
  <si>
    <t>GGPS 236/GB-II</t>
  </si>
  <si>
    <t>Qilianwala</t>
  </si>
  <si>
    <t>chak no 236 GB jaranwala fsd</t>
  </si>
  <si>
    <t>236 Gb</t>
  </si>
  <si>
    <t>237 GB Tararan</t>
  </si>
  <si>
    <t>Zahida Mubarak</t>
  </si>
  <si>
    <t>GGPS 237/P</t>
  </si>
  <si>
    <t>237p</t>
  </si>
  <si>
    <t>chack No 237p Bangla Manthar</t>
  </si>
  <si>
    <t>Chack No 237p</t>
  </si>
  <si>
    <t>GGPS 24 GHAGH , ABDUL HAKIM</t>
  </si>
  <si>
    <t>24 ghagh</t>
  </si>
  <si>
    <t>chak 24 ghagh</t>
  </si>
  <si>
    <t>13d</t>
  </si>
  <si>
    <t>Aisha Abbas</t>
  </si>
  <si>
    <t>GGPS 24/14-L</t>
  </si>
  <si>
    <t>24/14L</t>
  </si>
  <si>
    <t>chak no 24/14l</t>
  </si>
  <si>
    <t>Zeeshan Sarwar</t>
  </si>
  <si>
    <t>GGPS 24/4-L</t>
  </si>
  <si>
    <t>24/4L</t>
  </si>
  <si>
    <t>Rural 24\4l okara</t>
  </si>
  <si>
    <t>Rural 244l</t>
  </si>
  <si>
    <t>Fozia Akbar</t>
  </si>
  <si>
    <t>GGPS 240 RB III</t>
  </si>
  <si>
    <t>240RB111</t>
  </si>
  <si>
    <t>chak no 240 rb 111 Faisalabad</t>
  </si>
  <si>
    <t>240 rB 111</t>
  </si>
  <si>
    <t>239 Khanuana</t>
  </si>
  <si>
    <t>Misbah Yasin</t>
  </si>
  <si>
    <t>GGPS 240 RB KHOJAY WALA</t>
  </si>
  <si>
    <t>Khojywla</t>
  </si>
  <si>
    <t>GGPS 240 Rb 11 Khojywla fsd</t>
  </si>
  <si>
    <t>136-khanoana</t>
  </si>
  <si>
    <t>Ghazala Ijaz</t>
  </si>
  <si>
    <t>GGPS 241 WB</t>
  </si>
  <si>
    <t>241/wb</t>
  </si>
  <si>
    <t>chak 241/wb  dunya pur</t>
  </si>
  <si>
    <t>Chak no 241/wb</t>
  </si>
  <si>
    <t>Chak No 237</t>
  </si>
  <si>
    <t>Yasmeen Parveen</t>
  </si>
  <si>
    <t>GGPS 246/P</t>
  </si>
  <si>
    <t>Chak No 246/p</t>
  </si>
  <si>
    <t>chak no 246/p post office 56/p</t>
  </si>
  <si>
    <t>246/p</t>
  </si>
  <si>
    <t>GGPS 249 WB</t>
  </si>
  <si>
    <t>249wb</t>
  </si>
  <si>
    <t>237   Wb</t>
  </si>
  <si>
    <t>Nazia Yousaf</t>
  </si>
  <si>
    <t>GGPS 25 GD</t>
  </si>
  <si>
    <t>Chak#25/GD</t>
  </si>
  <si>
    <t>Chak 25/GD Okara</t>
  </si>
  <si>
    <t>18 GD</t>
  </si>
  <si>
    <t>Nourin Fatima</t>
  </si>
  <si>
    <t>GGPS 25 GHAGH, ABDUL HAKIM</t>
  </si>
  <si>
    <t>25gh</t>
  </si>
  <si>
    <t>chak #25ghagh p/o 25 pul tehsil kabur wala</t>
  </si>
  <si>
    <t>25 Ghagh</t>
  </si>
  <si>
    <t>Saima iram</t>
  </si>
  <si>
    <t>GGPS 25 TUKRA W/M</t>
  </si>
  <si>
    <t>25/WM Tukra</t>
  </si>
  <si>
    <t>GGPS 25/WM TUKRA Chak No 25/wm Tukra sahiwal</t>
  </si>
  <si>
    <t>Chak No 25/wm Tukra</t>
  </si>
  <si>
    <t>GGPS 25 WB</t>
  </si>
  <si>
    <t>25wb</t>
  </si>
  <si>
    <t>chak no25wb,vehari</t>
  </si>
  <si>
    <t>Chak No 25wb</t>
  </si>
  <si>
    <t>41wb</t>
  </si>
  <si>
    <t>GGPS 25 WB NAKRI</t>
  </si>
  <si>
    <t>nakri</t>
  </si>
  <si>
    <t>25/wb Nakri vehari</t>
  </si>
  <si>
    <t>25/wb Nakri</t>
  </si>
  <si>
    <t>Rukhsana Kanwal</t>
  </si>
  <si>
    <t>GGPS 25/11-L</t>
  </si>
  <si>
    <t>25/11.L</t>
  </si>
  <si>
    <t>25/11L</t>
  </si>
  <si>
    <t>Sumaira Kausor</t>
  </si>
  <si>
    <t>GGPS 25/4.L</t>
  </si>
  <si>
    <t>25/4l</t>
  </si>
  <si>
    <t>Shazia Ameen</t>
  </si>
  <si>
    <t>GGPS 25/SP</t>
  </si>
  <si>
    <t>25sp</t>
  </si>
  <si>
    <t>Rizwana Farkhanda</t>
  </si>
  <si>
    <t>GGPS 251 WB</t>
  </si>
  <si>
    <t>251/Wb</t>
  </si>
  <si>
    <t>chak no 251/wb teh dunia pur district lodhran</t>
  </si>
  <si>
    <t>237/Eb</t>
  </si>
  <si>
    <t>GGPS 251/EB OLD</t>
  </si>
  <si>
    <t>251/eb</t>
  </si>
  <si>
    <t>GGPS 251/eb tehsil burewala distt vehari</t>
  </si>
  <si>
    <t>267/eb</t>
  </si>
  <si>
    <t>GGPS 252 P</t>
  </si>
  <si>
    <t>252/p</t>
  </si>
  <si>
    <t>GGPS 252/P Bangla manthar</t>
  </si>
  <si>
    <t>252/P</t>
  </si>
  <si>
    <t>GGPS 258 GB AZAFI ABADI</t>
  </si>
  <si>
    <t>258GBAzafiAbadi</t>
  </si>
  <si>
    <t>GGP/S 258GBAzafiAbadi Toba Tek Singh</t>
  </si>
  <si>
    <t>ChakNo258GBAzafi Abadi</t>
  </si>
  <si>
    <t>256GB Phaloor</t>
  </si>
  <si>
    <t>Humera Iftikhar</t>
  </si>
  <si>
    <t>GGPS 258/P</t>
  </si>
  <si>
    <t>260/p</t>
  </si>
  <si>
    <t>Iqra Irfan</t>
  </si>
  <si>
    <t>GGPS 259 WB</t>
  </si>
  <si>
    <t>chak no.259/w.b teh. Mailsi dist. vehari</t>
  </si>
  <si>
    <t>259/Wb</t>
  </si>
  <si>
    <t>GGPS 26 DB</t>
  </si>
  <si>
    <t>Muzzaffar Pur South</t>
  </si>
  <si>
    <t>ggps 26db post office 27db</t>
  </si>
  <si>
    <t>26db</t>
  </si>
  <si>
    <t>Rafia Kausar</t>
  </si>
  <si>
    <t>GGPS 26 EB</t>
  </si>
  <si>
    <t>26/EB</t>
  </si>
  <si>
    <t>26/E.B tahsil arifwala</t>
  </si>
  <si>
    <t>34 EB</t>
  </si>
  <si>
    <t>Tayyaba Shafiq</t>
  </si>
  <si>
    <t>GGPS 26 GD</t>
  </si>
  <si>
    <t>26gd</t>
  </si>
  <si>
    <t>village 26 /gd teh&amp;dist. Okara</t>
  </si>
  <si>
    <t>Jabooka</t>
  </si>
  <si>
    <t>Baby Tasleem</t>
  </si>
  <si>
    <t>GGPS 26/3-R (W)</t>
  </si>
  <si>
    <t>26 3/r w</t>
  </si>
  <si>
    <t>GGPS 26 3/r THS.hnd DISTRICT.bwn</t>
  </si>
  <si>
    <t>26 3/r   w</t>
  </si>
  <si>
    <t>GGPS 26/SP</t>
  </si>
  <si>
    <t>chak no.26sp ,Dak khana khas PPN</t>
  </si>
  <si>
    <t>Naila Rani</t>
  </si>
  <si>
    <t>GGPS 261/P</t>
  </si>
  <si>
    <t>261-p</t>
  </si>
  <si>
    <t>chak no 261-p bangla manthar tehsil sadiqabad dist rahim yar khan</t>
  </si>
  <si>
    <t>Chak No 261-p</t>
  </si>
  <si>
    <t>Madiha Iram</t>
  </si>
  <si>
    <t>GGPS 263 WB</t>
  </si>
  <si>
    <t>Chak no263/WB</t>
  </si>
  <si>
    <t>263/WB</t>
  </si>
  <si>
    <t>GGPS 264 RB II</t>
  </si>
  <si>
    <t>Tibba Nag</t>
  </si>
  <si>
    <t>264 rb II</t>
  </si>
  <si>
    <t>264 Rb II</t>
  </si>
  <si>
    <t>267 Rb Jalandhar</t>
  </si>
  <si>
    <t>GGPS 267 WB</t>
  </si>
  <si>
    <t>Chak # 267/WB</t>
  </si>
  <si>
    <t>Chak # 267/W.B .Tehsil Dunyapur. District Lodhran</t>
  </si>
  <si>
    <t>GGPS 267/P</t>
  </si>
  <si>
    <t>Sinaward</t>
  </si>
  <si>
    <t>manthar road 267/p</t>
  </si>
  <si>
    <t>267/p</t>
  </si>
  <si>
    <t>Shahnaz Iqbal</t>
  </si>
  <si>
    <t>GGPS 268 RB THRO</t>
  </si>
  <si>
    <t>Throo</t>
  </si>
  <si>
    <t>chak no 268 RB Throo</t>
  </si>
  <si>
    <t>268 RB</t>
  </si>
  <si>
    <t>Nazia  Amin</t>
  </si>
  <si>
    <t>GGPS 26M</t>
  </si>
  <si>
    <t>26m</t>
  </si>
  <si>
    <t>chak no 26m tehsil dunyapur district lodhran</t>
  </si>
  <si>
    <t>GGPS 27 EB</t>
  </si>
  <si>
    <t>27Eb</t>
  </si>
  <si>
    <t>govt girls primary school chak no.27eb</t>
  </si>
  <si>
    <t>27/Eb</t>
  </si>
  <si>
    <t>Pir Sader Din</t>
  </si>
  <si>
    <t>GGPS 27 WB</t>
  </si>
  <si>
    <t>27wb</t>
  </si>
  <si>
    <t>27 wb vehari</t>
  </si>
  <si>
    <t>Sana Hashim</t>
  </si>
  <si>
    <t>GGPS 27/14-L</t>
  </si>
  <si>
    <t>27/14 L</t>
  </si>
  <si>
    <t>chak no 27/14 L</t>
  </si>
  <si>
    <t>Chak No 27/14 L</t>
  </si>
  <si>
    <t>GGPS 27/GD</t>
  </si>
  <si>
    <t>27 GD</t>
  </si>
  <si>
    <t>27/gd</t>
  </si>
  <si>
    <t>27/ GD</t>
  </si>
  <si>
    <t>Maria jabeen</t>
  </si>
  <si>
    <t>GGPS 270/HR-E</t>
  </si>
  <si>
    <t>270/HR</t>
  </si>
  <si>
    <t>Chak no. 270/HR</t>
  </si>
  <si>
    <t>Pholrha</t>
  </si>
  <si>
    <t>Rahila Mehboob</t>
  </si>
  <si>
    <t>GGPS 271/EB</t>
  </si>
  <si>
    <t>271/eb</t>
  </si>
  <si>
    <t>GGPS 273 EB</t>
  </si>
  <si>
    <t>ggps 273/eb</t>
  </si>
  <si>
    <t>273/eb</t>
  </si>
  <si>
    <t>GGPS 274/HR-E</t>
  </si>
  <si>
    <t>274/HR East</t>
  </si>
  <si>
    <t>274/hr east Fort Abbas</t>
  </si>
  <si>
    <t>274/hr east</t>
  </si>
  <si>
    <t>Mc Fort Abbas</t>
  </si>
  <si>
    <t>Shazia Tanveer</t>
  </si>
  <si>
    <t>GGPS 275 77 WB</t>
  </si>
  <si>
    <t>Jandhirwah</t>
  </si>
  <si>
    <t>chakno27577wb</t>
  </si>
  <si>
    <t>27577wb</t>
  </si>
  <si>
    <t>RAZIA PARVEEN</t>
  </si>
  <si>
    <t>GGPS 277 EB</t>
  </si>
  <si>
    <t>Chak 277 EB</t>
  </si>
  <si>
    <t>chak no 277/eb,p/o 275/eb,Burewala</t>
  </si>
  <si>
    <t>277/eb</t>
  </si>
  <si>
    <t>291/eb</t>
  </si>
  <si>
    <t>GGPS 279 EB</t>
  </si>
  <si>
    <t>ckak no 279/eb</t>
  </si>
  <si>
    <t>279/eb</t>
  </si>
  <si>
    <t>Sidra Amin</t>
  </si>
  <si>
    <t>GGPS 279 RB RAFIQ ABAD</t>
  </si>
  <si>
    <t>RAFIQABAD 279 RB</t>
  </si>
  <si>
    <t>Sadiq Akber</t>
  </si>
  <si>
    <t>Afifa Fatima</t>
  </si>
  <si>
    <t>GGPS 28 SP</t>
  </si>
  <si>
    <t>28/sp</t>
  </si>
  <si>
    <t>chak 28/sp post office 26/sp tehsil &amp; dist pakpattan</t>
  </si>
  <si>
    <t>26/sp</t>
  </si>
  <si>
    <t>Nargis Firdous</t>
  </si>
  <si>
    <t>GGPS 28/14-L</t>
  </si>
  <si>
    <t>chak number 28/14L post office iqbal nagar tehsil chichawatni district sahiwal</t>
  </si>
  <si>
    <t>28/14L</t>
  </si>
  <si>
    <t>31/14L</t>
  </si>
  <si>
    <t>Fozia Nawaz</t>
  </si>
  <si>
    <t>GGPS 28/1-AL</t>
  </si>
  <si>
    <t>281AL</t>
  </si>
  <si>
    <t>25/ 1AL</t>
  </si>
  <si>
    <t>Zubeida Aslam</t>
  </si>
  <si>
    <t>GGPS 28/KB</t>
  </si>
  <si>
    <t>Check No 28/kb</t>
  </si>
  <si>
    <t>28 kb</t>
  </si>
  <si>
    <t>28kb</t>
  </si>
  <si>
    <t>JAMMU BODLA</t>
  </si>
  <si>
    <t>Hafiza Qaria Asifa</t>
  </si>
  <si>
    <t>GGPS 28/NP SUNJER PUR</t>
  </si>
  <si>
    <t>Chk No 28np</t>
  </si>
  <si>
    <t>chk no 28np sdk</t>
  </si>
  <si>
    <t>28np</t>
  </si>
  <si>
    <t>GGPS 285-87 WB</t>
  </si>
  <si>
    <t>tehsil duniapur district lodhran chack 285.87 wb</t>
  </si>
  <si>
    <t>28587 Wb</t>
  </si>
  <si>
    <t>Nishat Sheerin</t>
  </si>
  <si>
    <t>motorb pump</t>
  </si>
  <si>
    <t>GGPS 289 WB PO QUTAB PUR</t>
  </si>
  <si>
    <t>chak no. 289/w.b</t>
  </si>
  <si>
    <t>Chak No. 289/W.B tehsil dunyapur district lodhran</t>
  </si>
  <si>
    <t>Chak No. 289/W.B</t>
  </si>
  <si>
    <t>noor garh</t>
  </si>
  <si>
    <t>Amina Fakhra</t>
  </si>
  <si>
    <t>GGPS 28M</t>
  </si>
  <si>
    <t>28m</t>
  </si>
  <si>
    <t>Chak No 28M</t>
  </si>
  <si>
    <t>Yasmeen Kouser</t>
  </si>
  <si>
    <t>GGPS 28M COLONY</t>
  </si>
  <si>
    <t>28m Colony</t>
  </si>
  <si>
    <t>28m colony</t>
  </si>
  <si>
    <t>Rashida Hashmat</t>
  </si>
  <si>
    <t>GGPS 29 2R</t>
  </si>
  <si>
    <t>29 Two R</t>
  </si>
  <si>
    <t>chak no 29_2r okara</t>
  </si>
  <si>
    <t>29two R</t>
  </si>
  <si>
    <t>Thirty Two R</t>
  </si>
  <si>
    <t>GGPS 29 DB</t>
  </si>
  <si>
    <t>chakno29 db post office 27db</t>
  </si>
  <si>
    <t>Chak No 29 Db</t>
  </si>
  <si>
    <t>Muzaffar Pur South 1 Female</t>
  </si>
  <si>
    <t>Tahseen Zia</t>
  </si>
  <si>
    <t>GGPS 29 EB P.O. 19 EB</t>
  </si>
  <si>
    <t>29eb</t>
  </si>
  <si>
    <t>chalk no 29/eb</t>
  </si>
  <si>
    <t>29/eb</t>
  </si>
  <si>
    <t>Peer Sadar Deen</t>
  </si>
  <si>
    <t>GGPS 29/11-L</t>
  </si>
  <si>
    <t>29/11L</t>
  </si>
  <si>
    <t>Chak no.29 
/11.L tehsil cci dist sahiwal</t>
  </si>
  <si>
    <t>GGPS 29/14-L</t>
  </si>
  <si>
    <t>29/14L</t>
  </si>
  <si>
    <t>chak no 29/14.</t>
  </si>
  <si>
    <t>29/14</t>
  </si>
  <si>
    <t>GGPS 29/1AL</t>
  </si>
  <si>
    <t>29/1AL</t>
  </si>
  <si>
    <t>chak no.29/1AL Teh Renala khurd distt.okara</t>
  </si>
  <si>
    <t>Ayesha Younas</t>
  </si>
  <si>
    <t>GGPS 29/2.L</t>
  </si>
  <si>
    <t>Ali Pura</t>
  </si>
  <si>
    <t>Chak number 29 2/L Okara</t>
  </si>
  <si>
    <t>29/2L</t>
  </si>
  <si>
    <t>GGPS 291 WB</t>
  </si>
  <si>
    <t>291/wb</t>
  </si>
  <si>
    <t>chak no  291 /wb</t>
  </si>
  <si>
    <t>Chak No 291 /wb</t>
  </si>
  <si>
    <t>Jhandirwah</t>
  </si>
  <si>
    <t>RASHIDA PERVEEN</t>
  </si>
  <si>
    <t>GGPS 293 EB</t>
  </si>
  <si>
    <t>293eb</t>
  </si>
  <si>
    <t>chak no.293e.b</t>
  </si>
  <si>
    <t>Aasima Manzoor</t>
  </si>
  <si>
    <t>GGPS 297 EB</t>
  </si>
  <si>
    <t>Sahoka</t>
  </si>
  <si>
    <t>297eb</t>
  </si>
  <si>
    <t>Ghazala Naheed</t>
  </si>
  <si>
    <t>GGPS 299 WB</t>
  </si>
  <si>
    <t>299/wb</t>
  </si>
  <si>
    <t>299/w.b</t>
  </si>
  <si>
    <t>Sumeera Saeed</t>
  </si>
  <si>
    <t>GGPS 29M</t>
  </si>
  <si>
    <t>29 M</t>
  </si>
  <si>
    <t>chak no 29M bangla basant</t>
  </si>
  <si>
    <t>35 M</t>
  </si>
  <si>
    <t>zahida liaqat</t>
  </si>
  <si>
    <t>GGPS 3 EB</t>
  </si>
  <si>
    <t>3eb</t>
  </si>
  <si>
    <t>chak 3 EB Pakpattan</t>
  </si>
  <si>
    <t>Shamim akhter</t>
  </si>
  <si>
    <t>GGPS 3/8-AR TULAMBA</t>
  </si>
  <si>
    <t>3/8R</t>
  </si>
  <si>
    <t>Asifa Kiran</t>
  </si>
  <si>
    <t>GGPS 3/GD</t>
  </si>
  <si>
    <t>3GD</t>
  </si>
  <si>
    <t>Chak no.3GD Tehsil Renala Khurd district Okara</t>
  </si>
  <si>
    <t>Lahorianwala</t>
  </si>
  <si>
    <t>Robina Kosur</t>
  </si>
  <si>
    <t>GGPS 30 1AL FARM</t>
  </si>
  <si>
    <t>30/1AL</t>
  </si>
  <si>
    <t>sadique nagar street no 6 chungi no 6 okara</t>
  </si>
  <si>
    <t>30/1AL Farm</t>
  </si>
  <si>
    <t>Zahida Dildar</t>
  </si>
  <si>
    <t>GGPS 30 M</t>
  </si>
  <si>
    <t>Chk30/m</t>
  </si>
  <si>
    <t>30M</t>
  </si>
  <si>
    <t>Rashida Naseer</t>
  </si>
  <si>
    <t>GGPS 30/14-L</t>
  </si>
  <si>
    <t>30/14L</t>
  </si>
  <si>
    <t>30/14.L Tehsil CCI District sahiwal</t>
  </si>
  <si>
    <t>GGPS 30/4.L</t>
  </si>
  <si>
    <t>GGPS 303 EB CHOPRANWALA</t>
  </si>
  <si>
    <t>Chupranwala</t>
  </si>
  <si>
    <t>chak#303/e.b chupranwala</t>
  </si>
  <si>
    <t>303/eb</t>
  </si>
  <si>
    <t>Sultana BAshir</t>
  </si>
  <si>
    <t>GGPS 303 WB</t>
  </si>
  <si>
    <t>303 Wb</t>
  </si>
  <si>
    <t>chak # 303/wb</t>
  </si>
  <si>
    <t>Sultan Ayoub</t>
  </si>
  <si>
    <t>Uzma Khan</t>
  </si>
  <si>
    <t>GGPS 305 WB</t>
  </si>
  <si>
    <t>Chak#305</t>
  </si>
  <si>
    <t>govt girls primary school 305/wb</t>
  </si>
  <si>
    <t>Chak#305/wb</t>
  </si>
  <si>
    <t>ROBINA FARDOUS</t>
  </si>
  <si>
    <t>GGPS 307 EB</t>
  </si>
  <si>
    <t>Chak No 307</t>
  </si>
  <si>
    <t>chak no 307/EB Burewala</t>
  </si>
  <si>
    <t>GGPS 307 WB</t>
  </si>
  <si>
    <t>chk307/wb dunyapur</t>
  </si>
  <si>
    <t>Chak No307/Wb</t>
  </si>
  <si>
    <t>Sultan Ayub</t>
  </si>
  <si>
    <t>Nighat Rehana</t>
  </si>
  <si>
    <t>GGPS 309 EB NEW</t>
  </si>
  <si>
    <t>Diwan Sahb</t>
  </si>
  <si>
    <t>chak no. 309/ EB burewala</t>
  </si>
  <si>
    <t>309/EB New</t>
  </si>
  <si>
    <t>Robina Kauser</t>
  </si>
  <si>
    <t>GGPS 31 EB</t>
  </si>
  <si>
    <t>Chak  No 31/Eb</t>
  </si>
  <si>
    <t>chak No 31/EB Tehsil Arifwala, Disttic pakpattan</t>
  </si>
  <si>
    <t>Chak No 31/EB</t>
  </si>
  <si>
    <t>Shamim Aslam</t>
  </si>
  <si>
    <t>GGPS 31 M NO 2</t>
  </si>
  <si>
    <t>Chak No.31/M Basti Shor Kot Dunyapur District Lodhran</t>
  </si>
  <si>
    <t>Chak No.31/M</t>
  </si>
  <si>
    <t>Chak No.35/M</t>
  </si>
  <si>
    <t>Nafees Mustafa</t>
  </si>
  <si>
    <t>GGPS 31/14-L</t>
  </si>
  <si>
    <t>GGPS 31/14_L P O 82 /12_L teh.chichawatni distt,sahiwal</t>
  </si>
  <si>
    <t>GGPS 31/2-L BASTI NAWAB WALA</t>
  </si>
  <si>
    <t>GGPS BASTI CHAHNAWAB WALA 31/2.L OKARA</t>
  </si>
  <si>
    <t>CHAK NO 31/2.L OKARA</t>
  </si>
  <si>
    <t>GGPS 31/4.L</t>
  </si>
  <si>
    <t>31/4-L Okara</t>
  </si>
  <si>
    <t>colser colony</t>
  </si>
  <si>
    <t>31/4-L</t>
  </si>
  <si>
    <t>Ishrat Majeed</t>
  </si>
  <si>
    <t>GGPS 31/G.D</t>
  </si>
  <si>
    <t>34 Gd</t>
  </si>
  <si>
    <t>31GD,Okara</t>
  </si>
  <si>
    <t>31 Gd</t>
  </si>
  <si>
    <t>Zanib</t>
  </si>
  <si>
    <t>GGPS 311 WB</t>
  </si>
  <si>
    <t>311/wb</t>
  </si>
  <si>
    <t>chak no 311/w.b</t>
  </si>
  <si>
    <t>Chak No 311/wb</t>
  </si>
  <si>
    <t>from other hand pump</t>
  </si>
  <si>
    <t>GGPS 3-1AL</t>
  </si>
  <si>
    <t>3/1.AL</t>
  </si>
  <si>
    <t>CHAK NO. 3/1.AL TAHSIL RENALA KHURD</t>
  </si>
  <si>
    <t>CHAK NO.3/1.AL</t>
  </si>
  <si>
    <t>Rehana Nizami Head Teacher</t>
  </si>
  <si>
    <t>GGPS 3-1L</t>
  </si>
  <si>
    <t>3/1L</t>
  </si>
  <si>
    <t>Razia sultana</t>
  </si>
  <si>
    <t>GGPS 32 DB</t>
  </si>
  <si>
    <t>SHADIA  NO.2 -FEMALE</t>
  </si>
  <si>
    <t>32db</t>
  </si>
  <si>
    <t>Saeeda Noreen</t>
  </si>
  <si>
    <t>GGPS 32 JBII</t>
  </si>
  <si>
    <t>chak No 32 jb 1st</t>
  </si>
  <si>
    <t>32jb2nd</t>
  </si>
  <si>
    <t>Chak No 34</t>
  </si>
  <si>
    <t>GGPS 32/10-R, KACHA KHUH</t>
  </si>
  <si>
    <t>32-10-r</t>
  </si>
  <si>
    <t>Chak. No32-10-r</t>
  </si>
  <si>
    <t>27-10-r</t>
  </si>
  <si>
    <t>Rukhsana Habib</t>
  </si>
  <si>
    <t>GGPS 32/4-L</t>
  </si>
  <si>
    <t>32/4l</t>
  </si>
  <si>
    <t>Miss Shafiqa Razzaq</t>
  </si>
  <si>
    <t>GGPS 32-35/14-L BASTI SAYYADAN</t>
  </si>
  <si>
    <t>Basti Sayyeda</t>
  </si>
  <si>
    <t>chak 32-35/14</t>
  </si>
  <si>
    <t>32-35/14</t>
  </si>
  <si>
    <t>31/14</t>
  </si>
  <si>
    <t>Alia Mubarik</t>
  </si>
  <si>
    <t>GGPS 325 WB</t>
  </si>
  <si>
    <t>325wb</t>
  </si>
  <si>
    <t>Chak# 342/wb</t>
  </si>
  <si>
    <t>Shumila Akram</t>
  </si>
  <si>
    <t>GGPS 326/HR</t>
  </si>
  <si>
    <t>326#hr</t>
  </si>
  <si>
    <t>GGPS  326#hr</t>
  </si>
  <si>
    <t>327#hr</t>
  </si>
  <si>
    <t>GGPS 327 WB DUNYAPUR</t>
  </si>
  <si>
    <t>327 wb</t>
  </si>
  <si>
    <t>ggps 327 wbdunyapur9</t>
  </si>
  <si>
    <t>chak no. 327 wb</t>
  </si>
  <si>
    <t>chak no. 342 wb</t>
  </si>
  <si>
    <t>GGPS 33 EB</t>
  </si>
  <si>
    <t>Chak No 33/eb</t>
  </si>
  <si>
    <t>chak no 33E.B Arifwala distt Pakpattan</t>
  </si>
  <si>
    <t>Head Quarter 75/eb</t>
  </si>
  <si>
    <t>GGPS 33 KB (NEW)</t>
  </si>
  <si>
    <t>CHAK NO.33KBNEW</t>
  </si>
  <si>
    <t>GGPS 33KB NEW</t>
  </si>
  <si>
    <t>Noshera Jamlera</t>
  </si>
  <si>
    <t>Farzana Baqar</t>
  </si>
  <si>
    <t>GGPS 33 SP</t>
  </si>
  <si>
    <t>33s/p Pakpattan</t>
  </si>
  <si>
    <t>33s/p</t>
  </si>
  <si>
    <t>GGPS 33/14-L</t>
  </si>
  <si>
    <t>33 / 14L</t>
  </si>
  <si>
    <t>33 / 14.L Tehsil chichawatni District sahiwal</t>
  </si>
  <si>
    <t>Hafiza Iqra Yousaf</t>
  </si>
  <si>
    <t>GGPS 33/G.D</t>
  </si>
  <si>
    <t>33gd sadar gogera okara</t>
  </si>
  <si>
    <t>33gd</t>
  </si>
  <si>
    <t>34gd</t>
  </si>
  <si>
    <t>GGPS 33/M NO.1</t>
  </si>
  <si>
    <t>33M</t>
  </si>
  <si>
    <t>Chak no 33 M tehsil duniapur district lodhran</t>
  </si>
  <si>
    <t>Sirajwala</t>
  </si>
  <si>
    <t>Ambreen Yousaf</t>
  </si>
  <si>
    <t>GGPS 334 WB</t>
  </si>
  <si>
    <t>334/WB Mailsi Vehari</t>
  </si>
  <si>
    <t>334/WB</t>
  </si>
  <si>
    <t>335/WB</t>
  </si>
  <si>
    <t>farkhanda saleem</t>
  </si>
  <si>
    <t>GGPS 334/WB NEW</t>
  </si>
  <si>
    <t>334WB New</t>
  </si>
  <si>
    <t>G.G p\s334\WB New</t>
  </si>
  <si>
    <t>334WB</t>
  </si>
  <si>
    <t>335WB</t>
  </si>
  <si>
    <t>Zahra Bibi</t>
  </si>
  <si>
    <t>GGPS 337 EB</t>
  </si>
  <si>
    <t>337/EB</t>
  </si>
  <si>
    <t>chak no 331/EB</t>
  </si>
  <si>
    <t>333/EB</t>
  </si>
  <si>
    <t>Tayaba saleem</t>
  </si>
  <si>
    <t>GGPS 337 WB DUNYA PUR</t>
  </si>
  <si>
    <t>337 Wb</t>
  </si>
  <si>
    <t>GGPS 337 wb Dunyapur</t>
  </si>
  <si>
    <t>GGPS 338/WB</t>
  </si>
  <si>
    <t>DollaArain</t>
  </si>
  <si>
    <t>338wb</t>
  </si>
  <si>
    <t>FARHAT NAZIR</t>
  </si>
  <si>
    <t>GGPS 34 KB</t>
  </si>
  <si>
    <t>34 Kb</t>
  </si>
  <si>
    <t>chak no 34 kb tehsil arifwala district pakpattan</t>
  </si>
  <si>
    <t>Sajida Sadiq</t>
  </si>
  <si>
    <t>GGPS 34/14-L</t>
  </si>
  <si>
    <t>34/14-L</t>
  </si>
  <si>
    <t>Chak No. 34/14-L p. o 82/12-L Chichawatni District Sahiwal</t>
  </si>
  <si>
    <t>Nabila Perveen</t>
  </si>
  <si>
    <t>GGPS 34/M</t>
  </si>
  <si>
    <t>34M</t>
  </si>
  <si>
    <t>ggps 34M</t>
  </si>
  <si>
    <t>GGPS 343/EB</t>
  </si>
  <si>
    <t>343/EB</t>
  </si>
  <si>
    <t>chak no.343eb arifwala</t>
  </si>
  <si>
    <t>Chak No 351/EB</t>
  </si>
  <si>
    <t>Seerat Ul Urooj</t>
  </si>
  <si>
    <t>GGPS 347/WB</t>
  </si>
  <si>
    <t>347Wb</t>
  </si>
  <si>
    <t>chak no.347/wb</t>
  </si>
  <si>
    <t>Chak No347/wb</t>
  </si>
  <si>
    <t>GGPS 35 KB</t>
  </si>
  <si>
    <t>chak no. 35/K.B</t>
  </si>
  <si>
    <t>Chak 35/KB</t>
  </si>
  <si>
    <t>Romysa Rafique</t>
  </si>
  <si>
    <t>GGPS 35/10-R, KACHA KHUH</t>
  </si>
  <si>
    <t>35/10-R</t>
  </si>
  <si>
    <t>36/10-R</t>
  </si>
  <si>
    <t>Syeda Samrah Bukhari</t>
  </si>
  <si>
    <t>GGPS 35/2.L</t>
  </si>
  <si>
    <t>GGPS 35/2-L okara</t>
  </si>
  <si>
    <t>35/2-L</t>
  </si>
  <si>
    <t>32/2-L</t>
  </si>
  <si>
    <t>Suraya Rozina</t>
  </si>
  <si>
    <t>GGPS 35/4.L</t>
  </si>
  <si>
    <t>chak no.35/4L okara</t>
  </si>
  <si>
    <t>35/4L</t>
  </si>
  <si>
    <t>36/A4L</t>
  </si>
  <si>
    <t>Allah Mafi</t>
  </si>
  <si>
    <t>GGPS 35/G.D</t>
  </si>
  <si>
    <t>35 GD</t>
  </si>
  <si>
    <t>chak# 35 GD okara</t>
  </si>
  <si>
    <t>38 GD</t>
  </si>
  <si>
    <t>Mahvish Allah Ditta</t>
  </si>
  <si>
    <t>GGPS 35/M SOUTH COLONY</t>
  </si>
  <si>
    <t>35M Colony</t>
  </si>
  <si>
    <t>chak 35/m calony tehsil dunyapur,district lodhran</t>
  </si>
  <si>
    <t>35/m calony</t>
  </si>
  <si>
    <t>chak 35/m</t>
  </si>
  <si>
    <t>Fauzia Perveen</t>
  </si>
  <si>
    <t>GGPS 35/NP</t>
  </si>
  <si>
    <t>GGGPS chak no 35 np moza Kandair sdk ryk</t>
  </si>
  <si>
    <t>Chak 35np</t>
  </si>
  <si>
    <t>Kot Sanjar Khan</t>
  </si>
  <si>
    <t>GGPS 353 EB ARIFWALA</t>
  </si>
  <si>
    <t>353/eb</t>
  </si>
  <si>
    <t>chak no 353/eb</t>
  </si>
  <si>
    <t>Sana Rafiq</t>
  </si>
  <si>
    <t>GGPS 355/EB NEW</t>
  </si>
  <si>
    <t>355eb</t>
  </si>
  <si>
    <t>chak no 355 e.b</t>
  </si>
  <si>
    <t>355 EB</t>
  </si>
  <si>
    <t>Sidra Bukhari</t>
  </si>
  <si>
    <t>GGPS 357 EB</t>
  </si>
  <si>
    <t>357/EB</t>
  </si>
  <si>
    <t>chak no 357/EB Burewala</t>
  </si>
  <si>
    <t>Chak No 175/EB</t>
  </si>
  <si>
    <t>Hafiza Aisha Amtul</t>
  </si>
  <si>
    <t>GGPS 36 KB</t>
  </si>
  <si>
    <t>GGPS 36kB Markaz Mana more</t>
  </si>
  <si>
    <t>chak# 36kB</t>
  </si>
  <si>
    <t>Dad Jamlera</t>
  </si>
  <si>
    <t>Syeda Toqeer Tahira Naqvi</t>
  </si>
  <si>
    <t>GGPS 36/10-R, KACHA KHUH</t>
  </si>
  <si>
    <t>36/10r</t>
  </si>
  <si>
    <t>36/10.r</t>
  </si>
  <si>
    <t>Sumera Shafi</t>
  </si>
  <si>
    <t>GGPS 36/4-L</t>
  </si>
  <si>
    <t>GGPS36/4L</t>
  </si>
  <si>
    <t>36A/4L</t>
  </si>
  <si>
    <t>Aqsa Afaq</t>
  </si>
  <si>
    <t>GGPS 36/SP KALAN</t>
  </si>
  <si>
    <t>36/SP</t>
  </si>
  <si>
    <t>36/sp (kalan) teh.&amp;distt pakpattan</t>
  </si>
  <si>
    <t>36 /Sp</t>
  </si>
  <si>
    <t>30 /sp</t>
  </si>
  <si>
    <t>Rahila Maqsood</t>
  </si>
  <si>
    <t>GGPS 360/WB</t>
  </si>
  <si>
    <t>khoi wala ,Chak no. 360/wb tehsil dunyapur, district lodhran</t>
  </si>
  <si>
    <t>Khoi Wala</t>
  </si>
  <si>
    <t>GGPS 361/WB WEST</t>
  </si>
  <si>
    <t>361 West</t>
  </si>
  <si>
    <t>chak no 361 wb</t>
  </si>
  <si>
    <t>361/west</t>
  </si>
  <si>
    <t>NUSRAT IQBAL</t>
  </si>
  <si>
    <t>GGPS 363 EB</t>
  </si>
  <si>
    <t>363eb</t>
  </si>
  <si>
    <t>Chak number 363 tehsil burewala</t>
  </si>
  <si>
    <t>175eb</t>
  </si>
  <si>
    <t>Yasmin Khurshid</t>
  </si>
  <si>
    <t>GGPS 366 GB I SATIANA</t>
  </si>
  <si>
    <t>chak no 366G.B teh jrw dist fsd</t>
  </si>
  <si>
    <t>366 GB</t>
  </si>
  <si>
    <t>364Gb</t>
  </si>
  <si>
    <t>Misbah Noureen</t>
  </si>
  <si>
    <t>GGPS 366/WB</t>
  </si>
  <si>
    <t>chak #366/wb.tehsil dunyapur district lodhran</t>
  </si>
  <si>
    <t>366 West B</t>
  </si>
  <si>
    <t>366wb</t>
  </si>
  <si>
    <t>GGPS 368/WB</t>
  </si>
  <si>
    <t>369/wb</t>
  </si>
  <si>
    <t>368/wb teh  dunyapur district lodhran</t>
  </si>
  <si>
    <t>368/wb</t>
  </si>
  <si>
    <t>GGPS 369 EB</t>
  </si>
  <si>
    <t>369 eb</t>
  </si>
  <si>
    <t>chak no 369 eb</t>
  </si>
  <si>
    <t>175/EB</t>
  </si>
  <si>
    <t>GGPS 369/WB NO.2</t>
  </si>
  <si>
    <t>69 Mor Colony</t>
  </si>
  <si>
    <t>chak No 369 wb tehsil dunyapur district lodhran</t>
  </si>
  <si>
    <t>369 WBWB</t>
  </si>
  <si>
    <t>NAIK BIBI</t>
  </si>
  <si>
    <t>GGPS 36-A/G.D</t>
  </si>
  <si>
    <t>Jaboka</t>
  </si>
  <si>
    <t>36A/GD okara</t>
  </si>
  <si>
    <t>36A/GD</t>
  </si>
  <si>
    <t>Bahadur Nagar Farm 36/37GD</t>
  </si>
  <si>
    <t>Assar Nafeesa</t>
  </si>
  <si>
    <t>GGPS 37 EB</t>
  </si>
  <si>
    <t>Chak No 37/eb</t>
  </si>
  <si>
    <t>chak no. 37 /eb Arifwala. distt Pakpattan.</t>
  </si>
  <si>
    <t>Chak No 75 Eb</t>
  </si>
  <si>
    <t>Sana Zubair</t>
  </si>
  <si>
    <t>GGPS 37 KB</t>
  </si>
  <si>
    <t>chak# 37 Kb Tehseel Burewala.</t>
  </si>
  <si>
    <t>Zile Huma</t>
  </si>
  <si>
    <t>GGPS 37/10-R, KACHA KHUH</t>
  </si>
  <si>
    <t>37/10-R</t>
  </si>
  <si>
    <t>ggps 37/10-R</t>
  </si>
  <si>
    <t>sana Rao</t>
  </si>
  <si>
    <t>GGPS 37/12-L GUJRAN WALI</t>
  </si>
  <si>
    <t>37/12L Gujranwala</t>
  </si>
  <si>
    <t>GGPs 37/12 L Gujranwala</t>
  </si>
  <si>
    <t>37/12LGujranwali</t>
  </si>
  <si>
    <t>Robina Iqbal</t>
  </si>
  <si>
    <t>GGPS 37/12-L HAJIAN WALA</t>
  </si>
  <si>
    <t>37/11L H</t>
  </si>
  <si>
    <t>ggps 37/12-L hajianwali</t>
  </si>
  <si>
    <t>37/12-L Hajianwali</t>
  </si>
  <si>
    <t>Yasmeen Nazir</t>
  </si>
  <si>
    <t>GGPS 37/14-L</t>
  </si>
  <si>
    <t>37/14L</t>
  </si>
  <si>
    <t>37/14L Sahiwal</t>
  </si>
  <si>
    <t>Shabnam Shabbir</t>
  </si>
  <si>
    <t>GGPS 37/4.L</t>
  </si>
  <si>
    <t>chak no.37/4L okara</t>
  </si>
  <si>
    <t>GGPS 37/M NO.2</t>
  </si>
  <si>
    <t>Chak No 37/m P/O 35/m Tehsil Dunyapur District Lodhran</t>
  </si>
  <si>
    <t>GGPS 37/WB BONGA</t>
  </si>
  <si>
    <t>Chak No 37 Wb/ Basti Bong</t>
  </si>
  <si>
    <t>Chak no 37 wb basti bonga</t>
  </si>
  <si>
    <t>Chak No 37 Wb</t>
  </si>
  <si>
    <t>GGPS 371 EB</t>
  </si>
  <si>
    <t>371EB</t>
  </si>
  <si>
    <t>175EB</t>
  </si>
  <si>
    <t>Khadija Iqbal</t>
  </si>
  <si>
    <t>GGPS 373 EB</t>
  </si>
  <si>
    <t>Chak no 373/EB</t>
  </si>
  <si>
    <t>373/EB</t>
  </si>
  <si>
    <t>Madiha Mahmood</t>
  </si>
  <si>
    <t>GGPS 37-38/4.L</t>
  </si>
  <si>
    <t>37-38/4l</t>
  </si>
  <si>
    <t>30/4l</t>
  </si>
  <si>
    <t>Shakila Tabassum</t>
  </si>
  <si>
    <t>GGPS 374/EAST 374/WB</t>
  </si>
  <si>
    <t>374/wb East</t>
  </si>
  <si>
    <t>chak 374/wb east tehseel dunyapur district lodhran</t>
  </si>
  <si>
    <t>374 /Wb</t>
  </si>
  <si>
    <t>Naheed Koser</t>
  </si>
  <si>
    <t>GGPS 374/W.B GARBI</t>
  </si>
  <si>
    <t>374/WB Ghrbi</t>
  </si>
  <si>
    <t>Govt. Girls primary school 374/W. B</t>
  </si>
  <si>
    <t>374 /W B</t>
  </si>
  <si>
    <t>386/WB</t>
  </si>
  <si>
    <t>Surriya Shaheen</t>
  </si>
  <si>
    <t>basti malok water supply</t>
  </si>
  <si>
    <t>GGPS 375 EB</t>
  </si>
  <si>
    <t>chak no 375 E.B/ Dakhana Gaggoo Burewala</t>
  </si>
  <si>
    <t>375EB</t>
  </si>
  <si>
    <t>SHAMIM AKTHAR</t>
  </si>
  <si>
    <t>GGPS 377 EB</t>
  </si>
  <si>
    <t>ggps377</t>
  </si>
  <si>
    <t>sumayra zarin</t>
  </si>
  <si>
    <t>GGPS 377 GB I</t>
  </si>
  <si>
    <t>377 Budhy Ka Chak</t>
  </si>
  <si>
    <t>chak no 377 GB 1</t>
  </si>
  <si>
    <t>377 GB1</t>
  </si>
  <si>
    <t>363/GB Sammi di Jhok</t>
  </si>
  <si>
    <t>Gulshan Shahzadi</t>
  </si>
  <si>
    <t>GGPS 38 SP</t>
  </si>
  <si>
    <t>38/sp</t>
  </si>
  <si>
    <t>Post office Ch  No 39/s.p Ch #38/s.p</t>
  </si>
  <si>
    <t>Muse Wal</t>
  </si>
  <si>
    <t>Khadija B B</t>
  </si>
  <si>
    <t>GGPS 38/14-L</t>
  </si>
  <si>
    <t>38/14L</t>
  </si>
  <si>
    <t>39/14L</t>
  </si>
  <si>
    <t>SHAGUFTA SHAFIQUE</t>
  </si>
  <si>
    <t>GGPS 38/M</t>
  </si>
  <si>
    <t>38/m</t>
  </si>
  <si>
    <t>chak # 38/m dunyapur lodhran</t>
  </si>
  <si>
    <t>Chak # 38/m</t>
  </si>
  <si>
    <t>Dunyapur Dehi</t>
  </si>
  <si>
    <t>Fazilat Rani</t>
  </si>
  <si>
    <t>GGPS 381/WB NO.2</t>
  </si>
  <si>
    <t>Kho Khuda Bux Wala</t>
  </si>
  <si>
    <t>GGPS381 wb  no 2</t>
  </si>
  <si>
    <t>Chak No 381</t>
  </si>
  <si>
    <t>Chak  No 384</t>
  </si>
  <si>
    <t>GGPS 382/WB</t>
  </si>
  <si>
    <t>Chak 382</t>
  </si>
  <si>
    <t>chak no 382/wb</t>
  </si>
  <si>
    <t>382/wb</t>
  </si>
  <si>
    <t>MUQADDAS NAVEED</t>
  </si>
  <si>
    <t>GGPS 385/W.B</t>
  </si>
  <si>
    <t>385 Wb</t>
  </si>
  <si>
    <t>chak 385.wb</t>
  </si>
  <si>
    <t>385wb</t>
  </si>
  <si>
    <t>384wb</t>
  </si>
  <si>
    <t>NAJMA NAEEM AKHTar</t>
  </si>
  <si>
    <t>GGPS 386/W.B NO.2</t>
  </si>
  <si>
    <t>GGPS386#2</t>
  </si>
  <si>
    <t>386#2</t>
  </si>
  <si>
    <t>GGPS 388/W.B NO.2</t>
  </si>
  <si>
    <t>GGPS 389/W.B GARBI</t>
  </si>
  <si>
    <t>GGPS Chack nombr 389WB garbi</t>
  </si>
  <si>
    <t>389 WB Gharbi</t>
  </si>
  <si>
    <t>FOZIA IBRAHIM</t>
  </si>
  <si>
    <t>GGPS 39 KB</t>
  </si>
  <si>
    <t>39/kb</t>
  </si>
  <si>
    <t>chak no.39KB burewlala</t>
  </si>
  <si>
    <t>Chak No 39 Kb</t>
  </si>
  <si>
    <t>Fatima tariq</t>
  </si>
  <si>
    <t>GGPS 39/2.L JORAY</t>
  </si>
  <si>
    <t>39/2L joray</t>
  </si>
  <si>
    <t>Chak no. 39/2L tehsil and district okara</t>
  </si>
  <si>
    <t>39/2L</t>
  </si>
  <si>
    <t>27/4L</t>
  </si>
  <si>
    <t>Farhat naseem</t>
  </si>
  <si>
    <t>GGPS 39/3-R AZAFI BASTI</t>
  </si>
  <si>
    <t>39/3 r Ab</t>
  </si>
  <si>
    <t>39/3 r ab</t>
  </si>
  <si>
    <t>23/3 r</t>
  </si>
  <si>
    <t>Sadaf Nayab Akhtar</t>
  </si>
  <si>
    <t>GGPS 39/G.D</t>
  </si>
  <si>
    <t>39/GD</t>
  </si>
  <si>
    <t>chak no 39/ GD</t>
  </si>
  <si>
    <t>40 GD</t>
  </si>
  <si>
    <t>GGPS 39/G.D DAKHLI</t>
  </si>
  <si>
    <t>g.g.p.s 39 gd dakhli</t>
  </si>
  <si>
    <t>39 Gd Dakhli</t>
  </si>
  <si>
    <t>40 Gd Ray Por</t>
  </si>
  <si>
    <t>Nazia Nasir</t>
  </si>
  <si>
    <t>GGPS 39/M</t>
  </si>
  <si>
    <t>Chak39m</t>
  </si>
  <si>
    <t>GGPS39m</t>
  </si>
  <si>
    <t>Asia Barkat</t>
  </si>
  <si>
    <t>GGPS 39/P</t>
  </si>
  <si>
    <t>bismilapur</t>
  </si>
  <si>
    <t>chak no. 39/p</t>
  </si>
  <si>
    <t>chak no 39</t>
  </si>
  <si>
    <t>Huma Kousar</t>
  </si>
  <si>
    <t>GGPS 396/GB III</t>
  </si>
  <si>
    <t>Shadow Key</t>
  </si>
  <si>
    <t>396/3gb</t>
  </si>
  <si>
    <t>396/90</t>
  </si>
  <si>
    <t>Bazgha Zahoor</t>
  </si>
  <si>
    <t>GGPS 398/GB</t>
  </si>
  <si>
    <t>Tulley</t>
  </si>
  <si>
    <t>chak no 398/w gb</t>
  </si>
  <si>
    <t>Chak No 615 GB</t>
  </si>
  <si>
    <t>GGPS 399/GB</t>
  </si>
  <si>
    <t>Jandawali</t>
  </si>
  <si>
    <t>chak no 399gb</t>
  </si>
  <si>
    <t>399gb</t>
  </si>
  <si>
    <t>Chak 452gb</t>
  </si>
  <si>
    <t>Maria Munir</t>
  </si>
  <si>
    <t>GGPS 4 MB</t>
  </si>
  <si>
    <t>ggps 4mb shadia</t>
  </si>
  <si>
    <t>chak 4mb</t>
  </si>
  <si>
    <t>wan bhachran</t>
  </si>
  <si>
    <t>Balqees nasir</t>
  </si>
  <si>
    <t>GGPS 4 TANDLIANWALA</t>
  </si>
  <si>
    <t>City Tandliawnala</t>
  </si>
  <si>
    <t>CANAL ROAD TANDLIANWALA</t>
  </si>
  <si>
    <t>City tandlianwala</t>
  </si>
  <si>
    <t>MC TANDLIANWALA</t>
  </si>
  <si>
    <t>Rehana Kuser</t>
  </si>
  <si>
    <t>GGPS 4 WB BASTI MAHI</t>
  </si>
  <si>
    <t>Bastimahi</t>
  </si>
  <si>
    <t>Chack no. 4wb Basti Mahi vehari</t>
  </si>
  <si>
    <t>4 Wb Basti Mahi</t>
  </si>
  <si>
    <t>533 Eb</t>
  </si>
  <si>
    <t>Sana Ismail</t>
  </si>
  <si>
    <t>GGPS 4/10-L</t>
  </si>
  <si>
    <t>chak#4/10_L harappa</t>
  </si>
  <si>
    <t>4/10L Harappa</t>
  </si>
  <si>
    <t>Rameeza Sahir</t>
  </si>
  <si>
    <t>GGPS 4/8-AR, KACHA KHUH</t>
  </si>
  <si>
    <t>4/8ar</t>
  </si>
  <si>
    <t>CHAk No4/8ar</t>
  </si>
  <si>
    <t>Shumaila jamal</t>
  </si>
  <si>
    <t>GGPS 4/A</t>
  </si>
  <si>
    <t>4/A</t>
  </si>
  <si>
    <t>dehi  abadi  Chak 4 /a</t>
  </si>
  <si>
    <t>25/A</t>
  </si>
  <si>
    <t>GGPS 4/FW AWAN PURA</t>
  </si>
  <si>
    <t>Chak No 4f w  4fwAwanpura</t>
  </si>
  <si>
    <t>Awan pura chishtian</t>
  </si>
  <si>
    <t>Awan Pura</t>
  </si>
  <si>
    <t>GGPS 4/RMG</t>
  </si>
  <si>
    <t>Rakhmoj Garh</t>
  </si>
  <si>
    <t>chak no.4 rakh moj Garh</t>
  </si>
  <si>
    <t>Chak no 4rmg</t>
  </si>
  <si>
    <t>Pattiblanda</t>
  </si>
  <si>
    <t>Nazia akhtar</t>
  </si>
  <si>
    <t>GGPS 40 A/NP</t>
  </si>
  <si>
    <t>KOT SABZAL - FEMALE</t>
  </si>
  <si>
    <t>chak 40</t>
  </si>
  <si>
    <t>GGP/S chak 40/anp,kot sbzal,sdk</t>
  </si>
  <si>
    <t>40/Anp</t>
  </si>
  <si>
    <t>Chachran</t>
  </si>
  <si>
    <t>neighbourhood</t>
  </si>
  <si>
    <t>GGPS 40 KB</t>
  </si>
  <si>
    <t>40 Kb</t>
  </si>
  <si>
    <t>Chak no 40 kb p/o sahuka</t>
  </si>
  <si>
    <t>Saldera Atthar</t>
  </si>
  <si>
    <t>Mudassra Riaz</t>
  </si>
  <si>
    <t>GGPS 40 SP</t>
  </si>
  <si>
    <t>40/sp</t>
  </si>
  <si>
    <t>chak 40/sp Teh Pak Dis Pak po box 39/sp</t>
  </si>
  <si>
    <t>GGPS 40 WB</t>
  </si>
  <si>
    <t>40wb</t>
  </si>
  <si>
    <t>Chak no 40wb</t>
  </si>
  <si>
    <t>Faiza Hussain</t>
  </si>
  <si>
    <t>GGPS 40/12-L</t>
  </si>
  <si>
    <t>40/12L</t>
  </si>
  <si>
    <t>Chak 40/12L</t>
  </si>
  <si>
    <t>Chak109/12</t>
  </si>
  <si>
    <t>Shahida Firdous</t>
  </si>
  <si>
    <t>GGPS 40/2.L</t>
  </si>
  <si>
    <t>40/2L</t>
  </si>
  <si>
    <t>27/4L Shahbhore</t>
  </si>
  <si>
    <t>GGPS 40/3-R</t>
  </si>
  <si>
    <t>Sakina Bibi</t>
  </si>
  <si>
    <t>GGPS 40/M</t>
  </si>
  <si>
    <t>Jalla Aaraien</t>
  </si>
  <si>
    <t>40 M tehsil duniya purr district lodhran</t>
  </si>
  <si>
    <t>40 M</t>
  </si>
  <si>
    <t>37 M</t>
  </si>
  <si>
    <t>Nasreen Sharif</t>
  </si>
  <si>
    <t>GGPS 401 EB</t>
  </si>
  <si>
    <t>401/EB</t>
  </si>
  <si>
    <t>chak no 401/EB  Burewala</t>
  </si>
  <si>
    <t>Samrana Kanwal</t>
  </si>
  <si>
    <t>GGPS 403 EB (MURABBA) DAKHLI</t>
  </si>
  <si>
    <t>403/eb</t>
  </si>
  <si>
    <t>chak No 403/e.b(Dakhli).Burewala</t>
  </si>
  <si>
    <t>Munaza Ashiq</t>
  </si>
  <si>
    <t>GGPS 41 GD</t>
  </si>
  <si>
    <t>41gd</t>
  </si>
  <si>
    <t>40gdraypur</t>
  </si>
  <si>
    <t>Ayesha Choudhry</t>
  </si>
  <si>
    <t>GGPS 41 SP P.O 39 SP</t>
  </si>
  <si>
    <t>41 Sp</t>
  </si>
  <si>
    <t>govt.girls primary school 41 sp po box 39 sp</t>
  </si>
  <si>
    <t>Pir Ghni</t>
  </si>
  <si>
    <t>Zaib Ilahi</t>
  </si>
  <si>
    <t>GGPS 41/10-R GHARBI, KACHA KHUH</t>
  </si>
  <si>
    <t>chak no 41 /10-R</t>
  </si>
  <si>
    <t>41 /10-R</t>
  </si>
  <si>
    <t>GGPS 41/10-R JADEED, KACHA KHUH</t>
  </si>
  <si>
    <t>CHOWK JAMAL-II - FEMALE</t>
  </si>
  <si>
    <t>Kacha Khu</t>
  </si>
  <si>
    <t>chak no 41/10 R thsile &amp; district kwl</t>
  </si>
  <si>
    <t>41/10R</t>
  </si>
  <si>
    <t>41/10</t>
  </si>
  <si>
    <t>Nazia Hafeez</t>
  </si>
  <si>
    <t>GGPS 41/14-L</t>
  </si>
  <si>
    <t>41/14l</t>
  </si>
  <si>
    <t>Chak no 41/14l</t>
  </si>
  <si>
    <t>SHAKEELA AKHTAR</t>
  </si>
  <si>
    <t>GGPS 41/3-R</t>
  </si>
  <si>
    <t>41/3R</t>
  </si>
  <si>
    <t>chak no 41/3R</t>
  </si>
  <si>
    <t>GGPS 413 EB</t>
  </si>
  <si>
    <t>413 eb</t>
  </si>
  <si>
    <t>chak no. 413/eb</t>
  </si>
  <si>
    <t>413 EB</t>
  </si>
  <si>
    <t>Irshad Akhter</t>
  </si>
  <si>
    <t>GGPS 42 D KALAN</t>
  </si>
  <si>
    <t>village 42\d kalan tehsil depalpur</t>
  </si>
  <si>
    <t>42d Kalan</t>
  </si>
  <si>
    <t>40D</t>
  </si>
  <si>
    <t>Sumaira Ghafoor</t>
  </si>
  <si>
    <t>GGPS 42 KB</t>
  </si>
  <si>
    <t>chak#42/kb</t>
  </si>
  <si>
    <t>42/kb</t>
  </si>
  <si>
    <t>Dewan Sahib 317/eb</t>
  </si>
  <si>
    <t>Abida  Shaheen</t>
  </si>
  <si>
    <t>GGPS 42 SP SUMANDRY</t>
  </si>
  <si>
    <t>42/SpSmundri</t>
  </si>
  <si>
    <t>42 sp smundri haveli lkha</t>
  </si>
  <si>
    <t>42/Sp Smundri</t>
  </si>
  <si>
    <t>42/sp Samundri</t>
  </si>
  <si>
    <t>Frazia Latif</t>
  </si>
  <si>
    <t>GGPS 42/15-L, MIAN CHANNU</t>
  </si>
  <si>
    <t>42/15-L</t>
  </si>
  <si>
    <t>42/15-L Dak Khana 43/15-L</t>
  </si>
  <si>
    <t>27 Bombay Wala</t>
  </si>
  <si>
    <t>Razia Tahseen</t>
  </si>
  <si>
    <t>water bump &amp; hand bump</t>
  </si>
  <si>
    <t>GGPS 42/M</t>
  </si>
  <si>
    <t>42/M</t>
  </si>
  <si>
    <t>GGPS 422/1-GB</t>
  </si>
  <si>
    <t>GGPS 422/1G.B</t>
  </si>
  <si>
    <t>422GB</t>
  </si>
  <si>
    <t>422 GB</t>
  </si>
  <si>
    <t>Iqra mohsin</t>
  </si>
  <si>
    <t>GGPS 425/6-R</t>
  </si>
  <si>
    <t>425/6r</t>
  </si>
  <si>
    <t>chak 425/6R</t>
  </si>
  <si>
    <t>425/6R</t>
  </si>
  <si>
    <t>Bushra Nadeem</t>
  </si>
  <si>
    <t>GGPS 427 EB</t>
  </si>
  <si>
    <t>chak no. 427/EB burewala</t>
  </si>
  <si>
    <t>Chak No 427/EB Burewala</t>
  </si>
  <si>
    <t>Chak No 425/EB</t>
  </si>
  <si>
    <t>Maha Anis</t>
  </si>
  <si>
    <t>GGPS 427/6-R AB</t>
  </si>
  <si>
    <t>427/6rab</t>
  </si>
  <si>
    <t>427/6R AB</t>
  </si>
  <si>
    <t>427/6R</t>
  </si>
  <si>
    <t>Nazia Mehreen</t>
  </si>
  <si>
    <t>GGPS 42-A/10-R, KACHA KHUH</t>
  </si>
  <si>
    <t>lot Aslam khan</t>
  </si>
  <si>
    <t>GGPS42A/10.R</t>
  </si>
  <si>
    <t>42A/10R</t>
  </si>
  <si>
    <t>GGPS 43 D KALAN</t>
  </si>
  <si>
    <t>43 D Kalan</t>
  </si>
  <si>
    <t>g g p s 43 d kalan</t>
  </si>
  <si>
    <t>Dlowal</t>
  </si>
  <si>
    <t>Tanzeela Faqir</t>
  </si>
  <si>
    <t>GGPS 43/3.R</t>
  </si>
  <si>
    <t>Basti Jay Chand</t>
  </si>
  <si>
    <t>GGPS 43 3/r basti jay cGGPS okara</t>
  </si>
  <si>
    <t>43 3r</t>
  </si>
  <si>
    <t>42 3/r</t>
  </si>
  <si>
    <t>Nimra Muhsin</t>
  </si>
  <si>
    <t>GGPS 43/4.L</t>
  </si>
  <si>
    <t>Najma Jafar</t>
  </si>
  <si>
    <t>GGPS 43/M</t>
  </si>
  <si>
    <t>Chak 43M</t>
  </si>
  <si>
    <t>chak no 43m tehsil dunya pur district lodhran</t>
  </si>
  <si>
    <t>43M</t>
  </si>
  <si>
    <t>Saneela Rafiq</t>
  </si>
  <si>
    <t>GGPS 43/P</t>
  </si>
  <si>
    <t>43/p</t>
  </si>
  <si>
    <t>chak 43/p</t>
  </si>
  <si>
    <t>Shagufta Nighat</t>
  </si>
  <si>
    <t>GGPS 435/EB BASTI DOGRAN WALI</t>
  </si>
  <si>
    <t>435 EB</t>
  </si>
  <si>
    <t>chk no 435 EB D.W burewala</t>
  </si>
  <si>
    <t>Ch No 435</t>
  </si>
  <si>
    <t>Bushra Niaz</t>
  </si>
  <si>
    <t>GGPS 437/EB</t>
  </si>
  <si>
    <t>BUREWALA WEST</t>
  </si>
  <si>
    <t>waraich town 437/EB Burewala</t>
  </si>
  <si>
    <t>437/EB</t>
  </si>
  <si>
    <t>Ward No 1</t>
  </si>
  <si>
    <t>GGPS 44 WB (NEW)</t>
  </si>
  <si>
    <t>44/wb</t>
  </si>
  <si>
    <t>GGPS/44/wb new</t>
  </si>
  <si>
    <t>56/wb</t>
  </si>
  <si>
    <t>GGPS 44 WB (OLD)</t>
  </si>
  <si>
    <t>44wb</t>
  </si>
  <si>
    <t>GGPS 44/3-R</t>
  </si>
  <si>
    <t>44/3R</t>
  </si>
  <si>
    <t>GGPS 44/3_R</t>
  </si>
  <si>
    <t>44 / 3-R</t>
  </si>
  <si>
    <t>23 laly ka</t>
  </si>
  <si>
    <t>Sana Miraj</t>
  </si>
  <si>
    <t>GGPS 44/5-L FOJIAN</t>
  </si>
  <si>
    <t>44/5l</t>
  </si>
  <si>
    <t>ggps44/5l foujian sahiwal</t>
  </si>
  <si>
    <t>44/5l Foujian</t>
  </si>
  <si>
    <t>GGPS 44/5-L KAKUAINA</t>
  </si>
  <si>
    <t>44/5l Kakuana</t>
  </si>
  <si>
    <t>Chk #44/5l kakuana</t>
  </si>
  <si>
    <t>44/5l Sanian</t>
  </si>
  <si>
    <t>Zarina Kousar</t>
  </si>
  <si>
    <t>GGPS 44/5-L SANAIN</t>
  </si>
  <si>
    <t>44/5-L Sanian</t>
  </si>
  <si>
    <t>chak no 44/5-L sanian</t>
  </si>
  <si>
    <t>Ambreen Athar</t>
  </si>
  <si>
    <t>GGPS 443/EB BANGLA NEHAR BUREWALA</t>
  </si>
  <si>
    <t>Bngla Nehar</t>
  </si>
  <si>
    <t>ggps 443/eb bngla nehar burewala</t>
  </si>
  <si>
    <t>443/Eb</t>
  </si>
  <si>
    <t>435/Eb</t>
  </si>
  <si>
    <t>GGPS 443/EB BASTI AWANA BUREWALA</t>
  </si>
  <si>
    <t>GGPS.443/EB Basti Awan Burewala</t>
  </si>
  <si>
    <t>443/EB</t>
  </si>
  <si>
    <t>Zahida Tahira</t>
  </si>
  <si>
    <t>GGPS 445/EB BASTI JOIYA</t>
  </si>
  <si>
    <t>Basti Joyia 445/EB</t>
  </si>
  <si>
    <t>445/EB</t>
  </si>
  <si>
    <t>shamshad tufail</t>
  </si>
  <si>
    <t>GGPS 449/EB</t>
  </si>
  <si>
    <t>Khursheed abad</t>
  </si>
  <si>
    <t>Chak no 449 /EB</t>
  </si>
  <si>
    <t>449/EB</t>
  </si>
  <si>
    <t>457/EB</t>
  </si>
  <si>
    <t>Malika Anjum Shaheen</t>
  </si>
  <si>
    <t>GGPS 449/GB</t>
  </si>
  <si>
    <t>chak 449gb</t>
  </si>
  <si>
    <t>Shameem akhtar</t>
  </si>
  <si>
    <t>GGPS 44KB</t>
  </si>
  <si>
    <t>44/kb</t>
  </si>
  <si>
    <t>chak 44/kb p/o joyia bangla  Burewala</t>
  </si>
  <si>
    <t>333/eb</t>
  </si>
  <si>
    <t>Riffat Abid</t>
  </si>
  <si>
    <t>GGPS 45 KB</t>
  </si>
  <si>
    <t>45/KB</t>
  </si>
  <si>
    <t>chak no 45/KB Burewala</t>
  </si>
  <si>
    <t>50/KB</t>
  </si>
  <si>
    <t>Ghulam fatima</t>
  </si>
  <si>
    <t>GGPS 45/10-R, KHANEWAL</t>
  </si>
  <si>
    <t>CHAK-45-10-R</t>
  </si>
  <si>
    <t>CHAK-4510-R</t>
  </si>
  <si>
    <t>GGPS 45/M NO.1</t>
  </si>
  <si>
    <t>45 m</t>
  </si>
  <si>
    <t>45m teh.dunya pur Distt.lodhran</t>
  </si>
  <si>
    <t>45m</t>
  </si>
  <si>
    <t>siraj wala</t>
  </si>
  <si>
    <t>Sajida Khuda Bux</t>
  </si>
  <si>
    <t>GGPS 45/M NO.2</t>
  </si>
  <si>
    <t>Chack 45M Teh Dunyapur Disst Lodhran</t>
  </si>
  <si>
    <t>Zarqa Shaheen</t>
  </si>
  <si>
    <t>GGPS 451/EB</t>
  </si>
  <si>
    <t>GGPS451/E.B BUREWALA</t>
  </si>
  <si>
    <t>451/EB</t>
  </si>
  <si>
    <t>Khalida paraveen</t>
  </si>
  <si>
    <t>GGPS 452/GB</t>
  </si>
  <si>
    <t>Rehmy Shah</t>
  </si>
  <si>
    <t>chak no 452 gb</t>
  </si>
  <si>
    <t>GGPS 454/GB</t>
  </si>
  <si>
    <t>Sershta</t>
  </si>
  <si>
    <t>chak no 454 GB Paari gujar mohalla</t>
  </si>
  <si>
    <t>454 GB</t>
  </si>
  <si>
    <t>GGPS 456/GB</t>
  </si>
  <si>
    <t>Chan No 456</t>
  </si>
  <si>
    <t>chak no 456 gb</t>
  </si>
  <si>
    <t>456 Gb</t>
  </si>
  <si>
    <t>AZRA Sial</t>
  </si>
  <si>
    <t>GGPS 457/EB</t>
  </si>
  <si>
    <t>Lona Mardani</t>
  </si>
  <si>
    <t>Chak no. 457/eb loona mardani burewala</t>
  </si>
  <si>
    <t>457/eb</t>
  </si>
  <si>
    <t>GGPS 457/GB</t>
  </si>
  <si>
    <t>Garh</t>
  </si>
  <si>
    <t>457gb karor tensil tandlianwala</t>
  </si>
  <si>
    <t>457gb</t>
  </si>
  <si>
    <t>458gb</t>
  </si>
  <si>
    <t>shumaila shafiq</t>
  </si>
  <si>
    <t>GGPS 459/EB</t>
  </si>
  <si>
    <t>459/EB</t>
  </si>
  <si>
    <t>Chak No. 459/EB, Burewala</t>
  </si>
  <si>
    <t>gulnaz fatima</t>
  </si>
  <si>
    <t>GGPS 46 KB</t>
  </si>
  <si>
    <t>46/kb</t>
  </si>
  <si>
    <t>street#13amjad town Burewala</t>
  </si>
  <si>
    <t>50/kb</t>
  </si>
  <si>
    <t>Shamim akhtar</t>
  </si>
  <si>
    <t>GGPS 46/3-R</t>
  </si>
  <si>
    <t>46/3r AB</t>
  </si>
  <si>
    <t>Govt Model primary School 46 3r AB</t>
  </si>
  <si>
    <t>46 3 R AB</t>
  </si>
  <si>
    <t>23-24</t>
  </si>
  <si>
    <t>Razia Barka Ali</t>
  </si>
  <si>
    <t>GGPS 46/GD</t>
  </si>
  <si>
    <t>chack 46/GD P/o same Sahiwal</t>
  </si>
  <si>
    <t>46/GD</t>
  </si>
  <si>
    <t>Shafqat batool</t>
  </si>
  <si>
    <t>GGPS 46/SP</t>
  </si>
  <si>
    <t>Chak 46 Sp</t>
  </si>
  <si>
    <t>m.zia akbar chok 46sp distict pakpattan</t>
  </si>
  <si>
    <t>46 Sp</t>
  </si>
  <si>
    <t>Bail Gung</t>
  </si>
  <si>
    <t>Humera Yasmin</t>
  </si>
  <si>
    <t>GGPS 461/EB BUREWALA</t>
  </si>
  <si>
    <t>461/EB</t>
  </si>
  <si>
    <t>chak 461/E.B</t>
  </si>
  <si>
    <t>Chak NO 461/EB</t>
  </si>
  <si>
    <t>Rashida Sattar</t>
  </si>
  <si>
    <t>GGPS 465 EB</t>
  </si>
  <si>
    <t>465/EB</t>
  </si>
  <si>
    <t>Anila Noreen</t>
  </si>
  <si>
    <t>GGPS 47 D JEEWAN WALA</t>
  </si>
  <si>
    <t>Village 47/d jewan wala</t>
  </si>
  <si>
    <t>47/d jewan wala</t>
  </si>
  <si>
    <t>HUMA SHAHEEN</t>
  </si>
  <si>
    <t>GGPS 47/10-R, KHANEWAL</t>
  </si>
  <si>
    <t>47-10r</t>
  </si>
  <si>
    <t>saleem chok</t>
  </si>
  <si>
    <t>Chak No 47-10r</t>
  </si>
  <si>
    <t>Chak Shahana</t>
  </si>
  <si>
    <t>GGPS 475 EB</t>
  </si>
  <si>
    <t>475eb</t>
  </si>
  <si>
    <t>chak no 475 eb</t>
  </si>
  <si>
    <t>Chalk No 537eb</t>
  </si>
  <si>
    <t>Amtul Naseem</t>
  </si>
  <si>
    <t>GGPS 47-B/15-L, MIAN CHANNU</t>
  </si>
  <si>
    <t>JROLIANWALA</t>
  </si>
  <si>
    <t>CHAK # 47-B/15-L JROLIANWALA MIANCHANNU</t>
  </si>
  <si>
    <t>47-B/15-L</t>
  </si>
  <si>
    <t>124/15-L IKRAMWALI</t>
  </si>
  <si>
    <t>AZRA ISMAEEL</t>
  </si>
  <si>
    <t>GGPS 48 JB</t>
  </si>
  <si>
    <t>48jb</t>
  </si>
  <si>
    <t>Ggps 48jb</t>
  </si>
  <si>
    <t>GGPS 48 KB</t>
  </si>
  <si>
    <t>48/kb</t>
  </si>
  <si>
    <t>Chak no 48/KB burewala</t>
  </si>
  <si>
    <t>Sadia Ghafoor</t>
  </si>
  <si>
    <t>GGPS 48 SP</t>
  </si>
  <si>
    <t>48/sp</t>
  </si>
  <si>
    <t>GGPS 48/SP</t>
  </si>
  <si>
    <t>Afshan Noor Ul Qamar</t>
  </si>
  <si>
    <t>GGPS 48/2-L</t>
  </si>
  <si>
    <t>48/2L</t>
  </si>
  <si>
    <t>chack no 48/2L Okara</t>
  </si>
  <si>
    <t>48/2L Okara</t>
  </si>
  <si>
    <t>32/2L</t>
  </si>
  <si>
    <t>GGPS 48/3.R NIAMI WALA</t>
  </si>
  <si>
    <t>Niami Wala</t>
  </si>
  <si>
    <t>chak no48/3r P/Ob box same district and tehsil okaea</t>
  </si>
  <si>
    <t>Mamona Sadaf</t>
  </si>
  <si>
    <t>GGPS 48/5-L</t>
  </si>
  <si>
    <t>Chak No 48/5-L</t>
  </si>
  <si>
    <t>Govt Girls Primary School Chak No 48/5-L Teh &amp; Distt. Sahiwal</t>
  </si>
  <si>
    <t>Fatima Perveen</t>
  </si>
  <si>
    <t>GGPS 48/GD</t>
  </si>
  <si>
    <t>48/gd</t>
  </si>
  <si>
    <t>Ggps 48/</t>
  </si>
  <si>
    <t>48/Gd</t>
  </si>
  <si>
    <t>KLsoom Akhtar</t>
  </si>
  <si>
    <t>GGPS 487 EB BASTI CHANIN NAWAZ</t>
  </si>
  <si>
    <t>,Ggps 487/EB basti chanin nawaz</t>
  </si>
  <si>
    <t>487/EB</t>
  </si>
  <si>
    <t>Ajaz Batool</t>
  </si>
  <si>
    <t>GGPS 49 JB</t>
  </si>
  <si>
    <t>Baatha</t>
  </si>
  <si>
    <t>49jb11</t>
  </si>
  <si>
    <t>Chak Battha49</t>
  </si>
  <si>
    <t>Asma Fazil</t>
  </si>
  <si>
    <t>GGPS 49 WB</t>
  </si>
  <si>
    <t>49 wb vehari</t>
  </si>
  <si>
    <t>49 W/b</t>
  </si>
  <si>
    <t>53 W/b</t>
  </si>
  <si>
    <t>Rukhsana Qadir</t>
  </si>
  <si>
    <t>GGPS 49/3.R</t>
  </si>
  <si>
    <t>Noor Mohad</t>
  </si>
  <si>
    <t>chak no 49.3r , post office no 49.3r teh &amp; distt okara</t>
  </si>
  <si>
    <t>49 3r</t>
  </si>
  <si>
    <t>45 Gd</t>
  </si>
  <si>
    <t>Shamila Akram</t>
  </si>
  <si>
    <t>GGPS 49/5-L</t>
  </si>
  <si>
    <t>chak No 49/5.L sahiwal</t>
  </si>
  <si>
    <t>Chak No49/5L</t>
  </si>
  <si>
    <t>58/5L</t>
  </si>
  <si>
    <t>Bashiran Mukhtar</t>
  </si>
  <si>
    <t>GGPS 49/GD</t>
  </si>
  <si>
    <t>GGPS 49/G.D</t>
  </si>
  <si>
    <t>49/GD</t>
  </si>
  <si>
    <t>Uzma Aslam</t>
  </si>
  <si>
    <t>GGPS 4-9/R, KACHA KHUH</t>
  </si>
  <si>
    <t>chak no 4/9r doltpur kucha khu</t>
  </si>
  <si>
    <t>4/9R</t>
  </si>
  <si>
    <t>tasleem akhtar</t>
  </si>
  <si>
    <t>GGPS 495 EB</t>
  </si>
  <si>
    <t>Chak 495 EB</t>
  </si>
  <si>
    <t>495/EB burewala</t>
  </si>
  <si>
    <t>495 EB</t>
  </si>
  <si>
    <t>Rukhsana Mushtaq</t>
  </si>
  <si>
    <t>GGPS 49-A/2.L</t>
  </si>
  <si>
    <t>49A/2L</t>
  </si>
  <si>
    <t>GGps 49A/2L okara</t>
  </si>
  <si>
    <t>Rizwana</t>
  </si>
  <si>
    <t>GGPS 49-D</t>
  </si>
  <si>
    <t>49/D</t>
  </si>
  <si>
    <t>GGPS 49/D</t>
  </si>
  <si>
    <t>Kaneez sheeren</t>
  </si>
  <si>
    <t>GGPS 4-FAIZ NO.1 P/O CHAK NO.5 FAIZ MULTAN</t>
  </si>
  <si>
    <t>4 Faiz</t>
  </si>
  <si>
    <t>chak 4 faiz Multan</t>
  </si>
  <si>
    <t>Chak 4 Faiz</t>
  </si>
  <si>
    <t>5 Faiz</t>
  </si>
  <si>
    <t>GGPS 4-FAIZ NO.2 MULTAN</t>
  </si>
  <si>
    <t>3 laat Chak 4 faiz</t>
  </si>
  <si>
    <t>3 Laat</t>
  </si>
  <si>
    <t>Samia Niazi</t>
  </si>
  <si>
    <t>GGPS 4MR P/O KHAN PUR</t>
  </si>
  <si>
    <t>4mr</t>
  </si>
  <si>
    <t>G.G.P.S 4mr p/o khan pur</t>
  </si>
  <si>
    <t>Chak 4mr</t>
  </si>
  <si>
    <t>Nousheen Rafique</t>
  </si>
  <si>
    <t>GGPS 5 MARLA SCHEME LUDDEN</t>
  </si>
  <si>
    <t>basti 5marla</t>
  </si>
  <si>
    <t>Basti 5marla</t>
  </si>
  <si>
    <t>GGPS 5 MARLA SCHEME QADIMI</t>
  </si>
  <si>
    <t>Qadimi</t>
  </si>
  <si>
    <t>Chak doli shaheed Moza Qadimi jhang</t>
  </si>
  <si>
    <t>Doli Shaheed</t>
  </si>
  <si>
    <t>GGPS 5/11-L QUARTI</t>
  </si>
  <si>
    <t>5/11-L</t>
  </si>
  <si>
    <t>Munawer Begum</t>
  </si>
  <si>
    <t>GGPS 5/1R HAROON ABAD</t>
  </si>
  <si>
    <t>5/1R</t>
  </si>
  <si>
    <t>Chak no 5 /1.R, P. O Chak no 4/1.R, tehsil Haroonabad, district BWN</t>
  </si>
  <si>
    <t>Bushra Riaz</t>
  </si>
  <si>
    <t>GGPS 5/8-AR MIRZA PUR, TULAMBA</t>
  </si>
  <si>
    <t>5/8-R Mirza Pur</t>
  </si>
  <si>
    <t>GGPS. 5/8-R Mirza pur. Post office 2/8-R Mirza pur. Markaz Tulamba 2</t>
  </si>
  <si>
    <t>Samina Bashir</t>
  </si>
  <si>
    <t>GGPS 5/FW ABADI</t>
  </si>
  <si>
    <t>5/fw Abadi</t>
  </si>
  <si>
    <t>Chak 5/fw post office chishtian</t>
  </si>
  <si>
    <t>Nida Afzal</t>
  </si>
  <si>
    <t>GGPS 50 KB</t>
  </si>
  <si>
    <t>chak # 50/kb burewala</t>
  </si>
  <si>
    <t>Chak # 50/kb</t>
  </si>
  <si>
    <t>Chak 50/kb</t>
  </si>
  <si>
    <t>Najma Riaz</t>
  </si>
  <si>
    <t>GGPS 50 SP P.O.50 SP</t>
  </si>
  <si>
    <t>Saima Farooq</t>
  </si>
  <si>
    <t>GGPS 50/2.L</t>
  </si>
  <si>
    <t>GGPS 50/2L</t>
  </si>
  <si>
    <t>Kubra Bibi</t>
  </si>
  <si>
    <t>GGPS 50/4R</t>
  </si>
  <si>
    <t>50/4R</t>
  </si>
  <si>
    <t>50/4-r South</t>
  </si>
  <si>
    <t>Nusrat Nazir</t>
  </si>
  <si>
    <t>GGPS 50/4R (N)</t>
  </si>
  <si>
    <t>50/4R N</t>
  </si>
  <si>
    <t>50/4RN</t>
  </si>
  <si>
    <t>GGPS 50/GD</t>
  </si>
  <si>
    <t>50gd</t>
  </si>
  <si>
    <t>Rahmat Bibi</t>
  </si>
  <si>
    <t>GGPS 50-D</t>
  </si>
  <si>
    <t>50D</t>
  </si>
  <si>
    <t>50 D</t>
  </si>
  <si>
    <t>Kausar Sharif</t>
  </si>
  <si>
    <t>GGPS 51 D</t>
  </si>
  <si>
    <t>51d</t>
  </si>
  <si>
    <t>chak no 51 d</t>
  </si>
  <si>
    <t>Piplipharh</t>
  </si>
  <si>
    <t>GGPS 51 KB</t>
  </si>
  <si>
    <t>GGPS 51/KB Burewala</t>
  </si>
  <si>
    <t>51/KB</t>
  </si>
  <si>
    <t>SHAHIDA RAFIQUE</t>
  </si>
  <si>
    <t>GGPS 51 SP POST OFFICE JEVAN SHAH</t>
  </si>
  <si>
    <t>51sp</t>
  </si>
  <si>
    <t>GGps 51 sp jevan shah arifwala</t>
  </si>
  <si>
    <t>51 Sp</t>
  </si>
  <si>
    <t>Jeevan Shah</t>
  </si>
  <si>
    <t>GGPS 51/10-R COLONY NO. 2, KHANEWAL</t>
  </si>
  <si>
    <t>colony no 2</t>
  </si>
  <si>
    <t>Colony no 2</t>
  </si>
  <si>
    <t>Huma Iqbal</t>
  </si>
  <si>
    <t>GGPS 51/15-L, MIAN CHANNU</t>
  </si>
  <si>
    <t>51/15L</t>
  </si>
  <si>
    <t>GGPS 51/15.L Main Channun</t>
  </si>
  <si>
    <t>57/15L</t>
  </si>
  <si>
    <t>Umme Khansa</t>
  </si>
  <si>
    <t>GGPS 51/5-L</t>
  </si>
  <si>
    <t>51/5L</t>
  </si>
  <si>
    <t>51/5L Sahiwal</t>
  </si>
  <si>
    <t>GGPS 51/GD</t>
  </si>
  <si>
    <t>51/gd</t>
  </si>
  <si>
    <t>chak #51/gd swl</t>
  </si>
  <si>
    <t>51/gd Swl</t>
  </si>
  <si>
    <t>50/gd Swl</t>
  </si>
  <si>
    <t>Samina Iram</t>
  </si>
  <si>
    <t>GGPS 51/M LODRAAN</t>
  </si>
  <si>
    <t>Chak 51/m</t>
  </si>
  <si>
    <t>chak no 51/m no 1</t>
  </si>
  <si>
    <t>51/m</t>
  </si>
  <si>
    <t>Chak 49/m</t>
  </si>
  <si>
    <t>Rizwana Dildar</t>
  </si>
  <si>
    <t>GGPS 511 EB</t>
  </si>
  <si>
    <t>CHANU MORR ROAD 511/EB BUREWALA DISTRICT VEHARI</t>
  </si>
  <si>
    <t>170/EB</t>
  </si>
  <si>
    <t>GGPS 517/EB</t>
  </si>
  <si>
    <t>517-EB</t>
  </si>
  <si>
    <t>515 eb</t>
  </si>
  <si>
    <t>Robina Samad</t>
  </si>
  <si>
    <t>GGPS 5-1AL</t>
  </si>
  <si>
    <t>chak no 5/1AL teh RNK distt.OKARA</t>
  </si>
  <si>
    <t>TABASSUM ABDUL GHAFFAR</t>
  </si>
  <si>
    <t>GGPS 5-1L</t>
  </si>
  <si>
    <t>Five One L</t>
  </si>
  <si>
    <t>g g p school five one l</t>
  </si>
  <si>
    <t>5/1L</t>
  </si>
  <si>
    <t>farha ijaz</t>
  </si>
  <si>
    <t>GGPS 52 KB</t>
  </si>
  <si>
    <t>52kb</t>
  </si>
  <si>
    <t>chak no 52 kb</t>
  </si>
  <si>
    <t>Chak No 50 Kb</t>
  </si>
  <si>
    <t>Asia  Perveen</t>
  </si>
  <si>
    <t>GGPS 52 WB WEST</t>
  </si>
  <si>
    <t>52/wb West</t>
  </si>
  <si>
    <t>chak no 52/WB west Vehari</t>
  </si>
  <si>
    <t>52/WB West</t>
  </si>
  <si>
    <t>Sehrish Batool</t>
  </si>
  <si>
    <t>GGPS 52/15-L (PEF,PSSP PHASE III)</t>
  </si>
  <si>
    <t>52/15-L</t>
  </si>
  <si>
    <t>chak No 52/15-L</t>
  </si>
  <si>
    <t>Sobia Rafique</t>
  </si>
  <si>
    <t>GGPS 52/A GD</t>
  </si>
  <si>
    <t>Chakk52/a Gd Chakki Muzaffar Shah</t>
  </si>
  <si>
    <t>g.g p/s 52/a gd chakki muzaffar shah</t>
  </si>
  <si>
    <t>52/a Gd Chakki Muzaffar Shah</t>
  </si>
  <si>
    <t>50/gd</t>
  </si>
  <si>
    <t>Ghazala Fiaz</t>
  </si>
  <si>
    <t>GGPS 52/GD KHOD</t>
  </si>
  <si>
    <t>52/GDkhod</t>
  </si>
  <si>
    <t>Chak no 52/GD KHOD</t>
  </si>
  <si>
    <t>52/GD KHOD</t>
  </si>
  <si>
    <t>GGPS 52/GD KOT SARWAR</t>
  </si>
  <si>
    <t>52gd Kot Sarwar</t>
  </si>
  <si>
    <t>52gd kot sarwar</t>
  </si>
  <si>
    <t>GGPS 521 EB</t>
  </si>
  <si>
    <t>521/EB Old</t>
  </si>
  <si>
    <t>521/EB old</t>
  </si>
  <si>
    <t>521/EB O ld</t>
  </si>
  <si>
    <t>Marryaum Batool</t>
  </si>
  <si>
    <t>GGPS 521 EB AHATA</t>
  </si>
  <si>
    <t>AHATA</t>
  </si>
  <si>
    <t>chak no 521/eb ahata</t>
  </si>
  <si>
    <t>521/EB Ahata</t>
  </si>
  <si>
    <t>Saima Munawar</t>
  </si>
  <si>
    <t>GGPS 527 EB</t>
  </si>
  <si>
    <t>527/EB</t>
  </si>
  <si>
    <t>CHAK No 527/EB Vehari</t>
  </si>
  <si>
    <t>533/EB</t>
  </si>
  <si>
    <t>GGPS 52-D</t>
  </si>
  <si>
    <t>52/D</t>
  </si>
  <si>
    <t>Chuk 52/D</t>
  </si>
  <si>
    <t>Pipli Pabar</t>
  </si>
  <si>
    <t>tahira Naseem</t>
  </si>
  <si>
    <t>GGPS 53/10-R, JAHANIAN</t>
  </si>
  <si>
    <t>53/10-R Jahanian</t>
  </si>
  <si>
    <t>Vehniwal55/10-R</t>
  </si>
  <si>
    <t>Shomaila Bibi</t>
  </si>
  <si>
    <t>GGPS 53/2 TUKRA</t>
  </si>
  <si>
    <t>Darbar Khawaja Habeeb Allah</t>
  </si>
  <si>
    <t>chak no. 53/2 TUKRA</t>
  </si>
  <si>
    <t>Chak No 53/2 TUKRA</t>
  </si>
  <si>
    <t>Darbar Sallah U Din</t>
  </si>
  <si>
    <t>HIRA ASGHAR</t>
  </si>
  <si>
    <t>GGPS 53/3-R</t>
  </si>
  <si>
    <t>53/3r</t>
  </si>
  <si>
    <t>GGPS 53/3.r</t>
  </si>
  <si>
    <t>52/3r</t>
  </si>
  <si>
    <t>GGPS 531 EB</t>
  </si>
  <si>
    <t>531/eb</t>
  </si>
  <si>
    <t>chak no 531/EB post office 539/EB Vehari</t>
  </si>
  <si>
    <t>GGPS 533 EB</t>
  </si>
  <si>
    <t>chak no 533/EB Tehsil &amp; District Vehari</t>
  </si>
  <si>
    <t>GGPS 535 EB</t>
  </si>
  <si>
    <t>535/ EB</t>
  </si>
  <si>
    <t>535/EB DISTRICT AND TEHSEEL VEHARI</t>
  </si>
  <si>
    <t>535/EB</t>
  </si>
  <si>
    <t>Rafia Tanveer</t>
  </si>
  <si>
    <t>GGPS 54 WB</t>
  </si>
  <si>
    <t>54/wb</t>
  </si>
  <si>
    <t>54wb</t>
  </si>
  <si>
    <t>50/wb</t>
  </si>
  <si>
    <t>Gulshan Rani</t>
  </si>
  <si>
    <t>GGPS 54/4-R</t>
  </si>
  <si>
    <t>54/4r</t>
  </si>
  <si>
    <t>chak no 54/4r</t>
  </si>
  <si>
    <t>Gulnaz Akram</t>
  </si>
  <si>
    <t>GGPS 54/4-R (KW)</t>
  </si>
  <si>
    <t>54/4r KW</t>
  </si>
  <si>
    <t>GMPS 54/4r K.W, Haroonabad</t>
  </si>
  <si>
    <t>ROBINA KOUSAR</t>
  </si>
  <si>
    <t>GGPS 54/4R GUJAR WALI</t>
  </si>
  <si>
    <t>Chak 54/4r GW/</t>
  </si>
  <si>
    <t>GGP/S chak 54/4r (GW) HND BWN</t>
  </si>
  <si>
    <t>54/4r  Gw</t>
  </si>
  <si>
    <t>GGPS 54/5-L</t>
  </si>
  <si>
    <t>54/5-L</t>
  </si>
  <si>
    <t>Shahida Tehseen</t>
  </si>
  <si>
    <t>GGPS 54/GD</t>
  </si>
  <si>
    <t>54GD</t>
  </si>
  <si>
    <t>Ck #54/GD</t>
  </si>
  <si>
    <t>54/GD</t>
  </si>
  <si>
    <t>Nazia Iram</t>
  </si>
  <si>
    <t>GGPS 540/GB</t>
  </si>
  <si>
    <t>chak no 540 gb Tehsil Tandlianwala Faisalabad</t>
  </si>
  <si>
    <t>RUKHSANA YASMIN</t>
  </si>
  <si>
    <t>GGPS 541/GB</t>
  </si>
  <si>
    <t>Chakianwala</t>
  </si>
  <si>
    <t>CHAK NO 541 gb chakianwala</t>
  </si>
  <si>
    <t>541gb</t>
  </si>
  <si>
    <t>455gb</t>
  </si>
  <si>
    <t>ASIA YASMIN</t>
  </si>
  <si>
    <t>GGPS 543 EB</t>
  </si>
  <si>
    <t>CHAK NO. 543/E.B TEHSIL AND DISTRICT VEHARI</t>
  </si>
  <si>
    <t>543/EB</t>
  </si>
  <si>
    <t>Tasneem Mubashar</t>
  </si>
  <si>
    <t>GGPS 544 GB-II</t>
  </si>
  <si>
    <t>chak No 544/2 g. b Danaabad tehsil tandlianwala</t>
  </si>
  <si>
    <t>Saba Shaheen</t>
  </si>
  <si>
    <t>GGPS 547/GB</t>
  </si>
  <si>
    <t>chak no 547 gb</t>
  </si>
  <si>
    <t>547gb</t>
  </si>
  <si>
    <t>Musarrat Bano</t>
  </si>
  <si>
    <t>GGPS 549 EB</t>
  </si>
  <si>
    <t>549/eb</t>
  </si>
  <si>
    <t>549/eb   vehari</t>
  </si>
  <si>
    <t>fazal wah</t>
  </si>
  <si>
    <t>GGPS 55/10-R, JAHANIAN</t>
  </si>
  <si>
    <t>55/10-R Vehniwal</t>
  </si>
  <si>
    <t>chak no 55/10 r tehsil jahania District  khanewal</t>
  </si>
  <si>
    <t>chak no 55/10 r</t>
  </si>
  <si>
    <t>Chak No 55/10 R</t>
  </si>
  <si>
    <t>Kalsoom Kosar</t>
  </si>
  <si>
    <t>GGPS 55/12-L</t>
  </si>
  <si>
    <t>Chak No 55/12 L R</t>
  </si>
  <si>
    <t>chak no 55/12L R tehsil chichawatni district sahiwal</t>
  </si>
  <si>
    <t>55/12LR</t>
  </si>
  <si>
    <t>GGPS 55/5-L</t>
  </si>
  <si>
    <t>55/5l</t>
  </si>
  <si>
    <t>chak no 55/5l</t>
  </si>
  <si>
    <t>Chak No 55/5l</t>
  </si>
  <si>
    <t>56/5l</t>
  </si>
  <si>
    <t>ZENAB KHATOON</t>
  </si>
  <si>
    <t>GGPS 55/GD</t>
  </si>
  <si>
    <t>55 GD</t>
  </si>
  <si>
    <t>55GD</t>
  </si>
  <si>
    <t>50 GD</t>
  </si>
  <si>
    <t>Anjumnaheed</t>
  </si>
  <si>
    <t>GGPS 555 EB</t>
  </si>
  <si>
    <t>555/EB</t>
  </si>
  <si>
    <t>chak no. 555/E.B. Vehari</t>
  </si>
  <si>
    <t>561EB</t>
  </si>
  <si>
    <t>GGPS 555 GB II</t>
  </si>
  <si>
    <t>Hayat K Kathiye</t>
  </si>
  <si>
    <t>chak #555/2 G.B Mamunkanjan</t>
  </si>
  <si>
    <t>Swaray Wala 555/2GB</t>
  </si>
  <si>
    <t>Uzma Ghouri</t>
  </si>
  <si>
    <t>GGPS 559 EB</t>
  </si>
  <si>
    <t>559/EB</t>
  </si>
  <si>
    <t>1 WB</t>
  </si>
  <si>
    <t>Nadia Unmbreen</t>
  </si>
  <si>
    <t>GGPS 55-A/12-L</t>
  </si>
  <si>
    <t>55A/12l</t>
  </si>
  <si>
    <t>Chak  no. 55a/12l</t>
  </si>
  <si>
    <t>55A  /12l</t>
  </si>
  <si>
    <t>57/12l</t>
  </si>
  <si>
    <t>Sarwat  Yasmin</t>
  </si>
  <si>
    <t>GGPS 56 SP</t>
  </si>
  <si>
    <t>56sp</t>
  </si>
  <si>
    <t>waan bodla 56\sp p/o malkahans ppn</t>
  </si>
  <si>
    <t>wan bodla</t>
  </si>
  <si>
    <t>Uzma Nawaz</t>
  </si>
  <si>
    <t>GGPS 56 WB (NEW)</t>
  </si>
  <si>
    <t>56/WB</t>
  </si>
  <si>
    <t>56/WB(Vehari)</t>
  </si>
  <si>
    <t>Bano Rahmat</t>
  </si>
  <si>
    <t>GGPS 56/10-R, JAHANIAN</t>
  </si>
  <si>
    <t>56/10 R</t>
  </si>
  <si>
    <t>GMPS 56/10.r</t>
  </si>
  <si>
    <t>55/10 R Vehnival</t>
  </si>
  <si>
    <t>Nazia Tabassum</t>
  </si>
  <si>
    <t>GGPS 56/12-L MANDAIL</t>
  </si>
  <si>
    <t>Mudhyal</t>
  </si>
  <si>
    <t>Chak No 56/12L Mudhyal Post office Hayatpur Tarr  Chichawatni Sahiwal</t>
  </si>
  <si>
    <t>Chak No 56/12L</t>
  </si>
  <si>
    <t>Chak No 57/12L</t>
  </si>
  <si>
    <t>Balqees Tabasum</t>
  </si>
  <si>
    <t>GGPS 56/15-L, MIAN CHANNU</t>
  </si>
  <si>
    <t>56/15L</t>
  </si>
  <si>
    <t>chak no.56/15L dw</t>
  </si>
  <si>
    <t>GGPS 56/4-R</t>
  </si>
  <si>
    <t>56/4r</t>
  </si>
  <si>
    <t>ggps 56/4r</t>
  </si>
  <si>
    <t>Nazia Amin</t>
  </si>
  <si>
    <t>GGPS 567 GB III</t>
  </si>
  <si>
    <t>567gbIII</t>
  </si>
  <si>
    <t>566/GB Namdar</t>
  </si>
  <si>
    <t>saima shahzadi</t>
  </si>
  <si>
    <t>GGPS 57 RB II</t>
  </si>
  <si>
    <t>Rajay Wala Khurd</t>
  </si>
  <si>
    <t>57 rb ll rajay wala khurd</t>
  </si>
  <si>
    <t>57 RB II</t>
  </si>
  <si>
    <t>54 RB Sarhali</t>
  </si>
  <si>
    <t>GGPS 57/5-L C.PLOT</t>
  </si>
  <si>
    <t>Chak No 57/5L</t>
  </si>
  <si>
    <t>57/5L C.PLOT</t>
  </si>
  <si>
    <t>57/5L CPLOT</t>
  </si>
  <si>
    <t>GGPS 57/5-L SUDIAN</t>
  </si>
  <si>
    <t>57/5 l</t>
  </si>
  <si>
    <t>57/5l</t>
  </si>
  <si>
    <t>57/ 5l Sodian</t>
  </si>
  <si>
    <t>58/5l Gunnu</t>
  </si>
  <si>
    <t>Zonara Amin</t>
  </si>
  <si>
    <t>GGPS 57/GD</t>
  </si>
  <si>
    <t>57/GD</t>
  </si>
  <si>
    <t>GGPS 57/SP</t>
  </si>
  <si>
    <t>Jhangir</t>
  </si>
  <si>
    <t>GGPS57SP Pakpattn</t>
  </si>
  <si>
    <t>57sp</t>
  </si>
  <si>
    <t>Rubina Yaqub</t>
  </si>
  <si>
    <t>GGPS 575 EB</t>
  </si>
  <si>
    <t>575/eb</t>
  </si>
  <si>
    <t>575/EB</t>
  </si>
  <si>
    <t>19/wb</t>
  </si>
  <si>
    <t>GGPS 58 EB PO 58 EB</t>
  </si>
  <si>
    <t>Chak 58/E B</t>
  </si>
  <si>
    <t>Chak 58/e b p o same .teh Arif wala .dist pakpattan</t>
  </si>
  <si>
    <t>58/E B</t>
  </si>
  <si>
    <t>66/E B</t>
  </si>
  <si>
    <t>Abida Babu</t>
  </si>
  <si>
    <t>GGPS 58 KB WEST</t>
  </si>
  <si>
    <t>58/KB West</t>
  </si>
  <si>
    <t>Chak No. 58/K.B West Vehari</t>
  </si>
  <si>
    <t>Ala Abad</t>
  </si>
  <si>
    <t>GGPS 58 WB</t>
  </si>
  <si>
    <t>GGPS 58wb vehari</t>
  </si>
  <si>
    <t>Fozia Nasim</t>
  </si>
  <si>
    <t>GGPS 58/10-R, KHANEWAL</t>
  </si>
  <si>
    <t>58/10.R</t>
  </si>
  <si>
    <t>58/10R</t>
  </si>
  <si>
    <t>Misbah Raees</t>
  </si>
  <si>
    <t>GGPS 58/SP BAGYANA</t>
  </si>
  <si>
    <t>58/sp</t>
  </si>
  <si>
    <t>58/sp bakyana</t>
  </si>
  <si>
    <t>Sandhay Khan</t>
  </si>
  <si>
    <t>Asifa Bashir</t>
  </si>
  <si>
    <t>GGPS 580 GB</t>
  </si>
  <si>
    <t>Danabad</t>
  </si>
  <si>
    <t>chak no 580 gb</t>
  </si>
  <si>
    <t>Chak #580 Gb</t>
  </si>
  <si>
    <t>Chak#378 Gb</t>
  </si>
  <si>
    <t>cooler filled with water</t>
  </si>
  <si>
    <t>GGPS 582 GB</t>
  </si>
  <si>
    <t>Chak No 582 GB</t>
  </si>
  <si>
    <t>chak no 582 GB Jaranwala</t>
  </si>
  <si>
    <t>147 GB</t>
  </si>
  <si>
    <t>Asma Shaukat</t>
  </si>
  <si>
    <t>GGPS 584 GB</t>
  </si>
  <si>
    <t>athwal 584 gb</t>
  </si>
  <si>
    <t>584Gb</t>
  </si>
  <si>
    <t>Noor Ul Subha Waseem</t>
  </si>
  <si>
    <t>GGPS 59/10-R, KHANEWAL</t>
  </si>
  <si>
    <t>Chak 59/10-R Markaz chak shahana, district khanewal</t>
  </si>
  <si>
    <t>73/10R</t>
  </si>
  <si>
    <t>Assiya Khan</t>
  </si>
  <si>
    <t>GGPS 59/4-R</t>
  </si>
  <si>
    <t>59/4-R</t>
  </si>
  <si>
    <t>CHAK No.59/4-R, SAHIWAL</t>
  </si>
  <si>
    <t>Nisa Fatima</t>
  </si>
  <si>
    <t>GGPS 59/5-L</t>
  </si>
  <si>
    <t>Chak no. 59/5-L,sahiwal.</t>
  </si>
  <si>
    <t>GGPS 59/GD</t>
  </si>
  <si>
    <t>Muhammad Pur A</t>
  </si>
  <si>
    <t>chak no 59/G.D Sahiwal</t>
  </si>
  <si>
    <t>59/GD</t>
  </si>
  <si>
    <t>GGPS 593 GB</t>
  </si>
  <si>
    <t>Sahli Ana 593 Gb</t>
  </si>
  <si>
    <t>chak no 593 gb</t>
  </si>
  <si>
    <t>Chak No 593 Gb</t>
  </si>
  <si>
    <t>Chak No 599 Gb</t>
  </si>
  <si>
    <t>Misbah iftikhar</t>
  </si>
  <si>
    <t>GGPS 594 GB</t>
  </si>
  <si>
    <t>Abbasi bhatyain</t>
  </si>
  <si>
    <t>chak no 594 gb  Tandlianwala</t>
  </si>
  <si>
    <t>594 gb</t>
  </si>
  <si>
    <t>599 gb</t>
  </si>
  <si>
    <t>GGPS 595 GB</t>
  </si>
  <si>
    <t>Chak no 595 GB</t>
  </si>
  <si>
    <t>Chak No 597 GB Bhutty</t>
  </si>
  <si>
    <t>Neelam Boota</t>
  </si>
  <si>
    <t>GGPS 596 GB</t>
  </si>
  <si>
    <t>596 GB</t>
  </si>
  <si>
    <t>GGPS Chak No 596 GB</t>
  </si>
  <si>
    <t>Chak no 596 GB</t>
  </si>
  <si>
    <t>Chak No 599 GB</t>
  </si>
  <si>
    <t>Rifat Nawaz</t>
  </si>
  <si>
    <t>GGPS 598 GB</t>
  </si>
  <si>
    <t>Jhok Ahla</t>
  </si>
  <si>
    <t>chak no 598gb</t>
  </si>
  <si>
    <t>Chak No 598 Gb</t>
  </si>
  <si>
    <t>597gb</t>
  </si>
  <si>
    <t>Ruqiya Abbas</t>
  </si>
  <si>
    <t>GGPS 5-A/4L</t>
  </si>
  <si>
    <t>5A/4-L</t>
  </si>
  <si>
    <t>ggps5a/4-L okara</t>
  </si>
  <si>
    <t>5A/4-L okara</t>
  </si>
  <si>
    <t>9/4-L</t>
  </si>
  <si>
    <t>Shamaila</t>
  </si>
  <si>
    <t>GGPS 5-T NO.1MR</t>
  </si>
  <si>
    <t>Chak 5 T</t>
  </si>
  <si>
    <t>GGPS 5T No 1, chak 5T near adda 9 kassi opposite insaf oil mill</t>
  </si>
  <si>
    <t>Zubaida Akhter</t>
  </si>
  <si>
    <t>GGPS 6 LOT 43 WB</t>
  </si>
  <si>
    <t>43/wb 6 Lat</t>
  </si>
  <si>
    <t>6 lat 43/wb vehai</t>
  </si>
  <si>
    <t>6 Lat</t>
  </si>
  <si>
    <t>Naveeda Akhtar</t>
  </si>
  <si>
    <t>GGPS 6 WB</t>
  </si>
  <si>
    <t>6wb</t>
  </si>
  <si>
    <t>chak no 6/ wb</t>
  </si>
  <si>
    <t>6/wb</t>
  </si>
  <si>
    <t>Farheen Anwar</t>
  </si>
  <si>
    <t>GGPS 6/4-L</t>
  </si>
  <si>
    <t>6/4L</t>
  </si>
  <si>
    <t>ggps 6/4L</t>
  </si>
  <si>
    <t>Chak No 44/2L</t>
  </si>
  <si>
    <t>Sana Ilyas</t>
  </si>
  <si>
    <t>GGPS 6/8-R, TULAMBA</t>
  </si>
  <si>
    <t>6/8 R qalandarabad</t>
  </si>
  <si>
    <t>6/8 R</t>
  </si>
  <si>
    <t>Tuba Sadaf</t>
  </si>
  <si>
    <t>GGPS 6/AH, KHANEWAL</t>
  </si>
  <si>
    <t>6/Ah</t>
  </si>
  <si>
    <t>chak no.6/ah</t>
  </si>
  <si>
    <t>10/Ah</t>
  </si>
  <si>
    <t>ASIA RASOOL</t>
  </si>
  <si>
    <t>GGPS 60 WB</t>
  </si>
  <si>
    <t>chak no 60/ wb tehsil o zila vehari</t>
  </si>
  <si>
    <t>Chak No 60/ Wb</t>
  </si>
  <si>
    <t>Saima Anjum</t>
  </si>
  <si>
    <t>GGPS 60/ 4-R</t>
  </si>
  <si>
    <t>60/4r</t>
  </si>
  <si>
    <t>GGPS 60/4r</t>
  </si>
  <si>
    <t>Humera Akram</t>
  </si>
  <si>
    <t>GGPS 60/15-L JADEED, MIAN CHANNU</t>
  </si>
  <si>
    <t>60/15-L</t>
  </si>
  <si>
    <t>GGPS 60B/15-L , 60B/15-L, Tehsil Mian Channu, District Khanewal</t>
  </si>
  <si>
    <t>60B/15-L</t>
  </si>
  <si>
    <t>61A/15-L</t>
  </si>
  <si>
    <t>Ghazala Bashir</t>
  </si>
  <si>
    <t>GGPS 600 GB</t>
  </si>
  <si>
    <t>600 Gb</t>
  </si>
  <si>
    <t>chak no 600 gb</t>
  </si>
  <si>
    <t>Chak No 600 Gb</t>
  </si>
  <si>
    <t>GGPS 601 GB</t>
  </si>
  <si>
    <t>Saifal D Jhok</t>
  </si>
  <si>
    <t>603 Sai Ka Chak</t>
  </si>
  <si>
    <t>GGPS 607 GB</t>
  </si>
  <si>
    <t>Chak No 607 GB</t>
  </si>
  <si>
    <t>RAKHTA YASMIN</t>
  </si>
  <si>
    <t>GGPS 61 KB (JANUBI)</t>
  </si>
  <si>
    <t>61/kb</t>
  </si>
  <si>
    <t>p/o same adda rata tiba chack no 6/kb vhari</t>
  </si>
  <si>
    <t>Chack No 61/kb</t>
  </si>
  <si>
    <t>GGPS 61 WB</t>
  </si>
  <si>
    <t>Basti 61 Wb Vehari</t>
  </si>
  <si>
    <t>61 Wb Vehari</t>
  </si>
  <si>
    <t>63 WB</t>
  </si>
  <si>
    <t>Amna Asghar</t>
  </si>
  <si>
    <t>GGPS 61/10-R, KHANEWAL</t>
  </si>
  <si>
    <t>61/10r Colony</t>
  </si>
  <si>
    <t>chak no 61/10r dakhana chak no 57/10r khanewal</t>
  </si>
  <si>
    <t>61/10r Khanewal</t>
  </si>
  <si>
    <t>Sobia Sajid</t>
  </si>
  <si>
    <t>GGPS 61/12-L</t>
  </si>
  <si>
    <t>61/12-L</t>
  </si>
  <si>
    <t>Munazza Altaf</t>
  </si>
  <si>
    <t>GGPS 612/GB</t>
  </si>
  <si>
    <t>Chak No 612 GB</t>
  </si>
  <si>
    <t>fozia perveen</t>
  </si>
  <si>
    <t>GGPS 614/GB</t>
  </si>
  <si>
    <t>Baig Ka Chak</t>
  </si>
  <si>
    <t>GGPS 614 GB</t>
  </si>
  <si>
    <t>chak no 614 gB</t>
  </si>
  <si>
    <t>Khadija Yasmin Sabri</t>
  </si>
  <si>
    <t>GGPS 615/GB</t>
  </si>
  <si>
    <t>GGPS 615 GB</t>
  </si>
  <si>
    <t>Chak no 615 GB</t>
  </si>
  <si>
    <t>GGPS 616/GB</t>
  </si>
  <si>
    <t>616 GB</t>
  </si>
  <si>
    <t>617 GB</t>
  </si>
  <si>
    <t>Uzma Iqbal</t>
  </si>
  <si>
    <t>GGPS 617/GB</t>
  </si>
  <si>
    <t>Kot Kaka</t>
  </si>
  <si>
    <t>ggps617gb</t>
  </si>
  <si>
    <t>Chak No 617gb</t>
  </si>
  <si>
    <t>617gb</t>
  </si>
  <si>
    <t>Tehmeena Rashid</t>
  </si>
  <si>
    <t>GGPS 619/GB</t>
  </si>
  <si>
    <t>chalk no 619 gb teh tandlianwala</t>
  </si>
  <si>
    <t>Chalk No 619gb</t>
  </si>
  <si>
    <t>Sharaza</t>
  </si>
  <si>
    <t>Riffat Siddique</t>
  </si>
  <si>
    <t>GGPS 62 KB</t>
  </si>
  <si>
    <t>62kb</t>
  </si>
  <si>
    <t>62kb p/o luddon</t>
  </si>
  <si>
    <t>Akbarshah</t>
  </si>
  <si>
    <t>Rukhsana  bibi</t>
  </si>
  <si>
    <t>GGPS 62/10-R</t>
  </si>
  <si>
    <t>62/10r</t>
  </si>
  <si>
    <t>chak no 62/10.r</t>
  </si>
  <si>
    <t>58/10r</t>
  </si>
  <si>
    <t>MUNAZA HAFEEZ</t>
  </si>
  <si>
    <t>GGPS 62/4-R</t>
  </si>
  <si>
    <t>G.G.P.S 62./4.r</t>
  </si>
  <si>
    <t>saima gulnaz</t>
  </si>
  <si>
    <t>GGPS 62/4-R BAQIA</t>
  </si>
  <si>
    <t>Ggps  62/4r 62/4r Ggps 62/4 6 62/4r 62/4rBaqaya</t>
  </si>
  <si>
    <t>ggps 62/4.r baqaya</t>
  </si>
  <si>
    <t>62/4r Baqaya</t>
  </si>
  <si>
    <t>Saadia Perveen</t>
  </si>
  <si>
    <t>GGPS 62/GD</t>
  </si>
  <si>
    <t>62 Gd</t>
  </si>
  <si>
    <t>62 gd</t>
  </si>
  <si>
    <t>59 Gd</t>
  </si>
  <si>
    <t>GGPS 63/10-R, KHANEWAL</t>
  </si>
  <si>
    <t>63/10R</t>
  </si>
  <si>
    <t>chak no 63/10R khanewal</t>
  </si>
  <si>
    <t>63/19R</t>
  </si>
  <si>
    <t>43/10R</t>
  </si>
  <si>
    <t>GGPS 63/4-R FUJIAN</t>
  </si>
  <si>
    <t>63/4R Fujian</t>
  </si>
  <si>
    <t>Chak 63/4R Fujian Sahiwal</t>
  </si>
  <si>
    <t>Iram Hina</t>
  </si>
  <si>
    <t>GGPS 64/15-L MIAN CHANNU</t>
  </si>
  <si>
    <t>64/15 L</t>
  </si>
  <si>
    <t>64/15L</t>
  </si>
  <si>
    <t>61A15L</t>
  </si>
  <si>
    <t>GGPS 64/EB ARIFWALA</t>
  </si>
  <si>
    <t>64/eb</t>
  </si>
  <si>
    <t>chak no 64eb Tehsil Arifwala District pakpattan</t>
  </si>
  <si>
    <t>GGPS 64/GD</t>
  </si>
  <si>
    <t>Muhammmad Pur</t>
  </si>
  <si>
    <t>64/gd</t>
  </si>
  <si>
    <t>Bahadar Shah</t>
  </si>
  <si>
    <t>Maqsuda Qadir</t>
  </si>
  <si>
    <t>GGPS 65 KB</t>
  </si>
  <si>
    <t>65 Kb</t>
  </si>
  <si>
    <t>chak no 65 kb luddan</t>
  </si>
  <si>
    <t>Mehwish Rasheed</t>
  </si>
  <si>
    <t>GGPS 65/4-R</t>
  </si>
  <si>
    <t>65/4R</t>
  </si>
  <si>
    <t>chak no 65/4r teh&amp;disstt sahiwal</t>
  </si>
  <si>
    <t>66/4R</t>
  </si>
  <si>
    <t>GGPS 65-A/EB</t>
  </si>
  <si>
    <t>65Aeb</t>
  </si>
  <si>
    <t>ggps65eb</t>
  </si>
  <si>
    <t>Rukhsana Kosar</t>
  </si>
  <si>
    <t>GGPS 66 KB</t>
  </si>
  <si>
    <t>Kotli Mahtum</t>
  </si>
  <si>
    <t>66,kb</t>
  </si>
  <si>
    <t>66 Kb</t>
  </si>
  <si>
    <t>Musart Aisha</t>
  </si>
  <si>
    <t>GGPS 66 KV GRID CHAK NO.50 NB</t>
  </si>
  <si>
    <t>G G P/ S 66 KV CHAK 50 nb wapdha Colony Sargodha</t>
  </si>
  <si>
    <t>50N B</t>
  </si>
  <si>
    <t>GGPS 66 KV WAPDA COLONY</t>
  </si>
  <si>
    <t>GGPS 66kv wapda Colony sargodga</t>
  </si>
  <si>
    <t>MC Corporation</t>
  </si>
  <si>
    <t>Surriya Jabeen</t>
  </si>
  <si>
    <t>GGPS 66 WB NORTH</t>
  </si>
  <si>
    <t>Gharakha</t>
  </si>
  <si>
    <t>Chak no 66/WB (N) Vehari</t>
  </si>
  <si>
    <t>Chak no 66/WB (N)</t>
  </si>
  <si>
    <t>58/WB</t>
  </si>
  <si>
    <t>GGPS 66/4R</t>
  </si>
  <si>
    <t>Nadiaparveen</t>
  </si>
  <si>
    <t>GGPS 66/4-R KHAN KAMAL (Newly Established)</t>
  </si>
  <si>
    <t>Khankamal</t>
  </si>
  <si>
    <t>66/4r khankamal</t>
  </si>
  <si>
    <t>Samina  Perveen</t>
  </si>
  <si>
    <t>GGPS 66/4R MOZA JHALLY</t>
  </si>
  <si>
    <t>Jhally</t>
  </si>
  <si>
    <t>66/4-R moza jhally</t>
  </si>
  <si>
    <t>GGPS 66/P JALAL PUR</t>
  </si>
  <si>
    <t>66p</t>
  </si>
  <si>
    <t>GGP/S jalalpur 66p</t>
  </si>
  <si>
    <t>Jalalpur 66p</t>
  </si>
  <si>
    <t>Humaira Tahir</t>
  </si>
  <si>
    <t>GGPS 666/7 GB (Budhan Khoo)</t>
  </si>
  <si>
    <t>Budhan Khooh</t>
  </si>
  <si>
    <t>Chak no 666/7 GB Budhan khooh</t>
  </si>
  <si>
    <t>Budhan Khooh 666/7 GB</t>
  </si>
  <si>
    <t>665/6 GB</t>
  </si>
  <si>
    <t>MUSARAT NASREEN</t>
  </si>
  <si>
    <t>GGPS 67 A.M.L</t>
  </si>
  <si>
    <t>Dakhana Chuck</t>
  </si>
  <si>
    <t>GGPS67aml</t>
  </si>
  <si>
    <t>67 Aml</t>
  </si>
  <si>
    <t>L-plot Foujia</t>
  </si>
  <si>
    <t>GGPS 67 D</t>
  </si>
  <si>
    <t>67d</t>
  </si>
  <si>
    <t>Tiwana Kalan</t>
  </si>
  <si>
    <t>neibour</t>
  </si>
  <si>
    <t>GGPS 67/12-L</t>
  </si>
  <si>
    <t>GGPS.67/12.L</t>
  </si>
  <si>
    <t>Chak No67/12L</t>
  </si>
  <si>
    <t>GGPS 67/4-R ABADI GHULAM RASOOL</t>
  </si>
  <si>
    <t>67/4R</t>
  </si>
  <si>
    <t>Chak no 67/4r abadi ghulam rasool</t>
  </si>
  <si>
    <t>67/4r Abadi Ghulam Rasool</t>
  </si>
  <si>
    <t>GGPS 67/A QADEEM</t>
  </si>
  <si>
    <t>67/A</t>
  </si>
  <si>
    <t>CHAK 67/A Qadeem Tehsil  Liaquat.</t>
  </si>
  <si>
    <t>CHAK 67/A Qadeem</t>
  </si>
  <si>
    <t>Iqbal Khatoon</t>
  </si>
  <si>
    <t>gallon water</t>
  </si>
  <si>
    <t>GGPS 68 EB TEH ARIF WALA</t>
  </si>
  <si>
    <t>Chak No 66/ Eb</t>
  </si>
  <si>
    <t>chak no 68/ eb</t>
  </si>
  <si>
    <t>68/ Eb</t>
  </si>
  <si>
    <t>Chak No 66/Eb</t>
  </si>
  <si>
    <t>Sidra Waheed</t>
  </si>
  <si>
    <t>GGPS 68 KB</t>
  </si>
  <si>
    <t>68 Kb</t>
  </si>
  <si>
    <t>68 kb mailsi</t>
  </si>
  <si>
    <t>Kotlimahtm</t>
  </si>
  <si>
    <t>Shamshad Kousar</t>
  </si>
  <si>
    <t>GGPS 68 MORR GHAZI ABAD (NEW CODE)</t>
  </si>
  <si>
    <t>Ada68 Mor</t>
  </si>
  <si>
    <t>68mor gaziabad</t>
  </si>
  <si>
    <t>68 Mor</t>
  </si>
  <si>
    <t>Asma Saleem</t>
  </si>
  <si>
    <t>GGPS 68/12-L</t>
  </si>
  <si>
    <t>68/12-L</t>
  </si>
  <si>
    <t>69/12-L</t>
  </si>
  <si>
    <t>Qundeel Fakhra</t>
  </si>
  <si>
    <t>GGPS 68/5-L</t>
  </si>
  <si>
    <t>68/5l</t>
  </si>
  <si>
    <t>chak no. 68/5l p.o.box 70/5l sahiwal</t>
  </si>
  <si>
    <t>Sarwar Naseem</t>
  </si>
  <si>
    <t>GGPS 69/4-R</t>
  </si>
  <si>
    <t>69/4r</t>
  </si>
  <si>
    <t>GGPS 69/5-L</t>
  </si>
  <si>
    <t>69/5l</t>
  </si>
  <si>
    <t>Naseem Kausar</t>
  </si>
  <si>
    <t>GGPS 69-A/12-L (Newly Established)</t>
  </si>
  <si>
    <t>GGP69/a12L CCI  dist  Sahiwal</t>
  </si>
  <si>
    <t>69/12 Kamand</t>
  </si>
  <si>
    <t>NASIRA  YASMIN</t>
  </si>
  <si>
    <t>GGPS 6-A/10-R (15/V), KHANEWAL</t>
  </si>
  <si>
    <t>15/v</t>
  </si>
  <si>
    <t>Chak no. 15/v tehsil khanewal district khanewal</t>
  </si>
  <si>
    <t>16/v</t>
  </si>
  <si>
    <t>Farzana Sadaf</t>
  </si>
  <si>
    <t>GGPS 6-T NO.1  P/S MAKHDOOM RASHEED</t>
  </si>
  <si>
    <t>Chak#6t</t>
  </si>
  <si>
    <t>p/s 6t#01 kharas wali bheni p/o makhdoom rashid</t>
  </si>
  <si>
    <t>Chak #6t</t>
  </si>
  <si>
    <t>Musarat Jabeen Sahu</t>
  </si>
  <si>
    <t>GGPS 7 TANDLIANWALA</t>
  </si>
  <si>
    <t>GGPS No.7 Tandlianwala</t>
  </si>
  <si>
    <t>MCTandlianwala</t>
  </si>
  <si>
    <t>Saira Rafiq</t>
  </si>
  <si>
    <t>GGPS 7/14-L</t>
  </si>
  <si>
    <t>7/14/L</t>
  </si>
  <si>
    <t>chak no 7/14/L Iqbal nagar</t>
  </si>
  <si>
    <t>H/Q 7/14/L</t>
  </si>
  <si>
    <t>Sajida Nadeem</t>
  </si>
  <si>
    <t>GGPS 7/9-R, KACHA KHUH</t>
  </si>
  <si>
    <t>basti Hamid nagri17 A.H</t>
  </si>
  <si>
    <t>asia bano</t>
  </si>
  <si>
    <t>GGPS 7/M</t>
  </si>
  <si>
    <t>7/m</t>
  </si>
  <si>
    <t>chak no 7/m teh.dunya pur dist.lodhran</t>
  </si>
  <si>
    <t>Chak 7/m</t>
  </si>
  <si>
    <t>Chak11/m</t>
  </si>
  <si>
    <t>Shazia Dildar</t>
  </si>
  <si>
    <t>GGPS 7/WB JAMSHED ABAD</t>
  </si>
  <si>
    <t>Jamshaid Abad 7/WB Vehari</t>
  </si>
  <si>
    <t>Jamshaid Abad 7/WB</t>
  </si>
  <si>
    <t>41WB</t>
  </si>
  <si>
    <t>Mashkoor Akhtar</t>
  </si>
  <si>
    <t>GGPS 70 D</t>
  </si>
  <si>
    <t>70D</t>
  </si>
  <si>
    <t>GGPS70D</t>
  </si>
  <si>
    <t>Dhpai</t>
  </si>
  <si>
    <t>Ume Kulsoom</t>
  </si>
  <si>
    <t>GGPS 70 KB</t>
  </si>
  <si>
    <t>chak no 70 kb distric vehari tehsil mailsi</t>
  </si>
  <si>
    <t>70kb</t>
  </si>
  <si>
    <t>GGPS 70/12-L</t>
  </si>
  <si>
    <t>70-12-L</t>
  </si>
  <si>
    <t>69-12-L Kamand</t>
  </si>
  <si>
    <t>Zubaida Sarfraz</t>
  </si>
  <si>
    <t>GGPS 70/15-L, KACHA KHUH</t>
  </si>
  <si>
    <t>Aqsa Mariam</t>
  </si>
  <si>
    <t>GGPS 70/4-R SHABEEL</t>
  </si>
  <si>
    <t>704r Shabeel</t>
  </si>
  <si>
    <t>70.4r adda shabeel</t>
  </si>
  <si>
    <t>694r</t>
  </si>
  <si>
    <t>Nazir Begum</t>
  </si>
  <si>
    <t>GGPS 70/5-L</t>
  </si>
  <si>
    <t>70/5-L</t>
  </si>
  <si>
    <t>73/5-L</t>
  </si>
  <si>
    <t>Ammarah Khalil</t>
  </si>
  <si>
    <t>GGPS 71/12-L</t>
  </si>
  <si>
    <t>71/12-L</t>
  </si>
  <si>
    <t>CHAK # 71/12-L CHICHAWATNI</t>
  </si>
  <si>
    <t>69/12-l</t>
  </si>
  <si>
    <t>HAFIZA WAJEEHA</t>
  </si>
  <si>
    <t>GGPS 7-1L</t>
  </si>
  <si>
    <t>Chak No 7 /1L</t>
  </si>
  <si>
    <t>Govt Girls Primary School 7/1L Renala Khurd</t>
  </si>
  <si>
    <t>Chak No 7/1L</t>
  </si>
  <si>
    <t>Chak No 10/1 L</t>
  </si>
  <si>
    <t>Aleena Riaz</t>
  </si>
  <si>
    <t>GGPS 72 EB MUHAMMAD NAGAR ARIFWALA</t>
  </si>
  <si>
    <t>72eb</t>
  </si>
  <si>
    <t>Chak72EB</t>
  </si>
  <si>
    <t>GGPS 72 WB</t>
  </si>
  <si>
    <t>72wb Old</t>
  </si>
  <si>
    <t>72wb old markaz pipli</t>
  </si>
  <si>
    <t>72 Wb Old</t>
  </si>
  <si>
    <t>78wb</t>
  </si>
  <si>
    <t>Mehak Hadayat Ali</t>
  </si>
  <si>
    <t>GGPS 72 WB QUHIM WALA</t>
  </si>
  <si>
    <t>chak no 72WB new</t>
  </si>
  <si>
    <t>72WB New</t>
  </si>
  <si>
    <t>78WB</t>
  </si>
  <si>
    <t>Rahila Koser</t>
  </si>
  <si>
    <t>GGPS 72/ 5-L SUBYWALA</t>
  </si>
  <si>
    <t>72/5L Sw</t>
  </si>
  <si>
    <t>govt girls primary school 72/5.L sobhy wala</t>
  </si>
  <si>
    <t>72/5L</t>
  </si>
  <si>
    <t>Shumaila Akhtar</t>
  </si>
  <si>
    <t>GGPS 72/12-L</t>
  </si>
  <si>
    <t>72/12L</t>
  </si>
  <si>
    <t>GGPS 72/12L</t>
  </si>
  <si>
    <t>GGPS 72/4-R</t>
  </si>
  <si>
    <t>72-4r</t>
  </si>
  <si>
    <t>GGP school 72\4R</t>
  </si>
  <si>
    <t>69-4R</t>
  </si>
  <si>
    <t>Miss Kaneez Bibi</t>
  </si>
  <si>
    <t>GGPS 72/5-L BIBI WALA</t>
  </si>
  <si>
    <t>72/5L Bibi Wala</t>
  </si>
  <si>
    <t>72/5L Bibi wala</t>
  </si>
  <si>
    <t>73/5L North</t>
  </si>
  <si>
    <t>Halima Sadia</t>
  </si>
  <si>
    <t>GGPS 73 EB</t>
  </si>
  <si>
    <t>Chak 73/eb</t>
  </si>
  <si>
    <t>chak 73/eb Tehsil Arifwala dostrict Pakpattan</t>
  </si>
  <si>
    <t>Chak No 75/eb</t>
  </si>
  <si>
    <t>BATOOL ASHRAF</t>
  </si>
  <si>
    <t>GGPS 73 WB</t>
  </si>
  <si>
    <t>73wb</t>
  </si>
  <si>
    <t>chak no73wb tehsil mailsi district vehari</t>
  </si>
  <si>
    <t>GGPS 73/12-L.</t>
  </si>
  <si>
    <t>73/12l</t>
  </si>
  <si>
    <t>chak no 73/12l p.o box 82/12l police station shahkot Iqbal nagar chichawatni sshiwal</t>
  </si>
  <si>
    <t>69/12l</t>
  </si>
  <si>
    <t>Absara Zafar</t>
  </si>
  <si>
    <t>GGPS 74 EB ARIFWALA</t>
  </si>
  <si>
    <t>Chak 74 EB</t>
  </si>
  <si>
    <t>Teh Arifwala dist pakpattan</t>
  </si>
  <si>
    <t>74 Eb</t>
  </si>
  <si>
    <t>Chak # 66 EB</t>
  </si>
  <si>
    <t>GGPS 74/5-L BHOJOWANA</t>
  </si>
  <si>
    <t>74/5-L</t>
  </si>
  <si>
    <t>chak 74/5-L Bhojowana</t>
  </si>
  <si>
    <t>Chak 74/5-L Bhojowana</t>
  </si>
  <si>
    <t>44/5-L Fojian</t>
  </si>
  <si>
    <t>Rabia Noreen</t>
  </si>
  <si>
    <t>GGPS 74/5-L KOT FAZIL</t>
  </si>
  <si>
    <t>kot fazil</t>
  </si>
  <si>
    <t>74 5 L kot fazil swl</t>
  </si>
  <si>
    <t>44 5L</t>
  </si>
  <si>
    <t>fareha kauar</t>
  </si>
  <si>
    <t>GGPS 74/RB-I</t>
  </si>
  <si>
    <t>74 Rb 1st</t>
  </si>
  <si>
    <t>GGPS 74 RB 1st</t>
  </si>
  <si>
    <t>74 Rb 1st  Gorbajpora</t>
  </si>
  <si>
    <t>Rasool Pora</t>
  </si>
  <si>
    <t>HAFIZA ZAHIDA MANZOOR</t>
  </si>
  <si>
    <t>GGPS 74/RB-II</t>
  </si>
  <si>
    <t>74 rb second</t>
  </si>
  <si>
    <t>74 Rb Second</t>
  </si>
  <si>
    <t>76 Rb Rasool Pura</t>
  </si>
  <si>
    <t>Uzma Sadaf</t>
  </si>
  <si>
    <t>GGPS 74-A/5-L KARIANA</t>
  </si>
  <si>
    <t>74/5l</t>
  </si>
  <si>
    <t>GGPS 74-A/ 5 L karyana</t>
  </si>
  <si>
    <t>74-A/ 5-L</t>
  </si>
  <si>
    <t>GGPS 75/4-R</t>
  </si>
  <si>
    <t>75/4-R</t>
  </si>
  <si>
    <t>75/4-r haroon abad</t>
  </si>
  <si>
    <t>GGPS 75/5-L</t>
  </si>
  <si>
    <t>75/5L</t>
  </si>
  <si>
    <t>chak no 75/5L</t>
  </si>
  <si>
    <t>Yasmeen Ibrahim</t>
  </si>
  <si>
    <t>GGPS 757 GB</t>
  </si>
  <si>
    <t>Chak No757 GB</t>
  </si>
  <si>
    <t>Chak No.757 GB Tesil Pirmahal</t>
  </si>
  <si>
    <t>Zarina Begum</t>
  </si>
  <si>
    <t>GGPS 75-B/15-L, KACHA KHUH</t>
  </si>
  <si>
    <t>chak#75-b/15-l</t>
  </si>
  <si>
    <t>75-B/15-l</t>
  </si>
  <si>
    <t>74/15-l</t>
  </si>
  <si>
    <t>Hina Younas</t>
  </si>
  <si>
    <t>GGPS 76 EB ARIFWALA</t>
  </si>
  <si>
    <t>76EB</t>
  </si>
  <si>
    <t>Chak No 76EB kho Dorgan wala</t>
  </si>
  <si>
    <t>76 EB</t>
  </si>
  <si>
    <t>Irshad Akhther</t>
  </si>
  <si>
    <t>GGPS 76/12-L</t>
  </si>
  <si>
    <t>76/12l</t>
  </si>
  <si>
    <t>Nadia Rasheed</t>
  </si>
  <si>
    <t>GGPS 76/4-R AB</t>
  </si>
  <si>
    <t>76/4R AB</t>
  </si>
  <si>
    <t>76 4-rAB</t>
  </si>
  <si>
    <t>86/5-R</t>
  </si>
  <si>
    <t>Farhat Rafique</t>
  </si>
  <si>
    <t>GGPS 76/5-L</t>
  </si>
  <si>
    <t>76/5-L</t>
  </si>
  <si>
    <t>chak no 76/5-L SWL</t>
  </si>
  <si>
    <t>Nasreen Akbar</t>
  </si>
  <si>
    <t>GGPS 76/RB-I</t>
  </si>
  <si>
    <t>GGPS 76 RB I</t>
  </si>
  <si>
    <t>GGPS 76/RB-II</t>
  </si>
  <si>
    <t>chak no 76/RB-II</t>
  </si>
  <si>
    <t>76/ RB-II Rasoolpura</t>
  </si>
  <si>
    <t>rasoolpura</t>
  </si>
  <si>
    <t>MC khurrianwala</t>
  </si>
  <si>
    <t>Siddrah Zikria</t>
  </si>
  <si>
    <t>GGPS 76-A/15-L KACHA KHUH</t>
  </si>
  <si>
    <t>76A/15L chowk jamal tehsil &amp;  distt khanewal</t>
  </si>
  <si>
    <t>AQSA ANWAR</t>
  </si>
  <si>
    <t>GGPS 76-B/15-L BHENI ROSHAN DIN</t>
  </si>
  <si>
    <t>74b/15l</t>
  </si>
  <si>
    <t>76b/15l</t>
  </si>
  <si>
    <t>74b</t>
  </si>
  <si>
    <t>74/15l</t>
  </si>
  <si>
    <t>Sara Manzoor</t>
  </si>
  <si>
    <t>GGPS 77 EB ARIFWALA</t>
  </si>
  <si>
    <t>77/eb</t>
  </si>
  <si>
    <t>77eb</t>
  </si>
  <si>
    <t>Aamina Abdul Razzaq</t>
  </si>
  <si>
    <t>GGPS 77 WB</t>
  </si>
  <si>
    <t>77/WB</t>
  </si>
  <si>
    <t>Govt girls primary school 77/ W.B VEHARI</t>
  </si>
  <si>
    <t>75/WB</t>
  </si>
  <si>
    <t>GGPS 77/1-L HAROON ABAD</t>
  </si>
  <si>
    <t>77/1-L</t>
  </si>
  <si>
    <t>77/1L p.o haroonabad</t>
  </si>
  <si>
    <t>77/1L</t>
  </si>
  <si>
    <t>Safina Habib</t>
  </si>
  <si>
    <t>GGPS 77/5-L</t>
  </si>
  <si>
    <t>77-5/L</t>
  </si>
  <si>
    <t>Govt Girls Primary School, 77-5/L, Sahiwal</t>
  </si>
  <si>
    <t>78-5/L</t>
  </si>
  <si>
    <t>Nargas Parveen</t>
  </si>
  <si>
    <t>GGPS 77/ML</t>
  </si>
  <si>
    <t>77ml</t>
  </si>
  <si>
    <t>77ml Bhakkar</t>
  </si>
  <si>
    <t>Sadia Asghar</t>
  </si>
  <si>
    <t>GGPS 77/RB-II AZAFI ABADI</t>
  </si>
  <si>
    <t>77 Rb II</t>
  </si>
  <si>
    <t>77RB II Azafi Abadi</t>
  </si>
  <si>
    <t>Azafi Abadi</t>
  </si>
  <si>
    <t>108 Chauhdry Wala</t>
  </si>
  <si>
    <t>Nighat Saleh</t>
  </si>
  <si>
    <t>GGPS 78 M BASTI PAHOR</t>
  </si>
  <si>
    <t>umer Pur</t>
  </si>
  <si>
    <t>GGPS Chak 78M Pahoor Jalalpur Pirwala</t>
  </si>
  <si>
    <t>Pahoor</t>
  </si>
  <si>
    <t>Karmu wali</t>
  </si>
  <si>
    <t>Shamsa Zia</t>
  </si>
  <si>
    <t>GGPS 78 WB</t>
  </si>
  <si>
    <t>Muhammad Anwar House No 25 Street No 5 behind lucky floor Mills Burewala  road vehari</t>
  </si>
  <si>
    <t>Irshad Anwar Rana</t>
  </si>
  <si>
    <t>GGPS 78/10-R, KACHA KHUH</t>
  </si>
  <si>
    <t>78 10 R</t>
  </si>
  <si>
    <t>78 10 r</t>
  </si>
  <si>
    <t>76 10 R</t>
  </si>
  <si>
    <t>AasmaFraz</t>
  </si>
  <si>
    <t>GGPS 79 / EB NO.2 KORAN WALI BASTI P.O 69 EB</t>
  </si>
  <si>
    <t>79Eb</t>
  </si>
  <si>
    <t>79eb basti koran p o box 69 eb</t>
  </si>
  <si>
    <t>79Eb BASTI KORAN</t>
  </si>
  <si>
    <t>83 Eb</t>
  </si>
  <si>
    <t>GGPS 79/12-L</t>
  </si>
  <si>
    <t>79/12L</t>
  </si>
  <si>
    <t>Rameeza Batool</t>
  </si>
  <si>
    <t>GGPS 79/5-L</t>
  </si>
  <si>
    <t>79/5-l</t>
  </si>
  <si>
    <t>chak 79/5-l</t>
  </si>
  <si>
    <t>79/5-L</t>
  </si>
  <si>
    <t>Sadia Liaqat</t>
  </si>
  <si>
    <t>GGPS 79/EB III basti jalal</t>
  </si>
  <si>
    <t>Dariya</t>
  </si>
  <si>
    <t>chak no. 79 eb 3 dariya tehsil arifwala district pakpattan</t>
  </si>
  <si>
    <t>79 EB 3</t>
  </si>
  <si>
    <t>Azra Naim</t>
  </si>
  <si>
    <t>GGPS 79/EB-I ARIFWALA</t>
  </si>
  <si>
    <t>79/eb</t>
  </si>
  <si>
    <t>GGPS 79/eb-1 Arifwala District Pakpattan</t>
  </si>
  <si>
    <t>79/eb 1</t>
  </si>
  <si>
    <t>83/eb</t>
  </si>
  <si>
    <t>GGPS 79-80/5-R</t>
  </si>
  <si>
    <t>79/5-R</t>
  </si>
  <si>
    <t>79/5r</t>
  </si>
  <si>
    <t>79-80/5r</t>
  </si>
  <si>
    <t>78/5r</t>
  </si>
  <si>
    <t>Sajida Jabeen</t>
  </si>
  <si>
    <t>GGPS 79-C TDA NEW</t>
  </si>
  <si>
    <t>GGPS 79-C TDA post office jharkil karor</t>
  </si>
  <si>
    <t>79-c TDA</t>
  </si>
  <si>
    <t>samtia</t>
  </si>
  <si>
    <t>sobia rasheed</t>
  </si>
  <si>
    <t>GGPS 8 MR</t>
  </si>
  <si>
    <t>8mr</t>
  </si>
  <si>
    <t>chk# 8mr</t>
  </si>
  <si>
    <t>Khan Pur Mrul</t>
  </si>
  <si>
    <t>GGPS 8/11-L</t>
  </si>
  <si>
    <t>chak# 8/11 L</t>
  </si>
  <si>
    <t>Chak# 8/11 L</t>
  </si>
  <si>
    <t>Uc 8/11 L</t>
  </si>
  <si>
    <t>Sana Kanwal</t>
  </si>
  <si>
    <t>GGPS 8/14-L CHERWAN</t>
  </si>
  <si>
    <t>8/14L  CHeerwan</t>
  </si>
  <si>
    <t>Chak No.8/14L Cheerwan</t>
  </si>
  <si>
    <t>8/14L Cheerwan</t>
  </si>
  <si>
    <t>Chak 6/14L</t>
  </si>
  <si>
    <t>GGPS 8/14-L SOUTH</t>
  </si>
  <si>
    <t>8/14-L South</t>
  </si>
  <si>
    <t>6/14-L</t>
  </si>
  <si>
    <t>Bushra Prveen</t>
  </si>
  <si>
    <t>GGPS 8/1L</t>
  </si>
  <si>
    <t>8/1L</t>
  </si>
  <si>
    <t>8/1.L</t>
  </si>
  <si>
    <t>Naheed Talib</t>
  </si>
  <si>
    <t>GGPS 8/8-AR NO.2 TULAMBA</t>
  </si>
  <si>
    <t>8 /8ar</t>
  </si>
  <si>
    <t>ggps 8\8ar no 2 Sindhi behni tehsil mian channu</t>
  </si>
  <si>
    <t>Chack No 8/ 8ar</t>
  </si>
  <si>
    <t>133 / 16-l</t>
  </si>
  <si>
    <t>Sidra Raza</t>
  </si>
  <si>
    <t>GGPS 8/M</t>
  </si>
  <si>
    <t>Chak8m</t>
  </si>
  <si>
    <t>chak 8m duniyapur</t>
  </si>
  <si>
    <t>Duniyapur</t>
  </si>
  <si>
    <t>11chak</t>
  </si>
  <si>
    <t>Zarina Yousaf</t>
  </si>
  <si>
    <t>GGPS 8/V, KHANEWAL</t>
  </si>
  <si>
    <t>8/v Kwl</t>
  </si>
  <si>
    <t>G. G. P/s 8/v kwl</t>
  </si>
  <si>
    <t>Chak#8/v</t>
  </si>
  <si>
    <t>10 AH</t>
  </si>
  <si>
    <t>Aaila Nawaz</t>
  </si>
  <si>
    <t>GGPS 80 EB</t>
  </si>
  <si>
    <t>80eb</t>
  </si>
  <si>
    <t>chak no80eb Arifwala Pakpattan</t>
  </si>
  <si>
    <t>86eb</t>
  </si>
  <si>
    <t>Shabana</t>
  </si>
  <si>
    <t>GGPS 80 MURABBA</t>
  </si>
  <si>
    <t>80 Murabba</t>
  </si>
  <si>
    <t>80 Murabba 203 RB</t>
  </si>
  <si>
    <t>203RB</t>
  </si>
  <si>
    <t>Sabina Town</t>
  </si>
  <si>
    <t>Razia Akhtar</t>
  </si>
  <si>
    <t>GGPS 80 WB</t>
  </si>
  <si>
    <t>80wb</t>
  </si>
  <si>
    <t>g.g.ps80wb</t>
  </si>
  <si>
    <t>GGPS 80/12-L</t>
  </si>
  <si>
    <t>80/12L</t>
  </si>
  <si>
    <t>GGPS 80/12.L</t>
  </si>
  <si>
    <t>Chak No 80/12L</t>
  </si>
  <si>
    <t>Fakhira Tabassum</t>
  </si>
  <si>
    <t>GGPS 80/15-L NO.2 LAT, KACHA KHUH</t>
  </si>
  <si>
    <t>Lot2</t>
  </si>
  <si>
    <t>80/15.L lot2</t>
  </si>
  <si>
    <t>80/15 L Lot 2</t>
  </si>
  <si>
    <t>MUNAZZA AISHA</t>
  </si>
  <si>
    <t>GGPS 80/1-L MAHARAN WALI</t>
  </si>
  <si>
    <t>80/1L   m</t>
  </si>
  <si>
    <t>chak 80/1L  M</t>
  </si>
  <si>
    <t>80/1-L  M</t>
  </si>
  <si>
    <t>Sajida Shaheen</t>
  </si>
  <si>
    <t>GGPS 80/5-R</t>
  </si>
  <si>
    <t>Chak 805r</t>
  </si>
  <si>
    <t>chak no 80 5r sahiwal</t>
  </si>
  <si>
    <t>Chak 80  5r</t>
  </si>
  <si>
    <t>78   5r</t>
  </si>
  <si>
    <t>Adeeba Javeed</t>
  </si>
  <si>
    <t>GGPS 81 5R PUNJA WALA</t>
  </si>
  <si>
    <t>81/5R</t>
  </si>
  <si>
    <t>GPS 81/5R</t>
  </si>
  <si>
    <t>78/5R</t>
  </si>
  <si>
    <t>GGPS 81 WB</t>
  </si>
  <si>
    <t>81wb</t>
  </si>
  <si>
    <t>chack no 81wb</t>
  </si>
  <si>
    <t>87 Wb</t>
  </si>
  <si>
    <t>Sadia Hakeem</t>
  </si>
  <si>
    <t>GGPS 81/ 5-L</t>
  </si>
  <si>
    <t>chak no 81/5_L</t>
  </si>
  <si>
    <t>81/5 L</t>
  </si>
  <si>
    <t>80/5 L</t>
  </si>
  <si>
    <t>GGPS 81-82/10-R, KACHA KHUH</t>
  </si>
  <si>
    <t>CHAK NO. 81-82/10-R KHANEWAL</t>
  </si>
  <si>
    <t>CHAK NO. 76/10-R</t>
  </si>
  <si>
    <t>Shahnaz Akthar</t>
  </si>
  <si>
    <t>GGPS 82/5-R</t>
  </si>
  <si>
    <t>Govt.Girls primary school 82/5r</t>
  </si>
  <si>
    <t>86/5R</t>
  </si>
  <si>
    <t>Shamim Ashraf</t>
  </si>
  <si>
    <t>GGPS 83/10-R, KHANEWAL</t>
  </si>
  <si>
    <t>83/10R tibba kwl</t>
  </si>
  <si>
    <t>83/10 R tibba</t>
  </si>
  <si>
    <t>Nazma Liaquat</t>
  </si>
  <si>
    <t>GGPS 83/12-L</t>
  </si>
  <si>
    <t>chak no : 83/12.L
Tehseel : chichawatni
zila : Sahiwal</t>
  </si>
  <si>
    <t>83/12L</t>
  </si>
  <si>
    <t>GGPS 84 D</t>
  </si>
  <si>
    <t>84 /D</t>
  </si>
  <si>
    <t>GGPS 84/D</t>
  </si>
  <si>
    <t>84/D</t>
  </si>
  <si>
    <t>Mubbara Irum</t>
  </si>
  <si>
    <t>GGPS 84 WB</t>
  </si>
  <si>
    <t>Chak No 84/WV</t>
  </si>
  <si>
    <t>Chak No 84/WB Thesial Mailsi Vehari</t>
  </si>
  <si>
    <t>Chak No 84/WB</t>
  </si>
  <si>
    <t>Chak NO 88/WB</t>
  </si>
  <si>
    <t>GGPS 84/12-L</t>
  </si>
  <si>
    <t>chak no 84\12L</t>
  </si>
  <si>
    <t>84/12L</t>
  </si>
  <si>
    <t>84 /12L</t>
  </si>
  <si>
    <t>Asima Shafique</t>
  </si>
  <si>
    <t>GGPS 84/5-L</t>
  </si>
  <si>
    <t>84/5l</t>
  </si>
  <si>
    <t>Nighat Farooq</t>
  </si>
  <si>
    <t>GGPS 84/5-R W</t>
  </si>
  <si>
    <t>84-5/r w</t>
  </si>
  <si>
    <t>chak no 84-5/r,w .hnd</t>
  </si>
  <si>
    <t>84-5/r-w</t>
  </si>
  <si>
    <t>71-4/r</t>
  </si>
  <si>
    <t>Tasmiyah Shafiq</t>
  </si>
  <si>
    <t>GGPS 84/EB ARIFWALA</t>
  </si>
  <si>
    <t>Chak 84 EB</t>
  </si>
  <si>
    <t>chak 84 eb arifwala</t>
  </si>
  <si>
    <t>84 Eb</t>
  </si>
  <si>
    <t>BalqeesAkhter</t>
  </si>
  <si>
    <t>GGPS 84-A/12-L</t>
  </si>
  <si>
    <t>84A/12L</t>
  </si>
  <si>
    <t>Ggps 84A / 12L</t>
  </si>
  <si>
    <t>Farah Servat</t>
  </si>
  <si>
    <t>GGPS 85 D</t>
  </si>
  <si>
    <t>Chak No. 85/D</t>
  </si>
  <si>
    <t>Tahira Iman</t>
  </si>
  <si>
    <t>GGPS 85 EB POST OFFICE QABOOLA</t>
  </si>
  <si>
    <t>govt.G.P.school 85 E.B tehseel Arifwala distic Pakpttan</t>
  </si>
  <si>
    <t>85 Eb</t>
  </si>
  <si>
    <t>GGPS 85 WB</t>
  </si>
  <si>
    <t>85w/b vehari</t>
  </si>
  <si>
    <t>87w/b Adda Chakrala</t>
  </si>
  <si>
    <t>GGPS 85/5-L</t>
  </si>
  <si>
    <t>85/5L</t>
  </si>
  <si>
    <t>GGPS 85/5L</t>
  </si>
  <si>
    <t>Mussarrat Shaheen</t>
  </si>
  <si>
    <t>GGPS 86/EB ARIFWALA</t>
  </si>
  <si>
    <t>Chak 86eb</t>
  </si>
  <si>
    <t>chak no 86eb arifwala</t>
  </si>
  <si>
    <t>Chak 86eb Arifwala</t>
  </si>
  <si>
    <t>Ghulam Sugra</t>
  </si>
  <si>
    <t>GGPS 87/5-R</t>
  </si>
  <si>
    <t>87 / 5R</t>
  </si>
  <si>
    <t>Chak No 87 / 5R</t>
  </si>
  <si>
    <t>87/ 5R</t>
  </si>
  <si>
    <t>86/ 5R</t>
  </si>
  <si>
    <t>Nargis Naz</t>
  </si>
  <si>
    <t>GGPS 88 EB ARIFWALA</t>
  </si>
  <si>
    <t>88/eb</t>
  </si>
  <si>
    <t>chak no 86EB ArifWala</t>
  </si>
  <si>
    <t>GGPS 88/12 L KALAN</t>
  </si>
  <si>
    <t>88/12 L</t>
  </si>
  <si>
    <t>chak no 8812 Tehsil chIchawatni distt sahiwal</t>
  </si>
  <si>
    <t>Chak No 8812 L</t>
  </si>
  <si>
    <t>Razia Kousar</t>
  </si>
  <si>
    <t>GGPS 88/15-L, MIAN CHANNU</t>
  </si>
  <si>
    <t>88/15-L</t>
  </si>
  <si>
    <t>chak 88/15.l</t>
  </si>
  <si>
    <t>89/15-L</t>
  </si>
  <si>
    <t>Ruksana Jabeen</t>
  </si>
  <si>
    <t>GGPS 88/9-L</t>
  </si>
  <si>
    <t>Canal view town,88/9-L,Sahiwal.</t>
  </si>
  <si>
    <t>Razia Rauf</t>
  </si>
  <si>
    <t>GGPS 88/P NEW</t>
  </si>
  <si>
    <t>88p</t>
  </si>
  <si>
    <t>88\pnew</t>
  </si>
  <si>
    <t>88p New</t>
  </si>
  <si>
    <t>105p</t>
  </si>
  <si>
    <t>Tabinda Ramzan</t>
  </si>
  <si>
    <t>GGPS 88-A/10-R PAKKI BHENI, KHANEWAL</t>
  </si>
  <si>
    <t>88/10_R pakki bheni</t>
  </si>
  <si>
    <t>Allah waris colony</t>
  </si>
  <si>
    <t>Farzana Tasneem</t>
  </si>
  <si>
    <t>GGPS 88-A/6-R RATI TIBI</t>
  </si>
  <si>
    <t>88-A/6R</t>
  </si>
  <si>
    <t>CHAK 88A/6R, RATI TIBI</t>
  </si>
  <si>
    <t>88A/6R RATI TIBI</t>
  </si>
  <si>
    <t>sanilah anbreen</t>
  </si>
  <si>
    <t>GGPS 9 EB POST OFFICE 7 EB</t>
  </si>
  <si>
    <t>9eb</t>
  </si>
  <si>
    <t>chak no 9eb p/o 7eb</t>
  </si>
  <si>
    <t>Chak No 9eb</t>
  </si>
  <si>
    <t>Kulsoom Abdul Rehman</t>
  </si>
  <si>
    <t>GGPS 9 SP</t>
  </si>
  <si>
    <t>9/sp</t>
  </si>
  <si>
    <t>g.g.p.s 9/sp</t>
  </si>
  <si>
    <t>Musy Wall</t>
  </si>
  <si>
    <t>Anam Bakhtiar</t>
  </si>
  <si>
    <t>GGPS 9 WB</t>
  </si>
  <si>
    <t>9wb joyianwala vehari</t>
  </si>
  <si>
    <t>75 wb</t>
  </si>
  <si>
    <t>GGPS 9/4.L</t>
  </si>
  <si>
    <t>9/4L</t>
  </si>
  <si>
    <t>chak no 9/4l okara</t>
  </si>
  <si>
    <t>Chak No 9/4l</t>
  </si>
  <si>
    <t>Jameela  Bibi</t>
  </si>
  <si>
    <t>GGPS 9/8-R, P/O 8/8-R AFRIDI WALA, TULAMBA</t>
  </si>
  <si>
    <t>9/8r</t>
  </si>
  <si>
    <t>9/8r Sarwar Shah</t>
  </si>
  <si>
    <t>9/8R Sarwar Shah</t>
  </si>
  <si>
    <t>GGPS 9/F SODAGAR WALA</t>
  </si>
  <si>
    <t>Bakshan khan</t>
  </si>
  <si>
    <t>chak No. p fw sodagarwala post office bakshan khan, chishtian, Bahawalnagar</t>
  </si>
  <si>
    <t>9 f.w sodagarwala</t>
  </si>
  <si>
    <t>9 fw</t>
  </si>
  <si>
    <t>GGPS 9/KB</t>
  </si>
  <si>
    <t>9/KB</t>
  </si>
  <si>
    <t>Chak no.9/KB post office Kalyana tehsil &amp; district Pakpattan</t>
  </si>
  <si>
    <t>15 /KB</t>
  </si>
  <si>
    <t>Madina Ayub</t>
  </si>
  <si>
    <t>GGPS 9/M</t>
  </si>
  <si>
    <t>9m</t>
  </si>
  <si>
    <t>chak 9/m</t>
  </si>
  <si>
    <t>SHAZIA RAFIQ</t>
  </si>
  <si>
    <t>GGPS 90/A 6-R</t>
  </si>
  <si>
    <t>90/A 6-R</t>
  </si>
  <si>
    <t>chak no 90 A 6 r swl</t>
  </si>
  <si>
    <t>90/A 6- R</t>
  </si>
  <si>
    <t>89/6R</t>
  </si>
  <si>
    <t>Attia Rashid</t>
  </si>
  <si>
    <t>GGPS 90-A/12-L</t>
  </si>
  <si>
    <t>90A/12 L</t>
  </si>
  <si>
    <t>90A</t>
  </si>
  <si>
    <t>88/12L</t>
  </si>
  <si>
    <t>Raheela Kousar</t>
  </si>
  <si>
    <t>GGPS 91/10-R NASIR ABAD, KHANEWAL</t>
  </si>
  <si>
    <t>Chak No 91/10r Nasir Abad</t>
  </si>
  <si>
    <t>91/10 R nasir abad khanewal</t>
  </si>
  <si>
    <t>91/10 R Nasir Abad</t>
  </si>
  <si>
    <t>Shanti Nagar</t>
  </si>
  <si>
    <t>anila nurgiss</t>
  </si>
  <si>
    <t>GGPS 91/9-L</t>
  </si>
  <si>
    <t>Chak No 91/9-L</t>
  </si>
  <si>
    <t>Chak no 91/9L</t>
  </si>
  <si>
    <t>91/9-L</t>
  </si>
  <si>
    <t>GGPS 9-1AL KHURD</t>
  </si>
  <si>
    <t>9/1Al</t>
  </si>
  <si>
    <t>9/1Al Khurd</t>
  </si>
  <si>
    <t>Adeela Yasmin</t>
  </si>
  <si>
    <t>GGPS 92 RB II</t>
  </si>
  <si>
    <t>92rb 2nd</t>
  </si>
  <si>
    <t>Chak #92rb || Tehsil Jaranwala District Faisalabad</t>
  </si>
  <si>
    <t>61 R B Bedianwala</t>
  </si>
  <si>
    <t>GGPS 92 WB</t>
  </si>
  <si>
    <t>92/WB</t>
  </si>
  <si>
    <t>Chak NO  92/ WB TEHSIL MAILSI DISTRICT VEHARI</t>
  </si>
  <si>
    <t>Chak NO# 92 WB</t>
  </si>
  <si>
    <t>ZAHEER ABAD SHAHEED</t>
  </si>
  <si>
    <t>Ghulam Kalsoom</t>
  </si>
  <si>
    <t>GGPS 92/9-L</t>
  </si>
  <si>
    <t>92/9l</t>
  </si>
  <si>
    <t>GGPS 92/9L. Sahiwal</t>
  </si>
  <si>
    <t>92/9L Old Farm Sahiwal</t>
  </si>
  <si>
    <t>GGPS 93/12-L</t>
  </si>
  <si>
    <t>chak no 93/12.L</t>
  </si>
  <si>
    <t>Waheeda Javed</t>
  </si>
  <si>
    <t>GGPS 93/6-R AZAFI BASTI</t>
  </si>
  <si>
    <t>93/6R AB</t>
  </si>
  <si>
    <t>93/6r AB  Tehsil  Haroonabad</t>
  </si>
  <si>
    <t>93/6r AB</t>
  </si>
  <si>
    <t>94/6r</t>
  </si>
  <si>
    <t>Shabiha Ali</t>
  </si>
  <si>
    <t>GGPS 93/P BASTI CHACHRAN</t>
  </si>
  <si>
    <t>93/p CHACHRAN</t>
  </si>
  <si>
    <t>93-p Chachran and be</t>
  </si>
  <si>
    <t>93-p</t>
  </si>
  <si>
    <t>Ratab Aslam</t>
  </si>
  <si>
    <t>GGPS 93/P-A BASTI ASLAM MAHANDRA</t>
  </si>
  <si>
    <t>93p</t>
  </si>
  <si>
    <t>chak 93p A aslam mahandra</t>
  </si>
  <si>
    <t>GGPS 93/P-B RYK</t>
  </si>
  <si>
    <t>GGPS 93 p B</t>
  </si>
  <si>
    <t>93p B</t>
  </si>
  <si>
    <t>93 P</t>
  </si>
  <si>
    <t>GGPS 94 D</t>
  </si>
  <si>
    <t>94/d</t>
  </si>
  <si>
    <t>94/d, post office malka hans</t>
  </si>
  <si>
    <t>Anjum Un Nisa</t>
  </si>
  <si>
    <t>GGPS 94/12-L</t>
  </si>
  <si>
    <t>94/12L</t>
  </si>
  <si>
    <t>chak no 94/12-L Tehsil chichawatni District  sahiwal</t>
  </si>
  <si>
    <t>Chak No 94/12L</t>
  </si>
  <si>
    <t>GGPS 94/15-L, MIAN CHANNU</t>
  </si>
  <si>
    <t>94/15 l mainchannu</t>
  </si>
  <si>
    <t>94 /15l</t>
  </si>
  <si>
    <t>93/15 L Mainchannu</t>
  </si>
  <si>
    <t>Sarwat Rukhsana</t>
  </si>
  <si>
    <t>GGPS 94/6-R</t>
  </si>
  <si>
    <t>GGPS 94/6R Sahiwal</t>
  </si>
  <si>
    <t>Zahida PERVEEN</t>
  </si>
  <si>
    <t>GGPS 94/9-L</t>
  </si>
  <si>
    <t>Chak No 94/9L</t>
  </si>
  <si>
    <t>Chak no. 94/9L</t>
  </si>
  <si>
    <t>Sadaf Hina Alam</t>
  </si>
  <si>
    <t>GGPS 94/M</t>
  </si>
  <si>
    <t>Bhtaji</t>
  </si>
  <si>
    <t>govt. girls primary school 94/M</t>
  </si>
  <si>
    <t>Chak 94/M</t>
  </si>
  <si>
    <t>Shazia Nasreen</t>
  </si>
  <si>
    <t>GGPS 94-A/12-L</t>
  </si>
  <si>
    <t>94A/12L</t>
  </si>
  <si>
    <t>chak NO 94.A/12.L Teshil chichawatni District sahiwal</t>
  </si>
  <si>
    <t>94-A/12-L</t>
  </si>
  <si>
    <t>Aasma Bano</t>
  </si>
  <si>
    <t>GGPS 95/ WB</t>
  </si>
  <si>
    <t>GGPS 95/Wb Vehari</t>
  </si>
  <si>
    <t>GGPS 95/10-R, JAHANIAN</t>
  </si>
  <si>
    <t>95/10r</t>
  </si>
  <si>
    <t>GGPS 95/9-L</t>
  </si>
  <si>
    <t>95/9L</t>
  </si>
  <si>
    <t>GGPS 95/D</t>
  </si>
  <si>
    <t>95/d</t>
  </si>
  <si>
    <t>Anila Riaz</t>
  </si>
  <si>
    <t>GGPS 96/6-R</t>
  </si>
  <si>
    <t>chak no 96/6.r</t>
  </si>
  <si>
    <t>fahmida</t>
  </si>
  <si>
    <t>GGPS 96-A/10-R, KHANEWAL</t>
  </si>
  <si>
    <t>96a10r</t>
  </si>
  <si>
    <t>check no 96a10r</t>
  </si>
  <si>
    <t>Checkno96a10r</t>
  </si>
  <si>
    <t>Check No73 10r</t>
  </si>
  <si>
    <t>Farzana Zubair</t>
  </si>
  <si>
    <t>GGPS 97/10-R JADEED, JAHANIAN</t>
  </si>
  <si>
    <t>Chak No 97/10/R jaded Terbela</t>
  </si>
  <si>
    <t>chak no 97/10/r jaded terbela district khanewal</t>
  </si>
  <si>
    <t>Chak No 57/10/R</t>
  </si>
  <si>
    <t>GGPS 97/9-L. SHOTA WAKIL WALA</t>
  </si>
  <si>
    <t>97/9l</t>
  </si>
  <si>
    <t>97/9.l chota wakeel</t>
  </si>
  <si>
    <t>97/9l Chota Wakeel</t>
  </si>
  <si>
    <t>GGPS 97/M</t>
  </si>
  <si>
    <t>Bhotaji</t>
  </si>
  <si>
    <t>chak 97m ghareeb abad</t>
  </si>
  <si>
    <t>Chak 97m Basti Ghareeb Abad</t>
  </si>
  <si>
    <t>Kalsoom  Shafi</t>
  </si>
  <si>
    <t>GGPS 97-10/R OLD, JAHANIAN</t>
  </si>
  <si>
    <t>97/10R</t>
  </si>
  <si>
    <t>chak no.97/10-R old</t>
  </si>
  <si>
    <t>Chak No 97/10R Old</t>
  </si>
  <si>
    <t>57 10  R Vehniwal</t>
  </si>
  <si>
    <t>GGPS 98 D</t>
  </si>
  <si>
    <t>98/D</t>
  </si>
  <si>
    <t>Sumaira Abbasi</t>
  </si>
  <si>
    <t>GGPS 98/12-L MIAN KHAIRA</t>
  </si>
  <si>
    <t>mian khera</t>
  </si>
  <si>
    <t>98A/12.L basti mian khera</t>
  </si>
  <si>
    <t>98A/12L</t>
  </si>
  <si>
    <t>Musarat Batool</t>
  </si>
  <si>
    <t>GGPS 98/F AZAFI BASTI</t>
  </si>
  <si>
    <t>Jinnah Colony ,98/ F Azafi Bast</t>
  </si>
  <si>
    <t>AKHTAR BIBI</t>
  </si>
  <si>
    <t>GGPS 98/P MIAN ABAD</t>
  </si>
  <si>
    <t>98p</t>
  </si>
  <si>
    <t>ggps98p mian abad</t>
  </si>
  <si>
    <t>98p Main abad</t>
  </si>
  <si>
    <t>GGPS 99 WB</t>
  </si>
  <si>
    <t>Basti Rajpoot</t>
  </si>
  <si>
    <t>chak 99wb,basti rajpoot, PO Vehari</t>
  </si>
  <si>
    <t>Chak 99 WB</t>
  </si>
  <si>
    <t>Chak 95 WB</t>
  </si>
  <si>
    <t>Mehr-un-nisa</t>
  </si>
  <si>
    <t>GGPS 99/10-R, JAHANIAN</t>
  </si>
  <si>
    <t>Chak#99/10R</t>
  </si>
  <si>
    <t>chak#99/10R</t>
  </si>
  <si>
    <t>99/10R</t>
  </si>
  <si>
    <t>100/10R</t>
  </si>
  <si>
    <t>Saba Ilyas</t>
  </si>
  <si>
    <t>GGPS 99/A-6R</t>
  </si>
  <si>
    <t>99A/6-r</t>
  </si>
  <si>
    <t>chak numbr 99A/6-r sahiwal</t>
  </si>
  <si>
    <t>99/6-r</t>
  </si>
  <si>
    <t>Noreen Anjum</t>
  </si>
  <si>
    <t>GGPS 99/D</t>
  </si>
  <si>
    <t>99/D</t>
  </si>
  <si>
    <t>Chak No 99/D</t>
  </si>
  <si>
    <t>Chak No 96/D</t>
  </si>
  <si>
    <t>Sonia Saleem</t>
  </si>
  <si>
    <t>GGPS 99/M ADAM WAHAN</t>
  </si>
  <si>
    <t>99m Thali Wala</t>
  </si>
  <si>
    <t>rangpur thali wala 99/m lodhran</t>
  </si>
  <si>
    <t>Rang Pur Thali Wala</t>
  </si>
  <si>
    <t>samera nasiem</t>
  </si>
  <si>
    <t>GGPS 99/T BASTI KUMHARAN</t>
  </si>
  <si>
    <t>Gray Wala</t>
  </si>
  <si>
    <t>ggps 99/tda basti kumaran</t>
  </si>
  <si>
    <t>99/tda basti kumaran</t>
  </si>
  <si>
    <t>gary wala</t>
  </si>
  <si>
    <t>GGPS 99/TDA DERA KHUDA BAKHSH</t>
  </si>
  <si>
    <t>Dera Khuda Bakhsh Khan</t>
  </si>
  <si>
    <t>chat 99B\TDA DERA KHUDA BAKSH KHAN</t>
  </si>
  <si>
    <t>Kaliyan Thal</t>
  </si>
  <si>
    <t>zarnigar asmat</t>
  </si>
  <si>
    <t>GGPS A O C BALKASAR P O BALKASSAR CHAKWAL</t>
  </si>
  <si>
    <t>pol colony Balkassar</t>
  </si>
  <si>
    <t>Ghazala Roshan</t>
  </si>
  <si>
    <t>GGPS AABID ABAD</t>
  </si>
  <si>
    <t>abid abad kharan wala</t>
  </si>
  <si>
    <t>rifat bashir</t>
  </si>
  <si>
    <t>GGPS AADEM PUR</t>
  </si>
  <si>
    <t>Adam Pur</t>
  </si>
  <si>
    <t>Adam pur</t>
  </si>
  <si>
    <t>Chak No589 Adam Pur</t>
  </si>
  <si>
    <t>Balilah</t>
  </si>
  <si>
    <t>GGPS AADHI BAGH</t>
  </si>
  <si>
    <t>KHOKHRAN - FEMALE</t>
  </si>
  <si>
    <t>Adhi Bagh multan</t>
  </si>
  <si>
    <t>Adhi Bagh</t>
  </si>
  <si>
    <t>Anam Nasrullah</t>
  </si>
  <si>
    <t>GGPS AADIL WALA, KABIRWALA</t>
  </si>
  <si>
    <t>Korai Bloch</t>
  </si>
  <si>
    <t>adil wala</t>
  </si>
  <si>
    <t>Adil wala</t>
  </si>
  <si>
    <t>GGPS AAHLAY WALA</t>
  </si>
  <si>
    <t>Ahlaywala</t>
  </si>
  <si>
    <t>ahlaywala</t>
  </si>
  <si>
    <t>Hadia Fatima</t>
  </si>
  <si>
    <t>GGPS AALI WALA</t>
  </si>
  <si>
    <t>SADAY WAHIN</t>
  </si>
  <si>
    <t>MOUZA TARAF MASSU BASTI HASSU BASTI DRIGH</t>
  </si>
  <si>
    <t>MOUZA TARAF MASSU</t>
  </si>
  <si>
    <t>iffat manzoor</t>
  </si>
  <si>
    <t>GGPS AALM WALA</t>
  </si>
  <si>
    <t>Alamwala</t>
  </si>
  <si>
    <t>Ada bahiwal, village Alamwala</t>
  </si>
  <si>
    <t>Rubeena Kausar</t>
  </si>
  <si>
    <t>GGPS AAMIR WALA</t>
  </si>
  <si>
    <t>Jam Rid</t>
  </si>
  <si>
    <t>GGPS Aamir wala</t>
  </si>
  <si>
    <t>Chah Paka Awan Abad</t>
  </si>
  <si>
    <t>Meryum Naseem</t>
  </si>
  <si>
    <t>GGPS AARAY WALA MUZA JHOK LASHAKAR PUR</t>
  </si>
  <si>
    <t>Jhoke Lashkar Pur</t>
  </si>
  <si>
    <t>chah aaray wala moza jhoke lashkae pur 19 kassi vehari road multan</t>
  </si>
  <si>
    <t>Aaray Wala</t>
  </si>
  <si>
    <t>Asia Iqbal</t>
  </si>
  <si>
    <t>GGPS ABADI AHMAD KHAN</t>
  </si>
  <si>
    <t>dinga sial nazd check post TOBA road jhang</t>
  </si>
  <si>
    <t>Ahmad Khan</t>
  </si>
  <si>
    <t>SHAINA ALTAF RAO</t>
  </si>
  <si>
    <t>GGPS ABADI AHMAD KHAN BALOCH</t>
  </si>
  <si>
    <t>Abadi Ahmed  Khan Baloach</t>
  </si>
  <si>
    <t>chak 216 abadi ahamad khan bloch</t>
  </si>
  <si>
    <t>Chak No 216</t>
  </si>
  <si>
    <t>Chak 215</t>
  </si>
  <si>
    <t>GGPS ABADI BAHADAR VIJHLANA</t>
  </si>
  <si>
    <t>Vijhlana</t>
  </si>
  <si>
    <t>chah lakhan wala</t>
  </si>
  <si>
    <t>GGPS ABADI JAHANGEER</t>
  </si>
  <si>
    <t>Korian</t>
  </si>
  <si>
    <t>Abadi Jahangeer, Moza Korian, Tehsil &amp; District Jhang</t>
  </si>
  <si>
    <t>Abadi Jahangeer</t>
  </si>
  <si>
    <t>SALWEHA JABEEN</t>
  </si>
  <si>
    <t>GGPS ABADI JAN MUHAMMAD</t>
  </si>
  <si>
    <t>GGPS Abadi Jan Muhammad</t>
  </si>
  <si>
    <t>Chak Abadi Jan Muhammad</t>
  </si>
  <si>
    <t>Hafsa Zia</t>
  </si>
  <si>
    <t>GGPS ABADI KALASAN</t>
  </si>
  <si>
    <t>Chack Ghumnana</t>
  </si>
  <si>
    <t>ABADI kalasan</t>
  </si>
  <si>
    <t>ABADI Kalasan</t>
  </si>
  <si>
    <t>Saeeda Begum</t>
  </si>
  <si>
    <t>GGPS ABADI KICHIAN WALI</t>
  </si>
  <si>
    <t>abadi khichian wali</t>
  </si>
  <si>
    <t>Abadi Khichian Wali</t>
  </si>
  <si>
    <t>Ghazala Kiran</t>
  </si>
  <si>
    <t>GGPS ABADI MUHAMMAD PURA</t>
  </si>
  <si>
    <t>Abadi Muhammad Pura</t>
  </si>
  <si>
    <t>abadi Muhammad pura, village Tahir kalan, dakkhana basirpur.</t>
  </si>
  <si>
    <t>Naila Hasan</t>
  </si>
  <si>
    <t>GGPS ABADI MULAZIM HUSSAIN</t>
  </si>
  <si>
    <t>Kot Khera</t>
  </si>
  <si>
    <t>GGPS Abadi Mulazim Hussain Mouza Kot Khera Jhang</t>
  </si>
  <si>
    <t>Malhana</t>
  </si>
  <si>
    <t>GGPS ABADI MURAD</t>
  </si>
  <si>
    <t>Abadi Murad</t>
  </si>
  <si>
    <t>Chak no. 175</t>
  </si>
  <si>
    <t>Chak 175</t>
  </si>
  <si>
    <t>Parveen akhter</t>
  </si>
  <si>
    <t>GGPS ABADI MURADA DULLOO</t>
  </si>
  <si>
    <t>Murada dullo</t>
  </si>
  <si>
    <t>abadi Murada dullo</t>
  </si>
  <si>
    <t>Abadi Murada dullo</t>
  </si>
  <si>
    <t>Mir Dad Muafi</t>
  </si>
  <si>
    <t>Zarina Qadir</t>
  </si>
  <si>
    <t>GGPS ABADI RAJAB</t>
  </si>
  <si>
    <t>chah saday wala,  Tehsil  &amp; District Jhang</t>
  </si>
  <si>
    <t>Chah saday Wala</t>
  </si>
  <si>
    <t>Sarwat  Sultana</t>
  </si>
  <si>
    <t>GGPS ABADI SANDI</t>
  </si>
  <si>
    <t>GGPS Abadi Sandhi</t>
  </si>
  <si>
    <t>Abadi Sandhi</t>
  </si>
  <si>
    <t>KOMAL KHAN</t>
  </si>
  <si>
    <t>GGPS ABADI SANPAL</t>
  </si>
  <si>
    <t>moza lak badhar</t>
  </si>
  <si>
    <t>GGPS ABADI SHER DAKHLI MANGAN</t>
  </si>
  <si>
    <t>mangan</t>
  </si>
  <si>
    <t>Bushra Sial</t>
  </si>
  <si>
    <t>GGPS ABADI THIRAJ NAUL</t>
  </si>
  <si>
    <t>G G Primary School Thiraj Noul</t>
  </si>
  <si>
    <t>Umm-e-Laila Rabeel</t>
  </si>
  <si>
    <t>GGPS ABADI WALLA RAI</t>
  </si>
  <si>
    <t>Walarai</t>
  </si>
  <si>
    <t>Moza Abadi walarai</t>
  </si>
  <si>
    <t>Abadi Walari</t>
  </si>
  <si>
    <t>Shanhaz AkhtarAkhtar</t>
  </si>
  <si>
    <t>GGPS ABASIAN WALA</t>
  </si>
  <si>
    <t>abbasian wala</t>
  </si>
  <si>
    <t>Abbasian Wala</t>
  </si>
  <si>
    <t>Niaz Bibi</t>
  </si>
  <si>
    <t>GGPS ABBA KHEL</t>
  </si>
  <si>
    <t>ABBA KHEL</t>
  </si>
  <si>
    <t>Village Abba Khel</t>
  </si>
  <si>
    <t>Lubna Begum</t>
  </si>
  <si>
    <t>GGPS ABBAS ALI SHAH</t>
  </si>
  <si>
    <t>basti sardar shah, moza gulani</t>
  </si>
  <si>
    <t>Sardar Shah</t>
  </si>
  <si>
    <t>Sabiha Bukhari</t>
  </si>
  <si>
    <t>GGPS ABBAS ARBI</t>
  </si>
  <si>
    <t>Abbas Arbi</t>
  </si>
  <si>
    <t>Basti khoora khoo moza Abbas Arbi ahmad pur east</t>
  </si>
  <si>
    <t>Khoora Khoo</t>
  </si>
  <si>
    <t>Khuda Bakshmahar</t>
  </si>
  <si>
    <t>Sana Samreen</t>
  </si>
  <si>
    <t>GGPS ABBAS NAGAR MUZA JALALPUR KHAKHI</t>
  </si>
  <si>
    <t>Jalalpur Khaki</t>
  </si>
  <si>
    <t>Basti Abbas Nagar Jalalpur khaki Shujabad</t>
  </si>
  <si>
    <t>Sadaf bloch</t>
  </si>
  <si>
    <t>GGPS ABBAS PURA</t>
  </si>
  <si>
    <t>Abbas Pur Rajoa Sadat</t>
  </si>
  <si>
    <t>GGPS ABDAAL</t>
  </si>
  <si>
    <t>Abdal cheema post office same District &amp; tehsil Gujranwala</t>
  </si>
  <si>
    <t>Wanyiwala</t>
  </si>
  <si>
    <t>GGPS ABDUL AZIZ BALOCH</t>
  </si>
  <si>
    <t>Arif Baloch</t>
  </si>
  <si>
    <t>GGPS Abdul Aziz Baloch Moza Arif Baloch basti salvani</t>
  </si>
  <si>
    <t>Basti Salvani</t>
  </si>
  <si>
    <t>Naumana FAzeel</t>
  </si>
  <si>
    <t>GGPS ABDUL GHAFOOR SIAL WALA</t>
  </si>
  <si>
    <t>Layyah 2</t>
  </si>
  <si>
    <t>Abdul ghafoor sial wala P/O head mehboob chack#121TDA</t>
  </si>
  <si>
    <t>Chack#121TDA</t>
  </si>
  <si>
    <t>Tanveer Anjum</t>
  </si>
  <si>
    <t>GGPS ABDUL GHANNI</t>
  </si>
  <si>
    <t>Mehmood Mehtm</t>
  </si>
  <si>
    <t>mouza mwhmood mehtm po box uch sharif thsil ape district bwp.</t>
  </si>
  <si>
    <t>Rajarho</t>
  </si>
  <si>
    <t>Zahida Rehman</t>
  </si>
  <si>
    <t>GGPS ABDUL HASSAN WALA</t>
  </si>
  <si>
    <t>abu al hassan</t>
  </si>
  <si>
    <t>Abu Al Hassan</t>
  </si>
  <si>
    <t>muddsar batool</t>
  </si>
  <si>
    <t>GGPS ABDUL KAREEM KHAN</t>
  </si>
  <si>
    <t>Gosa Abad</t>
  </si>
  <si>
    <t>basti Abdul Kareem khan</t>
  </si>
  <si>
    <t>Abdul Kareem Khan Tumrani</t>
  </si>
  <si>
    <t>Shedani Shreef</t>
  </si>
  <si>
    <t>tap</t>
  </si>
  <si>
    <t>GGPS ABDUL KARIM</t>
  </si>
  <si>
    <t>Ranjakhan</t>
  </si>
  <si>
    <t>ggps abdul karim post office chowk bahadurpur moza ranjakhan tehsil SDK District RYK</t>
  </si>
  <si>
    <t>GGPS ABDUL REHMAN</t>
  </si>
  <si>
    <t>GGPS p/s Basti Abdul rehman</t>
  </si>
  <si>
    <t>Basti Abdul Rehman</t>
  </si>
  <si>
    <t>GGPS ABDUL REHMAN JASRA</t>
  </si>
  <si>
    <t>vpo peelowains teh noorpur thall dist khushab</t>
  </si>
  <si>
    <t>Aeshat Ul Rehman</t>
  </si>
  <si>
    <t>GGPS ABDUL SAMAD WALA, SARAI SIDHU</t>
  </si>
  <si>
    <t>bati bangla road abdul samad Wala p/o sarai sidhu</t>
  </si>
  <si>
    <t>GGPS ABDUL SHAKOOR</t>
  </si>
  <si>
    <t>Hasipur  old</t>
  </si>
  <si>
    <t>Basti  abdulshakoor</t>
  </si>
  <si>
    <t>asia khatoon</t>
  </si>
  <si>
    <t>GGPS ABDUL WAHID KHUMBHRA</t>
  </si>
  <si>
    <t>Abdul Wahid  Khumbra</t>
  </si>
  <si>
    <t>GGPS Abdul Wahid Khumbra Basti Kot Siyal</t>
  </si>
  <si>
    <t>Kot Siyal</t>
  </si>
  <si>
    <t>Ranjeh Khan</t>
  </si>
  <si>
    <t>Fazeelat Javaid</t>
  </si>
  <si>
    <t>GGPS ABDULLAH COLONY</t>
  </si>
  <si>
    <t>Abdullah Colony</t>
  </si>
  <si>
    <t>Main bazar Abdullah Colony</t>
  </si>
  <si>
    <t>UC-49 Aziz Colony</t>
  </si>
  <si>
    <t>Kishwar sultana</t>
  </si>
  <si>
    <t>GGPS ABDULLAH KHAN</t>
  </si>
  <si>
    <t>Mian Wali</t>
  </si>
  <si>
    <t>Basti Abdullah Khan</t>
  </si>
  <si>
    <t>GGPS ABDULLAH KHOJI</t>
  </si>
  <si>
    <t>Daiye Wala</t>
  </si>
  <si>
    <t>GGPS Abdullah Khoji moza daiye wala</t>
  </si>
  <si>
    <t>Abdullah Khoji</t>
  </si>
  <si>
    <t>Samina Ali</t>
  </si>
  <si>
    <t>GGPS ABDULLAH KHOSA</t>
  </si>
  <si>
    <t>ahmad kudan</t>
  </si>
  <si>
    <t>basti abdullah khosa</t>
  </si>
  <si>
    <t>chachran sharif</t>
  </si>
  <si>
    <t>Mujahida Bibi</t>
  </si>
  <si>
    <t>GGPS ABDULLAH PUR</t>
  </si>
  <si>
    <t>Govt girls  p/s Abdullah pur</t>
  </si>
  <si>
    <t>Shazia Allah ditta</t>
  </si>
  <si>
    <t>GGPS ABDULLAH WAH</t>
  </si>
  <si>
    <t>Abdullah Wah, Moza Karim Wah,
 Vehari</t>
  </si>
  <si>
    <t>Abdullah Wah</t>
  </si>
  <si>
    <t>Mahtab Jan</t>
  </si>
  <si>
    <t>GGPS ABDUR REHMAN GHUMMAN</t>
  </si>
  <si>
    <t>Basti haji abdul rehman ghuman</t>
  </si>
  <si>
    <t>Mumtaz Tabsum</t>
  </si>
  <si>
    <t>GGPS ABDUR REHMAN LOLAEE</t>
  </si>
  <si>
    <t>Garhi Ikhtiyar Khan</t>
  </si>
  <si>
    <t>Basti Abdul rahman kut</t>
  </si>
  <si>
    <t>Basti Abdul Rahman Kut</t>
  </si>
  <si>
    <t>Gahri Ikhtiyar Khan</t>
  </si>
  <si>
    <t>Rafia Ahmad Abbasi</t>
  </si>
  <si>
    <t>GGPS ABID COLONY 51 NP</t>
  </si>
  <si>
    <t>Goth Jora</t>
  </si>
  <si>
    <t>St no 4, Abid colony, sdk</t>
  </si>
  <si>
    <t>Shabana Nasreen</t>
  </si>
  <si>
    <t>Water cane is purchased by HT</t>
  </si>
  <si>
    <t>GGPS ABID MODEL PINDI GHEB</t>
  </si>
  <si>
    <t>muhala muslim town near masjid baba faizwali pindigheb</t>
  </si>
  <si>
    <t>GGPS ABLOO WALA</t>
  </si>
  <si>
    <t>Kothy Wala</t>
  </si>
  <si>
    <t>basti abloo wala</t>
  </si>
  <si>
    <t>Abloo Wala</t>
  </si>
  <si>
    <t>Sonia Mustafa</t>
  </si>
  <si>
    <t>GGPS ABU AL KHAIR</t>
  </si>
  <si>
    <t>abu al khair kot abdul malik</t>
  </si>
  <si>
    <t>Abu Al Khair</t>
  </si>
  <si>
    <t>Municipal Comety Kot Abdul Malik</t>
  </si>
  <si>
    <t>Shakila Hussain</t>
  </si>
  <si>
    <t>GGPS ABU SAEED (CHAH INSARIAN WALA)</t>
  </si>
  <si>
    <t>Abu Saeed</t>
  </si>
  <si>
    <t>Mouza abu saeed chah insarian</t>
  </si>
  <si>
    <t>Chah Insarian</t>
  </si>
  <si>
    <t>Misbah Parveen</t>
  </si>
  <si>
    <t>GGPS ABUL HASSAN COLONY</t>
  </si>
  <si>
    <t>Habib colony street no 12</t>
  </si>
  <si>
    <t>31-B</t>
  </si>
  <si>
    <t>GGPS ABYAIL DOGER</t>
  </si>
  <si>
    <t>Abyal Dogar</t>
  </si>
  <si>
    <t>village Abyal dogr markaz masroor tehsil shakargarh distt narowal</t>
  </si>
  <si>
    <t>Ulfat Rani</t>
  </si>
  <si>
    <t>GGPS ACHA REKKI</t>
  </si>
  <si>
    <t>Badri Narian Pura</t>
  </si>
  <si>
    <t>basti Acharekki</t>
  </si>
  <si>
    <t>Acharekki</t>
  </si>
  <si>
    <t>safina aslam</t>
  </si>
  <si>
    <t>GGPS ACHALI</t>
  </si>
  <si>
    <t>Achli</t>
  </si>
  <si>
    <t>village achli  markaz maingri tehsil shakargah district narowal</t>
  </si>
  <si>
    <t>Iqra Farooq</t>
  </si>
  <si>
    <t>GGPS ACHH</t>
  </si>
  <si>
    <t>Teh Kharian Dist Gujrat  village &amp; p/O Achh</t>
  </si>
  <si>
    <t>GGPS ACHRAN</t>
  </si>
  <si>
    <t>Achran</t>
  </si>
  <si>
    <t>village Achran p/o kotli loharan(west) tensile and district sialkot</t>
  </si>
  <si>
    <t>GGPS ADA BEGOWALA</t>
  </si>
  <si>
    <t>Adda Begowala</t>
  </si>
  <si>
    <t>railway roads Adda begowala tehseel sambrial district</t>
  </si>
  <si>
    <t>Maria Ashiq</t>
  </si>
  <si>
    <t>GGPS ADA NOOR PUR NEHR</t>
  </si>
  <si>
    <t>Adda Noor Pur Nehar</t>
  </si>
  <si>
    <t>Adda noor pur nehar</t>
  </si>
  <si>
    <t>GGPS ADA SAYYED</t>
  </si>
  <si>
    <t>vpo sayyed tehsil gujarkhan distt. rawalpindi</t>
  </si>
  <si>
    <t>Uzma Sultana</t>
  </si>
  <si>
    <t>GGPS ADA SHAIKHAN</t>
  </si>
  <si>
    <t>Shekhan</t>
  </si>
  <si>
    <t>Adda Sheikhan Tehsil Lalian District Chiniot</t>
  </si>
  <si>
    <t>Safia Noor</t>
  </si>
  <si>
    <t>GGPS ADAL ZAI</t>
  </si>
  <si>
    <t>Adalzai</t>
  </si>
  <si>
    <t>Village adalzai post ofc hazro tehsil hazro district attock</t>
  </si>
  <si>
    <t>GGPS ADALAT GARH OLD</t>
  </si>
  <si>
    <t>adalat garh old</t>
  </si>
  <si>
    <t>Adalat garh old</t>
  </si>
  <si>
    <t>GGPS ADAM ARAIN</t>
  </si>
  <si>
    <t>Adam arien</t>
  </si>
  <si>
    <t>Basti rais manzoor ahmad</t>
  </si>
  <si>
    <t>Basti rais Manzoor Ahmad</t>
  </si>
  <si>
    <t>Galore Masu Khan</t>
  </si>
  <si>
    <t>GGPS ADAM CHOHAN</t>
  </si>
  <si>
    <t>Adam Chohan</t>
  </si>
  <si>
    <t>Post officekotla village adam chohan teh.kharian dist.gujrat</t>
  </si>
  <si>
    <t>Asma Sharif</t>
  </si>
  <si>
    <t>GGPS ADAM DRAZ</t>
  </si>
  <si>
    <t>Adam Daraz</t>
  </si>
  <si>
    <t>Village Adam draz p/o Adam draz tehsil daska distt sialkot</t>
  </si>
  <si>
    <t>Mariam Zulfiqar</t>
  </si>
  <si>
    <t>GGPS ADAM KHAKI</t>
  </si>
  <si>
    <t>Jhandewali</t>
  </si>
  <si>
    <t>ADAMKHAKHI</t>
  </si>
  <si>
    <t>Khursheed Bibi</t>
  </si>
  <si>
    <t>GGPS ADDA 13 SOLING</t>
  </si>
  <si>
    <t>chak no 26 bc Choti  ada 13 soling bahawalpur</t>
  </si>
  <si>
    <t>26 Bc</t>
  </si>
  <si>
    <t>Chak 24 Bc</t>
  </si>
  <si>
    <t>Asifa Khalid</t>
  </si>
  <si>
    <t>GGPS ADDA CHABIL</t>
  </si>
  <si>
    <t>Adda Chabil</t>
  </si>
  <si>
    <t>adda chabil lahore</t>
  </si>
  <si>
    <t>Jugian Adda Chabil</t>
  </si>
  <si>
    <t>GGPS ADDA CHAKRALLA</t>
  </si>
  <si>
    <t>GGPS ADDA CHAKRALA</t>
  </si>
  <si>
    <t>GGPS ADDA CHUTIANA</t>
  </si>
  <si>
    <t>316 GB azafi abadi</t>
  </si>
  <si>
    <t>ggps adda chutiana chak # 316 gb  azafi abadi teh. and distt. T.T.S</t>
  </si>
  <si>
    <t>316 Gb azafi abadi</t>
  </si>
  <si>
    <t>316 Gb</t>
  </si>
  <si>
    <t>Rida Hamid</t>
  </si>
  <si>
    <t>GGPS ADDA GHAZI ABAD</t>
  </si>
  <si>
    <t>GGps Adda GhaziAbad</t>
  </si>
  <si>
    <t>SABEELA RANI</t>
  </si>
  <si>
    <t>GGPS ADDA GHULAM QADIR</t>
  </si>
  <si>
    <t>GGPS Ada Ghulam qadir, Muhala Gulshan Farid, Zahir pir</t>
  </si>
  <si>
    <t>RAZIA PERVEEN</t>
  </si>
  <si>
    <t>GGPS ADDA MALKA HANS</t>
  </si>
  <si>
    <t>ggps Adda Malka hans</t>
  </si>
  <si>
    <t>Vilage</t>
  </si>
  <si>
    <t>GGPS ADDA MUHALLA BUCHAL KALAN</t>
  </si>
  <si>
    <t>Buchal kalan</t>
  </si>
  <si>
    <t>Asia Mukhtar</t>
  </si>
  <si>
    <t>GGPS ADDA PAHRIAN WALI</t>
  </si>
  <si>
    <t>Dera Warraichan</t>
  </si>
  <si>
    <t>adda pahrianwali</t>
  </si>
  <si>
    <t>Tanveer Abid</t>
  </si>
  <si>
    <t>GGPS ADDA PUR</t>
  </si>
  <si>
    <t>Dhermawala</t>
  </si>
  <si>
    <t>adda pur</t>
  </si>
  <si>
    <t>Adda Pur</t>
  </si>
  <si>
    <t>Dehermalyla</t>
  </si>
  <si>
    <t>GGPS ADDAH JAHAN KHAN</t>
  </si>
  <si>
    <t>jahan khan</t>
  </si>
  <si>
    <t>Modassar Tbasam</t>
  </si>
  <si>
    <t>GGPS ADDOKE KALAN</t>
  </si>
  <si>
    <t>Aadoke Kalan</t>
  </si>
  <si>
    <t>village Aadoke kalan p\0 box Talwandi bhindran</t>
  </si>
  <si>
    <t>Azmat Tahira</t>
  </si>
  <si>
    <t>GGPS ADHOWANA</t>
  </si>
  <si>
    <t>IKHLAS PUR - FEMALE</t>
  </si>
  <si>
    <t>Adhowana</t>
  </si>
  <si>
    <t>street masjid ghosiya teh skg district narowal</t>
  </si>
  <si>
    <t>Rahila Tabssum</t>
  </si>
  <si>
    <t>GGPS ADLANA DHUDDI</t>
  </si>
  <si>
    <t>Adlana Dhuddi</t>
  </si>
  <si>
    <t>Adlana Dhuddi P/O Laleka Tehsil Minchin Abad District Bahawalnagar</t>
  </si>
  <si>
    <t>Laleka</t>
  </si>
  <si>
    <t>GGPS ADLIAL</t>
  </si>
  <si>
    <t>govt. girls primary school adlial mohalla mehfoozabad sabhral</t>
  </si>
  <si>
    <t>Shaheen Akram</t>
  </si>
  <si>
    <t>GGPS ADOKAY</t>
  </si>
  <si>
    <t>TAKHAT PUR - FEMALE</t>
  </si>
  <si>
    <t>Adokey</t>
  </si>
  <si>
    <t>village adoky tehseel pasrur district adokey</t>
  </si>
  <si>
    <t>Takht Pur</t>
  </si>
  <si>
    <t>Fatima Noor</t>
  </si>
  <si>
    <t>GGPS ADOO WALI</t>
  </si>
  <si>
    <t>Adoo Wali</t>
  </si>
  <si>
    <t>Basti Aadoo wali JPPW</t>
  </si>
  <si>
    <t>Basti Aadoo Wali</t>
  </si>
  <si>
    <t>GGPS ADREHMA</t>
  </si>
  <si>
    <t>Adrahman</t>
  </si>
  <si>
    <t>ggps adrahman</t>
  </si>
  <si>
    <t>Hlalpur</t>
  </si>
  <si>
    <t>GGPS AFZA ISLAM RARA GUJRAN KASUR</t>
  </si>
  <si>
    <t>Rarra Gujran Near Chandni Chok Kasur</t>
  </si>
  <si>
    <t>Rarra Gujran</t>
  </si>
  <si>
    <t>Saima Rasul</t>
  </si>
  <si>
    <t>GGPS AFZAL COLONY</t>
  </si>
  <si>
    <t>mohallah afzal colony kmn</t>
  </si>
  <si>
    <t>M C Kotmoman</t>
  </si>
  <si>
    <t>GGPS AFZAL KHAN SHIKRANI NO.1</t>
  </si>
  <si>
    <t>Katchi Shikrani</t>
  </si>
  <si>
    <t>Basti siyal mouza katchi shikrani</t>
  </si>
  <si>
    <t>Basti Siyal</t>
  </si>
  <si>
    <t>Bann Wala</t>
  </si>
  <si>
    <t>GGPS AFZAL LANGA JHADY</t>
  </si>
  <si>
    <t>Bait Murad</t>
  </si>
  <si>
    <t>basti jhande khan</t>
  </si>
  <si>
    <t>Jhande Khan</t>
  </si>
  <si>
    <t>Gul M Langah</t>
  </si>
  <si>
    <t>GGPS AFZAL MANA CHISHTI</t>
  </si>
  <si>
    <t>Muhammad Nawaz Pura</t>
  </si>
  <si>
    <t>Basti khalida abaad near bypass bahawalnagar</t>
  </si>
  <si>
    <t>Khalida Abaad</t>
  </si>
  <si>
    <t>GGPS AFZAL PURA</t>
  </si>
  <si>
    <t>Afzal Pura</t>
  </si>
  <si>
    <t>Afzal pura norkot road shakargarh</t>
  </si>
  <si>
    <t>Safia Begham</t>
  </si>
  <si>
    <t>GGPS AFZAL PURA DHULLAY</t>
  </si>
  <si>
    <t>afzal pura</t>
  </si>
  <si>
    <t>Attia Sabir</t>
  </si>
  <si>
    <t>GGPS AGHRANI</t>
  </si>
  <si>
    <t>Bait Burra</t>
  </si>
  <si>
    <t>Basti Aghrani, Bait Burra</t>
  </si>
  <si>
    <t>Basti Aghrani</t>
  </si>
  <si>
    <t>Sumaira Zawar</t>
  </si>
  <si>
    <t>GGPS AGO MUNDA</t>
  </si>
  <si>
    <t>Agomunda</t>
  </si>
  <si>
    <t>Village Agomunda Po box Nidala Sulehrian Teh.Skg. Dist. Narowal.</t>
  </si>
  <si>
    <t>GGPS AGORE</t>
  </si>
  <si>
    <t>Agore</t>
  </si>
  <si>
    <t>village agore, P.O Khaira,  Tehsil Shakargarh,  Narowal.</t>
  </si>
  <si>
    <t>agore</t>
  </si>
  <si>
    <t>chak aamru</t>
  </si>
  <si>
    <t>Nabeela Bano</t>
  </si>
  <si>
    <t>GGPS AGRI FARM</t>
  </si>
  <si>
    <t>Zarati Farm</t>
  </si>
  <si>
    <t>GGPS ZARATI FARM SAHIWAL</t>
  </si>
  <si>
    <t>88/9L</t>
  </si>
  <si>
    <t>Ruqia Sabar</t>
  </si>
  <si>
    <t>GGPS AGWAAL</t>
  </si>
  <si>
    <t>Agwal</t>
  </si>
  <si>
    <t>Village Agwal post office and tehsil Zafarwal district Narowal</t>
  </si>
  <si>
    <t>Rizwana Kiran</t>
  </si>
  <si>
    <t>GGPS AGWAL</t>
  </si>
  <si>
    <t>village agwal p/o sohwara tehsil skg district Narowal.</t>
  </si>
  <si>
    <t>Raiba</t>
  </si>
  <si>
    <t>Aqsa Iqbal</t>
  </si>
  <si>
    <t>GGPS AHAIR WAILA</t>
  </si>
  <si>
    <t>Mirali Wahin</t>
  </si>
  <si>
    <t>basti ahair waila  near railway line shujabad phatak  shujabad</t>
  </si>
  <si>
    <t>Ahair Waila</t>
  </si>
  <si>
    <t>Todar pur</t>
  </si>
  <si>
    <t>Raheela Mohi-yu-din</t>
  </si>
  <si>
    <t>GGPS AHALI BOSAL</t>
  </si>
  <si>
    <t>Ahali Bosal</t>
  </si>
  <si>
    <t>Chak Riab</t>
  </si>
  <si>
    <t>GGPS AHAMDI KHEL WALA</t>
  </si>
  <si>
    <t>Bori Khel</t>
  </si>
  <si>
    <t>sadeeqa bad</t>
  </si>
  <si>
    <t>Sadeeqa Bad</t>
  </si>
  <si>
    <t>Shahnaz Andleeb</t>
  </si>
  <si>
    <t>GGPS AHATA TERBALA</t>
  </si>
  <si>
    <t>Ahatta Terbela</t>
  </si>
  <si>
    <t>ahatta terbela HMC road taxila</t>
  </si>
  <si>
    <t>Ghari Sikandr</t>
  </si>
  <si>
    <t>Farkhanda Rana</t>
  </si>
  <si>
    <t>GGPS AHEER SURKHRU</t>
  </si>
  <si>
    <t>Aheer Surkhru</t>
  </si>
  <si>
    <t>Aheer Surkhru   PO  Dherowal. Sahiwal  Sargodha</t>
  </si>
  <si>
    <t>Rakh sahiwal</t>
  </si>
  <si>
    <t>Nazia  Shareen</t>
  </si>
  <si>
    <t>GGPS AHIR</t>
  </si>
  <si>
    <t>Aheer</t>
  </si>
  <si>
    <t>Village Aheer,p.o.missa kaswal,tehsil Gujar khan distt Rawalpindi</t>
  </si>
  <si>
    <t>Shawana Munir Malik</t>
  </si>
  <si>
    <t>Borehole</t>
  </si>
  <si>
    <t>GGPS AHIRAN WALA</t>
  </si>
  <si>
    <t>Dera Ahiranwala p o chak no 4db teh piplan distt  Manwali</t>
  </si>
  <si>
    <t>Ahiranwala Wala</t>
  </si>
  <si>
    <t>GGPS AHLI DAKHLI 4 NB</t>
  </si>
  <si>
    <t>Chak 4 NB AHLI Dakhli</t>
  </si>
  <si>
    <t>ahli dakhli 4 nb</t>
  </si>
  <si>
    <t>Ahli Dakhli 4 Nb</t>
  </si>
  <si>
    <t>Afsana Kanwal</t>
  </si>
  <si>
    <t>GGPS AHLLO</t>
  </si>
  <si>
    <t>Ahloo</t>
  </si>
  <si>
    <t>village Ahloo kahna nau feroz pur road lahore</t>
  </si>
  <si>
    <t>Dhaloki</t>
  </si>
  <si>
    <t>Bushra Behram</t>
  </si>
  <si>
    <t>GGPS AHLNIAN WALI</t>
  </si>
  <si>
    <t>Ahlnianwali Wali</t>
  </si>
  <si>
    <t>Ahlnainwali po box'pandorian chak # 122</t>
  </si>
  <si>
    <t>Ahlnian Wali</t>
  </si>
  <si>
    <t>Sajda Perveen</t>
  </si>
  <si>
    <t>GGPS AHLO JHUGIAN</t>
  </si>
  <si>
    <t>Ahloo Jhuggian</t>
  </si>
  <si>
    <t>basti Rajputana ahloo jhuggian Lahore.</t>
  </si>
  <si>
    <t>Dhloki</t>
  </si>
  <si>
    <t>Saira Azal</t>
  </si>
  <si>
    <t>GGPS AHLULAL</t>
  </si>
  <si>
    <t>Ahlulal</t>
  </si>
  <si>
    <t>GGPS Ahlulal</t>
  </si>
  <si>
    <t>Fakhrah Azam</t>
  </si>
  <si>
    <t>GGPS AHMAD ABAD BHONKI</t>
  </si>
  <si>
    <t>Ahmadabad bhonki shadia</t>
  </si>
  <si>
    <t>Ahmadabad bhonki</t>
  </si>
  <si>
    <t>GGPS AHMAD ABAD KAMRIAL</t>
  </si>
  <si>
    <t>Mehwish Zamurad</t>
  </si>
  <si>
    <t>GGPS AHMAD BARI SULTAN</t>
  </si>
  <si>
    <t>Ahmad Bari sultan</t>
  </si>
  <si>
    <t>Ahmad Bari Sultan</t>
  </si>
  <si>
    <t>Farzana Ashiq</t>
  </si>
  <si>
    <t>GGPS AHMAD BUKHSH MAILKHI</t>
  </si>
  <si>
    <t>Ahmad Mailkhi</t>
  </si>
  <si>
    <t>ggps ahmad bakhsh mailkhi</t>
  </si>
  <si>
    <t>Azra Noreen</t>
  </si>
  <si>
    <t>GGPS AHMAD BUKHSH MIANI JALALPUR PIRWALA</t>
  </si>
  <si>
    <t>MOza basti lang village no abad</t>
  </si>
  <si>
    <t>Basti No Abad</t>
  </si>
  <si>
    <t>Noraja Bhutta</t>
  </si>
  <si>
    <t>GGPS Ahmad Khan Dultana</t>
  </si>
  <si>
    <t>Hasilpurold</t>
  </si>
  <si>
    <t>g.gp/s ahmad khan doltana near basti riaz kot</t>
  </si>
  <si>
    <t>Basti Ahmad Kahan</t>
  </si>
  <si>
    <t>Nirban</t>
  </si>
  <si>
    <t>Shazia Khurshid</t>
  </si>
  <si>
    <t>GGPS AHMAD KHAN KHEWANI</t>
  </si>
  <si>
    <t>basti ahmed khan kehwani p/o kandani</t>
  </si>
  <si>
    <t>Ahmed Khan Kehwani</t>
  </si>
  <si>
    <t>GGPS AHMAD KORAI</t>
  </si>
  <si>
    <t>KOTLA HUSSAIN</t>
  </si>
  <si>
    <t>Ahmad korai</t>
  </si>
  <si>
    <t>Ahmad Korai</t>
  </si>
  <si>
    <t>Almas Arshad Qureshi</t>
  </si>
  <si>
    <t>GGPS AHMAD NAGAR  (UNDER NGO)</t>
  </si>
  <si>
    <t>Ahmad Nagar,depalpur,okara</t>
  </si>
  <si>
    <t>Muzammil Hoshiyar</t>
  </si>
  <si>
    <t>GGPS AHMAD PUR</t>
  </si>
  <si>
    <t>Kalsoom Khuda Bakhsh</t>
  </si>
  <si>
    <t>GGPS AHMAD SHAH</t>
  </si>
  <si>
    <t>GGPS Ahmad Shah qasba noorsha Sahiwal</t>
  </si>
  <si>
    <t>Ammara Iqbal</t>
  </si>
  <si>
    <t>GGPS AHMAD SHER KALERA BAMBOOL</t>
  </si>
  <si>
    <t>Dera Kalerian wala Bambool</t>
  </si>
  <si>
    <t>Sidra-Tul-Muntaha</t>
  </si>
  <si>
    <t>GGPS AHMAD WALA JADEED</t>
  </si>
  <si>
    <t>GGPS Ahmad wala jaded basti mian Wala Moza inayat pur</t>
  </si>
  <si>
    <t>Balqees Riaz</t>
  </si>
  <si>
    <t>GGPS AHMAD WALA NO. 2</t>
  </si>
  <si>
    <t>Dovna</t>
  </si>
  <si>
    <t>arikora shah punvar janubi gujrat teh kot addu dist m grah</t>
  </si>
  <si>
    <t>Arikora Shah</t>
  </si>
  <si>
    <t>Munazzah Batool</t>
  </si>
  <si>
    <t>GGPS AHMAD WALA NO.1</t>
  </si>
  <si>
    <t>gurmani gharbi</t>
  </si>
  <si>
    <t>ahmad wala</t>
  </si>
  <si>
    <t>Dibbi shah</t>
  </si>
  <si>
    <t>GGPS AHMAD YAR RID</t>
  </si>
  <si>
    <t>Ahmad Yarrid</t>
  </si>
  <si>
    <t>ahmad yarrid</t>
  </si>
  <si>
    <t>Kotsultan Rural</t>
  </si>
  <si>
    <t>Nabila Sadiq</t>
  </si>
  <si>
    <t>GGPS AHMAD YAR RID HOTE WALA</t>
  </si>
  <si>
    <t>mouza Ahmad yar rid chah hote wala</t>
  </si>
  <si>
    <t>Hote Wala</t>
  </si>
  <si>
    <t>Rukhsana Rasool</t>
  </si>
  <si>
    <t>GGPS AHMAD YAR WALA</t>
  </si>
  <si>
    <t>ward no 14c kotdu</t>
  </si>
  <si>
    <t>Kotadu</t>
  </si>
  <si>
    <t>Mc Kotadu</t>
  </si>
  <si>
    <t>GGPS AHMADPUR TAPPA</t>
  </si>
  <si>
    <t>Ahmad Pur Tappa</t>
  </si>
  <si>
    <t>Ggps Ahmad Pur tappa tesil Ahmad Pur district bahawalpur.</t>
  </si>
  <si>
    <t>GGPS AHMED ABAD NEW</t>
  </si>
  <si>
    <t>GGP/S Ahmad Abad New</t>
  </si>
  <si>
    <t>GGPS AHMED BUKHSH WALI MOZA ADDO WALI</t>
  </si>
  <si>
    <t>Mochi Puhnva</t>
  </si>
  <si>
    <t>aduwali</t>
  </si>
  <si>
    <t>Basti Lohar</t>
  </si>
  <si>
    <t>Inayat pur</t>
  </si>
  <si>
    <t>Sajda Nassem</t>
  </si>
  <si>
    <t>GGPS AHMED BUX NAICH</t>
  </si>
  <si>
    <t>JAN PUR - FEMALE</t>
  </si>
  <si>
    <t>basti haji azeem bux naich</t>
  </si>
  <si>
    <t>Basti Haji Azeem Bux Naich</t>
  </si>
  <si>
    <t>Bushra</t>
  </si>
  <si>
    <t>GGPS AHMED BUX SAEED ABAD</t>
  </si>
  <si>
    <t>basti mehmoodabad teh lqp</t>
  </si>
  <si>
    <t>Mehmooda Abad</t>
  </si>
  <si>
    <t>Nasim Riaz</t>
  </si>
  <si>
    <t>GGPS AHMED DA KHUH</t>
  </si>
  <si>
    <t>ahmad ka khuh</t>
  </si>
  <si>
    <t>Ahmad Ka Khuh</t>
  </si>
  <si>
    <t>GGPS AHMED PURA</t>
  </si>
  <si>
    <t>Ahmad Pura</t>
  </si>
  <si>
    <t>G.G.P/S Ahmad pura Chiniot</t>
  </si>
  <si>
    <t>Samina Ishaq</t>
  </si>
  <si>
    <t>GGPS AHMED REHMOKA</t>
  </si>
  <si>
    <t>Rahmoka</t>
  </si>
  <si>
    <t>Ahmad rahmoka</t>
  </si>
  <si>
    <t>Ahmad Rahmoka</t>
  </si>
  <si>
    <t>Ashrafia Noor</t>
  </si>
  <si>
    <t>GGPS AHMED YAR TANWARI JADEED</t>
  </si>
  <si>
    <t>Ahmad Yaar Tanwri</t>
  </si>
  <si>
    <t>ahmad yaar tanwri. post office allah abad tehsil liaquat pur</t>
  </si>
  <si>
    <t>Trukrey</t>
  </si>
  <si>
    <t>GGPS AHMED YAR TANWARI QADEEM</t>
  </si>
  <si>
    <t>Ahmad Yar Tanwari</t>
  </si>
  <si>
    <t>basti Sadat moza Ahmad yar tanwari post office Allahabad tahsil liaquat pur district rahim yar khan</t>
  </si>
  <si>
    <t>Trukry</t>
  </si>
  <si>
    <t>Sabbe Humma</t>
  </si>
  <si>
    <t>GGPS AHMEDAL</t>
  </si>
  <si>
    <t>G.G.P.S.Ahmedal P.o ahmedal</t>
  </si>
  <si>
    <t>Gonjial Shomali</t>
  </si>
  <si>
    <t>Yasmeen Khatoon</t>
  </si>
  <si>
    <t>GGPS AHMEDAL NO.1</t>
  </si>
  <si>
    <t>ahmedal</t>
  </si>
  <si>
    <t>vpo  ahmedal</t>
  </si>
  <si>
    <t>GGPS AHSAN KACHA</t>
  </si>
  <si>
    <t>AHSAN KACHA</t>
  </si>
  <si>
    <t>BASTI AHSAN KACHA TEHSIL KAROR DISTRICT LAYYAH</t>
  </si>
  <si>
    <t>lubna altaf</t>
  </si>
  <si>
    <t>GGPS AHSAN PUR</t>
  </si>
  <si>
    <t>ehsanpur</t>
  </si>
  <si>
    <t>village ehsanpur</t>
  </si>
  <si>
    <t>Irum Khalid</t>
  </si>
  <si>
    <t>GGPS AIMA BARI</t>
  </si>
  <si>
    <t>Aima Bari</t>
  </si>
  <si>
    <t>Po Maira</t>
  </si>
  <si>
    <t>Danyala</t>
  </si>
  <si>
    <t>Ifra Akhter</t>
  </si>
  <si>
    <t>GGPS AJAB KHAN WALA NO. 2</t>
  </si>
  <si>
    <t>KAMAR MUSHANI NO.5 -FEMALE</t>
  </si>
  <si>
    <t>VANJARI</t>
  </si>
  <si>
    <t>wandha gula khel</t>
  </si>
  <si>
    <t>WANDHA GULA KHEL</t>
  </si>
  <si>
    <t>GGPS AJJA BHUTTA</t>
  </si>
  <si>
    <t>Ajja Bhutta</t>
  </si>
  <si>
    <t>ajja bhutta</t>
  </si>
  <si>
    <t>Tanzeela Munir</t>
  </si>
  <si>
    <t>GGPS AJJU WALA</t>
  </si>
  <si>
    <t>GG P/S Ajjuwala</t>
  </si>
  <si>
    <t>GGPS AKAL GARH</t>
  </si>
  <si>
    <t>chak akal garh</t>
  </si>
  <si>
    <t>Twana Kilan</t>
  </si>
  <si>
    <t>Najma Ata Muhammad</t>
  </si>
  <si>
    <t>GGPS AKAN WALI</t>
  </si>
  <si>
    <t>Akkan wali village</t>
  </si>
  <si>
    <t>Akkan Wali</t>
  </si>
  <si>
    <t>Jand Wala</t>
  </si>
  <si>
    <t>Hafiza Shazia Samreen</t>
  </si>
  <si>
    <t>GGPS AKBAR NAGAR</t>
  </si>
  <si>
    <t>Perhar Sherqi</t>
  </si>
  <si>
    <t>Near Nory Wala Phatak, Mashori Street  Akbar Nagar Kot Addu</t>
  </si>
  <si>
    <t>Khu Jamal Wala</t>
  </si>
  <si>
    <t>M C Kotadu</t>
  </si>
  <si>
    <t>Shazia bibi</t>
  </si>
  <si>
    <t>GGPS AKBAR PARK GOJRA</t>
  </si>
  <si>
    <t>Govt. Girls P/S Akbar Park Gojra</t>
  </si>
  <si>
    <t>Hafeez Park</t>
  </si>
  <si>
    <t>GGPS AKBER WALA</t>
  </si>
  <si>
    <t>basti bulla baloach nala khuda dad</t>
  </si>
  <si>
    <t>Basti Bulla Baloach</t>
  </si>
  <si>
    <t>Tasneem Kouser</t>
  </si>
  <si>
    <t>GGPS AKHROTAN WALA</t>
  </si>
  <si>
    <t>awana wala</t>
  </si>
  <si>
    <t>Awana Wala</t>
  </si>
  <si>
    <t>GGPS AKHTAR ABAD NO. 2</t>
  </si>
  <si>
    <t>Baila Phulai</t>
  </si>
  <si>
    <t>GGPS Akhtar abad no 2, Tehsil shorkot, District Jhang</t>
  </si>
  <si>
    <t>Mehram Sial</t>
  </si>
  <si>
    <t>Hina ishfaq</t>
  </si>
  <si>
    <t>GGPS AKHTAR ISLAMIA</t>
  </si>
  <si>
    <t>Dhoke  Khaba</t>
  </si>
  <si>
    <t>dhoke khaba rwp</t>
  </si>
  <si>
    <t>Dhoke Khaba</t>
  </si>
  <si>
    <t>Nazia Akhtar</t>
  </si>
  <si>
    <t>GGPS AKHTER ABBAS WALA</t>
  </si>
  <si>
    <t>Perhr rsharqi</t>
  </si>
  <si>
    <t>Chah Lai walakot kot adu</t>
  </si>
  <si>
    <t>Chah Lai Wala</t>
  </si>
  <si>
    <t>Mc Kot Adu</t>
  </si>
  <si>
    <t>sadia kaleem</t>
  </si>
  <si>
    <t>GGPS AKIAL</t>
  </si>
  <si>
    <t>Akial</t>
  </si>
  <si>
    <t>Village akial tehsil zafrwal dist narowal</t>
  </si>
  <si>
    <t>Shama Perveen</t>
  </si>
  <si>
    <t>GGPS AKKAN WALI (NEW)</t>
  </si>
  <si>
    <t>Said ser AKKAN WALI</t>
  </si>
  <si>
    <t>Khywan singh</t>
  </si>
  <si>
    <t>Khywan WALI</t>
  </si>
  <si>
    <t>Jand wala</t>
  </si>
  <si>
    <t>Anila Mustafa</t>
  </si>
  <si>
    <t>GGPS AKKI KAY</t>
  </si>
  <si>
    <t>Akki Kay</t>
  </si>
  <si>
    <t>tehsil shakargarh distt narowal village akki kay p/o kanjror</t>
  </si>
  <si>
    <t>Sara Shabbir</t>
  </si>
  <si>
    <t>GGPS AKOWAL</t>
  </si>
  <si>
    <t>G G ps Akowal Trag p /o trag Teh isakhell dist Mianwali</t>
  </si>
  <si>
    <t>GGPS AKRAM ABAD</t>
  </si>
  <si>
    <t>Basti Illahi baksh</t>
  </si>
  <si>
    <t>Basti Illahi Baksh</t>
  </si>
  <si>
    <t>Shahida Yasmeen</t>
  </si>
  <si>
    <t>GGPS AKRAM BHATTI</t>
  </si>
  <si>
    <t>Mud Rasheed</t>
  </si>
  <si>
    <t>Moza Mud Rasheed Union council kulab 061 Basti Bhattiyan</t>
  </si>
  <si>
    <t>Madiha Umbreen</t>
  </si>
  <si>
    <t>GGPS AKRAM WALA</t>
  </si>
  <si>
    <t>KAMMAR MUSHANI NO.3-FEMALE</t>
  </si>
  <si>
    <t>kacha kamar mushani</t>
  </si>
  <si>
    <t>Navid Akhter</t>
  </si>
  <si>
    <t>GGPS ALAF KHEL</t>
  </si>
  <si>
    <t>TOla Mangali</t>
  </si>
  <si>
    <t>alaf khel</t>
  </si>
  <si>
    <t>Kot Chandn</t>
  </si>
  <si>
    <t>GGPS ALAM ABAD NO.1</t>
  </si>
  <si>
    <t>Alamabad</t>
  </si>
  <si>
    <t>alamabad</t>
  </si>
  <si>
    <t>Uc Bhakkar 2</t>
  </si>
  <si>
    <t>Mrs Nasreen Kousar</t>
  </si>
  <si>
    <t>GGPS ALAM ABAD NO.2</t>
  </si>
  <si>
    <t>alam Abad no.2 bhakkar</t>
  </si>
  <si>
    <t>Nishat Aslam</t>
  </si>
  <si>
    <t>GGPS ALAM DUHDI</t>
  </si>
  <si>
    <t>AlamDhudi</t>
  </si>
  <si>
    <t>GGPS Alam dhudi</t>
  </si>
  <si>
    <t>Alam Dhudi</t>
  </si>
  <si>
    <t>Feroz Pur Chistian</t>
  </si>
  <si>
    <t>Abida Abbasi</t>
  </si>
  <si>
    <t>GGPS ALAM KHEL</t>
  </si>
  <si>
    <t>Alam khel</t>
  </si>
  <si>
    <t>mohallah mirzokhel</t>
  </si>
  <si>
    <t>Samina Kauser</t>
  </si>
  <si>
    <t>GGPS ALAM SHAH</t>
  </si>
  <si>
    <t>alam shah</t>
  </si>
  <si>
    <t>GGPS Alam shah</t>
  </si>
  <si>
    <t>Alam shah</t>
  </si>
  <si>
    <t>Pindi sheikh musa</t>
  </si>
  <si>
    <t>GGPS ALAM SHAH TAJJA</t>
  </si>
  <si>
    <t>Alam Shah Taja</t>
  </si>
  <si>
    <t>Govt Girls primary school Alam shah taja</t>
  </si>
  <si>
    <t>Darbar Salahudin</t>
  </si>
  <si>
    <t>Noor Anwar</t>
  </si>
  <si>
    <t>GGPS ALAMA IQBAL MOHALLAH USMANIA</t>
  </si>
  <si>
    <t>Muhallah Usmania Narowal</t>
  </si>
  <si>
    <t>Madiha Butt</t>
  </si>
  <si>
    <t>GGPS ALAUDIN WAL</t>
  </si>
  <si>
    <t>Alaudinwal</t>
  </si>
  <si>
    <t>mousa alaudinwal tehsil lalian dist chiniot</t>
  </si>
  <si>
    <t>Tehmina Ishaq</t>
  </si>
  <si>
    <t>GGPS ALAWAL KAY</t>
  </si>
  <si>
    <t>Alawalkay</t>
  </si>
  <si>
    <t>alawalkay</t>
  </si>
  <si>
    <t>No or Ahmad</t>
  </si>
  <si>
    <t>GGPS ALAWAL PUR</t>
  </si>
  <si>
    <t>Alawal Pur</t>
  </si>
  <si>
    <t>Alawal Pur p/o Basu punnu tehsile pasrur district Sialkot</t>
  </si>
  <si>
    <t>Sana naz</t>
  </si>
  <si>
    <t>GGPS AL-DITTA</t>
  </si>
  <si>
    <t>Al Ditta</t>
  </si>
  <si>
    <t>village alditta po.bopra kalan teh nowsheran virkan distt grw</t>
  </si>
  <si>
    <t>All Ditta</t>
  </si>
  <si>
    <t>Sadaf Asif</t>
  </si>
  <si>
    <t>GGPS ALHAN</t>
  </si>
  <si>
    <t>Alhan</t>
  </si>
  <si>
    <t>vill.Alhan post off qadirabad teh.phalia distt.m.b.din</t>
  </si>
  <si>
    <t>GGPS ALI ABAD MARH BALOCHAN</t>
  </si>
  <si>
    <t>Ali abad</t>
  </si>
  <si>
    <t>Ali abad chak no 112 rb teh sangla hill district of nankana sahib</t>
  </si>
  <si>
    <t>Badoo melhi</t>
  </si>
  <si>
    <t>GGPS Ali Abad Rodan Wala</t>
  </si>
  <si>
    <t>RODAN WALA</t>
  </si>
  <si>
    <t>ALI ABAD RODAN WALA, BASIRA</t>
  </si>
  <si>
    <t>RAKSHANDA TABEER</t>
  </si>
  <si>
    <t>GGPS ALI AHMAD CHATTA</t>
  </si>
  <si>
    <t>Nizam Pur</t>
  </si>
  <si>
    <t>basti Ali Ahmed Chatta APE</t>
  </si>
  <si>
    <t>Basti Ali Ahmed Chatta</t>
  </si>
  <si>
    <t>Surriya Kousar</t>
  </si>
  <si>
    <t>GGPS ALI AMBRIEND</t>
  </si>
  <si>
    <t>mahra faraz near admorepump</t>
  </si>
  <si>
    <t>Basti Marafrz Fraz</t>
  </si>
  <si>
    <t>Bhuttapur</t>
  </si>
  <si>
    <t>Farkhanda kosur</t>
  </si>
  <si>
    <t>GGPS ALI ASAR</t>
  </si>
  <si>
    <t>Molvi Sikandar</t>
  </si>
  <si>
    <t>shehroz@595@g mail.com</t>
  </si>
  <si>
    <t>Ada Shehnal</t>
  </si>
  <si>
    <t>Chack Himts</t>
  </si>
  <si>
    <t>GGPS ALI GARH KASUR</t>
  </si>
  <si>
    <t>Ali Ghar</t>
  </si>
  <si>
    <t>kot Ali ghar kasur</t>
  </si>
  <si>
    <t>MC Kasur</t>
  </si>
  <si>
    <t>kausar Jabeen Inyat  Ullah</t>
  </si>
  <si>
    <t>GGPS ALI JAJ</t>
  </si>
  <si>
    <t>Ali Judge</t>
  </si>
  <si>
    <t>Govt girls primary school ali judge post office syedwala</t>
  </si>
  <si>
    <t>Chak 12/68</t>
  </si>
  <si>
    <t>GGPS ALI KHAN ABAD PO SAMAND WALA</t>
  </si>
  <si>
    <t>Dera Ali khan abad samand Wala</t>
  </si>
  <si>
    <t>Aansa Iqbal</t>
  </si>
  <si>
    <t>GGPS ALI KHANANA</t>
  </si>
  <si>
    <t>GGPS alikhanana</t>
  </si>
  <si>
    <t>Chah Qasim Wala</t>
  </si>
  <si>
    <t>Saeeda Akhtar</t>
  </si>
  <si>
    <t>GGPS ALI KHEL</t>
  </si>
  <si>
    <t>CHHIDRU NO.2-FEMALE</t>
  </si>
  <si>
    <t>Sultan Wala Sharqi</t>
  </si>
  <si>
    <t>Ali Khel Janubi P/O Chah Hathi Khan Wala</t>
  </si>
  <si>
    <t>GGPS ALI KHEL PO KOT QAZI</t>
  </si>
  <si>
    <t>Kot Shams</t>
  </si>
  <si>
    <t>vpo kot Shams tehsil lawa</t>
  </si>
  <si>
    <t>Tahira rehman</t>
  </si>
  <si>
    <t>GGPS ALI MUHAMMAD (NEW)</t>
  </si>
  <si>
    <t>Kot Mubarik</t>
  </si>
  <si>
    <t>G.G p/s Ali Muhammad new</t>
  </si>
  <si>
    <t>Ali Khan Wala</t>
  </si>
  <si>
    <t>Bahadur Ghar</t>
  </si>
  <si>
    <t>Alia Perveen</t>
  </si>
  <si>
    <t>GGPS ALI NAGAR</t>
  </si>
  <si>
    <t>gunianwala</t>
  </si>
  <si>
    <t>ali nager,teh wzd, distt gujranwala</t>
  </si>
  <si>
    <t>ali nager</t>
  </si>
  <si>
    <t>saima saber</t>
  </si>
  <si>
    <t>GGPS ALI PUR ARAIAN</t>
  </si>
  <si>
    <t>Alipur Araian</t>
  </si>
  <si>
    <t>Alipur araian gujranwals</t>
  </si>
  <si>
    <t>sajida nasreen</t>
  </si>
  <si>
    <t>GGPS ALI PUR HINJLI</t>
  </si>
  <si>
    <t>Ali Pur Hanjli</t>
  </si>
  <si>
    <t>Ali Pur Hanjli P/O Jhatokay Tehsil Pasrur Distt.Sialkot</t>
  </si>
  <si>
    <t>Dulam Kahalwan</t>
  </si>
  <si>
    <t>TASLEEM KOUSAR</t>
  </si>
  <si>
    <t>GGPS ALI PUR MACHIAN</t>
  </si>
  <si>
    <t>Ali Pur Machian</t>
  </si>
  <si>
    <t>GGPS ALI PUR MACHIAN Akram Abad</t>
  </si>
  <si>
    <t>Sabira Sultana</t>
  </si>
  <si>
    <t>GGPS ALI PUR NOON</t>
  </si>
  <si>
    <t>Ali Pur Noon</t>
  </si>
  <si>
    <t>ali pur noon</t>
  </si>
  <si>
    <t>Muqadas Amir</t>
  </si>
  <si>
    <t>GGPS ALI PUR REHAN</t>
  </si>
  <si>
    <t>Ali Pur Madh</t>
  </si>
  <si>
    <t>moza ali pur madh,teh lalian,disst chiniot</t>
  </si>
  <si>
    <t>Ali Pu Rehan</t>
  </si>
  <si>
    <t>GGPS ALI PUR SYEDAN</t>
  </si>
  <si>
    <t>Alli Pur Sayyadan</t>
  </si>
  <si>
    <t>Alli pur sayyadan</t>
  </si>
  <si>
    <t>Pur Sayyadan</t>
  </si>
  <si>
    <t>Humaira Sherazi</t>
  </si>
  <si>
    <t>GGPS ALI PURA</t>
  </si>
  <si>
    <t>Gujranwala City 111</t>
  </si>
  <si>
    <t>noor town ali pura</t>
  </si>
  <si>
    <t>City Gujranwala</t>
  </si>
  <si>
    <t>Nusrat Jahan</t>
  </si>
  <si>
    <t>GGPS ALI SHAH</t>
  </si>
  <si>
    <t>Ali Shah</t>
  </si>
  <si>
    <t>Ali shah tehsil arifwals district pakpsta</t>
  </si>
  <si>
    <t>Nora Rath</t>
  </si>
  <si>
    <t>Nadia Jabbar</t>
  </si>
  <si>
    <t>GGPS ALI SHER DOGRAN</t>
  </si>
  <si>
    <t>dera Ali sher dogran</t>
  </si>
  <si>
    <t>dera Ali sher dogar</t>
  </si>
  <si>
    <t>dera Ali sher dora</t>
  </si>
  <si>
    <t>GGPS ALI TOWN BUDHLA ROAD MULTAN</t>
  </si>
  <si>
    <t>Government Girls Primary School Ali town Budhla road Multan</t>
  </si>
  <si>
    <t>Ali town</t>
  </si>
  <si>
    <t>Seetal mari</t>
  </si>
  <si>
    <t>Riffat rasheed</t>
  </si>
  <si>
    <t>GGPS ALI WAH</t>
  </si>
  <si>
    <t>Basti Ali wah mozaa Ali wah mailsi</t>
  </si>
  <si>
    <t>Haseena Bibi</t>
  </si>
  <si>
    <t>GGPS ALI WALA</t>
  </si>
  <si>
    <t>Pati Khar</t>
  </si>
  <si>
    <t>Khere Wala Bangla</t>
  </si>
  <si>
    <t>Rozina Bashir</t>
  </si>
  <si>
    <t>GGPS ALIMIA COLONY CHISHTIAN</t>
  </si>
  <si>
    <t>alimia colony Chishtian</t>
  </si>
  <si>
    <t>GGPS ALIOT</t>
  </si>
  <si>
    <t>Tehsil Murree District Rawalpindi village and p/o Aliot</t>
  </si>
  <si>
    <t>Waheeda BiBi</t>
  </si>
  <si>
    <t>GGPS ALIPUR NO. 2</t>
  </si>
  <si>
    <t>MutaFarqa</t>
  </si>
  <si>
    <t>Fath por road Alipur</t>
  </si>
  <si>
    <t>Fatehpur Janubi</t>
  </si>
  <si>
    <t>Hand pump water pump</t>
  </si>
  <si>
    <t>GGPS ALKRA</t>
  </si>
  <si>
    <t>Alkra</t>
  </si>
  <si>
    <t>govt girls primary school alkra</t>
  </si>
  <si>
    <t>Blaggan</t>
  </si>
  <si>
    <t>Shazia  Firdos</t>
  </si>
  <si>
    <t>GGPS ALLA BACHAYA RIND</t>
  </si>
  <si>
    <t>Zahirpir</t>
  </si>
  <si>
    <t>basti Allah Bachaya rind</t>
  </si>
  <si>
    <t>ALLAH Bachaya Rind</t>
  </si>
  <si>
    <t>Aqsa Mubeen</t>
  </si>
  <si>
    <t>GGPS ALLAH ABAD MULTAN</t>
  </si>
  <si>
    <t>Kotla Reham Ali</t>
  </si>
  <si>
    <t>Chah bhirr wla basti gharib abad post office lar multan</t>
  </si>
  <si>
    <t>Bhirr Wala</t>
  </si>
  <si>
    <t>Gull Fishan</t>
  </si>
  <si>
    <t>GGPS ALLAH BACHAYA</t>
  </si>
  <si>
    <t>GGPS ALLAH Bachaya basti akabar abad tehsil sadiqabad</t>
  </si>
  <si>
    <t>Basti Akbar Abad</t>
  </si>
  <si>
    <t>Shazia Ramzan</t>
  </si>
  <si>
    <t>GGPS ALLAH BACHAYA BEHALLA</t>
  </si>
  <si>
    <t>Ahmed Ali Lar</t>
  </si>
  <si>
    <t>basti Allah bachaya bhela</t>
  </si>
  <si>
    <t>Basti Allah Bachaya</t>
  </si>
  <si>
    <t>Tahira Siddiqui</t>
  </si>
  <si>
    <t>GGPS ALLAH BAKHSH</t>
  </si>
  <si>
    <t>basti Allah bakhsh sameej thakro</t>
  </si>
  <si>
    <t>AASIA GHOUS</t>
  </si>
  <si>
    <t>GGPS ALLAH BAKHSH CHANDIO</t>
  </si>
  <si>
    <t>chah dolat wala dak khana khas kot tahir jampur</t>
  </si>
  <si>
    <t>DOLAT WALA</t>
  </si>
  <si>
    <t>Mehvish Saba</t>
  </si>
  <si>
    <t>GGPS ALLAH BAKHSH WALA</t>
  </si>
  <si>
    <t>Ihsan Pur</t>
  </si>
  <si>
    <t>chah khatwan P/O ihsan pur , tehsil kot adu,district muzaffer garh</t>
  </si>
  <si>
    <t>Chah Khatwan</t>
  </si>
  <si>
    <t>Sara Shaheen</t>
  </si>
  <si>
    <t>GGPS ALLAH BAKHSH ZAWAR WALA</t>
  </si>
  <si>
    <t>Chah Hassu</t>
  </si>
  <si>
    <t>Govt Girls Primary School Allah Bakhsh Zawar Wala</t>
  </si>
  <si>
    <t>Daggar Olakh</t>
  </si>
  <si>
    <t>Nusrat Rehman</t>
  </si>
  <si>
    <t>GGPS ALLAH BUKHSH DAWANJ</t>
  </si>
  <si>
    <t>Govt Girls primary school Naushera jadeed</t>
  </si>
  <si>
    <t>Naushera Jadeed</t>
  </si>
  <si>
    <t>salma bibi</t>
  </si>
  <si>
    <t>GGPS ALLAH BUKSH GOPANG</t>
  </si>
  <si>
    <t>GGPS Allah buksh gopang rukan pur</t>
  </si>
  <si>
    <t>Allah Buksh</t>
  </si>
  <si>
    <t>GGPS ALLAH BUX GANGA</t>
  </si>
  <si>
    <t>Allah Buksh Ganga, R Y Khan</t>
  </si>
  <si>
    <t>Allah Buksh Ganga</t>
  </si>
  <si>
    <t>Muhammad Pur  Qureshian</t>
  </si>
  <si>
    <t>RUKHSANA SHAHNAZ</t>
  </si>
  <si>
    <t>GGPS ALLAH DAD KHELAN WALA</t>
  </si>
  <si>
    <t>Sultan Wala sharqi</t>
  </si>
  <si>
    <t>Ggps Allah dad khelanwala P/O Hathi khan wala moza sultan wala sharqi mianwali</t>
  </si>
  <si>
    <t>ABBA Khel</t>
  </si>
  <si>
    <t>Rabia Rasheed Khan</t>
  </si>
  <si>
    <t>GGPS ALLAH DAD WALA</t>
  </si>
  <si>
    <t>allah dad wala, p/o chachar, shah pur, sargodha</t>
  </si>
  <si>
    <t>Allah Dad Wala</t>
  </si>
  <si>
    <t>Kot Pehlwan</t>
  </si>
  <si>
    <t>GGPS ALLAH DIEWAYA LAR</t>
  </si>
  <si>
    <t>Jugml</t>
  </si>
  <si>
    <t>basti lar muza jugml Uchiha sbywala</t>
  </si>
  <si>
    <t>Basti lar</t>
  </si>
  <si>
    <t>Sbywala</t>
  </si>
  <si>
    <t>GGPS ALLAH DITTA BEHLA</t>
  </si>
  <si>
    <t>Allah Ditta Bhela</t>
  </si>
  <si>
    <t>Allah ditta bhela</t>
  </si>
  <si>
    <t>Allah Jiwaya Lar</t>
  </si>
  <si>
    <t>Uzma Aamir</t>
  </si>
  <si>
    <t>GGPS ALLAH JIWAYA LARR</t>
  </si>
  <si>
    <t>basti jam Iqbal lar city khanbela teh.lqp.dist.ryk</t>
  </si>
  <si>
    <t>Jam Iqbal Lar</t>
  </si>
  <si>
    <t>Fehmeeda Rasheed</t>
  </si>
  <si>
    <t>GGPS ALLAH KHEL</t>
  </si>
  <si>
    <t>Main road Allah khel</t>
  </si>
  <si>
    <t>Allah Khel</t>
  </si>
  <si>
    <t>GGPS ALLAH WALI</t>
  </si>
  <si>
    <t>Matwani Wala</t>
  </si>
  <si>
    <t>Head Taunsa Barrage Basti Allah Wali</t>
  </si>
  <si>
    <t>Basti Allah Wali</t>
  </si>
  <si>
    <t>Rifat Shaheen</t>
  </si>
  <si>
    <t>GGPS ALLAH WARY WALA KAHOR</t>
  </si>
  <si>
    <t>Dakhna Gharu</t>
  </si>
  <si>
    <t>ggps Allah waray wala</t>
  </si>
  <si>
    <t>Basti Dakhna</t>
  </si>
  <si>
    <t>Shazia Rehman Ghouri</t>
  </si>
  <si>
    <t>GGPS ALLAH WASAYA</t>
  </si>
  <si>
    <t>Qaisar Chohan</t>
  </si>
  <si>
    <t>g g p s basti Allah Wasaya</t>
  </si>
  <si>
    <t>Rajian Pur</t>
  </si>
  <si>
    <t>Shabana Irshaad</t>
  </si>
  <si>
    <t>GGPS ALLAH WASAYA HYDERABAD</t>
  </si>
  <si>
    <t>Allah wasaya haider abad</t>
  </si>
  <si>
    <t>Dera Allah Wasaya</t>
  </si>
  <si>
    <t>Aoulakh Thal Klam</t>
  </si>
  <si>
    <t>gulshan mumtaz</t>
  </si>
  <si>
    <t>GGPS ALLAH YAR PUR JARH MULTAN</t>
  </si>
  <si>
    <t>Mardan Pur</t>
  </si>
  <si>
    <t>basti bair wala</t>
  </si>
  <si>
    <t>Rashida Aslam</t>
  </si>
  <si>
    <t>GGPS ALLAY WALI GHARBI</t>
  </si>
  <si>
    <t>ggps allay wali gharbi sambrial</t>
  </si>
  <si>
    <t>Dar Ul Islam</t>
  </si>
  <si>
    <t>GGPS ALLO SHU DEV</t>
  </si>
  <si>
    <t>Alloshudeve</t>
  </si>
  <si>
    <t>alloshadeve, postoffice wazirabad, teh,wazirabad, disst.gujranwala</t>
  </si>
  <si>
    <t>Alloshadeve</t>
  </si>
  <si>
    <t>Ghakameter</t>
  </si>
  <si>
    <t>GGPS ALLOU-DIN-KE KALAN</t>
  </si>
  <si>
    <t>Alloudin ke kalan</t>
  </si>
  <si>
    <t>Allou din k kalan. Tehsil and Distt hafizabad</t>
  </si>
  <si>
    <t>GGPS ALLOU-DIN-KE KHURD</t>
  </si>
  <si>
    <t>Alloudin ke khurd</t>
  </si>
  <si>
    <t>Alloudin ke khurd Tehsil &amp; district Hafizabad</t>
  </si>
  <si>
    <t>Alloudin ke chatha</t>
  </si>
  <si>
    <t>Sania Aslam</t>
  </si>
  <si>
    <t>GGPS ALLWAL COLONY</t>
  </si>
  <si>
    <t>Alawal Colony</t>
  </si>
  <si>
    <t>alawal colony Multan road sahiwal</t>
  </si>
  <si>
    <t>Alawal Colony Sahiwal</t>
  </si>
  <si>
    <t>51/9</t>
  </si>
  <si>
    <t>GGPS ALMA SHARQI</t>
  </si>
  <si>
    <t>Alma Sharqi</t>
  </si>
  <si>
    <t>post office pir kot sadhana, moza alman sharqi</t>
  </si>
  <si>
    <t>GGPS ALMAN GHARBI</t>
  </si>
  <si>
    <t>basti machiana,moza munday syed</t>
  </si>
  <si>
    <t>Rabia Shafi</t>
  </si>
  <si>
    <t>GGPS ALNOOR COLONY</t>
  </si>
  <si>
    <t>ALNOOR Colony</t>
  </si>
  <si>
    <t>5 mile gojra Road jhang</t>
  </si>
  <si>
    <t>Ayesha Awan</t>
  </si>
  <si>
    <t>GGPS ALO CHANA</t>
  </si>
  <si>
    <t>Aluchahanan</t>
  </si>
  <si>
    <t>GGPS Alo Chana</t>
  </si>
  <si>
    <t>GGPS AL-SHAMAS-UL-QAMAR (NEW NAME)</t>
  </si>
  <si>
    <t>GGPS Al Shamas ul Qamar Sial Sharif</t>
  </si>
  <si>
    <t>GGPS ALU WALI SHARQI</t>
  </si>
  <si>
    <t>Alluwali tehsil piplan district mianwali</t>
  </si>
  <si>
    <t>Shabana kausar</t>
  </si>
  <si>
    <t>GGPS ALWAL</t>
  </si>
  <si>
    <t>Alawal</t>
  </si>
  <si>
    <t>vill Alawal teh and disst chakwal</t>
  </si>
  <si>
    <t>GGPS ALYANA</t>
  </si>
  <si>
    <t>Aliana</t>
  </si>
  <si>
    <t>moza aliana</t>
  </si>
  <si>
    <t>Moza Aliana</t>
  </si>
  <si>
    <t>7/1thal Janobi</t>
  </si>
  <si>
    <t>Rubab Zafar</t>
  </si>
  <si>
    <t>GGPS AMAN GARH</t>
  </si>
  <si>
    <t>Ggps aman garh</t>
  </si>
  <si>
    <t>Tarira Batool</t>
  </si>
  <si>
    <t>GGPS AMAR KOT</t>
  </si>
  <si>
    <t>Amar Kot</t>
  </si>
  <si>
    <t>ggps amar kot khanqha dogran</t>
  </si>
  <si>
    <t>Rati Tibbi</t>
  </si>
  <si>
    <t>Najma Fardous</t>
  </si>
  <si>
    <t>GGPS AMB SHARIF</t>
  </si>
  <si>
    <t>Anb Shareef</t>
  </si>
  <si>
    <t>anb Shareef tehseel Qaidabad dist khushab</t>
  </si>
  <si>
    <t>Golywali</t>
  </si>
  <si>
    <t>Rubina Yasmeen</t>
  </si>
  <si>
    <t>GGPS AMBREND WALA</t>
  </si>
  <si>
    <t>Gadai  Shumali</t>
  </si>
  <si>
    <t>geelani  coloni gadai  shumali   DGkhan</t>
  </si>
  <si>
    <t>Ambrind  Wala</t>
  </si>
  <si>
    <t>Kaniz  Sughra</t>
  </si>
  <si>
    <t>GGPS AMBRILA</t>
  </si>
  <si>
    <t>Amreela</t>
  </si>
  <si>
    <t>village Amreela p.o lehri kakan tehsil chia aaiden shah</t>
  </si>
  <si>
    <t>Nagina Sultana</t>
  </si>
  <si>
    <t>GGPS AMEER KHAN WALA NO 2</t>
  </si>
  <si>
    <t>Ameer Khan wala</t>
  </si>
  <si>
    <t>Ameer Khan Wala</t>
  </si>
  <si>
    <t>Fareeza Abbas</t>
  </si>
  <si>
    <t>GGPS AMEER PUR</t>
  </si>
  <si>
    <t>chah sawae wala moza ameerpur larr</t>
  </si>
  <si>
    <t>GGPS AMIN ABAD</t>
  </si>
  <si>
    <t>amin abad moza  gogran tehsil and district  lodhran</t>
  </si>
  <si>
    <t>Nasreen BiBi</t>
  </si>
  <si>
    <t>GGPS AMIN PUR</t>
  </si>
  <si>
    <t>Dhalo</t>
  </si>
  <si>
    <t>adda Amin pur P /o karam pur. tehsil mailsi district vehari</t>
  </si>
  <si>
    <t>Adda amin Pur</t>
  </si>
  <si>
    <t>Feroz Begum</t>
  </si>
  <si>
    <t>GGPS AMIN PURA AMIN COLONY</t>
  </si>
  <si>
    <t>Amin Pura</t>
  </si>
  <si>
    <t>GGps Amin pura sgd</t>
  </si>
  <si>
    <t>Samina Hussain</t>
  </si>
  <si>
    <t>GGPS AMIR ALI SHAH</t>
  </si>
  <si>
    <t>Village Amir Ali Shah Kamalia</t>
  </si>
  <si>
    <t>Amir Ali Shah</t>
  </si>
  <si>
    <t>Anam Sajjad</t>
  </si>
  <si>
    <t>GGPS AMIR BUKHSH</t>
  </si>
  <si>
    <t>Basti Ameer Bukhsh</t>
  </si>
  <si>
    <t>Farzana Yasmeen Sahar</t>
  </si>
  <si>
    <t>GGPS AMIR KHAN</t>
  </si>
  <si>
    <t>amir khan</t>
  </si>
  <si>
    <t>gGPS Amir khan</t>
  </si>
  <si>
    <t>jhang</t>
  </si>
  <si>
    <t>GGPS AMIR KHAN GULLANI</t>
  </si>
  <si>
    <t>abbas nagar  sufian town k.bela</t>
  </si>
  <si>
    <t>GGPS AMIR KLASRA PO CHAK NO 172 TDA</t>
  </si>
  <si>
    <t>Amir Klasra Sharqi</t>
  </si>
  <si>
    <t>moza ameer klasra sharqi po.172/tda tehsil &amp;district layyah</t>
  </si>
  <si>
    <t>172/tda</t>
  </si>
  <si>
    <t>GGPS AMIR KOT NO. 2</t>
  </si>
  <si>
    <t>Kothian Wali</t>
  </si>
  <si>
    <t>primary  school amir koto no.2 mohalla pernamia tehsil  bazar  bwn</t>
  </si>
  <si>
    <t>Farah Saadat</t>
  </si>
  <si>
    <t>GGPS AMIR PUR THAHEEM</t>
  </si>
  <si>
    <t>Hamble Wala</t>
  </si>
  <si>
    <t>lal Da Khoh</t>
  </si>
  <si>
    <t>Lal Da Khoh</t>
  </si>
  <si>
    <t>Shabana  Saeed</t>
  </si>
  <si>
    <t>GGPS AMIR WALA</t>
  </si>
  <si>
    <t>Ameer Wala</t>
  </si>
  <si>
    <t>GGPS Ameer Wala</t>
  </si>
  <si>
    <t>Gunjiyal</t>
  </si>
  <si>
    <t>Imtiaz Parveen</t>
  </si>
  <si>
    <t>GGPS AMJAD ABAD, BAGAR SARGANA, SARAI SIDHU</t>
  </si>
  <si>
    <t>basti bagar sargana tehsil kabirwala khanewal</t>
  </si>
  <si>
    <t>Amna Akram</t>
  </si>
  <si>
    <t>GGPS AMLI KA SOHAG</t>
  </si>
  <si>
    <t>Amli K Suhag</t>
  </si>
  <si>
    <t>amli k suhag</t>
  </si>
  <si>
    <t>Ghaga Mehar Shah</t>
  </si>
  <si>
    <t>Sehrish Saleem</t>
  </si>
  <si>
    <t>GGPS AMLI WALA BHERA</t>
  </si>
  <si>
    <t>moh. sheesh mehal bhera</t>
  </si>
  <si>
    <t>Shehsh Mabel Bhera</t>
  </si>
  <si>
    <t>Saima Nazar</t>
  </si>
  <si>
    <t>GGPS AMMER PUR SARBANA</t>
  </si>
  <si>
    <t>Chak Frazi</t>
  </si>
  <si>
    <t>GGPS ameer pur surbana</t>
  </si>
  <si>
    <t>Ameer Pur Surbana</t>
  </si>
  <si>
    <t>Iram khan</t>
  </si>
  <si>
    <t>GGPS AMMOANA</t>
  </si>
  <si>
    <t>Ammoana</t>
  </si>
  <si>
    <t>Village Ammoana P.O Achh Teh Kharian Dist Gujrat</t>
  </si>
  <si>
    <t>Uzma Nazar</t>
  </si>
  <si>
    <t>GGPS AMRA</t>
  </si>
  <si>
    <t>amra bhera</t>
  </si>
  <si>
    <t>Amra</t>
  </si>
  <si>
    <t>Fateh Gher</t>
  </si>
  <si>
    <t>Aumber Pervaiz</t>
  </si>
  <si>
    <t>GGPS AMRAAL</t>
  </si>
  <si>
    <t>Amral</t>
  </si>
  <si>
    <t>village amral</t>
  </si>
  <si>
    <t>Shagufta Khanam</t>
  </si>
  <si>
    <t>GGPS AMRATI</t>
  </si>
  <si>
    <t>Amrati</t>
  </si>
  <si>
    <t>Amrati Malhowali Pindi Gheb Dist Attock</t>
  </si>
  <si>
    <t>Asia Khatoon</t>
  </si>
  <si>
    <t>GGPS AMREEK PURA</t>
  </si>
  <si>
    <t>Amreekpura</t>
  </si>
  <si>
    <t>amreek pura</t>
  </si>
  <si>
    <t>Amreek Pura</t>
  </si>
  <si>
    <t>Alywali</t>
  </si>
  <si>
    <t>Sughra Tabasam</t>
  </si>
  <si>
    <t>GGPS AMREEK SINGH</t>
  </si>
  <si>
    <t>Amreek Singh</t>
  </si>
  <si>
    <t>ggps amreek Singh</t>
  </si>
  <si>
    <t>GGPS AMRUKA HITTAR</t>
  </si>
  <si>
    <t>Amruka</t>
  </si>
  <si>
    <t>Amruka Hittar</t>
  </si>
  <si>
    <t>GGPS AMRUKA UTHAR</t>
  </si>
  <si>
    <t>Amruka village, Hasil saru, Meclod Gung, MI Chana ad, BWN</t>
  </si>
  <si>
    <t>Amruka Outtar</t>
  </si>
  <si>
    <t>GGPS AMRYAL</t>
  </si>
  <si>
    <t>Amriyal</t>
  </si>
  <si>
    <t>V amriyal, SKG narowal</t>
  </si>
  <si>
    <t>Naem Farha</t>
  </si>
  <si>
    <t>GGPS ANAYAT ABAD</t>
  </si>
  <si>
    <t>Anayat Abad</t>
  </si>
  <si>
    <t>Anayat abad</t>
  </si>
  <si>
    <t>Mulan Wali</t>
  </si>
  <si>
    <t>GGPS ANAYAT WALA</t>
  </si>
  <si>
    <t>ggps innayat wala</t>
  </si>
  <si>
    <t>Innayat Wala</t>
  </si>
  <si>
    <t>GGPS ANCHOHA</t>
  </si>
  <si>
    <t>village anchoha post office sar subha shah tehsil Kallar syedan distt rwp</t>
  </si>
  <si>
    <t>Robia Sadaf</t>
  </si>
  <si>
    <t>GGPS ANDROON QILA</t>
  </si>
  <si>
    <t>mankera</t>
  </si>
  <si>
    <t>GGPS androon qila</t>
  </si>
  <si>
    <t>GGPS ANGOORA FARM NO 1</t>
  </si>
  <si>
    <t>Khary Wala</t>
  </si>
  <si>
    <t>GGPS angura faram NO:1</t>
  </si>
  <si>
    <t>Angura Faram</t>
  </si>
  <si>
    <t>GGPS ANGRA SOUTH</t>
  </si>
  <si>
    <t>jandanwala</t>
  </si>
  <si>
    <t>angra south</t>
  </si>
  <si>
    <t>noora shreef</t>
  </si>
  <si>
    <t>noora shref</t>
  </si>
  <si>
    <t>amna laal</t>
  </si>
  <si>
    <t>GGPS ANGRAH-MIR KHAR</t>
  </si>
  <si>
    <t>mir khar</t>
  </si>
  <si>
    <t>bait angrah mir khar</t>
  </si>
  <si>
    <t>Mir khar</t>
  </si>
  <si>
    <t>Nosheen Rashid</t>
  </si>
  <si>
    <t>GGPS ANGRAY WALA</t>
  </si>
  <si>
    <t>Chan WALA</t>
  </si>
  <si>
    <t>basti Angra, mouza chan wala,p/o Qasba Gujrat, Teh.kot Adu,muzaffargarh</t>
  </si>
  <si>
    <t>Basti Angra</t>
  </si>
  <si>
    <t>GGPS ANNANT PURA PHULARWAN</t>
  </si>
  <si>
    <t>Chaba Purana</t>
  </si>
  <si>
    <t>GGP/S Annant pura</t>
  </si>
  <si>
    <t>Annant Pura</t>
  </si>
  <si>
    <t>GGPS ANSAR COLONY NO.1 MULTAN</t>
  </si>
  <si>
    <t>Ansar Colony</t>
  </si>
  <si>
    <t>ggps.ansarcolony no 1</t>
  </si>
  <si>
    <t>Bilal Nager</t>
  </si>
  <si>
    <t>Momana Abad</t>
  </si>
  <si>
    <t>Naila Shaheen</t>
  </si>
  <si>
    <t>GGPS ANSARI BASTI</t>
  </si>
  <si>
    <t>Mohibshah</t>
  </si>
  <si>
    <t>ada no 1 kotsabzal</t>
  </si>
  <si>
    <t>Kotsabzal</t>
  </si>
  <si>
    <t>SUMAIRA BB</t>
  </si>
  <si>
    <t>GGPS ANTOWALI</t>
  </si>
  <si>
    <t>Antowali</t>
  </si>
  <si>
    <t>Sabeela Sardar</t>
  </si>
  <si>
    <t>GGPS ANWAR ABAD DAKHALI CHAK JODH</t>
  </si>
  <si>
    <t>Ada Raiz Abad</t>
  </si>
  <si>
    <t>ggps anwarabad dakhali chak jodh near ada raiz abad</t>
  </si>
  <si>
    <t>GGPS ANWAR ABAD JARANWALA</t>
  </si>
  <si>
    <t>Faisal park</t>
  </si>
  <si>
    <t>Tazzain Abbas</t>
  </si>
  <si>
    <t>GGPS ANWAR SHAH (De-consolidated April-2016)</t>
  </si>
  <si>
    <t>Anwar Shah</t>
  </si>
  <si>
    <t>Anwar Shah, H B Shah</t>
  </si>
  <si>
    <t>H B Shah</t>
  </si>
  <si>
    <t>GGPS APALO MILLS</t>
  </si>
  <si>
    <t>Jasselwine</t>
  </si>
  <si>
    <t>GGPS Apolo mills jaselwine</t>
  </si>
  <si>
    <t>Jaselvine</t>
  </si>
  <si>
    <t>GGPS APUTH JANJIAN</t>
  </si>
  <si>
    <t>APUTH JANJIANA</t>
  </si>
  <si>
    <t>Muza APUTH Janjiana Tehsil Shorkot Distt. JHANG</t>
  </si>
  <si>
    <t>Nilofar Batool</t>
  </si>
  <si>
    <t>GGPS APWA</t>
  </si>
  <si>
    <t>GGPS APWA ATTOCK</t>
  </si>
  <si>
    <t>Nusrat Taj</t>
  </si>
  <si>
    <t>GGPS APWA CANAL BANK WALTON LAHORE</t>
  </si>
  <si>
    <t>street no. 5, Madina colony, Walton  lahore</t>
  </si>
  <si>
    <t>Canal Bank</t>
  </si>
  <si>
    <t>Safia Begam</t>
  </si>
  <si>
    <t>GGPS APWA MODEL WARIS ROAD LAHORE</t>
  </si>
  <si>
    <t>Waris Road Lhr</t>
  </si>
  <si>
    <t>Govt apwa girls primary school waris</t>
  </si>
  <si>
    <t>Waris Road</t>
  </si>
  <si>
    <t>GGPS AQAID ABAS WALA</t>
  </si>
  <si>
    <t>government girls primary school aquaid Abbas Walla mehmood kot city</t>
  </si>
  <si>
    <t>Mehmood Kot City</t>
  </si>
  <si>
    <t>kaneez fizza</t>
  </si>
  <si>
    <t>GGPS AQIL SHAH KHURD</t>
  </si>
  <si>
    <t>Aqil Shah Khurd</t>
  </si>
  <si>
    <t>village aqil shah khurd shahpur sadar</t>
  </si>
  <si>
    <t>Aqil Shah Klan</t>
  </si>
  <si>
    <t>GGPS AQIQA</t>
  </si>
  <si>
    <t>Aqiqa</t>
  </si>
  <si>
    <t>village haqiqa tehsil kharian district Gujrat</t>
  </si>
  <si>
    <t>GGPS ARA TULLA</t>
  </si>
  <si>
    <t>Aratullha</t>
  </si>
  <si>
    <t>GGPS ARATULLHA m.pur road sahiwal</t>
  </si>
  <si>
    <t>Bahadurshah</t>
  </si>
  <si>
    <t>Shaheen Alam</t>
  </si>
  <si>
    <t>GGPS ARAIKPUR</t>
  </si>
  <si>
    <t>Araikpur</t>
  </si>
  <si>
    <t>village Araik pur khushab</t>
  </si>
  <si>
    <t>Araik Pur</t>
  </si>
  <si>
    <t>Maira Komal</t>
  </si>
  <si>
    <t>GGPS ARAIN WALA NO.2</t>
  </si>
  <si>
    <t>Pattal Ghair Mustaqil</t>
  </si>
  <si>
    <t>basti lalil wali nadz chakr darri</t>
  </si>
  <si>
    <t>Bast Lalil Wali Near Chakar Darri</t>
  </si>
  <si>
    <t>Rakhshanda naseem</t>
  </si>
  <si>
    <t>GGPS ARANG</t>
  </si>
  <si>
    <t>Arang</t>
  </si>
  <si>
    <t>village arang teh &amp; dist attock</t>
  </si>
  <si>
    <t>Azmat Jan</t>
  </si>
  <si>
    <t>GGPS ARAR BARAR PO DHUMAN CHAKWAL</t>
  </si>
  <si>
    <t>Arar Barar</t>
  </si>
  <si>
    <t>Village Arar Barar post office dohman</t>
  </si>
  <si>
    <t>Shazia Shafait</t>
  </si>
  <si>
    <t>GGPS ARAY WALA SHUJABAD DISTT. MULTAN</t>
  </si>
  <si>
    <t>basti peer Wala moza thath ghalwan post office peer Wala tehsi Shujabad district multan</t>
  </si>
  <si>
    <t>Basti Peer Wala</t>
  </si>
  <si>
    <t>seemab murtaza</t>
  </si>
  <si>
    <t>GGPS ARAZI</t>
  </si>
  <si>
    <t>vill and post off arazi khas.teh.kallar syedan Rwp</t>
  </si>
  <si>
    <t>Nazakat Naheed</t>
  </si>
  <si>
    <t>GGPS ARAZI BANDI</t>
  </si>
  <si>
    <t>Arazi bandi</t>
  </si>
  <si>
    <t>Vill arazi bandi p/o arazi khas tesil kallar syedan rawalpindi</t>
  </si>
  <si>
    <t>Bishondot</t>
  </si>
  <si>
    <t>GGPS ARAZI DILAWAR</t>
  </si>
  <si>
    <t>Arazi Dilawar</t>
  </si>
  <si>
    <t>GGPS Arazi Dilawar</t>
  </si>
  <si>
    <t>Rizwana Kausar</t>
  </si>
  <si>
    <t>GGPS ARAZI GHULAM YASIN  DUNYA PUR ROAD MULTAN</t>
  </si>
  <si>
    <t>Arazi Ghulam  Yaseen</t>
  </si>
  <si>
    <t>arazi ghulam yaseen near besti ahal pur  duniya pur road mumtaza abad multan</t>
  </si>
  <si>
    <t>Arazi Ghulam Yaseen</t>
  </si>
  <si>
    <t>Sadia Sardar</t>
  </si>
  <si>
    <t>GGPS ARAZI MALA THATHA</t>
  </si>
  <si>
    <t>Gilu K Kathia</t>
  </si>
  <si>
    <t>gilu k kathia</t>
  </si>
  <si>
    <t>GGPS ARAZI SHAHAMIND</t>
  </si>
  <si>
    <t>Araazi Shahamind</t>
  </si>
  <si>
    <t>Chak Abaadi Bhattian, Harappa GPS Araazi Shahamind</t>
  </si>
  <si>
    <t>Musharraf Almass</t>
  </si>
  <si>
    <t>GGPS ARAZI SHANKAR DAS</t>
  </si>
  <si>
    <t>Arazi Shankar Das,Sadar Gogera Okara.</t>
  </si>
  <si>
    <t>Arazi VfifgugetjferugvdhjhfdrgdghhhhhhhhjjjjnnnmnS</t>
  </si>
  <si>
    <t>Farm Bahadar Nagar</t>
  </si>
  <si>
    <t>Munazza Shaheen</t>
  </si>
  <si>
    <t>GGPS ARAZI TALWARA</t>
  </si>
  <si>
    <t>Arazi Talwara</t>
  </si>
  <si>
    <t>p/o bata pur teh.shalimar distt.lhr</t>
  </si>
  <si>
    <t>Awan Dae Wala</t>
  </si>
  <si>
    <t>Amara Aslam</t>
  </si>
  <si>
    <t>GGPS ARI LAL KHAN</t>
  </si>
  <si>
    <t>Kohawar</t>
  </si>
  <si>
    <t>GGPS Ari lal khan</t>
  </si>
  <si>
    <t>Ari Lal Khan</t>
  </si>
  <si>
    <t>Humaira Nazneen Aslam</t>
  </si>
  <si>
    <t>GGPS ARIAN DE JALLAR</t>
  </si>
  <si>
    <t>maraka</t>
  </si>
  <si>
    <t>dera gujran da maraka Lahore</t>
  </si>
  <si>
    <t>dera gujran da bahria  town lhr</t>
  </si>
  <si>
    <t>zareena yasmeen tubassam</t>
  </si>
  <si>
    <t>GGPS ARIAN WHAIN</t>
  </si>
  <si>
    <t>Arainwahin</t>
  </si>
  <si>
    <t>ggps arainwahin</t>
  </si>
  <si>
    <t>Mailsi Deh</t>
  </si>
  <si>
    <t>Rabia Bashir</t>
  </si>
  <si>
    <t>GGPS ARIF ABAD</t>
  </si>
  <si>
    <t>Arifabad</t>
  </si>
  <si>
    <t>Pacca Sadhar</t>
  </si>
  <si>
    <t>Saba Iqbal</t>
  </si>
  <si>
    <t>GGPS ARIF BALOOCH</t>
  </si>
  <si>
    <t>Arif Balouch</t>
  </si>
  <si>
    <t>Post office feroza muza arif balouch</t>
  </si>
  <si>
    <t>GGPS ARIF KANIAL</t>
  </si>
  <si>
    <t>Arif Kanyal</t>
  </si>
  <si>
    <t>moza arif kanyal teh Gujar Khan disst rwp</t>
  </si>
  <si>
    <t>Shah Bagum</t>
  </si>
  <si>
    <t>GGPS ARIF WALA SHUJABAD DISTT. MULTAN</t>
  </si>
  <si>
    <t>Sikandrabad</t>
  </si>
  <si>
    <t>sikandarbad tasiel shujabad zila multan</t>
  </si>
  <si>
    <t>Arif Wala</t>
  </si>
  <si>
    <t>Kaussar Somra</t>
  </si>
  <si>
    <t>GGPS ARJANI WALA NO.1 SARAI SIDHU</t>
  </si>
  <si>
    <t>Arjani</t>
  </si>
  <si>
    <t>G g  p s Arjaniwala no1</t>
  </si>
  <si>
    <t>Kho Mahabtwala</t>
  </si>
  <si>
    <t>Kot GoharMuhamad</t>
  </si>
  <si>
    <t>GGPS ARJWAIN SHARIF NO 1</t>
  </si>
  <si>
    <t>Arjwain Sharif</t>
  </si>
  <si>
    <t>Ggps arjwain Sharif no 1 multan</t>
  </si>
  <si>
    <t>M Pur Ghoota</t>
  </si>
  <si>
    <t>Khushnood begum</t>
  </si>
  <si>
    <t>GGPS AROTI</t>
  </si>
  <si>
    <t>mouza arooti tehsil pirmahal district toba tek singh</t>
  </si>
  <si>
    <t>Maryam Batool</t>
  </si>
  <si>
    <t>GGPS ARRAH PANDI</t>
  </si>
  <si>
    <t>Sohra</t>
  </si>
  <si>
    <t>jhok Ara pandhi</t>
  </si>
  <si>
    <t>Jhok Ara Pandhi</t>
  </si>
  <si>
    <t>Shaista Gul</t>
  </si>
  <si>
    <t>GGPS ARRI WALA</t>
  </si>
  <si>
    <t>Chak Jalal Din</t>
  </si>
  <si>
    <t>GGPS Arri wala</t>
  </si>
  <si>
    <t>Arri wala</t>
  </si>
  <si>
    <t>Nazia Riaz</t>
  </si>
  <si>
    <t>GGPS ARRIYAN WALA, KABIRWALA</t>
  </si>
  <si>
    <t>5 Kassi</t>
  </si>
  <si>
    <t>arriyan Wala 5 kassi kabirwala khanewal</t>
  </si>
  <si>
    <t>Arriyan Wala</t>
  </si>
  <si>
    <t>Tasneem Kauser</t>
  </si>
  <si>
    <t>GGPS ARRORIA</t>
  </si>
  <si>
    <t>Arroria</t>
  </si>
  <si>
    <t>arroria</t>
  </si>
  <si>
    <t>Saima Jabeen</t>
  </si>
  <si>
    <t>GGPS ARSLAN WALA</t>
  </si>
  <si>
    <t>Tibbah Mehrban</t>
  </si>
  <si>
    <t>ggps Arslan Wala</t>
  </si>
  <si>
    <t>Arslanwala</t>
  </si>
  <si>
    <t>Tibbah Mehrban Shah</t>
  </si>
  <si>
    <t>GGPS ARTALI DHULWAN</t>
  </si>
  <si>
    <t>Artalidhilwan</t>
  </si>
  <si>
    <t>jandiala road sheikhupura</t>
  </si>
  <si>
    <t>Samina Talib</t>
  </si>
  <si>
    <t>GGPS ARY PUR</t>
  </si>
  <si>
    <t>Aray Pur</t>
  </si>
  <si>
    <t>aray pur mailsi</t>
  </si>
  <si>
    <t>Warsi Wahin</t>
  </si>
  <si>
    <t>sadia khanum</t>
  </si>
  <si>
    <t>GGPS ARY WAHIN</t>
  </si>
  <si>
    <t>Aray Wahin</t>
  </si>
  <si>
    <t>aray wahin mailsi</t>
  </si>
  <si>
    <t>Kikri Khurd</t>
  </si>
  <si>
    <t>Zahida Noor</t>
  </si>
  <si>
    <t>GGPS ARYARI</t>
  </si>
  <si>
    <t>Aryari</t>
  </si>
  <si>
    <t>village and post office Aryari teh kotli sattain</t>
  </si>
  <si>
    <t>Akhter Nisa</t>
  </si>
  <si>
    <t>GGPS ASAD ABAD MANARA</t>
  </si>
  <si>
    <t>Manana</t>
  </si>
  <si>
    <t>village Manara p/o ladhar tehsil Dina district jhelum</t>
  </si>
  <si>
    <t>Manara</t>
  </si>
  <si>
    <t>Saiqa Noreen</t>
  </si>
  <si>
    <t>GGPS ASAD ABAD MANKERA</t>
  </si>
  <si>
    <t>Galkala</t>
  </si>
  <si>
    <t>Ggps asadabad, galkala,mankera</t>
  </si>
  <si>
    <t>Asadabad</t>
  </si>
  <si>
    <t>GGPS ASAD KHAN</t>
  </si>
  <si>
    <t>p/o head malkani</t>
  </si>
  <si>
    <t>Nasreen Zahra</t>
  </si>
  <si>
    <t>GGPS ASAL KUNDAL</t>
  </si>
  <si>
    <t>Asal Kundal</t>
  </si>
  <si>
    <t>government girls primary school asal kundal</t>
  </si>
  <si>
    <t>Araiyaan</t>
  </si>
  <si>
    <t>NASREEN FATIMA</t>
  </si>
  <si>
    <t>GGPS ASALAT WALA</t>
  </si>
  <si>
    <t>Asalat Wala</t>
  </si>
  <si>
    <t>Tehsil Sahiwal Distt Sargodha</t>
  </si>
  <si>
    <t>Talat Iqbal</t>
  </si>
  <si>
    <t>GGPS ASGHAR COLONY BRANCH KACHI PAMP WALI</t>
  </si>
  <si>
    <t>govt. girls primary school, street #5, main bazaar, asghar colony, gujranwala</t>
  </si>
  <si>
    <t>Asghar Colony</t>
  </si>
  <si>
    <t>Shahpur Khiali</t>
  </si>
  <si>
    <t>SALMA ITRAT</t>
  </si>
  <si>
    <t>GGPS ASGHER ABAD</t>
  </si>
  <si>
    <t>Asgharabad Beshmola Abdullahpur</t>
  </si>
  <si>
    <t>Asgharabad</t>
  </si>
  <si>
    <t>Asgharabada</t>
  </si>
  <si>
    <t>Ayesha Tariq</t>
  </si>
  <si>
    <t>GGPS ASHIQ ABAD  SHUJABAD</t>
  </si>
  <si>
    <t>Bastidad</t>
  </si>
  <si>
    <t>chah malki wala muza basti dad raja ram</t>
  </si>
  <si>
    <t>Malki Wala</t>
  </si>
  <si>
    <t>Saida Irshad Ali</t>
  </si>
  <si>
    <t>GGPS ASHIQ PUR</t>
  </si>
  <si>
    <t>Ashiq Pur</t>
  </si>
  <si>
    <t>Ashiq Pur, Post office Chobara, Tehsil Pasrur, District Sialkot.</t>
  </si>
  <si>
    <t>GGPS ASHIQ SHAH</t>
  </si>
  <si>
    <t>Nundpura</t>
  </si>
  <si>
    <t>p/o hatheji moza nund pura basti ashiq shah</t>
  </si>
  <si>
    <t>Ashiq Shah</t>
  </si>
  <si>
    <t>Naila Gillani</t>
  </si>
  <si>
    <t>GGPS ASHRAF SHAH</t>
  </si>
  <si>
    <t>basti noorpur batwani mouza ashraf shah p/o pakka laran tehseel liaquatpur district rahim yar khan</t>
  </si>
  <si>
    <t>Noorpur Batwani</t>
  </si>
  <si>
    <t>Munazza Yaseen</t>
  </si>
  <si>
    <t>GGPS ASIF ABAD (De-consolidated April-2016)</t>
  </si>
  <si>
    <t>Asif Abad, H B Shah</t>
  </si>
  <si>
    <t>GGPS ASIF WALA</t>
  </si>
  <si>
    <t>Kutt 14 C</t>
  </si>
  <si>
    <t>basti kulachi abad</t>
  </si>
  <si>
    <t>Kulachi Abad</t>
  </si>
  <si>
    <t>Asma bano</t>
  </si>
  <si>
    <t>GGPS ASIM ABAD, KABIRWALA</t>
  </si>
  <si>
    <t>shadianwala Asimabad ameerpur post office narhal uc13 botasinghwala</t>
  </si>
  <si>
    <t>Asimabad</t>
  </si>
  <si>
    <t>Botasinghwala</t>
  </si>
  <si>
    <t>Farzana Batool</t>
  </si>
  <si>
    <t>GGPS ASKEER</t>
  </si>
  <si>
    <t>Village.Askeer .P.o Aryari .Teh.Kotli Sattian Distt Rwp</t>
  </si>
  <si>
    <t>Askeer</t>
  </si>
  <si>
    <t>GGPS ASLAM ABAD</t>
  </si>
  <si>
    <t>Bakhoo</t>
  </si>
  <si>
    <t>basti bubar aslamabad rajanpur</t>
  </si>
  <si>
    <t>Aslamabad</t>
  </si>
  <si>
    <t>GGPS ASLAM DAGROCHA</t>
  </si>
  <si>
    <t>Mouza Gehmal pir</t>
  </si>
  <si>
    <t>gehna Lar khanpur</t>
  </si>
  <si>
    <t>Gehmal pir</t>
  </si>
  <si>
    <t>Faiza Ikram</t>
  </si>
  <si>
    <t>GGPS ASLAM KHAN AHAMDANI</t>
  </si>
  <si>
    <t>bakhirwah</t>
  </si>
  <si>
    <t>mouza bakhirwah uc choti bala</t>
  </si>
  <si>
    <t>aslam abad</t>
  </si>
  <si>
    <t>Saira Iqbal</t>
  </si>
  <si>
    <t>GGPS ASLAM KHAN PITAFI</t>
  </si>
  <si>
    <t>basti rahmat abad lundi pitafi</t>
  </si>
  <si>
    <t>Ramat Abad</t>
  </si>
  <si>
    <t>sahrish Qadir</t>
  </si>
  <si>
    <t>GGPS ASSAR</t>
  </si>
  <si>
    <t>Assar</t>
  </si>
  <si>
    <t>District Gujrat, Tehsil Kharian, P. O Kadhala, Village Assar</t>
  </si>
  <si>
    <t>ASSAR</t>
  </si>
  <si>
    <t>AACH</t>
  </si>
  <si>
    <t>GGPS ATARI SAROBA</t>
  </si>
  <si>
    <t>attari saroba</t>
  </si>
  <si>
    <t>Nabila Anjum</t>
  </si>
  <si>
    <t>GGPS ATHEEL PUR</t>
  </si>
  <si>
    <t>Atheel Pur</t>
  </si>
  <si>
    <t>Atheel  Pur</t>
  </si>
  <si>
    <t>Chary Wan</t>
  </si>
  <si>
    <t>Shakila Khanum</t>
  </si>
  <si>
    <t>GGPS ATHWAL</t>
  </si>
  <si>
    <t>Athwal</t>
  </si>
  <si>
    <t>village Athwal sialkot</t>
  </si>
  <si>
    <t>Um E Kalsoom</t>
  </si>
  <si>
    <t>GGPS ATLA REHMAN</t>
  </si>
  <si>
    <t>Attlay Rehmsn</t>
  </si>
  <si>
    <t>govt.girls primary school attlay rehman</t>
  </si>
  <si>
    <t>Attlay Rehman</t>
  </si>
  <si>
    <t>Bhobara</t>
  </si>
  <si>
    <t>GGPS ATTA MOHAMMAD WALA</t>
  </si>
  <si>
    <t>Swance</t>
  </si>
  <si>
    <t>dera ahmad khel post office swance teh and distt mianwali</t>
  </si>
  <si>
    <t>Shama naz</t>
  </si>
  <si>
    <t>GGPS ATTA MUHAMMAD KACHHELA</t>
  </si>
  <si>
    <t>Bakhr wah</t>
  </si>
  <si>
    <t>bakhr wah</t>
  </si>
  <si>
    <t>Jam Chatta</t>
  </si>
  <si>
    <t>Rani Noureen</t>
  </si>
  <si>
    <t>GGPS ATTAR SINGH WALA</t>
  </si>
  <si>
    <t>School</t>
  </si>
  <si>
    <t>GGPS Attar singh wala</t>
  </si>
  <si>
    <t>Attar Singh Wala</t>
  </si>
  <si>
    <t>Aimen Yaseen</t>
  </si>
  <si>
    <t>GGPS ATTARI AKI KAY</t>
  </si>
  <si>
    <t>ATTARI Akkikay</t>
  </si>
  <si>
    <t>ATTARI AKKIKEY post office Landy walla</t>
  </si>
  <si>
    <t>ATTARI AKKIKEY</t>
  </si>
  <si>
    <t>Dhutty</t>
  </si>
  <si>
    <t>SAIMA AKRAM</t>
  </si>
  <si>
    <t>GGPS ATTARI CHAKER</t>
  </si>
  <si>
    <t>Attari Chakar</t>
  </si>
  <si>
    <t>village attari chakar</t>
  </si>
  <si>
    <t>Firdous Anwar</t>
  </si>
  <si>
    <t>filter water from village</t>
  </si>
  <si>
    <t>GGPS ATTARI VEERK</t>
  </si>
  <si>
    <t>Attari Virk</t>
  </si>
  <si>
    <t>Attari virk</t>
  </si>
  <si>
    <t>Saresar Hither</t>
  </si>
  <si>
    <t>Rubina Rasheed</t>
  </si>
  <si>
    <t>GGPS ATTAY WALI</t>
  </si>
  <si>
    <t>Attay Wali</t>
  </si>
  <si>
    <t>attay wali post office sangial</t>
  </si>
  <si>
    <t>GGPS ATTO ASAL</t>
  </si>
  <si>
    <t>Atto Asal</t>
  </si>
  <si>
    <t>Rifat Naheed</t>
  </si>
  <si>
    <t>GGPS AUDO WALA</t>
  </si>
  <si>
    <t>Rahola</t>
  </si>
  <si>
    <t>chalk Islam pura araian Walla(adoo Walla)mailsi</t>
  </si>
  <si>
    <t>Chalk Islam Pura</t>
  </si>
  <si>
    <t>1M</t>
  </si>
  <si>
    <t>Sobia Iram</t>
  </si>
  <si>
    <t>GGPS AUKHAR WAND</t>
  </si>
  <si>
    <t>GMPS  aokharwand</t>
  </si>
  <si>
    <t>aokharwand</t>
  </si>
  <si>
    <t>Tahira Naz</t>
  </si>
  <si>
    <t>GGPS AULAKHAN WALA</t>
  </si>
  <si>
    <t>dera aulakhanwala
tehsil &amp;District Bhakkar</t>
  </si>
  <si>
    <t>Dera Aulakhanwala</t>
  </si>
  <si>
    <t>Dagar aoulkh</t>
  </si>
  <si>
    <t>GGPS AURA</t>
  </si>
  <si>
    <t>village aura muza aura p/o shehwala teh. 18hazari dist jhang</t>
  </si>
  <si>
    <t>Kot  Shakir</t>
  </si>
  <si>
    <t>GGPS AURANG ABAD</t>
  </si>
  <si>
    <t>vpo aurangabad  Teh  Jand  distt  attock</t>
  </si>
  <si>
    <t>GGPS AURANG ABAD NO.1</t>
  </si>
  <si>
    <t>aurangabad chowk</t>
  </si>
  <si>
    <t>Mahnoor</t>
  </si>
  <si>
    <t>GGPS AUSIA</t>
  </si>
  <si>
    <t>vill po box Ausia Teh Murree Distt Rwp</t>
  </si>
  <si>
    <t>Amna Mustafa</t>
  </si>
  <si>
    <t>GGPS AWAAN MUSLIM</t>
  </si>
  <si>
    <t>Awan MUSlim</t>
  </si>
  <si>
    <t>via Narang Mandi awan muslim</t>
  </si>
  <si>
    <t>Awan MUSliMUSlim</t>
  </si>
  <si>
    <t>Surrya Sultana</t>
  </si>
  <si>
    <t>GGPS AWAN BHATTIAN</t>
  </si>
  <si>
    <t>Awan Bhattian</t>
  </si>
  <si>
    <t>Awan bhattian FarooqAbad gaon tehsil and district sheikhupura</t>
  </si>
  <si>
    <t>Syeda Iqra Naqvi</t>
  </si>
  <si>
    <t>GGPS AWAN BOBAK MRALI</t>
  </si>
  <si>
    <t>awan bobak mralie</t>
  </si>
  <si>
    <t>Awan Bonak Marali</t>
  </si>
  <si>
    <t>Tasleem Kousar</t>
  </si>
  <si>
    <t>GGPS AWAN CHAK NO. 39</t>
  </si>
  <si>
    <t>Awan Chak 39.</t>
  </si>
  <si>
    <t>Rashida Jabeen</t>
  </si>
  <si>
    <t>GGPS AWAN COLONY</t>
  </si>
  <si>
    <t>Awan Colony</t>
  </si>
  <si>
    <t>Awan Colony Sargodha</t>
  </si>
  <si>
    <t>158/19</t>
  </si>
  <si>
    <t>GGPS AWAN DHAI WALA</t>
  </si>
  <si>
    <t>Awan Dhaiwala 9</t>
  </si>
  <si>
    <t>awan dhaiwala dak khana bata pur lahore</t>
  </si>
  <si>
    <t>Awan Dhaiwala</t>
  </si>
  <si>
    <t>Shazia Iram</t>
  </si>
  <si>
    <t>GGPS AWAN NAGAR</t>
  </si>
  <si>
    <t>basti Manoo khan</t>
  </si>
  <si>
    <t>Awan Nager</t>
  </si>
  <si>
    <t>GGPS AWANA WALA</t>
  </si>
  <si>
    <t>awanwla</t>
  </si>
  <si>
    <t>Kaluaanwala</t>
  </si>
  <si>
    <t>GGPS AWANAN WALA</t>
  </si>
  <si>
    <t>dera awanwala near 12 db</t>
  </si>
  <si>
    <t>Rural Harnoli</t>
  </si>
  <si>
    <t>Robina Javeed</t>
  </si>
  <si>
    <t>GGPS AWANAN WALA SHUMALI</t>
  </si>
  <si>
    <t>Awana wali shumali</t>
  </si>
  <si>
    <t>Awana Wala Shumali</t>
  </si>
  <si>
    <t>Azra BiBi</t>
  </si>
  <si>
    <t>GGPS AYUB ARAIN</t>
  </si>
  <si>
    <t>Ajab  Arain</t>
  </si>
  <si>
    <t>Tehsil &amp; District M Garh. Basti Ayoub Arain. post office Baseera</t>
  </si>
  <si>
    <t>Basti Ayoub Arain</t>
  </si>
  <si>
    <t>Binish Noreen</t>
  </si>
  <si>
    <t>GGPS AYYA PUR</t>
  </si>
  <si>
    <t>Ayyapur</t>
  </si>
  <si>
    <t>ayyapur</t>
  </si>
  <si>
    <t>Aniqa Shahzadi</t>
  </si>
  <si>
    <t>GGPS AZAM HANS 3 KOTHA WALA</t>
  </si>
  <si>
    <t>azam hans 3</t>
  </si>
  <si>
    <t>g g p/s azam hans 3 kothay wala multan tehsil sadar</t>
  </si>
  <si>
    <t>tolay wala</t>
  </si>
  <si>
    <t>kothay wala</t>
  </si>
  <si>
    <t>Ghazala afzal</t>
  </si>
  <si>
    <t>GGPS AZAM KACHALA</t>
  </si>
  <si>
    <t>chok dhudhara</t>
  </si>
  <si>
    <t>Basti Azam kachala</t>
  </si>
  <si>
    <t>Chak Dodara</t>
  </si>
  <si>
    <t>Atia Kareem</t>
  </si>
  <si>
    <t>GGPS AZAM NAGAR LALAMUSA</t>
  </si>
  <si>
    <t>Azam Nagar</t>
  </si>
  <si>
    <t>Mohallah Azam Nagar, Lalamusa, Tehsil Kharian District Gujrat</t>
  </si>
  <si>
    <t>Thakrian</t>
  </si>
  <si>
    <t>Shumaila Jabeen</t>
  </si>
  <si>
    <t>GGPS AZAM SHAH</t>
  </si>
  <si>
    <t>Jatera Azam</t>
  </si>
  <si>
    <t>GGPS AZAM SHAH Markaz Sutluj tehsil and district vehari</t>
  </si>
  <si>
    <t>AZAM Shah</t>
  </si>
  <si>
    <t>GGPS AZAZI WALA</t>
  </si>
  <si>
    <t>Lailipur</t>
  </si>
  <si>
    <t>Qazi wala budhla sant</t>
  </si>
  <si>
    <t>Qurratulain Nasir</t>
  </si>
  <si>
    <t>GGPS AZEEM ABAD</t>
  </si>
  <si>
    <t>KHAGLAN WALA-FEMALE</t>
  </si>
  <si>
    <t>Raisa Eman Khan</t>
  </si>
  <si>
    <t>GGPS AZEEM WALA, P/O NARHAL, KABIRWALA</t>
  </si>
  <si>
    <t>Nathal</t>
  </si>
  <si>
    <t>azeemwala moza narhal kabirwala</t>
  </si>
  <si>
    <t>Azeemwala</t>
  </si>
  <si>
    <t>Asma Samreen</t>
  </si>
  <si>
    <t>GGPS AZHAR ABAD</t>
  </si>
  <si>
    <t>KUNDAL KHOKHRAN-FEMALE</t>
  </si>
  <si>
    <t>Azhar Abad</t>
  </si>
  <si>
    <t>Misbah Zafar</t>
  </si>
  <si>
    <t>GGPS AZIM BHATTI</t>
  </si>
  <si>
    <t>basti raheem bux bhatti moza rum</t>
  </si>
  <si>
    <t>Raheem bux Bhatti</t>
  </si>
  <si>
    <t>Mughisa Rehman</t>
  </si>
  <si>
    <t>GGPS AZIZ COLONY</t>
  </si>
  <si>
    <t>Nawab Colony</t>
  </si>
  <si>
    <t>street #2 Aziz Colony SARGODHAÂ¡</t>
  </si>
  <si>
    <t>43nb</t>
  </si>
  <si>
    <t>Ayesha Batool</t>
  </si>
  <si>
    <t>GGPS AZIZ COLONY SHAHDARA</t>
  </si>
  <si>
    <t>GGPS Aziz colony near baba lachhian Wala darbar Farrukhabad shahdara</t>
  </si>
  <si>
    <t>Farrukhabad</t>
  </si>
  <si>
    <t>Chah Chhimbian Wala Khoh</t>
  </si>
  <si>
    <t>Tahira Maqsood</t>
  </si>
  <si>
    <t>GGPS AZIZ KHAN KORAI</t>
  </si>
  <si>
    <t>basti korai moza bair band jatoi m garah</t>
  </si>
  <si>
    <t>Basti Korai</t>
  </si>
  <si>
    <t>Syeda Rubab BiBi</t>
  </si>
  <si>
    <t>GGPS AZIZ KHELAN WALA</t>
  </si>
  <si>
    <t>village and post office shadia tehsil and district mianwali</t>
  </si>
  <si>
    <t>kaneez batool</t>
  </si>
  <si>
    <t>GGPS AZIZ ULLAH KHELAN WALA</t>
  </si>
  <si>
    <t>Shabaz khel</t>
  </si>
  <si>
    <t>Azizullah khelan wala</t>
  </si>
  <si>
    <t>Beruli</t>
  </si>
  <si>
    <t>Shabazkhel</t>
  </si>
  <si>
    <t>khalida Jabeen</t>
  </si>
  <si>
    <t>GGPS AZIZ WALA</t>
  </si>
  <si>
    <t>Chah Dhori Wala hunjrae daira deen panah</t>
  </si>
  <si>
    <t>GGPS AZIZIA PUNJAB SOCIETY</t>
  </si>
  <si>
    <t>Punjab Society</t>
  </si>
  <si>
    <t>C 2 PGECHS LHR</t>
  </si>
  <si>
    <t>Fazilat Ambreen</t>
  </si>
  <si>
    <t>GGPS AZMAT KEY KATHIA</t>
  </si>
  <si>
    <t>Tullah Bhullah</t>
  </si>
  <si>
    <t>ggps azmat kay kathia tullah bhullah</t>
  </si>
  <si>
    <t>Tehmeena Tanveer</t>
  </si>
  <si>
    <t>GGPS AZMAT WALAH</t>
  </si>
  <si>
    <t>CHHIDRU</t>
  </si>
  <si>
    <t>Dera azmat wala</t>
  </si>
  <si>
    <t>Dera Azmat wala</t>
  </si>
  <si>
    <t>GGPS BAAGH WALA</t>
  </si>
  <si>
    <t>GGP/S bagh wala Rawanin p/o gely wal lodhran</t>
  </si>
  <si>
    <t>ZUBAIDA BIBI</t>
  </si>
  <si>
    <t>GGPS BABA GHORIAN</t>
  </si>
  <si>
    <t>Baba Ghorian</t>
  </si>
  <si>
    <t>Baba ghorian@gmail.com</t>
  </si>
  <si>
    <t>Jand Najar</t>
  </si>
  <si>
    <t>Andleeb khaliq</t>
  </si>
  <si>
    <t>GGPS BABAY DA LAHORE</t>
  </si>
  <si>
    <t>Babay Da Lahore</t>
  </si>
  <si>
    <t>babay da lahore</t>
  </si>
  <si>
    <t>Gulshan Shehzadi</t>
  </si>
  <si>
    <t>GGPS BAB-E-FARID</t>
  </si>
  <si>
    <t>new Abaadi 5 Marla scheme kot mithan</t>
  </si>
  <si>
    <t>Farooq Nai Abaadi</t>
  </si>
  <si>
    <t>MC kot Mithan</t>
  </si>
  <si>
    <t>Jamela Anwar</t>
  </si>
  <si>
    <t>GGPS BABHKA DHOK</t>
  </si>
  <si>
    <t>UCHHALI (FEMALE)</t>
  </si>
  <si>
    <t>GGPS bhabhaka</t>
  </si>
  <si>
    <t>Sobia Naz</t>
  </si>
  <si>
    <t>GGPS BABLU KHAN</t>
  </si>
  <si>
    <t>basti baga lar</t>
  </si>
  <si>
    <t>GGPS BABRAN LAL SHAH</t>
  </si>
  <si>
    <t>basti babran lal shah</t>
  </si>
  <si>
    <t>Mamuna Durani</t>
  </si>
  <si>
    <t>GGPS BABRAN WALA NEAR KARIM TOWN MULTAN</t>
  </si>
  <si>
    <t>Babran Wala</t>
  </si>
  <si>
    <t>Govt. girls primary school babran wala Multan</t>
  </si>
  <si>
    <t>Basti Babran Wala</t>
  </si>
  <si>
    <t>GGPS BABU RAI</t>
  </si>
  <si>
    <t>babu rai</t>
  </si>
  <si>
    <t>Babu rai</t>
  </si>
  <si>
    <t>salaray</t>
  </si>
  <si>
    <t>Robina rehman</t>
  </si>
  <si>
    <t>GGPS BACHA NOU</t>
  </si>
  <si>
    <t>bacha nou</t>
  </si>
  <si>
    <t>bacha nou p/o kott hassan khan distt.hafizabad</t>
  </si>
  <si>
    <t>nanoana</t>
  </si>
  <si>
    <t>Sadaf Nisar</t>
  </si>
  <si>
    <t>GGPS BADALA GUJRAN</t>
  </si>
  <si>
    <t>Badala Gujran</t>
  </si>
  <si>
    <t>badala gujran tehsil zafarwal,dist narowal</t>
  </si>
  <si>
    <t>Muhammad Baqar Anjum</t>
  </si>
  <si>
    <t>GGPS BADAR BHOON</t>
  </si>
  <si>
    <t>Badar Bhoon</t>
  </si>
  <si>
    <t>GGPS BADAR KALAN</t>
  </si>
  <si>
    <t>Badar Ranjha</t>
  </si>
  <si>
    <t>Badar kalan</t>
  </si>
  <si>
    <t>Badar Kalan</t>
  </si>
  <si>
    <t>GGPS BADAR SHAIR NO.2</t>
  </si>
  <si>
    <t>Badar Sher</t>
  </si>
  <si>
    <t>GGPS Badar sher no.2 mohalla shafiq abad bwp</t>
  </si>
  <si>
    <t>Shafiq Abad</t>
  </si>
  <si>
    <t>Bwp City VII</t>
  </si>
  <si>
    <t>Tasleem akhtar</t>
  </si>
  <si>
    <t>GGPS BADDO CHEEDA</t>
  </si>
  <si>
    <t>Bado</t>
  </si>
  <si>
    <t>Baddo Chida</t>
  </si>
  <si>
    <t>Baddo Cheeda</t>
  </si>
  <si>
    <t>KALSOOM Akhter</t>
  </si>
  <si>
    <t>GGPS BADDOKAY</t>
  </si>
  <si>
    <t>Bhudokey</t>
  </si>
  <si>
    <t>Bhudokey p/o Galotian kalan</t>
  </si>
  <si>
    <t>Galotian kalan</t>
  </si>
  <si>
    <t>Saba Tufail</t>
  </si>
  <si>
    <t>GGPS BADH RAJBANA</t>
  </si>
  <si>
    <t>moza badh Rajbana markiz Khaki Lakhi  Tehsil Shorkot District Jhang</t>
  </si>
  <si>
    <t>GGPS BADHA</t>
  </si>
  <si>
    <t>moza bhadda p/o mitroo</t>
  </si>
  <si>
    <t>195 /WB</t>
  </si>
  <si>
    <t>Anam Iqbal</t>
  </si>
  <si>
    <t>GGPS BADHANA KHURD</t>
  </si>
  <si>
    <t>Badhana khurd</t>
  </si>
  <si>
    <t>GMPS BADHANA KHURD SANGJANI</t>
  </si>
  <si>
    <t>GGPS BADHOKI</t>
  </si>
  <si>
    <t>Baddoki Lahore</t>
  </si>
  <si>
    <t>Sajida Aslam</t>
  </si>
  <si>
    <t>GGPS BADHU PUR</t>
  </si>
  <si>
    <t>budhopur</t>
  </si>
  <si>
    <t>Govt Girls Primary School Budhopur tehsil daska dstict sialkot</t>
  </si>
  <si>
    <t>Budhopur</t>
  </si>
  <si>
    <t>seokey</t>
  </si>
  <si>
    <t>Sameena Ajaz</t>
  </si>
  <si>
    <t>GGPS BADI PUR</t>
  </si>
  <si>
    <t>SADDAR - FEMALE</t>
  </si>
  <si>
    <t>Badipur</t>
  </si>
  <si>
    <t>village badipur sialkot</t>
  </si>
  <si>
    <t>GGPS BADLI</t>
  </si>
  <si>
    <t>SALEEM ABAD</t>
  </si>
  <si>
    <t>BASTI ALAHI BUX CHAK SALEEM ABAD TEHSIL ROJHAN</t>
  </si>
  <si>
    <t>BANGLA HIDAIT</t>
  </si>
  <si>
    <t>Tahira Safdar</t>
  </si>
  <si>
    <t>GGPS BADLI WALA</t>
  </si>
  <si>
    <t>Badli Wala</t>
  </si>
  <si>
    <t>GGPS badliwala khushab</t>
  </si>
  <si>
    <t>Badliwala</t>
  </si>
  <si>
    <t>Rubina Shafi</t>
  </si>
  <si>
    <t>GGPS BADNIAN</t>
  </si>
  <si>
    <t>Badnian</t>
  </si>
  <si>
    <t>Village badnian teh kotli sattian disst rwp</t>
  </si>
  <si>
    <t>Mc Kotli Sattian</t>
  </si>
  <si>
    <t>Asifa Yamin</t>
  </si>
  <si>
    <t>GGPS BADO MURADAY</t>
  </si>
  <si>
    <t>Bado Muraday</t>
  </si>
  <si>
    <t>GGPS Bado muraday SKP</t>
  </si>
  <si>
    <t>GGPS BADOO</t>
  </si>
  <si>
    <t>Village Badoo Tehsil Ferozewala District Sheikhupura</t>
  </si>
  <si>
    <t>Faiz Pur Khurd</t>
  </si>
  <si>
    <t>Naila Shahzadi</t>
  </si>
  <si>
    <t>GGPS BADRA SHARQI</t>
  </si>
  <si>
    <t>Badra Sharqi</t>
  </si>
  <si>
    <t>village badra sharqi</t>
  </si>
  <si>
    <t>Naghmana Batool</t>
  </si>
  <si>
    <t>GGPS BADRI NARAIN PURA</t>
  </si>
  <si>
    <t>Badri Narain Pura</t>
  </si>
  <si>
    <t>moza badri narain pura</t>
  </si>
  <si>
    <t>Bhramka Otaad</t>
  </si>
  <si>
    <t>Minchin Abad</t>
  </si>
  <si>
    <t>Lubna   Shaheen</t>
  </si>
  <si>
    <t>GGPS BADRI WALA</t>
  </si>
  <si>
    <t>Daf chandia Dajal</t>
  </si>
  <si>
    <t>Nazeer Bibi</t>
  </si>
  <si>
    <t>GGPS BAGARIAN KOHNA</t>
  </si>
  <si>
    <t>Bhagrian Kohna</t>
  </si>
  <si>
    <t>bhagrian kohna teh wazirabad disst gujranwala</t>
  </si>
  <si>
    <t>Rehana Hyder</t>
  </si>
  <si>
    <t>GGPS BAGAY WALA</t>
  </si>
  <si>
    <t>Daggar Chit</t>
  </si>
  <si>
    <t>chit sarkani road basti khalid abad</t>
  </si>
  <si>
    <t>Basti Khalidabad</t>
  </si>
  <si>
    <t>GGPS BAGGA</t>
  </si>
  <si>
    <t>BAGA NEAR PINDI UMRA TEHSIL SHAKARGARH DISTRICT NAROWAL</t>
  </si>
  <si>
    <t>Baga</t>
  </si>
  <si>
    <t>Challa</t>
  </si>
  <si>
    <t>Asia Hameed</t>
  </si>
  <si>
    <t>GGPS BAGGA CHAK 2/GB</t>
  </si>
  <si>
    <t>Bhagga Chak</t>
  </si>
  <si>
    <t>bhagga chak  no.2</t>
  </si>
  <si>
    <t>5 Chak</t>
  </si>
  <si>
    <t>GGPS BAGGA MADAN</t>
  </si>
  <si>
    <t>Bagga Madan</t>
  </si>
  <si>
    <t>govt.girls primary school Bagga Madan Noorkot road Shakargarh</t>
  </si>
  <si>
    <t>Mangri</t>
  </si>
  <si>
    <t>Safreen Akhter</t>
  </si>
  <si>
    <t>GGPS BAGGA SANGRAL</t>
  </si>
  <si>
    <t>Bagga Sangral</t>
  </si>
  <si>
    <t>bagga sangral p/o rawat teh &amp; distt rwp</t>
  </si>
  <si>
    <t>Bagga sangral</t>
  </si>
  <si>
    <t>Bagga shaikhain</t>
  </si>
  <si>
    <t>GGPS BAGGA SHIKHAN NO 1</t>
  </si>
  <si>
    <t>bagga sheikhan</t>
  </si>
  <si>
    <t>Farhana Altaf</t>
  </si>
  <si>
    <t>GGPS BAGH ALI ARAIN</t>
  </si>
  <si>
    <t>Bagh Ali</t>
  </si>
  <si>
    <t>Sheikhwahan</t>
  </si>
  <si>
    <t>GGPS BAGH DHANISHER</t>
  </si>
  <si>
    <t>Bagh Danesir</t>
  </si>
  <si>
    <t>ggps bagh deniser</t>
  </si>
  <si>
    <t>Bagh Deniser</t>
  </si>
  <si>
    <t>GGPS BAGH FAQIRAN</t>
  </si>
  <si>
    <t>Bagh Faqirian</t>
  </si>
  <si>
    <t>village bagh faqirian p/o rajoha tehsil gujar Khan dist.rawalpindi</t>
  </si>
  <si>
    <t>Asima Adalat</t>
  </si>
  <si>
    <t>GGPS BAGH GOPAL PUR</t>
  </si>
  <si>
    <t>Bagh Gopal Pur</t>
  </si>
  <si>
    <t>G .G .P .S Bagh gopal pur</t>
  </si>
  <si>
    <t>Halowall</t>
  </si>
  <si>
    <t>Sobia Mushtaq</t>
  </si>
  <si>
    <t>GGPS BAGH JAMERI</t>
  </si>
  <si>
    <t>Ghohi</t>
  </si>
  <si>
    <t>village &amp; p/o Baghjameri Tehsil Kallar Saydan District Rawalpindi</t>
  </si>
  <si>
    <t>Baghjameri</t>
  </si>
  <si>
    <t>Doberan Kalan</t>
  </si>
  <si>
    <t>Shabida Begum</t>
  </si>
  <si>
    <t>GGPS BAGH LASHARI</t>
  </si>
  <si>
    <t>mouza lashari tehsil 18 hazari district jhang</t>
  </si>
  <si>
    <t>GGPS BAGH NELAB</t>
  </si>
  <si>
    <t>Bagh Neelab</t>
  </si>
  <si>
    <t>Teh &amp; Dis Attock p/o &amp; village Bagh Neelab GGPS Bagh Neelab</t>
  </si>
  <si>
    <t>Rehana Sajjad</t>
  </si>
  <si>
    <t>electric motor is used to take water from nearby river</t>
  </si>
  <si>
    <t>GGPS BAGH PURANA SHUJABAD DISTT. MULTAN</t>
  </si>
  <si>
    <t>SHUJABAD - FEMALE</t>
  </si>
  <si>
    <t>GG p/s bagh pourana</t>
  </si>
  <si>
    <t>Bagh Pourana</t>
  </si>
  <si>
    <t>GGPS BAGH SHAMAS DIN</t>
  </si>
  <si>
    <t>Baghshams Din</t>
  </si>
  <si>
    <t>v.p.o baghshamsdin</t>
  </si>
  <si>
    <t>Angah</t>
  </si>
  <si>
    <t>Nurat Shaheen</t>
  </si>
  <si>
    <t>GGPS BAGH WALA</t>
  </si>
  <si>
    <t>chah bagh wala, moza ali pur kanju</t>
  </si>
  <si>
    <t>Sumbal Shahzadi Aziz</t>
  </si>
  <si>
    <t>GGPS BAGH WALA (NEW)</t>
  </si>
  <si>
    <t>moza sohiya thall, chah bagh wala</t>
  </si>
  <si>
    <t>Chah Bagh Wala</t>
  </si>
  <si>
    <t>GGPS BAGH WALA NEW</t>
  </si>
  <si>
    <t>chak bagh Wala dnb</t>
  </si>
  <si>
    <t>Bagh Wala DNB</t>
  </si>
  <si>
    <t>Chak # 35dnb</t>
  </si>
  <si>
    <t>MALEEHA MUKHTAR</t>
  </si>
  <si>
    <t>GGPS BAGHALI</t>
  </si>
  <si>
    <t>Bagh Ali Wala</t>
  </si>
  <si>
    <t>Bagh Ali Wala p,o.usman Wala dist.kasur.</t>
  </si>
  <si>
    <t>Usmanwala</t>
  </si>
  <si>
    <t>Tahira Khalid</t>
  </si>
  <si>
    <t>GGPS BAGHAR GLOTRAN NO. 1</t>
  </si>
  <si>
    <t>Baghar Glatoran</t>
  </si>
  <si>
    <t>moza baghar glotran chiniot</t>
  </si>
  <si>
    <t>Baghar Glatron</t>
  </si>
  <si>
    <t>GGPS BAGHAT WALA</t>
  </si>
  <si>
    <t>Bhghat Wala</t>
  </si>
  <si>
    <t>bhghat wala ch no 35 rb tehsil shahkot</t>
  </si>
  <si>
    <t>Bhghat Wala Ch 35</t>
  </si>
  <si>
    <t>Amen Azeem</t>
  </si>
  <si>
    <t>GGPS BAGHDAD NO.2 TULAMBA</t>
  </si>
  <si>
    <t>Baghdad Sharif</t>
  </si>
  <si>
    <t>GGP/S Baghdad sharif , School no 2, Basti kuthyal</t>
  </si>
  <si>
    <t>Bastion Kuthyal</t>
  </si>
  <si>
    <t>ghous pur</t>
  </si>
  <si>
    <t>Farhat Hafeez</t>
  </si>
  <si>
    <t>GGPS BAGHIARI MUSTAFA ABAD</t>
  </si>
  <si>
    <t>Mustafa-abad</t>
  </si>
  <si>
    <t>Post office street Warburton</t>
  </si>
  <si>
    <t>Jaslanikalan</t>
  </si>
  <si>
    <t>GGPS BAGHOON</t>
  </si>
  <si>
    <t>Kotsamaba</t>
  </si>
  <si>
    <t>G g primary school  Baghoon p /o kotsamaba</t>
  </si>
  <si>
    <t>Baghoon</t>
  </si>
  <si>
    <t>Mahnaz Khurshid</t>
  </si>
  <si>
    <t>GGPS BAGHRI NO 1</t>
  </si>
  <si>
    <t>ada baghri jhang</t>
  </si>
  <si>
    <t>GGPS BAGHTERA</t>
  </si>
  <si>
    <t>Chak no 576 baghtera</t>
  </si>
  <si>
    <t>Baghtera</t>
  </si>
  <si>
    <t>GGPS BAGHZER</t>
  </si>
  <si>
    <t>MANGWAL-FEMALE</t>
  </si>
  <si>
    <t>4km</t>
  </si>
  <si>
    <t>Baghzer</t>
  </si>
  <si>
    <t>Sumera Javed</t>
  </si>
  <si>
    <t>GGPS BAGIAN WALA</t>
  </si>
  <si>
    <t>bigianawala tehsil piplan district mianwali</t>
  </si>
  <si>
    <t>Bagianwala</t>
  </si>
  <si>
    <t>Nadia Iqbal</t>
  </si>
  <si>
    <t>GGPS BAGIANA SHAH BAIG</t>
  </si>
  <si>
    <t>Bagina</t>
  </si>
  <si>
    <t>bagina shah baig</t>
  </si>
  <si>
    <t>Baigina Shah Baig</t>
  </si>
  <si>
    <t>Form Bahdur Nagar</t>
  </si>
  <si>
    <t>Uzma Saeed</t>
  </si>
  <si>
    <t>GGPS BAGOLARAH</t>
  </si>
  <si>
    <t>Bagolrah</t>
  </si>
  <si>
    <t>village bagolrah post office sukhochak tehsil shakargarh district narowal</t>
  </si>
  <si>
    <t>Sukhochak</t>
  </si>
  <si>
    <t>Aysha Saddiqa</t>
  </si>
  <si>
    <t>GGPS BAGOOR KALAN</t>
  </si>
  <si>
    <t>Bhagor Kalan</t>
  </si>
  <si>
    <t>ggps bhagor kalan</t>
  </si>
  <si>
    <t>bhagor Kalan</t>
  </si>
  <si>
    <t>Dinga Narain Pur</t>
  </si>
  <si>
    <t>GGPS BAGRAIN NO.2 NEAR GUCHAR WALI PULL</t>
  </si>
  <si>
    <t>Near ghuchar wala Diara pur khan pur Qazi</t>
  </si>
  <si>
    <t>Nasser Wala</t>
  </si>
  <si>
    <t>GGPS BAGRIAN NOW</t>
  </si>
  <si>
    <t>Bagrian Now</t>
  </si>
  <si>
    <t>Teh wazirabad dist gujranwala post office khas.bagrian new</t>
  </si>
  <si>
    <t>Natkalan</t>
  </si>
  <si>
    <t>WAJIDA</t>
  </si>
  <si>
    <t>GGPS BAGYAR WALA</t>
  </si>
  <si>
    <t>Bhagyarwala</t>
  </si>
  <si>
    <t>govertment girls primary school bhagyar wala. tehsil ferozwala district sheikhupura.</t>
  </si>
  <si>
    <t>GGPS BAHADAR PUR</t>
  </si>
  <si>
    <t>Basti Bahadarpur</t>
  </si>
  <si>
    <t>basti bahadarpur</t>
  </si>
  <si>
    <t>GGPS BAHADAR PUR NO. 2 JALALPUR PIRWALA</t>
  </si>
  <si>
    <t>BAHADAR PUR</t>
  </si>
  <si>
    <t>BAHADARPUR  No 2 TEHSIL:JALAL PUR PIR WALA DISTRICT:MULTAN</t>
  </si>
  <si>
    <t>Shehnaz Parveen</t>
  </si>
  <si>
    <t>GGPS BAHADAR PURA</t>
  </si>
  <si>
    <t>Bahadur Pura kasur</t>
  </si>
  <si>
    <t>Amna Zaib</t>
  </si>
  <si>
    <t>GGPS BAHADAR THAHEEM BASTI PUNOO</t>
  </si>
  <si>
    <t>Laalay Wala</t>
  </si>
  <si>
    <t>GGPS Bahadar Thaheem</t>
  </si>
  <si>
    <t>Punno Wala</t>
  </si>
  <si>
    <t>Doraan Wala</t>
  </si>
  <si>
    <t>Perveen Kosar</t>
  </si>
  <si>
    <t>GGPS BAHADAR WALA</t>
  </si>
  <si>
    <t>GGPS BAHADAR WALA MOHALLAH NOORABAD LAYYAH</t>
  </si>
  <si>
    <t>MOHALLAH NOORABAD</t>
  </si>
  <si>
    <t>Rubina Nazli</t>
  </si>
  <si>
    <t>GGPS BAHADRAY WALA</t>
  </si>
  <si>
    <t>shadi khan munda</t>
  </si>
  <si>
    <t>chah ragarr wala moza shadi khan munda kot addu</t>
  </si>
  <si>
    <t>chah ragarr wala</t>
  </si>
  <si>
    <t>bano bibi</t>
  </si>
  <si>
    <t>GGPS BAHADUR PURA</t>
  </si>
  <si>
    <t>Bahadarpura</t>
  </si>
  <si>
    <t>bahadarpura P\O box narowal tehsil and district narowal</t>
  </si>
  <si>
    <t>Maria Nagrah</t>
  </si>
  <si>
    <t>GGPS BAHAR (SULTAN WALA)</t>
  </si>
  <si>
    <t>bahar ghaeni</t>
  </si>
  <si>
    <t>Sarwat Naheed</t>
  </si>
  <si>
    <t>GGPS BAHAR AHMAD DIN</t>
  </si>
  <si>
    <t>Bahar Gharbe</t>
  </si>
  <si>
    <t>moza bahar gharbe</t>
  </si>
  <si>
    <t>Basti Ahmad Din</t>
  </si>
  <si>
    <t>GGPS BAHAR CHANDIA</t>
  </si>
  <si>
    <t>GGPS Bahar chandia</t>
  </si>
  <si>
    <t>Kali Pul</t>
  </si>
  <si>
    <t>Nohn Wali</t>
  </si>
  <si>
    <t>Aisha Perveen</t>
  </si>
  <si>
    <t>GGPS BAHAR KHAN GOPANG</t>
  </si>
  <si>
    <t>Bait Mula Wali</t>
  </si>
  <si>
    <t>Basti bahar khan mouza bait mulan wali</t>
  </si>
  <si>
    <t>Bahar Khan Gopang</t>
  </si>
  <si>
    <t>GGPS BAHARA NO 1 TEH. JALALPUR PIRWALA</t>
  </si>
  <si>
    <t>Krmoo Wali</t>
  </si>
  <si>
    <t>basti bahara tehsil jalal pur pir wala</t>
  </si>
  <si>
    <t>Bahara</t>
  </si>
  <si>
    <t>Karmoo Wali</t>
  </si>
  <si>
    <t>Asma Rasool</t>
  </si>
  <si>
    <t>GGPS BAHARA NO 2</t>
  </si>
  <si>
    <t>Karmoon Wali</t>
  </si>
  <si>
    <t>basti jirah uc karmoon wali jppw</t>
  </si>
  <si>
    <t>Basti Jirah</t>
  </si>
  <si>
    <t>GGPS BAHARI GHARBI</t>
  </si>
  <si>
    <t>R/o Bahari Gharbi p/o shaheedaan uc Ali khail k.kot bhakkar</t>
  </si>
  <si>
    <t>Razia Iqbal</t>
  </si>
  <si>
    <t>GGPS BAHARI SHARKI</t>
  </si>
  <si>
    <t>GGPS BEHARI SHARQI</t>
  </si>
  <si>
    <t>Behari Sharqi</t>
  </si>
  <si>
    <t>GGPS BAHAWAL DAS</t>
  </si>
  <si>
    <t>Bhawal Das</t>
  </si>
  <si>
    <t>havaili road bhawal das</t>
  </si>
  <si>
    <t>GGPS BAHAWAL GARH JADEED</t>
  </si>
  <si>
    <t>Bahawal Garh jadeed</t>
  </si>
  <si>
    <t>Bahawal Garh Jadeed</t>
  </si>
  <si>
    <t>Fadai Shah</t>
  </si>
  <si>
    <t>GGPS BAHAWAL KOT</t>
  </si>
  <si>
    <t>Bahawal Kot</t>
  </si>
  <si>
    <t>ggps bahawal kot</t>
  </si>
  <si>
    <t>Shanza jelani</t>
  </si>
  <si>
    <t>GGPS BAHAWAL PUR SUKHA QASBA MARAL ROAD</t>
  </si>
  <si>
    <t>Bahwalpur sukhnn</t>
  </si>
  <si>
    <t>basti bahwalpur sukhnn qasba maral road multan</t>
  </si>
  <si>
    <t>Kaiyan Poor</t>
  </si>
  <si>
    <t>GGPS BAHAWAL WAH</t>
  </si>
  <si>
    <t>Bahawalwah P/O Tibba Sultan Pur</t>
  </si>
  <si>
    <t>Bahawalwah</t>
  </si>
  <si>
    <t>GGPS BAHAWAL WALA</t>
  </si>
  <si>
    <t>Bahawal wala</t>
  </si>
  <si>
    <t>Bahawal Wala</t>
  </si>
  <si>
    <t>asia bibi</t>
  </si>
  <si>
    <t>GGPS BAHAWALPUR GHALWAN</t>
  </si>
  <si>
    <t>basti bwp ghalwan post office hataiji</t>
  </si>
  <si>
    <t>Shabana Shaheen</t>
  </si>
  <si>
    <t>GGPS BAHI LUDDAN</t>
  </si>
  <si>
    <t>Bhai Loudon</t>
  </si>
  <si>
    <t>vill maryala post office Bhai Loudon tehsil and distt jhelum</t>
  </si>
  <si>
    <t>moter borr</t>
  </si>
  <si>
    <t>GGPS BAHIA</t>
  </si>
  <si>
    <t>Bahiya</t>
  </si>
  <si>
    <t>village Bahiya post office chakbeli khan</t>
  </si>
  <si>
    <t>Safia Mubeen</t>
  </si>
  <si>
    <t>GGPS BAHISHTI</t>
  </si>
  <si>
    <t>Ggps Bahishti</t>
  </si>
  <si>
    <t>Esakhil Stat</t>
  </si>
  <si>
    <t>Amna Abdul Rahim</t>
  </si>
  <si>
    <t>GGPS BAHIWAL NO 2</t>
  </si>
  <si>
    <t>Abadi Muhammad Wala tehsil lalian dist chiniot</t>
  </si>
  <si>
    <t>Muhamad wala</t>
  </si>
  <si>
    <t>Saweera Mubeen</t>
  </si>
  <si>
    <t>GGPS BAHLOOL PUR</t>
  </si>
  <si>
    <t>G G P S behlolpur bala tahsil skg D Narowal,</t>
  </si>
  <si>
    <t>Behlolpur  Bala</t>
  </si>
  <si>
    <t>Chmreyal</t>
  </si>
  <si>
    <t>Shahnaz Beghum</t>
  </si>
  <si>
    <t>GGPS BAHMANI DAKHLI JOWAYA BALOCH</t>
  </si>
  <si>
    <t>Bahmni</t>
  </si>
  <si>
    <t>GGPS Bahmni Dakhli Jawaya Baloch</t>
  </si>
  <si>
    <t>Chak Bahmni</t>
  </si>
  <si>
    <t>Hakoomat gadh</t>
  </si>
  <si>
    <t>GGPS BAHMNI WALA</t>
  </si>
  <si>
    <t>Bahmani Wala</t>
  </si>
  <si>
    <t>village bahmani wala</t>
  </si>
  <si>
    <t>Atika Atiq</t>
  </si>
  <si>
    <t>GGPS BAHNI CHANDOOR</t>
  </si>
  <si>
    <t>Bahni Chandoor</t>
  </si>
  <si>
    <t>G G P/S Bahni Chandoor Near DPS Depalpur</t>
  </si>
  <si>
    <t>Shahida Muzamil</t>
  </si>
  <si>
    <t>GGPS BAHO SARO</t>
  </si>
  <si>
    <t>bahu saru</t>
  </si>
  <si>
    <t>bahu saru post ofc mndi sadiq gnj mcd</t>
  </si>
  <si>
    <t>Bholay Wala</t>
  </si>
  <si>
    <t>GGPS BAHOO WALA QADIRPUR RAWAN</t>
  </si>
  <si>
    <t>Bahoowala</t>
  </si>
  <si>
    <t>motorway rawan byass mu
tan</t>
  </si>
  <si>
    <t>Bahoo Wala</t>
  </si>
  <si>
    <t>GGPS BAHOODI PUR QURESHIAN</t>
  </si>
  <si>
    <t>51/NP</t>
  </si>
  <si>
    <t>GGPS Bahoodi pur Qureshian,ryk</t>
  </si>
  <si>
    <t>Bahoodi Pur Qreshian</t>
  </si>
  <si>
    <t>GGPS BAHSEEN</t>
  </si>
  <si>
    <t>village bhaseen p.o pahar khan teh kallar kahar distt chakwal</t>
  </si>
  <si>
    <t>Tahira Javed</t>
  </si>
  <si>
    <t>GGPS BAHTTA COLONY</t>
  </si>
  <si>
    <t>bhatta colony near jilani masjad</t>
  </si>
  <si>
    <t>Chishtian Urban 3</t>
  </si>
  <si>
    <t>Nighat  Yasmeen</t>
  </si>
  <si>
    <t>GGPS BAHU MAN</t>
  </si>
  <si>
    <t>ggps bahuman</t>
  </si>
  <si>
    <t>Hatha Khairo Matmal</t>
  </si>
  <si>
    <t>Mehmoona Saqi</t>
  </si>
  <si>
    <t>GGPS BAHUKAY DOGAR</t>
  </si>
  <si>
    <t>Bahu K Dogar</t>
  </si>
  <si>
    <t>bahu k dogar</t>
  </si>
  <si>
    <t>Memoona Kausar</t>
  </si>
  <si>
    <t>GGPS BAICHRAH</t>
  </si>
  <si>
    <t>Beichra</t>
  </si>
  <si>
    <t>GGps beichra</t>
  </si>
  <si>
    <t>Makwal</t>
  </si>
  <si>
    <t>Mariam bibi</t>
  </si>
  <si>
    <t>GGPS BAIG COLONY</t>
  </si>
  <si>
    <t>gojra road, baig colony jhang</t>
  </si>
  <si>
    <t>Baig Colony</t>
  </si>
  <si>
    <t>GGPS BAIG PUR</t>
  </si>
  <si>
    <t>Baigpur</t>
  </si>
  <si>
    <t>baigpur</t>
  </si>
  <si>
    <t>nasim akhter</t>
  </si>
  <si>
    <t>GGPS BAIG WALA</t>
  </si>
  <si>
    <t>Nari Dhamraya</t>
  </si>
  <si>
    <t>Baigwala mauza nari dhamraya</t>
  </si>
  <si>
    <t>Baig Wala</t>
  </si>
  <si>
    <t>Abida Yasmin</t>
  </si>
  <si>
    <t>GGPS BAIGAY WALA</t>
  </si>
  <si>
    <t>Baigay Wala</t>
  </si>
  <si>
    <t>baigay wala kot chutta</t>
  </si>
  <si>
    <t>MC KOT CHUTTA</t>
  </si>
  <si>
    <t>GGPS BAINBABA SHER ALI SHAH</t>
  </si>
  <si>
    <t>Bain Baba</t>
  </si>
  <si>
    <t>Bain baba,p/o Dhammali,Tehsil kallar syedan,Distt RWP</t>
  </si>
  <si>
    <t>GGPS BAIR WALA BAHAR</t>
  </si>
  <si>
    <t>Ber wala</t>
  </si>
  <si>
    <t>Ber Wala</t>
  </si>
  <si>
    <t>GGPS BAIR WALA CHAK NO. 26 TDA</t>
  </si>
  <si>
    <t>Dgar Aulakh</t>
  </si>
  <si>
    <t>chack no 26 TDA bairwala</t>
  </si>
  <si>
    <t>Farkhanda Khursheed</t>
  </si>
  <si>
    <t>GGPS BAIR WALA NO.1</t>
  </si>
  <si>
    <t>wazir pura</t>
  </si>
  <si>
    <t>GGPS Bair Wala Post office Islam Pura Tehsil and distt bahawalnagar</t>
  </si>
  <si>
    <t>kapooran</t>
  </si>
  <si>
    <t>Shakila Bibi</t>
  </si>
  <si>
    <t>GGPS BAIRAN WALI</t>
  </si>
  <si>
    <t>Lang Gerwn</t>
  </si>
  <si>
    <t>basti barien wali</t>
  </si>
  <si>
    <t>Barien Wala</t>
  </si>
  <si>
    <t>Ruqia Riaz</t>
  </si>
  <si>
    <t>GGPS BAIT</t>
  </si>
  <si>
    <t>Baith</t>
  </si>
  <si>
    <t>GGPS Baith.Village Jamaitar.P/O Narh</t>
  </si>
  <si>
    <t>Jamaitar</t>
  </si>
  <si>
    <t>Iram Zafar</t>
  </si>
  <si>
    <t>GGPS BAIT AGRA NO.2</t>
  </si>
  <si>
    <t>123Tda</t>
  </si>
  <si>
    <t>5 Marla scheme layyah</t>
  </si>
  <si>
    <t>Rizwana Begum</t>
  </si>
  <si>
    <t>GGPS BAIT AHMAD NO.1</t>
  </si>
  <si>
    <t>Bait Ahmed</t>
  </si>
  <si>
    <t>Moza bait ahmed post office ghammani</t>
  </si>
  <si>
    <t>Ume Salma Khan</t>
  </si>
  <si>
    <t>GGPS BAIT ALAM</t>
  </si>
  <si>
    <t>G.G Primary School Bait alam khan</t>
  </si>
  <si>
    <t>Bait Allam Khan</t>
  </si>
  <si>
    <t>Chak Ramin</t>
  </si>
  <si>
    <t>Asia Abbas</t>
  </si>
  <si>
    <t>GGPS BAIT ASHRAF</t>
  </si>
  <si>
    <t>ggps bait ashraf taunsa</t>
  </si>
  <si>
    <t>Zahra Khalid</t>
  </si>
  <si>
    <t>GGPS BAIT BAT WALA</t>
  </si>
  <si>
    <t>BAIT BATE WALA</t>
  </si>
  <si>
    <t>GOVT.GIRLS PRIMARY SCHOOL BAIT BATE WALA P/O SHAH JAMAL TAHSIL KOT CHUTTA DISTRICT D.G.KHAN</t>
  </si>
  <si>
    <t>TAHIRA PERVEEN</t>
  </si>
  <si>
    <t>GGPS BAIT BOGHA MUHAMMAD ALI</t>
  </si>
  <si>
    <t>bait bogha basti M.Ali</t>
  </si>
  <si>
    <t>Abiha Zulfiqar Noon</t>
  </si>
  <si>
    <t>GGPS BAIT BOGHA SHUMALI</t>
  </si>
  <si>
    <t>Baitbogha</t>
  </si>
  <si>
    <t>Baitbogha shumal tehsil distt bhakkar</t>
  </si>
  <si>
    <t>GGPS BAIT CHAJRAY WALA</t>
  </si>
  <si>
    <t>EHSAN pur</t>
  </si>
  <si>
    <t>Darbar Hashim Shah</t>
  </si>
  <si>
    <t>Anila Aslam</t>
  </si>
  <si>
    <t>GGPS BAIT DIWAN JADEED</t>
  </si>
  <si>
    <t>bait diwan</t>
  </si>
  <si>
    <t>bait diwan bakhri Ahmad khan</t>
  </si>
  <si>
    <t>bakhri ahmad khan</t>
  </si>
  <si>
    <t>GGPS BAIT DIWAN QADEEM</t>
  </si>
  <si>
    <t>Bait Dewan</t>
  </si>
  <si>
    <t>Bait Dewan Qadeem Khajian Sharf Din</t>
  </si>
  <si>
    <t>Saima Jehangir</t>
  </si>
  <si>
    <t>GGPS BAIT GUJJI</t>
  </si>
  <si>
    <t>Bait gujji</t>
  </si>
  <si>
    <t>Ggps bait gujji</t>
  </si>
  <si>
    <t>Basti Machi bait gujji</t>
  </si>
  <si>
    <t>GGPS BAIT KULACHI</t>
  </si>
  <si>
    <t>Bait Fateh Khan</t>
  </si>
  <si>
    <t>ggps bait kulachi</t>
  </si>
  <si>
    <t>Basti Kulachi</t>
  </si>
  <si>
    <t>GGPS BAIT RAI ALI</t>
  </si>
  <si>
    <t>Bait Rai Ali</t>
  </si>
  <si>
    <t>basti bait rai Ali mouza bait rai Ali uc manka bhutta district muzaffargarh</t>
  </si>
  <si>
    <t>Manka Bhutta</t>
  </si>
  <si>
    <t>Syeda Sadia Riaz Bukhari</t>
  </si>
  <si>
    <t>GGPS BAIT SIAL</t>
  </si>
  <si>
    <t>bait sial</t>
  </si>
  <si>
    <t>damar wala shumali</t>
  </si>
  <si>
    <t>Iqra Qusain Batool</t>
  </si>
  <si>
    <t>GGPS BAIT SOUNTRA</t>
  </si>
  <si>
    <t>Bait Sontra</t>
  </si>
  <si>
    <t>bait sontra rajan Pur</t>
  </si>
  <si>
    <t>Razia Mukhtiar</t>
  </si>
  <si>
    <t>GGPS BAIT WASAVA KALROO</t>
  </si>
  <si>
    <t>Bait Wasava Kalro</t>
  </si>
  <si>
    <t>Bait wasava kalro</t>
  </si>
  <si>
    <t>Khizran Batool</t>
  </si>
  <si>
    <t>GGPS BAITO WAHI TEH. JALALPUR PIRWALA</t>
  </si>
  <si>
    <t>Baito Wahi</t>
  </si>
  <si>
    <t>basti mangla mari moza Baitwahi</t>
  </si>
  <si>
    <t>Mangla Mari</t>
  </si>
  <si>
    <t>GGPS BAITOO</t>
  </si>
  <si>
    <t>Baitu</t>
  </si>
  <si>
    <t>baitu post office khudian khas</t>
  </si>
  <si>
    <t>Gohar Hitar</t>
  </si>
  <si>
    <t>Asma Shahzadi</t>
  </si>
  <si>
    <t>GGPS BAJAAR</t>
  </si>
  <si>
    <t>village bajar p/o raiba  kalan</t>
  </si>
  <si>
    <t>Raiba  Kalan</t>
  </si>
  <si>
    <t>Zill E Huma</t>
  </si>
  <si>
    <t>GGPS BAJAH</t>
  </si>
  <si>
    <t>BAJHA</t>
  </si>
  <si>
    <t>BAJHA TRIBAL AREA</t>
  </si>
  <si>
    <t>rasheed fatima</t>
  </si>
  <si>
    <t>GGPS BAJAK</t>
  </si>
  <si>
    <t>Bajak</t>
  </si>
  <si>
    <t>basti charag din</t>
  </si>
  <si>
    <t>Basti Charag Din</t>
  </si>
  <si>
    <t>GGPS BAJAL</t>
  </si>
  <si>
    <t>Bajal</t>
  </si>
  <si>
    <t>village Bajal post office  kot fateh Khan .teh fateh  jang Attock</t>
  </si>
  <si>
    <t>Nadia Liaqat</t>
  </si>
  <si>
    <t>GGPS BAJJAR</t>
  </si>
  <si>
    <t>Bajjar</t>
  </si>
  <si>
    <t>bajjar post office pormiana</t>
  </si>
  <si>
    <t>GGPS BAJRANA KANYAL</t>
  </si>
  <si>
    <t>Bajrana</t>
  </si>
  <si>
    <t>vpo bajrana kanyal gujar khan rawalpindi</t>
  </si>
  <si>
    <t>Bajrana Kanyal</t>
  </si>
  <si>
    <t>Syeda Nuzhat  Naheed</t>
  </si>
  <si>
    <t>GGPS BAJWA COLONY</t>
  </si>
  <si>
    <t>Bajwacolony</t>
  </si>
  <si>
    <t>Bajwa colony sargodha</t>
  </si>
  <si>
    <t>Bajwa colony</t>
  </si>
  <si>
    <t>Shaista Kusar</t>
  </si>
  <si>
    <t>GGPS BAJWANA CHAK NO.294</t>
  </si>
  <si>
    <t>Bajwana</t>
  </si>
  <si>
    <t>ggps bajwana khanqa dogran</t>
  </si>
  <si>
    <t>Ruqia Kousar</t>
  </si>
  <si>
    <t>GGPS BAKA WALA</t>
  </si>
  <si>
    <t>baqa wala</t>
  </si>
  <si>
    <t>near modal city  baqa wala</t>
  </si>
  <si>
    <t>Baqa wala</t>
  </si>
  <si>
    <t>gulab pura</t>
  </si>
  <si>
    <t>Aisha Batool</t>
  </si>
  <si>
    <t>GGPS BAKAL PUR GGPS BAKAL PUR</t>
  </si>
  <si>
    <t>GGPS BAQIL PUR BASTI SADIQ</t>
  </si>
  <si>
    <t>BASTI SADIQ</t>
  </si>
  <si>
    <t>RAHIM ABAD</t>
  </si>
  <si>
    <t>Asma Yaseen</t>
  </si>
  <si>
    <t>GGPS BAKHAL LAR</t>
  </si>
  <si>
    <t>Bakhal Lar</t>
  </si>
  <si>
    <t>basti haji rahim bux</t>
  </si>
  <si>
    <t>Basti Haji Rahim Bux</t>
  </si>
  <si>
    <t>Sadia Zahoor</t>
  </si>
  <si>
    <t>GGPS BAKHARI</t>
  </si>
  <si>
    <t>Moosay wala, jhanday wali, MUZAFFAR GARH</t>
  </si>
  <si>
    <t>Jhanday wali</t>
  </si>
  <si>
    <t>Tehmina Fareed</t>
  </si>
  <si>
    <t>GGPS BAKHAT ALI WALA</t>
  </si>
  <si>
    <t>Jatoi Janubi</t>
  </si>
  <si>
    <t>Cah Bakht ali wala jatoi</t>
  </si>
  <si>
    <t>Bakht Ali Wala</t>
  </si>
  <si>
    <t>Jatoi City</t>
  </si>
  <si>
    <t>Aysha Rasool</t>
  </si>
  <si>
    <t>GGPS BAKHAT BULAND</t>
  </si>
  <si>
    <t>Peer Adil</t>
  </si>
  <si>
    <t>basti  bakht buland</t>
  </si>
  <si>
    <t>Bathtub Buland</t>
  </si>
  <si>
    <t>GGPS BAKHAT JAMAL</t>
  </si>
  <si>
    <t>BAKHAT JAMAL</t>
  </si>
  <si>
    <t>VILLEGE BAKHAT JAMAL,POST OFFICE KHOJA,TEHSIL KHARIAN ,DISTRICT GUJRAT</t>
  </si>
  <si>
    <t>TAPIYLA</t>
  </si>
  <si>
    <t>AISHA BIBI</t>
  </si>
  <si>
    <t>GGPS BAKHAY WALA</t>
  </si>
  <si>
    <t>Thind Khurd Nasheeb</t>
  </si>
  <si>
    <t>GGPS bakhy wala Monza thind khurd nasheeb layyah</t>
  </si>
  <si>
    <t>Sumra Nasheeb</t>
  </si>
  <si>
    <t>GGPS BAKHOO WALA</t>
  </si>
  <si>
    <t>Bakhoowala</t>
  </si>
  <si>
    <t>sargodha</t>
  </si>
  <si>
    <t>Sidra Rehan</t>
  </si>
  <si>
    <t>GGPS BAKHRANA</t>
  </si>
  <si>
    <t>Bakhrana</t>
  </si>
  <si>
    <t>chak bakhrana</t>
  </si>
  <si>
    <t>GGPS BAKHRI NOU BURAMADAH</t>
  </si>
  <si>
    <t>bindi</t>
  </si>
  <si>
    <t>daira shah</t>
  </si>
  <si>
    <t>Khadija Bano</t>
  </si>
  <si>
    <t>GGPS BAKHSHOO WALI</t>
  </si>
  <si>
    <t>Chak No 159/NP</t>
  </si>
  <si>
    <t>ggp/s bakhshoo wali 159N/P</t>
  </si>
  <si>
    <t>Chani Goth 62</t>
  </si>
  <si>
    <t>GGPS BAKHTAWER WALA</t>
  </si>
  <si>
    <t>chah bakhtawar wala</t>
  </si>
  <si>
    <t>bakhtawar wala</t>
  </si>
  <si>
    <t>perveen fatima</t>
  </si>
  <si>
    <t>GGPS BAKKA JHUJH</t>
  </si>
  <si>
    <t>BakkaJhujh</t>
  </si>
  <si>
    <t>Phullan Toli</t>
  </si>
  <si>
    <t>GGPS BAKKY WALA</t>
  </si>
  <si>
    <t>GGPS bakkay wala</t>
  </si>
  <si>
    <t>Bakkay wala</t>
  </si>
  <si>
    <t>Uzma Bashir</t>
  </si>
  <si>
    <t>GGPS BAKNA WALA</t>
  </si>
  <si>
    <t>Baknanwala</t>
  </si>
  <si>
    <t>Baknanwala po Chak jani teh kharian district gujrat</t>
  </si>
  <si>
    <t>Chak jani</t>
  </si>
  <si>
    <t>GGPS BAKOHAL CHIBBAN</t>
  </si>
  <si>
    <t>Bakohal Chibban</t>
  </si>
  <si>
    <t>village Bakohal Chibban p.o. Thill Tehsil Sarai Alamgir District Gujrat</t>
  </si>
  <si>
    <t>Mandi Balwal</t>
  </si>
  <si>
    <t>Yasmeen Akhter</t>
  </si>
  <si>
    <t>GGPS BAKSHOO BHATTAR</t>
  </si>
  <si>
    <t>mouza bakhshu bhattar</t>
  </si>
  <si>
    <t>ggps bakhshu bhattar</t>
  </si>
  <si>
    <t>mouza bakhshu mouza bakhshubhattar</t>
  </si>
  <si>
    <t>jhok gulab shah</t>
  </si>
  <si>
    <t>Rafia bibi</t>
  </si>
  <si>
    <t>GGPS BALA SAIR WALA</t>
  </si>
  <si>
    <t>Mansaram Ram  Sandila</t>
  </si>
  <si>
    <t>basti mahbob wala</t>
  </si>
  <si>
    <t>Mahobab Wala</t>
  </si>
  <si>
    <t>Durdana Iram</t>
  </si>
  <si>
    <t>GGPS BALAIL</t>
  </si>
  <si>
    <t>balail</t>
  </si>
  <si>
    <t>post office qutabpur tehseel duniyapur district lodhran</t>
  </si>
  <si>
    <t>Balail</t>
  </si>
  <si>
    <t>Noor garh</t>
  </si>
  <si>
    <t>samina anwar</t>
  </si>
  <si>
    <t>GGPS BALARA HASAN KA</t>
  </si>
  <si>
    <t>Balara Hassan Ka</t>
  </si>
  <si>
    <t>ggps balara hassan ka tehsil arif wala pakpatan</t>
  </si>
  <si>
    <t>Razia Khurshid</t>
  </si>
  <si>
    <t>GGPS BALARA LAKHO KA</t>
  </si>
  <si>
    <t>Bhait Bhatiyan</t>
  </si>
  <si>
    <t>chak bhait bhatiyan p.o.Arifwala</t>
  </si>
  <si>
    <t>Rafia Kiran</t>
  </si>
  <si>
    <t>GGPS BALEKE KHURD</t>
  </si>
  <si>
    <t>Baleke Khurd</t>
  </si>
  <si>
    <t>Baleke khurd</t>
  </si>
  <si>
    <t>Musarrat Iqbal</t>
  </si>
  <si>
    <t>GGPS BALEKE NAU</t>
  </si>
  <si>
    <t>Baleki Nau</t>
  </si>
  <si>
    <t>Baleki Nau District Hafizabad</t>
  </si>
  <si>
    <t>GGPS BALHAR</t>
  </si>
  <si>
    <t>ballhar</t>
  </si>
  <si>
    <t>village ballhar Tehsil and district Gujrat</t>
  </si>
  <si>
    <t>moin ud din pur</t>
  </si>
  <si>
    <t>Raheela Anwar</t>
  </si>
  <si>
    <t>GGPS BALHEEM</t>
  </si>
  <si>
    <t>Bhaleem</t>
  </si>
  <si>
    <t>village bhaleem post office phularwan teh Sarai Alamgir Gujrat.</t>
  </si>
  <si>
    <t>Rizawa Allah Ditta</t>
  </si>
  <si>
    <t>GGPS BALHORAN</t>
  </si>
  <si>
    <t>bakhrani</t>
  </si>
  <si>
    <t>basti abdul rehman ghaleja p/o chachran sharif tehsil Khan pur</t>
  </si>
  <si>
    <t>Abdul Rehman Ghalija</t>
  </si>
  <si>
    <t>Fozia Qurashi</t>
  </si>
  <si>
    <t>GGPS BALIAN KHURD</t>
  </si>
  <si>
    <t>Balian Khurd</t>
  </si>
  <si>
    <t>Vill.Balian Khurd p.o Narowal Teh.Dist. Narowal</t>
  </si>
  <si>
    <t>GGPS BALICHANI</t>
  </si>
  <si>
    <t>Tah Miana</t>
  </si>
  <si>
    <t>balchani</t>
  </si>
  <si>
    <t>Balchani</t>
  </si>
  <si>
    <t>Jhok Bodu</t>
  </si>
  <si>
    <t>Sarah Gul</t>
  </si>
  <si>
    <t>mersible</t>
  </si>
  <si>
    <t>GGPS BALIWAD</t>
  </si>
  <si>
    <t>Baliwad</t>
  </si>
  <si>
    <t>Beliwad</t>
  </si>
  <si>
    <t>asia kousar</t>
  </si>
  <si>
    <t>GGPS BALKASSAR NO 2</t>
  </si>
  <si>
    <t>village &amp; p.o Box Balkassar teh and district chakwal</t>
  </si>
  <si>
    <t>GGPS BALKE KALAN</t>
  </si>
  <si>
    <t>Balake Kalan</t>
  </si>
  <si>
    <t>GGPS Balake kalan</t>
  </si>
  <si>
    <t>GGPS BALLO PIND</t>
  </si>
  <si>
    <t>Ballo Pind</t>
  </si>
  <si>
    <t>ahmadabad</t>
  </si>
  <si>
    <t>GGPS BALLO SHAHABAL NO 2</t>
  </si>
  <si>
    <t>chiniot road moza Ballo shahabal</t>
  </si>
  <si>
    <t>Sultanpor</t>
  </si>
  <si>
    <t>munawar bibi</t>
  </si>
  <si>
    <t>GGPS BALO KOHNA</t>
  </si>
  <si>
    <t>Balo Kohna</t>
  </si>
  <si>
    <t>balo kohna hafizabad</t>
  </si>
  <si>
    <t>Sarwat Bashir</t>
  </si>
  <si>
    <t>GGPS BALO TOLA</t>
  </si>
  <si>
    <t>Ballotola</t>
  </si>
  <si>
    <t>vill ballotola p/o dahoda teh pasrur district Sialkot</t>
  </si>
  <si>
    <t>Dahoda</t>
  </si>
  <si>
    <t>Najma Kausar</t>
  </si>
  <si>
    <t>GGPS BALO WALI</t>
  </si>
  <si>
    <t>Balowali</t>
  </si>
  <si>
    <t>G GP/S Balowali</t>
  </si>
  <si>
    <t>Khanawali</t>
  </si>
  <si>
    <t>shamimakhtar</t>
  </si>
  <si>
    <t>GGPS BALOCH COLONY BAHAWALPUR</t>
  </si>
  <si>
    <t>Goth bajan</t>
  </si>
  <si>
    <t>Baloch colony near railway station</t>
  </si>
  <si>
    <t>Goth ghani</t>
  </si>
  <si>
    <t>BWP CITY XVIII</t>
  </si>
  <si>
    <t>Anum Abid</t>
  </si>
  <si>
    <t>GGPS BALOCH WALA</t>
  </si>
  <si>
    <t>Warainwala</t>
  </si>
  <si>
    <t>Basti notak mouza warianwala tehseel jatoi,muzaffergarh</t>
  </si>
  <si>
    <t>Basti Notak</t>
  </si>
  <si>
    <t>Mirhazar Khan</t>
  </si>
  <si>
    <t>GGPS BALOCHAN TEH. JALALPUR PIRWALA</t>
  </si>
  <si>
    <t>Basti attarwala moza hoot Wala tehsil jalal pur pir wala district multan</t>
  </si>
  <si>
    <t>Basti Attarwala</t>
  </si>
  <si>
    <t>Sumara Perveen</t>
  </si>
  <si>
    <t>GGPS BALOCHAN VATTOWAN</t>
  </si>
  <si>
    <t>Wattwan wala</t>
  </si>
  <si>
    <t>Wattwan Wala</t>
  </si>
  <si>
    <t>Sadhoky</t>
  </si>
  <si>
    <t>Faiza Islam</t>
  </si>
  <si>
    <t>GGPS BALOCHAN WALA</t>
  </si>
  <si>
    <t>Balochanwala</t>
  </si>
  <si>
    <t>Balochan Wala</t>
  </si>
  <si>
    <t>GGPS BALOCHI WALA</t>
  </si>
  <si>
    <t>Marhanwali</t>
  </si>
  <si>
    <t>G g primary school balouchi wala</t>
  </si>
  <si>
    <t>Balouchi Wala</t>
  </si>
  <si>
    <t>Aasma batool</t>
  </si>
  <si>
    <t>GGPS BALRAH</t>
  </si>
  <si>
    <t>Balrah</t>
  </si>
  <si>
    <t>VOP jhang dhok balrah</t>
  </si>
  <si>
    <t>GGPS BALUCHAN WALA (NEW SCHOOL)</t>
  </si>
  <si>
    <t>Patti Choubara</t>
  </si>
  <si>
    <t>dera rang ali</t>
  </si>
  <si>
    <t>Shabana Bibi</t>
  </si>
  <si>
    <t>GGPS BALWAL</t>
  </si>
  <si>
    <t>Zubaida Bi Bi</t>
  </si>
  <si>
    <t>GGPS BAMB JALALPUR PIRWALA</t>
  </si>
  <si>
    <t>JUGGO WALA - FEMALE</t>
  </si>
  <si>
    <t>ggps bumb basti bumb karam Ali wala</t>
  </si>
  <si>
    <t>Sarak Wala Basti Bumb</t>
  </si>
  <si>
    <t>Shagufta Sagheer</t>
  </si>
  <si>
    <t>GGPS BAMBA WALA</t>
  </si>
  <si>
    <t>Dera Bhamba wala chak no.36 TDA</t>
  </si>
  <si>
    <t>Bhamba Wala</t>
  </si>
  <si>
    <t>183/184 TDA</t>
  </si>
  <si>
    <t>GGPS BAMBLI</t>
  </si>
  <si>
    <t>Bambli</t>
  </si>
  <si>
    <t>post office lal garh moza bambli</t>
  </si>
  <si>
    <t>GGPS BAMBOH</t>
  </si>
  <si>
    <t>Bamboo</t>
  </si>
  <si>
    <t>Khursheed Beghum</t>
  </si>
  <si>
    <t>GGPS BAMLERHI</t>
  </si>
  <si>
    <t>Ggps Bamlerhi</t>
  </si>
  <si>
    <t>Bamlerhi</t>
  </si>
  <si>
    <t>Mobina Abbasi</t>
  </si>
  <si>
    <t>GGPS BAN AMIR KHATOON P/O DHOK TAHKLIAN</t>
  </si>
  <si>
    <t>Ban Amir Khatoon</t>
  </si>
  <si>
    <t>ban amir khatoon po jhatla disst chakwal</t>
  </si>
  <si>
    <t>GGPS BAN BHOLA</t>
  </si>
  <si>
    <t>Ban Bhola</t>
  </si>
  <si>
    <t>ban bhola taxila</t>
  </si>
  <si>
    <t>Mehnaz Tariq Shah</t>
  </si>
  <si>
    <t>GGPS BAN ELLAHI</t>
  </si>
  <si>
    <t>vpo kohtera talagang chakwal</t>
  </si>
  <si>
    <t>kotehra</t>
  </si>
  <si>
    <t>rs 200 per month</t>
  </si>
  <si>
    <t>GGPS BAN KALAS</t>
  </si>
  <si>
    <t>Ban Kalas</t>
  </si>
  <si>
    <t>ggps ban kalas</t>
  </si>
  <si>
    <t>Bankalas</t>
  </si>
  <si>
    <t>Fazia Shaheen</t>
  </si>
  <si>
    <t>GGPS BAN MASAM</t>
  </si>
  <si>
    <t>Khuain</t>
  </si>
  <si>
    <t>v&amp;p.o.khuain talagang</t>
  </si>
  <si>
    <t>Banmasm</t>
  </si>
  <si>
    <t>Sadia Riffat</t>
  </si>
  <si>
    <t>GGPS BAN MIRALI</t>
  </si>
  <si>
    <t>GGPS Ban Mirali</t>
  </si>
  <si>
    <t>Ban Mirali</t>
  </si>
  <si>
    <t>SHAZIA BEGUM</t>
  </si>
  <si>
    <t>GGPS BAN SUMBAL JANOOBI</t>
  </si>
  <si>
    <t>Ban Sumbal janubi p/o 4DB Teh piplan distt Mianwali</t>
  </si>
  <si>
    <t>Ban Sumbal Janubi</t>
  </si>
  <si>
    <t>GGPS BANATHI</t>
  </si>
  <si>
    <t>village bahnati, tehsil kahuta, distr rawalpindi.</t>
  </si>
  <si>
    <t>Bahnati</t>
  </si>
  <si>
    <t>GGPS BANBAH NO 1</t>
  </si>
  <si>
    <t>Bhambha</t>
  </si>
  <si>
    <t>bhambha</t>
  </si>
  <si>
    <t>RAHEELA FIRDOUS</t>
  </si>
  <si>
    <t>GGPS BANBAY</t>
  </si>
  <si>
    <t>Banbay</t>
  </si>
  <si>
    <t>village banbay Tehsil Pasrur District Sialkot</t>
  </si>
  <si>
    <t>Dugri Harian</t>
  </si>
  <si>
    <t>Nazia Nazir Ahmad</t>
  </si>
  <si>
    <t>GGPS BAND ISLAM PURA</t>
  </si>
  <si>
    <t>govt.girls p/s band islam pura bahawal pur</t>
  </si>
  <si>
    <t>Band Islam Pura Bwp</t>
  </si>
  <si>
    <t>BWP CITY III</t>
  </si>
  <si>
    <t>GGPS BAND KAHUTA</t>
  </si>
  <si>
    <t>Band</t>
  </si>
  <si>
    <t>Govt Girls Primary School Band PO Nara Tehsil Kahuta Distt Rawalpindi</t>
  </si>
  <si>
    <t>KALSOOM BIBI</t>
  </si>
  <si>
    <t>GGPS BANDA NAGIAL</t>
  </si>
  <si>
    <t>Banda Nagial</t>
  </si>
  <si>
    <t>ggps Banda nagial</t>
  </si>
  <si>
    <t>GGPS BANDEKI JAGIR</t>
  </si>
  <si>
    <t>Bandaki Jageer</t>
  </si>
  <si>
    <t>g.p.s.bandkijagir475@gmail.com</t>
  </si>
  <si>
    <t>G Gp S Bandakijageer</t>
  </si>
  <si>
    <t>Tanzeem Akhter</t>
  </si>
  <si>
    <t>GGPS BANDHAN WALA</t>
  </si>
  <si>
    <t>Badhanwala</t>
  </si>
  <si>
    <t>Mouza Badhanwala P/O Shair Garh Tehsil  Mailsi
District  vehari</t>
  </si>
  <si>
    <t>Samina kanwal</t>
  </si>
  <si>
    <t>GGPS BANDI DOUNDAN</t>
  </si>
  <si>
    <t>Bandi</t>
  </si>
  <si>
    <t>village Bandi p/o kashmiri bazar teh murree distt rwp</t>
  </si>
  <si>
    <t>Bandi dhoundan</t>
  </si>
  <si>
    <t>rawat</t>
  </si>
  <si>
    <t>Shireen Gulzaib</t>
  </si>
  <si>
    <t>private pipeline</t>
  </si>
  <si>
    <t>GGPS BANDOOR NIAZI</t>
  </si>
  <si>
    <t>Bandoor</t>
  </si>
  <si>
    <t>GGPS Bandoor Niazi, Rahimyar khan</t>
  </si>
  <si>
    <t>Bandoor Niazi</t>
  </si>
  <si>
    <t>GGPS BANDOOR OLD</t>
  </si>
  <si>
    <t>GGPS Bandoor Old Rahim Yar Khan</t>
  </si>
  <si>
    <t>Bandoor Old</t>
  </si>
  <si>
    <t>Daih</t>
  </si>
  <si>
    <t>GGPS BANDOT</t>
  </si>
  <si>
    <t>bandot</t>
  </si>
  <si>
    <t>Beenish Awan</t>
  </si>
  <si>
    <t>GGPS BANDWANI</t>
  </si>
  <si>
    <t>Bandowni</t>
  </si>
  <si>
    <t>basti bandowni mamoori</t>
  </si>
  <si>
    <t>GGPS BANGAR NAU</t>
  </si>
  <si>
    <t>Bangar Kohna</t>
  </si>
  <si>
    <t>Bangar nau1998</t>
  </si>
  <si>
    <t>Bangar</t>
  </si>
  <si>
    <t>Udokee</t>
  </si>
  <si>
    <t>GGPS BANGI KACHAL</t>
  </si>
  <si>
    <t>Rakhi munh</t>
  </si>
  <si>
    <t>basti Bangi kachal rakhi munh</t>
  </si>
  <si>
    <t>Bangi kachal</t>
  </si>
  <si>
    <t>Zeenat Majeed</t>
  </si>
  <si>
    <t>GGPS BANGIAL</t>
  </si>
  <si>
    <t>village and post office bangial tehsil sohawa district Jhelum</t>
  </si>
  <si>
    <t>Bushra Bi Bi</t>
  </si>
  <si>
    <t>GGPS BANGIAL ABAD</t>
  </si>
  <si>
    <t>Mohalla Bangyalabad Darya Khan</t>
  </si>
  <si>
    <t>Samina Sabbah</t>
  </si>
  <si>
    <t>GGPS BANGLA ARAIN TEH. JALALPUR PIRWALA</t>
  </si>
  <si>
    <t>G.G..P.S Bangla arain moza Abu saeed</t>
  </si>
  <si>
    <t>Ameen Wala</t>
  </si>
  <si>
    <t>GGPS BANGLA CANAL COLONY KHUDIAN</t>
  </si>
  <si>
    <t>Bangla canal Colony khudian khas</t>
  </si>
  <si>
    <t>Bangla Canal Colony</t>
  </si>
  <si>
    <t>Beroon Khudian</t>
  </si>
  <si>
    <t>GGPS BANGLA COMBOWAN NEAR KAMAL CHISHTI</t>
  </si>
  <si>
    <t>Bangla Kambowa</t>
  </si>
  <si>
    <t>Bangla kambowa kasur</t>
  </si>
  <si>
    <t>Shakeela Hashmat</t>
  </si>
  <si>
    <t>GGPS BANGLA DHEENGAN</t>
  </si>
  <si>
    <t>Basti Mumtazabad Daak khana Kot Mithan GGP/S Bangla Dhengan tehsil &amp; distt Rajanpur</t>
  </si>
  <si>
    <t>NILO FAR</t>
  </si>
  <si>
    <t>GGPS BANGLA HIDAYAT</t>
  </si>
  <si>
    <t>Tariqa Abad</t>
  </si>
  <si>
    <t>ggps Bangla Hadait</t>
  </si>
  <si>
    <t>Bangla Hadait</t>
  </si>
  <si>
    <t>GGPS BANGLA ICHHA</t>
  </si>
  <si>
    <t>Gaman Malik</t>
  </si>
  <si>
    <t>Basti Gaman BANGLA icha</t>
  </si>
  <si>
    <t>IBestI Gaman Malik</t>
  </si>
  <si>
    <t>GGPS BANGLA MURLI DHAR</t>
  </si>
  <si>
    <t>hassan shah</t>
  </si>
  <si>
    <t>Bangla Murli Dhar</t>
  </si>
  <si>
    <t>GGPS BANGLA NASIR KHAN</t>
  </si>
  <si>
    <t>Do Charga</t>
  </si>
  <si>
    <t>bangla nasir khan post office rana nagar layyah</t>
  </si>
  <si>
    <t>Bangla Nasir Khan</t>
  </si>
  <si>
    <t>Shad Khan</t>
  </si>
  <si>
    <t>Faryal mehmood</t>
  </si>
  <si>
    <t>GGPS BANGLA PAHARI KHEWRA</t>
  </si>
  <si>
    <t>rehn colony</t>
  </si>
  <si>
    <t>Haleema Farooq</t>
  </si>
  <si>
    <t>rented</t>
  </si>
  <si>
    <t>GGPS BANGLA SHEIKHAN</t>
  </si>
  <si>
    <t>Farida Bad</t>
  </si>
  <si>
    <t>bangla sheikhan teh khanpur distt rahim yar khan</t>
  </si>
  <si>
    <t>Bangla Sheikhan</t>
  </si>
  <si>
    <t>GGPS BANGLI YAR MUHAMMAD</t>
  </si>
  <si>
    <t>Wazir Ahmadabad</t>
  </si>
  <si>
    <t>Ggps bangli yar Muhammad</t>
  </si>
  <si>
    <t>Bangli Yar Muhammad</t>
  </si>
  <si>
    <t>Kainnat Riaz</t>
  </si>
  <si>
    <t>GGPS BANGLOW KOT KHUDA YAR</t>
  </si>
  <si>
    <t>104jb</t>
  </si>
  <si>
    <t>chak104jb</t>
  </si>
  <si>
    <t>bagla kot khuda yar 104jb</t>
  </si>
  <si>
    <t>113 Jb</t>
  </si>
  <si>
    <t>GGPS BANGUL WALI</t>
  </si>
  <si>
    <t>Mahal Khakhi Shumali</t>
  </si>
  <si>
    <t>ggps bangull wali</t>
  </si>
  <si>
    <t>Bangull Wali</t>
  </si>
  <si>
    <t>Hafiza Fatima Saeed</t>
  </si>
  <si>
    <t>GGPS BANI AFGHAN</t>
  </si>
  <si>
    <t>Bani Afghan</t>
  </si>
  <si>
    <t>moh.kiri kaptan bani afghan.mianwali</t>
  </si>
  <si>
    <t>Sumaira Rafique</t>
  </si>
  <si>
    <t>GGPS BANIAN</t>
  </si>
  <si>
    <t>Nagarinwala</t>
  </si>
  <si>
    <t>GGPS BANIS QUAIM</t>
  </si>
  <si>
    <t>Bainsquaim</t>
  </si>
  <si>
    <t>Bains Quaim teh.sohawa.dist.jehlum</t>
  </si>
  <si>
    <t>Bains Quaim</t>
  </si>
  <si>
    <t>GGPS BANJRA TEH TALAGANG</t>
  </si>
  <si>
    <t>Banjra</t>
  </si>
  <si>
    <t>vpo Banjra Teh Lawa Dist Chakwal</t>
  </si>
  <si>
    <t>Safia Noreen</t>
  </si>
  <si>
    <t>GGPS BANOHRA</t>
  </si>
  <si>
    <t>Banhora</t>
  </si>
  <si>
    <t>village banhora,po qasba karyali,teh s a gir dist gujrat</t>
  </si>
  <si>
    <t>GGPS BANOOT</t>
  </si>
  <si>
    <t>Banoot</t>
  </si>
  <si>
    <t>banoot p/o chaprar t/d sialkot</t>
  </si>
  <si>
    <t>GGPS BANRAR SHARIF</t>
  </si>
  <si>
    <t>Meeranpur Pur</t>
  </si>
  <si>
    <t>basti banarsharif muza meeranpur</t>
  </si>
  <si>
    <t>Banarsharif</t>
  </si>
  <si>
    <t>Tooba Kirn</t>
  </si>
  <si>
    <t>GGPS BANSRIAN</t>
  </si>
  <si>
    <t>Bansrian</t>
  </si>
  <si>
    <t>GGPS Bansrian, Kharian (Gujrat)</t>
  </si>
  <si>
    <t>GGPS BANWARAY</t>
  </si>
  <si>
    <t>banwaray</t>
  </si>
  <si>
    <t>moza banwaray</t>
  </si>
  <si>
    <t>hast khewa</t>
  </si>
  <si>
    <t>Basra Jamal</t>
  </si>
  <si>
    <t>GGPS BAO BHOLA LAHORE CANTT</t>
  </si>
  <si>
    <t>Bao Bhola</t>
  </si>
  <si>
    <t>village bao bhola LHR</t>
  </si>
  <si>
    <t>Jahmam</t>
  </si>
  <si>
    <t>Beenash Rubab</t>
  </si>
  <si>
    <t>GGPS BAPPAR</t>
  </si>
  <si>
    <t>Bappar</t>
  </si>
  <si>
    <t>mouza bappar</t>
  </si>
  <si>
    <t>Alia Anjum</t>
  </si>
  <si>
    <t>GGPS BAPRAN</t>
  </si>
  <si>
    <t>TSK</t>
  </si>
  <si>
    <t>basti bapran</t>
  </si>
  <si>
    <t>Basti Bapran</t>
  </si>
  <si>
    <t>GGPS BAQA PUR KHABAY</t>
  </si>
  <si>
    <t>Baqapur Khabba</t>
  </si>
  <si>
    <t>Baqa pur khabby,Post office Kangan pur,Tehsil Chunian,District Kasur</t>
  </si>
  <si>
    <t>Baqapur Khabbay</t>
  </si>
  <si>
    <t>Rural Kanganpur</t>
  </si>
  <si>
    <t>GGPS BAQAR</t>
  </si>
  <si>
    <t>Baqar</t>
  </si>
  <si>
    <t>GGPS BAQAR PUR</t>
  </si>
  <si>
    <t>village Baqar pur post office kotli Loharan west</t>
  </si>
  <si>
    <t>Monghar</t>
  </si>
  <si>
    <t>GGPS BAQAR SHAH</t>
  </si>
  <si>
    <t>Baqir Shah</t>
  </si>
  <si>
    <t>Baqir Shah Shumali Alipur District Muzaffar Garh</t>
  </si>
  <si>
    <t>GGPS BAQIR PUR NAWAN SHAHIR</t>
  </si>
  <si>
    <t>ggps baqir pur nawan sheher multan sader</t>
  </si>
  <si>
    <t>Baqir Pur Nawan Sheher</t>
  </si>
  <si>
    <t>Kaberpur</t>
  </si>
  <si>
    <t>Rizwana Raheem</t>
  </si>
  <si>
    <t>GGPS BAQIR PUR NO.2 SARAI SIDHU</t>
  </si>
  <si>
    <t>Nazia Sultana</t>
  </si>
  <si>
    <t>GGPS BAQIR WALA</t>
  </si>
  <si>
    <t>Babi</t>
  </si>
  <si>
    <t>village baqarwala P/O nutkani TEH taunsa Dist DGk</t>
  </si>
  <si>
    <t>Baqar Wala</t>
  </si>
  <si>
    <t>Zarghona Baloch</t>
  </si>
  <si>
    <t>GGPS BAR YARAN WALA</t>
  </si>
  <si>
    <t>Baryaranwala</t>
  </si>
  <si>
    <t>Baryaranwala p/o Bhikhi T&amp;D Sheikhupura</t>
  </si>
  <si>
    <t>Tanzeela Irshad</t>
  </si>
  <si>
    <t>GGPS BARA</t>
  </si>
  <si>
    <t>village bara p.o.box doberan khurd TEH KAHUTA DISTT RAWALPINDI</t>
  </si>
  <si>
    <t>GGPS BARA DARI</t>
  </si>
  <si>
    <t>Chk Basawa</t>
  </si>
  <si>
    <t>Baradari</t>
  </si>
  <si>
    <t>Rakh bloch</t>
  </si>
  <si>
    <t>Fozia Inayat</t>
  </si>
  <si>
    <t>GGPS BARA PIND</t>
  </si>
  <si>
    <t>GGPS,Bara Pind,p/o Jamky Chattha, Teh Wazirabad, Distt Grw</t>
  </si>
  <si>
    <t>GGPS BARA SAJWAR KHAN</t>
  </si>
  <si>
    <t>Reehana Sardar</t>
  </si>
  <si>
    <t>GGPS BARAN</t>
  </si>
  <si>
    <t>baran tehsil sahiwal district sargodha</t>
  </si>
  <si>
    <t>GGPS BARBOCHI WALA</t>
  </si>
  <si>
    <t>chah barbochiwala khakhi gharbi p/o khas dera ghazi khan</t>
  </si>
  <si>
    <t>Barbochiwala</t>
  </si>
  <si>
    <t>Hamida Nasreen</t>
  </si>
  <si>
    <t>GGPS BAREET JAHANGIR</t>
  </si>
  <si>
    <t>Abdi JAahangir Breet</t>
  </si>
  <si>
    <t>GGPS  Abadi Jahangir Breet</t>
  </si>
  <si>
    <t>Abadi Jahangir  Breet Jahangir</t>
  </si>
  <si>
    <t>Breet</t>
  </si>
  <si>
    <t>Yasmeen Ameen</t>
  </si>
  <si>
    <t>GGPS BARHAMAN ABAD</t>
  </si>
  <si>
    <t>village Bhramanabad</t>
  </si>
  <si>
    <t>Bhramanabad</t>
  </si>
  <si>
    <t>Teera</t>
  </si>
  <si>
    <t>GGPS BARI KACHAN WALI CHAK NO 171</t>
  </si>
  <si>
    <t>Bari Kochan Wali</t>
  </si>
  <si>
    <t>bari kochan wali tehsil safdar abad district skp</t>
  </si>
  <si>
    <t>Bari  Kochan Wali</t>
  </si>
  <si>
    <t>GGPS BARIAN WALA</t>
  </si>
  <si>
    <t>Bahrianwala</t>
  </si>
  <si>
    <t>Village Bahrianwala p/o Jeeta sheikhupura</t>
  </si>
  <si>
    <t>Mehwish Jabeen</t>
  </si>
  <si>
    <t>GGPS BARKA KALAN</t>
  </si>
  <si>
    <t>Barka Kalan</t>
  </si>
  <si>
    <t>Village barka kalan post office Barki lahore cantt</t>
  </si>
  <si>
    <t>barka Kalan</t>
  </si>
  <si>
    <t>Naseem Bano</t>
  </si>
  <si>
    <t>GGPS BARKAT ALI</t>
  </si>
  <si>
    <t>Nawz Wasa</t>
  </si>
  <si>
    <t>chock shahbaz pur ggps basti barkat ali</t>
  </si>
  <si>
    <t>Bsatishadi</t>
  </si>
  <si>
    <t>Bhuta Wahan</t>
  </si>
  <si>
    <t>Kalsoom Sultan</t>
  </si>
  <si>
    <t>GGPS BARRANGA GHARBI</t>
  </si>
  <si>
    <t>Barranga gharbi</t>
  </si>
  <si>
    <t>Nosheen Kanwal</t>
  </si>
  <si>
    <t>GGPS BARSA KHURD</t>
  </si>
  <si>
    <t>Barsa Khurd</t>
  </si>
  <si>
    <t>doga p/o doulat nagar teh distt gujrat</t>
  </si>
  <si>
    <t>Faiza Noureen</t>
  </si>
  <si>
    <t>GGPS BARTHI NO 1</t>
  </si>
  <si>
    <t>Barrhill Shumali</t>
  </si>
  <si>
    <t>Gulkhani Qalat barthi</t>
  </si>
  <si>
    <t>Gulkhani Qalat</t>
  </si>
  <si>
    <t>Rakhshinda Kokab</t>
  </si>
  <si>
    <t>GGPS BARTHI NO 2</t>
  </si>
  <si>
    <t>Barthi Shumali</t>
  </si>
  <si>
    <t>barthi shumali</t>
  </si>
  <si>
    <t>Mehmooda Abbas</t>
  </si>
  <si>
    <t>GGPS BARWALI</t>
  </si>
  <si>
    <t>Barwali</t>
  </si>
  <si>
    <t>village barwali</t>
  </si>
  <si>
    <t>Asia Musssrat</t>
  </si>
  <si>
    <t>GGPS BARYA</t>
  </si>
  <si>
    <t>Barya</t>
  </si>
  <si>
    <t>village Barya, Tehsil kahuta, distt rawalpendi, p /o nara</t>
  </si>
  <si>
    <t>Sanam Kauser</t>
  </si>
  <si>
    <t>GGPS BARYAR KOHNA</t>
  </si>
  <si>
    <t>Baryar Kohna</t>
  </si>
  <si>
    <t>Village Baryar Kohna p/O Narang Teh Muridke Distt Skp</t>
  </si>
  <si>
    <t>Ratta Gujran</t>
  </si>
  <si>
    <t>Ghulam Qubra</t>
  </si>
  <si>
    <t>GGPS BASAL NO.1</t>
  </si>
  <si>
    <t>Parakanda</t>
  </si>
  <si>
    <t>vpo basal moh para kanda teh jand dist attock.</t>
  </si>
  <si>
    <t>Gulfreen Bibi</t>
  </si>
  <si>
    <t>GGPS BASANTA</t>
  </si>
  <si>
    <t>Basanta</t>
  </si>
  <si>
    <t>vill and po basanta ,tehsil kallar syedan. dist rwp</t>
  </si>
  <si>
    <t>Beshandote</t>
  </si>
  <si>
    <t>Taqdees Hijab</t>
  </si>
  <si>
    <t>GGPS BASEER</t>
  </si>
  <si>
    <t>Baseer</t>
  </si>
  <si>
    <t>vill Baseer PO box kulluwal tehsil sambrial district Sialkot</t>
  </si>
  <si>
    <t>GGPS BASEERA</t>
  </si>
  <si>
    <t>post office laskani Wala tehsile Karor district layyah</t>
  </si>
  <si>
    <t>Rabia Ghaffar</t>
  </si>
  <si>
    <t>GGPS BASEERAY WALA SHUJABAD</t>
  </si>
  <si>
    <t>Shah Pur Ubbha</t>
  </si>
  <si>
    <t>Chah baseeraywala moza shah pur ubbha tehsil shujabad</t>
  </si>
  <si>
    <t>Baseeray Wala</t>
  </si>
  <si>
    <t>Aroosa Nawaz</t>
  </si>
  <si>
    <t>GGPS BASHAR PURA GALI NO. 7 NIZAM PURA ROAD</t>
  </si>
  <si>
    <t>iqra ggp/s gali no.7 nizam pura road bhassar pura kasur</t>
  </si>
  <si>
    <t>Bhassar Pura</t>
  </si>
  <si>
    <t>GGPS BASHARAT WALA</t>
  </si>
  <si>
    <t>DOUNA</t>
  </si>
  <si>
    <t>Basti khoh Kuba moza DOUNA Tehsil Kot Adu District M.Garh</t>
  </si>
  <si>
    <t>Khoh Kuba</t>
  </si>
  <si>
    <t>GGPS BASHIR ABAD</t>
  </si>
  <si>
    <t>water supply road 120 ada sadiq abad</t>
  </si>
  <si>
    <t>Mohallah Faisal Abad</t>
  </si>
  <si>
    <t>Najma Akmal</t>
  </si>
  <si>
    <t>GGPS BASHIR COLONY SARGODHA</t>
  </si>
  <si>
    <t>Bashir Colony</t>
  </si>
  <si>
    <t>GGPS bashir colony sargodha</t>
  </si>
  <si>
    <t>Nwab Colony</t>
  </si>
  <si>
    <t>Bushra Qamar</t>
  </si>
  <si>
    <t>GGPS BASHIR WALA P/O KOT SULTAN</t>
  </si>
  <si>
    <t>khooni kalru</t>
  </si>
  <si>
    <t>chah sheer wala  khooni kalru layyah</t>
  </si>
  <si>
    <t>chah sheer wala</t>
  </si>
  <si>
    <t>Sonhara wasawa</t>
  </si>
  <si>
    <t>Umm  e Habiba</t>
  </si>
  <si>
    <t>GGPS BASHNA</t>
  </si>
  <si>
    <t>Bashna</t>
  </si>
  <si>
    <t>GGPS Bashna, Kharian (Gujrat)</t>
  </si>
  <si>
    <t>Maryambibi</t>
  </si>
  <si>
    <t>GGPS BASHRAT WALA</t>
  </si>
  <si>
    <t>patti balanda mankera</t>
  </si>
  <si>
    <t>Bisharat Wala</t>
  </si>
  <si>
    <t>RUKHSANA PERVEEN</t>
  </si>
  <si>
    <t>GGPS BASIA</t>
  </si>
  <si>
    <t>Basia</t>
  </si>
  <si>
    <t>G.G.P.S.Basia</t>
  </si>
  <si>
    <t>Nazia Rehman</t>
  </si>
  <si>
    <t>GGPS BASIR PUR NO 3 NAI ABADI BASIR PUR</t>
  </si>
  <si>
    <t>Mahala daras Basir pur</t>
  </si>
  <si>
    <t>No Village</t>
  </si>
  <si>
    <t>Town Kamati Basir Pur</t>
  </si>
  <si>
    <t>Rafaqat Jabeen</t>
  </si>
  <si>
    <t>GGPS BASIR PUR NO 6</t>
  </si>
  <si>
    <t>Moh.Sheikhupura Basirpur</t>
  </si>
  <si>
    <t>Municipal Commeti</t>
  </si>
  <si>
    <t>Shagufta Zareen</t>
  </si>
  <si>
    <t>GGPS BASIRA</t>
  </si>
  <si>
    <t>Chudhary</t>
  </si>
  <si>
    <t>mozha chudhary cha dophhan wala</t>
  </si>
  <si>
    <t>Dophhan</t>
  </si>
  <si>
    <t>Rabia Shaheen</t>
  </si>
  <si>
    <t>GGPS BASOHA</t>
  </si>
  <si>
    <t>Basoha</t>
  </si>
  <si>
    <t>village
&amp;p/o bhurchh basoha teh kharian Distt  gujrat</t>
  </si>
  <si>
    <t>Bhurchh</t>
  </si>
  <si>
    <t>GGPS BASSADIR PUR</t>
  </si>
  <si>
    <t>bassidharpur</t>
  </si>
  <si>
    <t>Basidher Pur distt nankana sahib</t>
  </si>
  <si>
    <t>Basidhar Pur</t>
  </si>
  <si>
    <t>Saleem Pur Pucca</t>
  </si>
  <si>
    <t>GGPS BAST GHOGHAY WALI</t>
  </si>
  <si>
    <t>Basti ghoghy wali</t>
  </si>
  <si>
    <t>Basti ghoghay wali jhang</t>
  </si>
  <si>
    <t>Basti Ghoghay Wali</t>
  </si>
  <si>
    <t>Munaza Tanveer</t>
  </si>
  <si>
    <t>GGPS BAST KOKARI</t>
  </si>
  <si>
    <t>GPS BASTI KOKARI</t>
  </si>
  <si>
    <t>Basti Kokari</t>
  </si>
  <si>
    <t>Iffat Yasmeen</t>
  </si>
  <si>
    <t>GGPS BAST RAM CHAND</t>
  </si>
  <si>
    <t>Fazal Aabad</t>
  </si>
  <si>
    <t>GGPS Basti ramchand mohalla fazal aabad tehsil Darya khan</t>
  </si>
  <si>
    <t>Faroq Abad Basti</t>
  </si>
  <si>
    <t>Darya Khan 1</t>
  </si>
  <si>
    <t>Hameeda Parveen</t>
  </si>
  <si>
    <t>GGPS Basti  ISLAM ABAD</t>
  </si>
  <si>
    <t>DHINGANA - FEMALE</t>
  </si>
  <si>
    <t>Haydr Abad</t>
  </si>
  <si>
    <t>P/O  Basti Islamabad  Markaz Dhingana mankra</t>
  </si>
  <si>
    <t>GGPS BASTI AAHEER</t>
  </si>
  <si>
    <t>chah waryam wala moza aheer p/o gailywala lodhran</t>
  </si>
  <si>
    <t>Chah Waryam Wala</t>
  </si>
  <si>
    <t>Lohori</t>
  </si>
  <si>
    <t>GGPS BASTI ABBAS ABAD</t>
  </si>
  <si>
    <t>Bait Ranonja</t>
  </si>
  <si>
    <t>mouza bait ranonja p/0 qusba gujrat teh kot adu m. garh</t>
  </si>
  <si>
    <t>Ranonja</t>
  </si>
  <si>
    <t>Tehmina abbas</t>
  </si>
  <si>
    <t>GGPS BASTI ABBAS KHAN</t>
  </si>
  <si>
    <t>Moza Dori Gondal</t>
  </si>
  <si>
    <t>moza dori gondal</t>
  </si>
  <si>
    <t>Basti Abbas Khan</t>
  </si>
  <si>
    <t>Dori Gondal</t>
  </si>
  <si>
    <t>GGPS BASTI ABDUL GHAFOOR</t>
  </si>
  <si>
    <t>Badar Sheer</t>
  </si>
  <si>
    <t>G. G P S bastiabdulghafoor bahawalur</t>
  </si>
  <si>
    <t>Chak 9bc</t>
  </si>
  <si>
    <t>Bahawalpur City</t>
  </si>
  <si>
    <t>Nazia Khan</t>
  </si>
  <si>
    <t>GGPS BASTI ABDUL SATTAR</t>
  </si>
  <si>
    <t>Basti Abdul Sattar</t>
  </si>
  <si>
    <t>Basti abdul sattar SADAR GOGERA Okara</t>
  </si>
  <si>
    <t>Basti abdul sattar</t>
  </si>
  <si>
    <t>SADAR GOGERA</t>
  </si>
  <si>
    <t>GGPS BASTI ABDUL SATTAR (PSSP)</t>
  </si>
  <si>
    <t>MURAD PUR SIAL</t>
  </si>
  <si>
    <t>BASTI ABDUL SATTAR</t>
  </si>
  <si>
    <t>MUHAMMAD DAHA</t>
  </si>
  <si>
    <t>Saima Sial</t>
  </si>
  <si>
    <t>GGPS BASTI ABDUL SHAKOOR WALI, ABDUL HAKIM</t>
  </si>
  <si>
    <t>Hosi Haraj</t>
  </si>
  <si>
    <t>Basti Abdul Shakoor Moza hosi haraj</t>
  </si>
  <si>
    <t>Basti abdul Shakoor</t>
  </si>
  <si>
    <t>GGPS BASTI ABDUR REHMAN</t>
  </si>
  <si>
    <t>Tibi Data Khan</t>
  </si>
  <si>
    <t>government girls primary school basti abdul rehman tehsil &amp; district bahawalpur</t>
  </si>
  <si>
    <t>Jammal Channar</t>
  </si>
  <si>
    <t>Munwar Sultana</t>
  </si>
  <si>
    <t>GGPS BASTI ADAM</t>
  </si>
  <si>
    <t>p/o mehmood kot city  moza khokhar tensil kot addu</t>
  </si>
  <si>
    <t>Basti Adam</t>
  </si>
  <si>
    <t>Alo Rid</t>
  </si>
  <si>
    <t>Farzana Hashim</t>
  </si>
  <si>
    <t>GGPS BASTI AHIL PUR MULTAN</t>
  </si>
  <si>
    <t>dunia pur road basti ahel pur</t>
  </si>
  <si>
    <t>Bsti ahel pur</t>
  </si>
  <si>
    <t>Samina Hameed</t>
  </si>
  <si>
    <t>GGPS BASTI AHMED SHAH WALI</t>
  </si>
  <si>
    <t>Maharishi Amanda Shah</t>
  </si>
  <si>
    <t>ggps basti Ahmad shah wali punjgrain darya khan Bhakkar</t>
  </si>
  <si>
    <t>Ahmad shah Wali</t>
  </si>
  <si>
    <t>Punjgirain</t>
  </si>
  <si>
    <t>Kaneez Ruqia</t>
  </si>
  <si>
    <t>handpump and water pump</t>
  </si>
  <si>
    <t>GGPS BASTI AIMA, JAHANIAN</t>
  </si>
  <si>
    <t>G G P S Basti Aima</t>
  </si>
  <si>
    <t>Basti Aima</t>
  </si>
  <si>
    <t>Samina Mustafa</t>
  </si>
  <si>
    <t>GGPS BASTI AKBAR ALI</t>
  </si>
  <si>
    <t>Wah Attha</t>
  </si>
  <si>
    <t>Basti Akbar Ali chak 86p</t>
  </si>
  <si>
    <t>BastiAkbar ALI</t>
  </si>
  <si>
    <t>Khurshid Fatima</t>
  </si>
  <si>
    <t>GGPS BASTI AKHTAR KHAN</t>
  </si>
  <si>
    <t>p/o zafar abad city zafar abad tehsil liaquat pur district RYK</t>
  </si>
  <si>
    <t>Basti Akhtar Khan</t>
  </si>
  <si>
    <t>SHAHNAZ ZAHARA</t>
  </si>
  <si>
    <t>GGPS BASTI ALI HASSAN KOSH</t>
  </si>
  <si>
    <t>NAWAZ ABAD - FEMALE</t>
  </si>
  <si>
    <t>ggps basti ali hassan kosh</t>
  </si>
  <si>
    <t>Basti Ali Hassan Kosh</t>
  </si>
  <si>
    <t>Kot Sanjar Kha</t>
  </si>
  <si>
    <t>Faiza Ferdos</t>
  </si>
  <si>
    <t>GGPS BASTI ALLAH BAKSH</t>
  </si>
  <si>
    <t>khair pur basti allah bux</t>
  </si>
  <si>
    <t>GGPS BASTI ALLAH DITTA</t>
  </si>
  <si>
    <t>Kamal Lar</t>
  </si>
  <si>
    <t>chk 72/A</t>
  </si>
  <si>
    <t>Chatha 72/A</t>
  </si>
  <si>
    <t>Tehmina Nazir</t>
  </si>
  <si>
    <t>GGPS BASTI ALLAH DITTAH SHAH, TULAMBA</t>
  </si>
  <si>
    <t>GGPS Basti Allah Ditta Shah, Bhir Tulamba, Teh. Mian Channu, Distt. Khanewal</t>
  </si>
  <si>
    <t>Bhir Tulamba</t>
  </si>
  <si>
    <t>Noori Sohag</t>
  </si>
  <si>
    <t>Shazia Irshad</t>
  </si>
  <si>
    <t>GGPS BASTI ALLAH WASAYA GORGACH</t>
  </si>
  <si>
    <t>sidu walla</t>
  </si>
  <si>
    <t>basti Allah wasaya gorgach</t>
  </si>
  <si>
    <t>Allah wasaya gorgach</t>
  </si>
  <si>
    <t>dashti</t>
  </si>
  <si>
    <t>Sidra Ishtiaq</t>
  </si>
  <si>
    <t>GGPS BASTI ALLAMA GHULAM SARWAR</t>
  </si>
  <si>
    <t>P/O  Mubarak pur tehsil ahmad pur district bwp</t>
  </si>
  <si>
    <t>Basti Allama Ghulam Sarwar</t>
  </si>
  <si>
    <t>Januwalla</t>
  </si>
  <si>
    <t>Bushra Jabeen</t>
  </si>
  <si>
    <t>GGPS BASTI AMANAT ALI</t>
  </si>
  <si>
    <t>R Y Khan</t>
  </si>
  <si>
    <t>Athar Parveen</t>
  </si>
  <si>
    <t>GGPS BASTI AMANAT ALI NO 2</t>
  </si>
  <si>
    <t>Bakh Lar</t>
  </si>
  <si>
    <t>GGPS Basti Amanat Ali 2 moza bakh lar</t>
  </si>
  <si>
    <t>Basti Amanat Ali 2</t>
  </si>
  <si>
    <t>Kothla Pathan</t>
  </si>
  <si>
    <t>Shazia Ghani</t>
  </si>
  <si>
    <t>GGPS BASTI AMEER</t>
  </si>
  <si>
    <t>basti ameer</t>
  </si>
  <si>
    <t>Basti Ameer</t>
  </si>
  <si>
    <t>Rojaya</t>
  </si>
  <si>
    <t>GGPS BASTI AMEER BUX NO. 2</t>
  </si>
  <si>
    <t>Basti Ameer bux2 feroza</t>
  </si>
  <si>
    <t>Basti Kalo Khan Chak 70/A</t>
  </si>
  <si>
    <t>GGPS BASTI AMEER SHAH</t>
  </si>
  <si>
    <t>Ward # 14 D Bilal Road Kot Addu</t>
  </si>
  <si>
    <t>Bismilah Colony</t>
  </si>
  <si>
    <t>Falak Sher</t>
  </si>
  <si>
    <t>GGPS BASTI AMIN KOT</t>
  </si>
  <si>
    <t>Mohammad Azeem Mohammad Azeem</t>
  </si>
  <si>
    <t>basti amin kot</t>
  </si>
  <si>
    <t>Shali Garbi</t>
  </si>
  <si>
    <t>Wazeeran Begam</t>
  </si>
  <si>
    <t>GGPS BASTI AMIN PURA RAIWIND</t>
  </si>
  <si>
    <t>BASTI AMIN PURA RAIWIND</t>
  </si>
  <si>
    <t>BASTI AMIN PURA NEAR RAILWAY STATION RAIWIND</t>
  </si>
  <si>
    <t>RAIWIND VILLAGE</t>
  </si>
  <si>
    <t>KAUSAR IKHLAQ</t>
  </si>
  <si>
    <t>GGPS BASTI AMIR</t>
  </si>
  <si>
    <t>Mureed Wala</t>
  </si>
  <si>
    <t>basti ameer moza mureed wala Minchinabad</t>
  </si>
  <si>
    <t>Zia Un Nisa</t>
  </si>
  <si>
    <t>GGPS BASTI ARA</t>
  </si>
  <si>
    <t>Basti Arra Daira Din Panah</t>
  </si>
  <si>
    <t>Basti Arra</t>
  </si>
  <si>
    <t>MC dd Panah</t>
  </si>
  <si>
    <t>Halima Saadia</t>
  </si>
  <si>
    <t>GGPS BASTI ARAIAN</t>
  </si>
  <si>
    <t>BASTI ARAIAN</t>
  </si>
  <si>
    <t>RANDHEER</t>
  </si>
  <si>
    <t>Misbah  Yaqoob</t>
  </si>
  <si>
    <t>GGPS BASTI ARAIYAN</t>
  </si>
  <si>
    <t>Basti Ariyan</t>
  </si>
  <si>
    <t>near 18 ford wah</t>
  </si>
  <si>
    <t>Hasil Pur  Old</t>
  </si>
  <si>
    <t>GGPS BASTI ARIF</t>
  </si>
  <si>
    <t>basti Tinda basti Arif post o office jatoi m.garh</t>
  </si>
  <si>
    <t>Basti Tinda</t>
  </si>
  <si>
    <t>Zainab Ramzan</t>
  </si>
  <si>
    <t>GGPS BASTI ARRIYAN, NAWAN SHEHR</t>
  </si>
  <si>
    <t>Charag Bella</t>
  </si>
  <si>
    <t>near sardarpur moza charag bella dakkhana s.pur</t>
  </si>
  <si>
    <t>Basti Arraiyan</t>
  </si>
  <si>
    <t>Hafiza Madiha Javed</t>
  </si>
  <si>
    <t>GGPS BASTI ASGHAR ALI</t>
  </si>
  <si>
    <t>Roshan Abad</t>
  </si>
  <si>
    <t>GGPS bastÄ± Asghar ali</t>
  </si>
  <si>
    <t>Basti Asgharali</t>
  </si>
  <si>
    <t>Munawara Kousar</t>
  </si>
  <si>
    <t>GGPS BASTI ASHRAF PUNJABI</t>
  </si>
  <si>
    <t>rakhdaima daak khana noor pur machi wala tahseel o zila rajan pur</t>
  </si>
  <si>
    <t>Rakh Daima Gharbi</t>
  </si>
  <si>
    <t>Shakeela Zia</t>
  </si>
  <si>
    <t>GGPS BASTI ASHRAF SHAH</t>
  </si>
  <si>
    <t>Basti Ashraf shah</t>
  </si>
  <si>
    <t>Basti Ashraf Shah</t>
  </si>
  <si>
    <t>ALI WAH</t>
  </si>
  <si>
    <t>GGPS BASTI ASIF ALI KHAN</t>
  </si>
  <si>
    <t>dori gondal</t>
  </si>
  <si>
    <t>basti asif ali khan</t>
  </si>
  <si>
    <t>Shuguftah Anbreen</t>
  </si>
  <si>
    <t>GGPS BASTI ATA NOOR</t>
  </si>
  <si>
    <t>chak 84/m</t>
  </si>
  <si>
    <t>Near stadium Chak 84/m basti nonari ali pur road jppw</t>
  </si>
  <si>
    <t>Basti Nonari</t>
  </si>
  <si>
    <t>City Ward 2</t>
  </si>
  <si>
    <t>Shakeela Arif</t>
  </si>
  <si>
    <t>GGPS BASTI ATLAIRA</t>
  </si>
  <si>
    <t>GGPS basti atlaira karor nashaib</t>
  </si>
  <si>
    <t>basti atlaira</t>
  </si>
  <si>
    <t>thal jandi</t>
  </si>
  <si>
    <t>GGPS BASTI ATTA</t>
  </si>
  <si>
    <t>Malkani Basti</t>
  </si>
  <si>
    <t>basti atta moza malkani basti Kotla moosa khan</t>
  </si>
  <si>
    <t>Basti Atta</t>
  </si>
  <si>
    <t>GGPS BASTI AULAKH</t>
  </si>
  <si>
    <t>GGPS Basti aulakh karor</t>
  </si>
  <si>
    <t>Basti aulakh</t>
  </si>
  <si>
    <t>MISBAH FAIZ</t>
  </si>
  <si>
    <t>GGPS BASTI AWAN ABAD KUNAL NASHAIB</t>
  </si>
  <si>
    <t>Jakharr</t>
  </si>
  <si>
    <t>Awan abad kunnal nashaib</t>
  </si>
  <si>
    <t>Basti Jakharr</t>
  </si>
  <si>
    <t>GGPS BASTI AZIZ DEEN</t>
  </si>
  <si>
    <t>Kot Kamun Shah</t>
  </si>
  <si>
    <t>Post office chowk bahadur pur  Basti Azizdin teh sadiqabad district Ryk</t>
  </si>
  <si>
    <t>Aziz colony</t>
  </si>
  <si>
    <t>Saadia Naseer</t>
  </si>
  <si>
    <t>GGPS BASTI BAARI 4/A</t>
  </si>
  <si>
    <t>BASTI BARI CHAK 4/A LIAQUATPUR</t>
  </si>
  <si>
    <t>BASTI BARI</t>
  </si>
  <si>
    <t>Farrukh Perveen</t>
  </si>
  <si>
    <t>GGPS BASTI BABA GHARIB SHAH</t>
  </si>
  <si>
    <t>Khadali Shareef</t>
  </si>
  <si>
    <t>basti Baba Gharib Shah</t>
  </si>
  <si>
    <t>Basti Baba Gharib Shah</t>
  </si>
  <si>
    <t>Ameenghard</t>
  </si>
  <si>
    <t>GGPS BASTI BABUL KHAN</t>
  </si>
  <si>
    <t>nawain arain</t>
  </si>
  <si>
    <t>basti bubal khan</t>
  </si>
  <si>
    <t>bubal khan</t>
  </si>
  <si>
    <t>Saima Salahudin</t>
  </si>
  <si>
    <t>GGPS BASTI BAGHBAN PURA</t>
  </si>
  <si>
    <t>Basti Bagban Pura Khudian Khas</t>
  </si>
  <si>
    <t>basti bagban pura khudian khas</t>
  </si>
  <si>
    <t>Basti Bagban Pura</t>
  </si>
  <si>
    <t>Beron Khudian</t>
  </si>
  <si>
    <t>Hafsa Azeem</t>
  </si>
  <si>
    <t>GGPS BASTI BAHAWALPUR</t>
  </si>
  <si>
    <t>Durana Langana</t>
  </si>
  <si>
    <t>ggps Basti bahawalpur</t>
  </si>
  <si>
    <t>Basti Bahawalpur</t>
  </si>
  <si>
    <t>GGPS BASTI BAKHRANI</t>
  </si>
  <si>
    <t>SAHJA</t>
  </si>
  <si>
    <t>BASTI BAKHRANi Post Office SAHJA</t>
  </si>
  <si>
    <t>BASTI BAKHRANi</t>
  </si>
  <si>
    <t>Haleema Akhter</t>
  </si>
  <si>
    <t>GGPS BASTI BAKHSH MOUZA MOSEN WALA</t>
  </si>
  <si>
    <t>Mosen Wali</t>
  </si>
  <si>
    <t>Basti Bakhsh mouza mosin wali</t>
  </si>
  <si>
    <t>Basti Bakhsh</t>
  </si>
  <si>
    <t>GGPS BASTI BAKHSHA</t>
  </si>
  <si>
    <t>narol</t>
  </si>
  <si>
    <t>basti bakhsha narol jalalpur pirwala</t>
  </si>
  <si>
    <t>bakhsha</t>
  </si>
  <si>
    <t>Mehak Fatima</t>
  </si>
  <si>
    <t>GGPS BASTI BAKHTAWAR</t>
  </si>
  <si>
    <t>Dhandlah</t>
  </si>
  <si>
    <t>Basti Bakhtawar Mouza Dhandlah Thesile &amp; District Bhakkar</t>
  </si>
  <si>
    <t>Basti Bakhtawar</t>
  </si>
  <si>
    <t>Abrou Naseem</t>
  </si>
  <si>
    <t>GGPS BASTI BALAIL</t>
  </si>
  <si>
    <t>Govt.Girls primary school,Basti Balail</t>
  </si>
  <si>
    <t>GGPS BASTI BALOCHAN BAHAWALPUR</t>
  </si>
  <si>
    <t>khanoo wali</t>
  </si>
  <si>
    <t>ggps basti balochan bwp</t>
  </si>
  <si>
    <t>Iqra Rasheed</t>
  </si>
  <si>
    <t>GGPS BASTI BALOCHAN P/O MALKA HANS</t>
  </si>
  <si>
    <t>Arazi Shaho</t>
  </si>
  <si>
    <t>pull nor por basti balochan</t>
  </si>
  <si>
    <t>Basti Balochan</t>
  </si>
  <si>
    <t>Salma Zulifqar</t>
  </si>
  <si>
    <t>GGPS BASTI BANGAN</t>
  </si>
  <si>
    <t>Basti Bangan</t>
  </si>
  <si>
    <t>house # 10/b khursheed town Bhawalpur</t>
  </si>
  <si>
    <t>GGPS BASTI BARA</t>
  </si>
  <si>
    <t>Murad Pur Janubi</t>
  </si>
  <si>
    <t>Basti Bara ,Moza: Murad pur janubi  ,Thsil:Alipur,District : Muzaffar  Garh</t>
  </si>
  <si>
    <t>BARA Bangla</t>
  </si>
  <si>
    <t>Mava Hamd</t>
  </si>
  <si>
    <t>GGPS BASTI BARAR NO 2</t>
  </si>
  <si>
    <t>Chah Noor Wala</t>
  </si>
  <si>
    <t>Basti Barar No.2 near Allah Shafi Chowk</t>
  </si>
  <si>
    <t>Basti Barar No2</t>
  </si>
  <si>
    <t>Mrs Zahida Perveen</t>
  </si>
  <si>
    <t>GGPS BASTI BARBRA</t>
  </si>
  <si>
    <t>Basti barbra mauza kotla agar P/O seet Pur</t>
  </si>
  <si>
    <t>Basti Barbra</t>
  </si>
  <si>
    <t>Seet Put</t>
  </si>
  <si>
    <t>GGPS BASTI BARI</t>
  </si>
  <si>
    <t>ggps basti bari</t>
  </si>
  <si>
    <t>Basti Bari</t>
  </si>
  <si>
    <t>T S Khan</t>
  </si>
  <si>
    <t>Ramzan Bagum</t>
  </si>
  <si>
    <t>GGPS BASTI BARKAT ALI KAMBO</t>
  </si>
  <si>
    <t>kot zulfqar</t>
  </si>
  <si>
    <t>postal office mao mubarak basti barkat ali kamboh</t>
  </si>
  <si>
    <t>Basti barkat ali kamboh</t>
  </si>
  <si>
    <t>Mao mubarak</t>
  </si>
  <si>
    <t>Rubina kauser</t>
  </si>
  <si>
    <t>GGPS BASTI BASHARAT</t>
  </si>
  <si>
    <t>Peer Chanun Punun</t>
  </si>
  <si>
    <t>Bhdo bhatta Chak 23/p</t>
  </si>
  <si>
    <t>Bhdo Bhatta</t>
  </si>
  <si>
    <t>Mud Bhura</t>
  </si>
  <si>
    <t>Saira Hassan</t>
  </si>
  <si>
    <t>near by hand pump</t>
  </si>
  <si>
    <t>GGPS BASTI BASHIR</t>
  </si>
  <si>
    <t>Shhbazb Pur</t>
  </si>
  <si>
    <t>Ggps Basti Bsshir</t>
  </si>
  <si>
    <t>Basti Bashir</t>
  </si>
  <si>
    <t>Motti Pur</t>
  </si>
  <si>
    <t>Samina   Yasmeen</t>
  </si>
  <si>
    <t>GGPS BASTI BATI, ABDUL HAKIM</t>
  </si>
  <si>
    <t>Ggps basti bati</t>
  </si>
  <si>
    <t>Model Colaney A</t>
  </si>
  <si>
    <t>Mc Abdul Hakim</t>
  </si>
  <si>
    <t>Zareena Akhtar</t>
  </si>
  <si>
    <t>GGPS BASTI BEHBAL KHAN</t>
  </si>
  <si>
    <t>Kholy Maleky</t>
  </si>
  <si>
    <t>Ggps Basti behbal khan</t>
  </si>
  <si>
    <t>Kholy Maleky Taroo</t>
  </si>
  <si>
    <t>Saima Sultan</t>
  </si>
  <si>
    <t>GGPS BASTI BHALAR TEH. JALALPUR PIRWALA</t>
  </si>
  <si>
    <t>Shadi Kachala</t>
  </si>
  <si>
    <t>BASTI JAGGY WALA MOUZA SHADI KACHALA TESIL JPPW MLTAN</t>
  </si>
  <si>
    <t>Basti Jaggy Wala</t>
  </si>
  <si>
    <t>Kotli Adil</t>
  </si>
  <si>
    <t>m0tar</t>
  </si>
  <si>
    <t>GGPS BASTI BHAND</t>
  </si>
  <si>
    <t>GOVEREMENT GIRLS PRIMARY BASTI BHAND</t>
  </si>
  <si>
    <t>BASTI BHAND</t>
  </si>
  <si>
    <t>THAL JHANDI</t>
  </si>
  <si>
    <t>perveen mashooq</t>
  </si>
  <si>
    <t>GGPS BASTI BHAND LOHANCH</t>
  </si>
  <si>
    <t>Govt Girl primary School Basti Bhand</t>
  </si>
  <si>
    <t>Sarvat Fatima</t>
  </si>
  <si>
    <t>GGPS BASTI BHINDRAN</t>
  </si>
  <si>
    <t>Mir Pur</t>
  </si>
  <si>
    <t>ghosia colony moza mir pur</t>
  </si>
  <si>
    <t>Ghosia Colony</t>
  </si>
  <si>
    <t>Farhat Rashid</t>
  </si>
  <si>
    <t>GGPS BASTI BHIR MULTAN CENTER BOHDALA TOWN  MULTAN</t>
  </si>
  <si>
    <t>5 marla scheme Matti tal road Multan</t>
  </si>
  <si>
    <t>5 Marla scheme</t>
  </si>
  <si>
    <t>GGPS BASTI BHORA</t>
  </si>
  <si>
    <t>Govt.  Girls primary school basti bhora</t>
  </si>
  <si>
    <t>Basti Bhoora</t>
  </si>
  <si>
    <t>Tajgarh</t>
  </si>
  <si>
    <t>Gulnaz Qamar</t>
  </si>
  <si>
    <t>GGPS BASTI BHUTIAN</t>
  </si>
  <si>
    <t>mori</t>
  </si>
  <si>
    <t>Basti Bhattian Tehsil Khan Pur</t>
  </si>
  <si>
    <t>Basti bhattian</t>
  </si>
  <si>
    <t>HUMAIRA AYOUB</t>
  </si>
  <si>
    <t>GGPS BASTI BHUTTA</t>
  </si>
  <si>
    <t>Gajowahin</t>
  </si>
  <si>
    <t>govt.girls primmary school basti bhutta sadar wala</t>
  </si>
  <si>
    <t>Sadar Wala</t>
  </si>
  <si>
    <t>Rubina Manzoor</t>
  </si>
  <si>
    <t>GGPS BASTI BIDANI</t>
  </si>
  <si>
    <t>basti bidani</t>
  </si>
  <si>
    <t>Basti Bidani</t>
  </si>
  <si>
    <t>GGPS BASTI BINDOOR WALI</t>
  </si>
  <si>
    <t>GGPS Bindoor Wali</t>
  </si>
  <si>
    <t>basti Rasool Pur</t>
  </si>
  <si>
    <t>GGPS BASTI BIROT</t>
  </si>
  <si>
    <t>basti birot p/o kot qaisrani teh tribal Area d g khan</t>
  </si>
  <si>
    <t>GGPS BASTI BOCHRA</t>
  </si>
  <si>
    <t>Bochra</t>
  </si>
  <si>
    <t>basti bochra,p.o box dajal,</t>
  </si>
  <si>
    <t>Basti Bochra</t>
  </si>
  <si>
    <t>Waha Lashary</t>
  </si>
  <si>
    <t>GGPS BASTI BODLA</t>
  </si>
  <si>
    <t>Sijawal Wala</t>
  </si>
  <si>
    <t>basti sijawal Wala p/o noorpur bwp saddar</t>
  </si>
  <si>
    <t>Jimrahni Kohna</t>
  </si>
  <si>
    <t>Shakila Malik</t>
  </si>
  <si>
    <t>GGPS BASTI BOHAR</t>
  </si>
  <si>
    <t>Kotla Bakho</t>
  </si>
  <si>
    <t>GGPS BASTI BOHRAN</t>
  </si>
  <si>
    <t>chungi no 4 street no 14 ward no 15 hasilpur</t>
  </si>
  <si>
    <t>chungi no 4</t>
  </si>
  <si>
    <t>Sara Saeed</t>
  </si>
  <si>
    <t>GGPS BASTI BOON</t>
  </si>
  <si>
    <t>Daggar Quraishi</t>
  </si>
  <si>
    <t>Chan tayyab basti bhoon anarshah</t>
  </si>
  <si>
    <t>Chah Tayyab</t>
  </si>
  <si>
    <t>Daggar Waghwara</t>
  </si>
  <si>
    <t>Rehana Khatoon</t>
  </si>
  <si>
    <t>GGPS BASTI BUBRAN</t>
  </si>
  <si>
    <t>Ø¨Ø³ØªÛŒ Ø¨Ø¨Ø±Ø§Úº Ù…ÙˆØ¶Ø¹ Ø¨Ù†Ø¯ÙˆÚº Ø±Ø­ÛŒÙ… ÛŒØ§Ø± Ø®Ø§Ù†</t>
  </si>
  <si>
    <t>Shafqat Razzaq</t>
  </si>
  <si>
    <t>GGPS BASTI BUCHI</t>
  </si>
  <si>
    <t>MARHANWALI</t>
  </si>
  <si>
    <t>MOZA MARHANWALI, BASTI BUCHI, TEHSIL KAROR LAL EASON DISTRICT LAYYAH</t>
  </si>
  <si>
    <t>BASTI BUCHI</t>
  </si>
  <si>
    <t>ROSHAN</t>
  </si>
  <si>
    <t>sanam abbas</t>
  </si>
  <si>
    <t>GGPS BASTI BUDHA MALIK</t>
  </si>
  <si>
    <t>basti makora rakh kacha chohan tahsil rojhan zila rajan pur</t>
  </si>
  <si>
    <t>GGPS BASTI BUDHAN</t>
  </si>
  <si>
    <t>ggps basti budhan near akram wala deerah</t>
  </si>
  <si>
    <t>Hadilpur Old</t>
  </si>
  <si>
    <t>Naheed Sardar</t>
  </si>
  <si>
    <t>GGPS BASTI BUGTI</t>
  </si>
  <si>
    <t>g g p s bugti Negara shumali</t>
  </si>
  <si>
    <t>NegraShumali</t>
  </si>
  <si>
    <t>Jallu Vali</t>
  </si>
  <si>
    <t>Safoora Khalil</t>
  </si>
  <si>
    <t>GGPS BASTI BUKHARA</t>
  </si>
  <si>
    <t>Fateh Surani</t>
  </si>
  <si>
    <t>Basti Barkhra</t>
  </si>
  <si>
    <t>Farhat Karim</t>
  </si>
  <si>
    <t>GGPS BASTI BUZDAR NEW ABADI</t>
  </si>
  <si>
    <t>basti buzar new abadi</t>
  </si>
  <si>
    <t>Basti Budar</t>
  </si>
  <si>
    <t>Basti Basti Buzdar</t>
  </si>
  <si>
    <t>GGPS BASTI CHACHAR</t>
  </si>
  <si>
    <t>Basti Rind Mouza Kotla Afghan Sultanpur to Khairpur Road</t>
  </si>
  <si>
    <t>BASTI RIND</t>
  </si>
  <si>
    <t>GGPS BASTI CHAINA MOZO WAHI CHANI KHAN</t>
  </si>
  <si>
    <t>Wahi Chani Khan</t>
  </si>
  <si>
    <t>p/s Basti Chaina  Moza wahi chani Khan</t>
  </si>
  <si>
    <t>Basti Chaina</t>
  </si>
  <si>
    <t>Shair Poor</t>
  </si>
  <si>
    <t>GGPS BASTI CHAK NO 20</t>
  </si>
  <si>
    <t>Chak 20</t>
  </si>
  <si>
    <t>govt girls orimary school basti chak 20 post officehabibaabad tehsil pattoki disrict kasur</t>
  </si>
  <si>
    <t>Basti Chak 29</t>
  </si>
  <si>
    <t>Firdous Akhter</t>
  </si>
  <si>
    <t>filtered water is arranged</t>
  </si>
  <si>
    <t>GGPS BASTI CHANAWAR</t>
  </si>
  <si>
    <t>Jhulan</t>
  </si>
  <si>
    <t>gmps Basti chanawar</t>
  </si>
  <si>
    <t>Basti Chanawar</t>
  </si>
  <si>
    <t>Kousar Farid</t>
  </si>
  <si>
    <t>GGPS BASTI CHANDA</t>
  </si>
  <si>
    <t>ggps basti chanda</t>
  </si>
  <si>
    <t>Basti Dhulana</t>
  </si>
  <si>
    <t>Gulzar Bibi</t>
  </si>
  <si>
    <t>GGPS BASTI CHANDIA</t>
  </si>
  <si>
    <t>Basti Chandia, Maoza Gabbar Arrain Tehsil Alipur, District Muzaffargarh</t>
  </si>
  <si>
    <t>Sadia Hameed</t>
  </si>
  <si>
    <t>GGPS BASTI CHANNAR</t>
  </si>
  <si>
    <t>Channar</t>
  </si>
  <si>
    <t>Basti Channar Dak khana Tehseel Jampur</t>
  </si>
  <si>
    <t>Jhok Maher</t>
  </si>
  <si>
    <t>Komal Aroosa</t>
  </si>
  <si>
    <t>GGPS BASTI CHATHAY KHAN</t>
  </si>
  <si>
    <t>Wahid Baksh Sail</t>
  </si>
  <si>
    <t>basti chathay khan moza wahid baksh sail</t>
  </si>
  <si>
    <t>Basti Chathay Khan</t>
  </si>
  <si>
    <t>Samia Khanam</t>
  </si>
  <si>
    <t>GGPS BASTI CHUTTI</t>
  </si>
  <si>
    <t>7 mrla sacheme bastichutti havaili naseer khan</t>
  </si>
  <si>
    <t>Basti Chutti</t>
  </si>
  <si>
    <t>Sobia Jamil</t>
  </si>
  <si>
    <t>GGPS BASTI COLONY</t>
  </si>
  <si>
    <t>Ggps basti clony moza kamal pur teh&amp;distt. muzafergarh.</t>
  </si>
  <si>
    <t>GGPS BASTI DAD FTIANA</t>
  </si>
  <si>
    <t>Dad Fatyana</t>
  </si>
  <si>
    <t>Basti Dad fatiana</t>
  </si>
  <si>
    <t>Basti Dad Fatiana</t>
  </si>
  <si>
    <t>SOBIA AMIN</t>
  </si>
  <si>
    <t>GGPS BASTI DAD SHUJABAD MULTAN</t>
  </si>
  <si>
    <t>GGPS bastidad</t>
  </si>
  <si>
    <t>BIQEES AKHTER</t>
  </si>
  <si>
    <t>GGPS BASTI DAHANA</t>
  </si>
  <si>
    <t>Sabdhi Wala</t>
  </si>
  <si>
    <t>Basti dahna</t>
  </si>
  <si>
    <t>Basti Dahana</t>
  </si>
  <si>
    <t>Fozia Perveen</t>
  </si>
  <si>
    <t>GGPS BASTI DAIYAN</t>
  </si>
  <si>
    <t>Mahand shareef</t>
  </si>
  <si>
    <t>GGPS School Basti Daiyan Hafizabad Markaz Mahand shareef</t>
  </si>
  <si>
    <t>Basti Daiyan</t>
  </si>
  <si>
    <t>Mahand Shareef</t>
  </si>
  <si>
    <t>GGPS BASTI DANGA</t>
  </si>
  <si>
    <t>Hamzy Wali</t>
  </si>
  <si>
    <t>basti danga moza hamzy wali tehsil jatoi dist m.garh</t>
  </si>
  <si>
    <t>Basti Danga</t>
  </si>
  <si>
    <t>Ambreen Mustafa</t>
  </si>
  <si>
    <t>GGPS BASTI DANGAR</t>
  </si>
  <si>
    <t>basti danger mozah alipur post office Abdul rehman rykhan</t>
  </si>
  <si>
    <t>Basti Dangar</t>
  </si>
  <si>
    <t>GGPS BASTI DARKHAN</t>
  </si>
  <si>
    <t>Keeker Wala</t>
  </si>
  <si>
    <t>Chak#160/TDA P/O Jaman Shah</t>
  </si>
  <si>
    <t>Chak No 160/tda</t>
  </si>
  <si>
    <t>Shahida perveen</t>
  </si>
  <si>
    <t>GGPS BASTI DARKHANA</t>
  </si>
  <si>
    <t>Ghami</t>
  </si>
  <si>
    <t>ggpsbastidarkhana mrkz sanjar pur</t>
  </si>
  <si>
    <t>Yameen Abad</t>
  </si>
  <si>
    <t>Robina Bashir</t>
  </si>
  <si>
    <t>GGPS BASTI DARKHANA NO.1</t>
  </si>
  <si>
    <t>GGPS Darkhana</t>
  </si>
  <si>
    <t>asma norin</t>
  </si>
  <si>
    <t>GGPS BASTI DARZIAN</t>
  </si>
  <si>
    <t>Darzian</t>
  </si>
  <si>
    <t>GGPS BASTI DARZIAN BWP</t>
  </si>
  <si>
    <t>Bahawlpur</t>
  </si>
  <si>
    <t>GGPS BASTI DEAT</t>
  </si>
  <si>
    <t>Bazwala</t>
  </si>
  <si>
    <t>basti allahwali</t>
  </si>
  <si>
    <t>Allahwali</t>
  </si>
  <si>
    <t>GGPS BASTI DEENOO</t>
  </si>
  <si>
    <t>Khararr</t>
  </si>
  <si>
    <t>basti dino khararr buzdar taunsa d g khan</t>
  </si>
  <si>
    <t>Basti Dino</t>
  </si>
  <si>
    <t>GGPS BASTI DESI</t>
  </si>
  <si>
    <t>GHIRI</t>
  </si>
  <si>
    <t>Basti Desi Mouza Ghiri</t>
  </si>
  <si>
    <t>Basti Desi</t>
  </si>
  <si>
    <t>Javaria Rubab</t>
  </si>
  <si>
    <t>GGPS BASTI DEWAN WALA</t>
  </si>
  <si>
    <t>Mosam Wala</t>
  </si>
  <si>
    <t>Dewan wala</t>
  </si>
  <si>
    <t>Dewan Wala</t>
  </si>
  <si>
    <t>Tahira Abbas</t>
  </si>
  <si>
    <t>GGPS BASTI DHADDI</t>
  </si>
  <si>
    <t>Matwaly Wala</t>
  </si>
  <si>
    <t>GGPS Basti Dhuddi</t>
  </si>
  <si>
    <t>Matwaly Waly</t>
  </si>
  <si>
    <t>Zubaida Aziz</t>
  </si>
  <si>
    <t>GGPS BASTI DHAMRAI WALI</t>
  </si>
  <si>
    <t>Kallur Kot Daggar</t>
  </si>
  <si>
    <t>GGPS Basti Dhamraya wali kallur kot</t>
  </si>
  <si>
    <t>Basti Dhamraya Wali</t>
  </si>
  <si>
    <t>Sajida Saeed</t>
  </si>
  <si>
    <t>GGPS BASTI DHANDLA</t>
  </si>
  <si>
    <t>basti dhandla</t>
  </si>
  <si>
    <t>Musarat Gul</t>
  </si>
  <si>
    <t>GGPS BASTI DHARAN</t>
  </si>
  <si>
    <t>Kotla Mai</t>
  </si>
  <si>
    <t>basti dahran</t>
  </si>
  <si>
    <t>Basti Dehran</t>
  </si>
  <si>
    <t>GGPS BASTI DHARANI</t>
  </si>
  <si>
    <t>basti dharani moza hasil pur zahir pir</t>
  </si>
  <si>
    <t>Basti Dharani</t>
  </si>
  <si>
    <t>Sajida Tabbasum</t>
  </si>
  <si>
    <t>GGPS BASTI DHON</t>
  </si>
  <si>
    <t>GGPS Basti Dhone</t>
  </si>
  <si>
    <t>Basti Dhone</t>
  </si>
  <si>
    <t>Rashida Kousar</t>
  </si>
  <si>
    <t>GGPS BASTI DHORAN</t>
  </si>
  <si>
    <t>Gulan Lar</t>
  </si>
  <si>
    <t>Basti Dhoran moza gulan lar</t>
  </si>
  <si>
    <t>Basti Dhoran</t>
  </si>
  <si>
    <t>Farha Naz</t>
  </si>
  <si>
    <t>GGPS BASTI DHOUL</t>
  </si>
  <si>
    <t>Ggps basti dhoul</t>
  </si>
  <si>
    <t>Basti Dhoul</t>
  </si>
  <si>
    <t>Doulat Wala</t>
  </si>
  <si>
    <t>Saira Bagum</t>
  </si>
  <si>
    <t>GGPS BASTI DOGRAN</t>
  </si>
  <si>
    <t>Ghawlan 2</t>
  </si>
  <si>
    <t>basti dogran Ali pur</t>
  </si>
  <si>
    <t>Dogran</t>
  </si>
  <si>
    <t>Aroosa Farooqi</t>
  </si>
  <si>
    <t>GGPS BASTI DR. ABDUL AZIZ</t>
  </si>
  <si>
    <t>Koryana Janoobi</t>
  </si>
  <si>
    <t>colonyno4Koryana  Janoobi</t>
  </si>
  <si>
    <t>ColonyNo4</t>
  </si>
  <si>
    <t>GGPS BASTI DRESHAK</t>
  </si>
  <si>
    <t>Rakh Fazil Pur</t>
  </si>
  <si>
    <t>Govt girls primary school basti dreshak kori wala.</t>
  </si>
  <si>
    <t>Basti Drashak</t>
  </si>
  <si>
    <t>GGPS BASTI DUKKI</t>
  </si>
  <si>
    <t>Kot Kamoon Shah</t>
  </si>
  <si>
    <t>Mouza kot kamoon shah Basti Dukki RYK</t>
  </si>
  <si>
    <t>Basti Dukki</t>
  </si>
  <si>
    <t>GGPS BASTI EHSAN</t>
  </si>
  <si>
    <t>G G p s basti ehsan darbar jandi moza mehram sial</t>
  </si>
  <si>
    <t>Darbar Jandi</t>
  </si>
  <si>
    <t>Mubshra Tanveer</t>
  </si>
  <si>
    <t>GGPS BASTI EHSAN TUKRA NO.1</t>
  </si>
  <si>
    <t>ggpsbastiahsanno1bwn</t>
  </si>
  <si>
    <t>BASITAHSAN NO 1</t>
  </si>
  <si>
    <t>Fateh kot</t>
  </si>
  <si>
    <t>Fozia Jabeen</t>
  </si>
  <si>
    <t>GGPS BASTI EID GAH</t>
  </si>
  <si>
    <t>Bairoon Khudian</t>
  </si>
  <si>
    <t>Basti eid gah  bairoon khudian khas</t>
  </si>
  <si>
    <t>Basti Eid Gah</t>
  </si>
  <si>
    <t>Farzana Ruhey</t>
  </si>
  <si>
    <t>GGPS BASTI FAIZ AHMAD</t>
  </si>
  <si>
    <t>Wahid Baksh Seyal</t>
  </si>
  <si>
    <t>GGps Faiz Ahmad basti faiz ahmad</t>
  </si>
  <si>
    <t>Ghazi Lar</t>
  </si>
  <si>
    <t>GGPS BASTI FAIZ SHAH</t>
  </si>
  <si>
    <t>Mari Sheikh Shajra</t>
  </si>
  <si>
    <t>Basti gohar Shah near thanks sharif</t>
  </si>
  <si>
    <t>Shanza Kanwal</t>
  </si>
  <si>
    <t>GGPS BASTI FAROOZ PUR</t>
  </si>
  <si>
    <t>Sheherfred</t>
  </si>
  <si>
    <t>G.G.P.S BASTI FAROZ PUR Dak.Khana sheherfred</t>
  </si>
  <si>
    <t>Shehrfredd</t>
  </si>
  <si>
    <t>Sheherfreed</t>
  </si>
  <si>
    <t>Misbah Mahmood</t>
  </si>
  <si>
    <t>GGPS BASTI FATEH MUHAMMAD</t>
  </si>
  <si>
    <t>kot kutab</t>
  </si>
  <si>
    <t>basti fateh muhammad kot kutab chak abbas</t>
  </si>
  <si>
    <t>mao mubarak</t>
  </si>
  <si>
    <t>GGPS BASTI FATEH WALI</t>
  </si>
  <si>
    <t>Basti Fatay Wali</t>
  </si>
  <si>
    <t>basti fatay wali</t>
  </si>
  <si>
    <t>Daokay Kahnyana</t>
  </si>
  <si>
    <t>GGPS BASTI FATO KAY</t>
  </si>
  <si>
    <t>Bastifattokey</t>
  </si>
  <si>
    <t>kot fattokay</t>
  </si>
  <si>
    <t>Fattokay</t>
  </si>
  <si>
    <t>ZUBAIDA PARVEEN</t>
  </si>
  <si>
    <t>GGPS BASTI FAZAL MUHAMMAD</t>
  </si>
  <si>
    <t>Mehran</t>
  </si>
  <si>
    <t>dak Khana mao mubark basti fazal mohammad</t>
  </si>
  <si>
    <t>Basti Fazal Muhammad</t>
  </si>
  <si>
    <t>Mao Maomubark</t>
  </si>
  <si>
    <t>Zakia Yaqoob</t>
  </si>
  <si>
    <t>GGPS BASTI FIDA HUSSAIN</t>
  </si>
  <si>
    <t>Basti Fida Husain</t>
  </si>
  <si>
    <t>Fida Husain</t>
  </si>
  <si>
    <t>Noushehra Jadeed</t>
  </si>
  <si>
    <t>Shazia Khadim</t>
  </si>
  <si>
    <t>GGPS BASTI FOUJA</t>
  </si>
  <si>
    <t>village basti fouja G.G.p.s.basti fouja</t>
  </si>
  <si>
    <t>GGPS BASTI GABOOL</t>
  </si>
  <si>
    <t>bari basti gabool</t>
  </si>
  <si>
    <t>Basti Gabool</t>
  </si>
  <si>
    <t>Rashida Bano</t>
  </si>
  <si>
    <t>GGPS BASTI GADDAN</t>
  </si>
  <si>
    <t>Basti gadden</t>
  </si>
  <si>
    <t>basti gadden jampur</t>
  </si>
  <si>
    <t>Nawa Begraj</t>
  </si>
  <si>
    <t>GGPS BASTI GAMOON</t>
  </si>
  <si>
    <t>Mohala eid gah shumale taunsa Sharif</t>
  </si>
  <si>
    <t>Azra Yasmin</t>
  </si>
  <si>
    <t>GGPS BASTI GHALLU WALA</t>
  </si>
  <si>
    <t>20/Fw</t>
  </si>
  <si>
    <t>Ggps basti Ghallu wala</t>
  </si>
  <si>
    <t>Chak No 71/F</t>
  </si>
  <si>
    <t>GGPS BASTI GHARIB ABAD</t>
  </si>
  <si>
    <t>basti Gareeb Abad</t>
  </si>
  <si>
    <t>basti gareeb abad</t>
  </si>
  <si>
    <t>Basti Gareeb Abad</t>
  </si>
  <si>
    <t>Sajida Razzaq</t>
  </si>
  <si>
    <t>GGPS BASTI GHARIB ABAD NO.1</t>
  </si>
  <si>
    <t>basti ghareeb abad near grass mundi chock multan</t>
  </si>
  <si>
    <t>ghareeb abad</t>
  </si>
  <si>
    <t>GGPS BASTI GHASOORA</t>
  </si>
  <si>
    <t>Malhani</t>
  </si>
  <si>
    <t>adda Gasoora tehreem lqp</t>
  </si>
  <si>
    <t>Gasoora</t>
  </si>
  <si>
    <t>Nallan Mosani</t>
  </si>
  <si>
    <t>Khalida parveen</t>
  </si>
  <si>
    <t>GGPS BASTI GHAUS BUX</t>
  </si>
  <si>
    <t>THEEKAR-FEMALE</t>
  </si>
  <si>
    <t>dub ghooray val</t>
  </si>
  <si>
    <t>p/o bharthi teh taunsa sharif disst D G Khan</t>
  </si>
  <si>
    <t>basti ghous bakhsh</t>
  </si>
  <si>
    <t>saadia khosa</t>
  </si>
  <si>
    <t>GGPS BASTI GHOUS BUX</t>
  </si>
  <si>
    <t>Noorwah</t>
  </si>
  <si>
    <t>GGPSGhous bux</t>
  </si>
  <si>
    <t>Ghous Bux</t>
  </si>
  <si>
    <t>Mari ALLAH BACHYA</t>
  </si>
  <si>
    <t>GGPS BASTI GHOUS NAGAR</t>
  </si>
  <si>
    <t>Basti Ghous Nagar</t>
  </si>
  <si>
    <t>37 Sp</t>
  </si>
  <si>
    <t>Talat Gul</t>
  </si>
  <si>
    <t>GGPS BASTI GHOUSIA</t>
  </si>
  <si>
    <t>Kotcandra</t>
  </si>
  <si>
    <t>g g p s ghousia  jinah 100/p r y k</t>
  </si>
  <si>
    <t>Ghosia Jinah 100/ P</t>
  </si>
  <si>
    <t>100/p</t>
  </si>
  <si>
    <t>GGPS BASTI GHULAM ALI WALA</t>
  </si>
  <si>
    <t>Mouza Bait Shahil Khan P/O Mir Hazar Khan Tehsil jatoi District Muzaffar Garh</t>
  </si>
  <si>
    <t>Basti Saleem Laghari</t>
  </si>
  <si>
    <t>Lundi pitafi</t>
  </si>
  <si>
    <t>GGPS BASTI GHULAM HAIDAR</t>
  </si>
  <si>
    <t>rangpur</t>
  </si>
  <si>
    <t>basti ghulam haider</t>
  </si>
  <si>
    <t>basti ghulamhaider</t>
  </si>
  <si>
    <t>J D W</t>
  </si>
  <si>
    <t>Rashda Tufail</t>
  </si>
  <si>
    <t>GGPS BASTI GHULAM HAIDER NO. 1</t>
  </si>
  <si>
    <t>Ghulam Haider</t>
  </si>
  <si>
    <t>Firdous Kauser</t>
  </si>
  <si>
    <t>GGPS BASTI GHULAM HASSAN</t>
  </si>
  <si>
    <t>basti ghulam hassan,Moza Tal shumali</t>
  </si>
  <si>
    <t>Basti Ghulam Hassan</t>
  </si>
  <si>
    <t>Shireen Najam</t>
  </si>
  <si>
    <t>GGPS BASTI GHULAM HAYEDER WALA</t>
  </si>
  <si>
    <t>Fateh Pur Janubi Janobii273</t>
  </si>
  <si>
    <t>Basti ghulam haider markand</t>
  </si>
  <si>
    <t>Basti Markand</t>
  </si>
  <si>
    <t>GGPS BASTI GHULAM HUSSAIN</t>
  </si>
  <si>
    <t>chah Gaman wala</t>
  </si>
  <si>
    <t>Chah Gaman Wala</t>
  </si>
  <si>
    <t>Shafqat Shaheen</t>
  </si>
  <si>
    <t>GGPS BASTI GHULAM MOHAMMAD ABAD</t>
  </si>
  <si>
    <t>basti Ghulam Muhammad Abad, tehsil shorkt,distt jhang</t>
  </si>
  <si>
    <t>GGPS BASTI GHULAM MUHAMMAD</t>
  </si>
  <si>
    <t>CHANNAR</t>
  </si>
  <si>
    <t>BASTI GHULAM MUHAMMAD</t>
  </si>
  <si>
    <t>Mahreen Naz</t>
  </si>
  <si>
    <t>GGPS Basti Ghulam Mustafa</t>
  </si>
  <si>
    <t>Basti Ghulam Mustafa</t>
  </si>
  <si>
    <t>Shamim Kasur</t>
  </si>
  <si>
    <t>GGPS BASTI GHULAM QADIR</t>
  </si>
  <si>
    <t>Basti Ghulam  Qadir</t>
  </si>
  <si>
    <t>basti ghulam qadir</t>
  </si>
  <si>
    <t>Basti Ghulam QAdir</t>
  </si>
  <si>
    <t>Nadia Gulzar</t>
  </si>
  <si>
    <t>GGPS BASTI GHULAM YASEEN</t>
  </si>
  <si>
    <t>rolla callan gazi pur</t>
  </si>
  <si>
    <t>rolla callan</t>
  </si>
  <si>
    <t>taranda gurgij</t>
  </si>
  <si>
    <t>Najma Khanam</t>
  </si>
  <si>
    <t>GGPS BASTI GHUNEER</t>
  </si>
  <si>
    <t>Ghaneer</t>
  </si>
  <si>
    <t>GGPS basti Ghaneer</t>
  </si>
  <si>
    <t>Basti Ghaneer</t>
  </si>
  <si>
    <t>Farzana Noreen</t>
  </si>
  <si>
    <t>GGPS BASTI GHUREE</t>
  </si>
  <si>
    <t>Ghuree</t>
  </si>
  <si>
    <t>Mehwish Habib Khan</t>
  </si>
  <si>
    <t>GGPS BASTI GIL KALA</t>
  </si>
  <si>
    <t>Ggps Basti Gilkala</t>
  </si>
  <si>
    <t>Basti Gilkala</t>
  </si>
  <si>
    <t>Duri Gondal</t>
  </si>
  <si>
    <t>GGPS BASTI GIRJA GHAR</t>
  </si>
  <si>
    <t>Khan Pura</t>
  </si>
  <si>
    <t>muhalla khan pura near new railway phatak Pakpattan</t>
  </si>
  <si>
    <t>Urban  WARAD 45</t>
  </si>
  <si>
    <t>Azra Mushtaq</t>
  </si>
  <si>
    <t>GGPS BASTI GOKAL</t>
  </si>
  <si>
    <t>MARHAN WALI</t>
  </si>
  <si>
    <t>Basti Gokal Moza Marhan Wali Karor lal Eson</t>
  </si>
  <si>
    <t>Basti Gokal</t>
  </si>
  <si>
    <t>Saira Mustafa</t>
  </si>
  <si>
    <t>GGPS BASTI GUGRARA</t>
  </si>
  <si>
    <t>GUGRARA</t>
  </si>
  <si>
    <t>BASTI GUGRARA P.O BOX SHEHAR FARID CHISHTIAN</t>
  </si>
  <si>
    <t>BASTI GUGRARA</t>
  </si>
  <si>
    <t>SHEHAR FARID</t>
  </si>
  <si>
    <t>Naheed Nawaz</t>
  </si>
  <si>
    <t>GGPS BASTI GUL MUHAMMAD WALI</t>
  </si>
  <si>
    <t>DAUD KHEL -FEMALE</t>
  </si>
  <si>
    <t>Basti Gul</t>
  </si>
  <si>
    <t>basti shah gul muhammad wali</t>
  </si>
  <si>
    <t>Dhair Umeed</t>
  </si>
  <si>
    <t>GGPS BASTI GULATI</t>
  </si>
  <si>
    <t>Gullati</t>
  </si>
  <si>
    <t>ggps basti gullati near darien adda tehsil &amp; district muzaffargarh</t>
  </si>
  <si>
    <t>aalia batool</t>
  </si>
  <si>
    <t>GGPS BASTI GULL MUHAMMAD</t>
  </si>
  <si>
    <t>Tibbi Gul Muh</t>
  </si>
  <si>
    <t>Basti gul Muhammad</t>
  </si>
  <si>
    <t>Basti Gul Muhammad</t>
  </si>
  <si>
    <t>GGPS BASTI GULZAR MAHAL</t>
  </si>
  <si>
    <t>Gulzar Mahal</t>
  </si>
  <si>
    <t>GGGPS Basti Gulzar Mahal sader pully near grean CNG Pump ,BWP</t>
  </si>
  <si>
    <t>Akhter Abad</t>
  </si>
  <si>
    <t>Maryam Sabir</t>
  </si>
  <si>
    <t>GGPS BASTI GUNYUAN</t>
  </si>
  <si>
    <t>GGPS BASTI GHUNIA Moza Ghunia p/o Mud mangla</t>
  </si>
  <si>
    <t>Shamim Zahid</t>
  </si>
  <si>
    <t>GGPS BASTI GURAIA</t>
  </si>
  <si>
    <t>Qabool Fatani</t>
  </si>
  <si>
    <t>GGPS basti Guraya</t>
  </si>
  <si>
    <t>Guraya</t>
  </si>
  <si>
    <t>Zafaran Farid</t>
  </si>
  <si>
    <t>GGPS BASTI HABIB</t>
  </si>
  <si>
    <t>basti manjotha tehsil taunsa shareef</t>
  </si>
  <si>
    <t>Basti Manjotha</t>
  </si>
  <si>
    <t>GGPS BASTI HABIB BUZDAR</t>
  </si>
  <si>
    <t>Darkhast Jamal Khan Gharbi</t>
  </si>
  <si>
    <t>Basti Habib Buzdar</t>
  </si>
  <si>
    <t>Arifa Rubab</t>
  </si>
  <si>
    <t>GGPS BASTI HABIB NO. 2</t>
  </si>
  <si>
    <t>Bakharwah</t>
  </si>
  <si>
    <t>p/o aslam abad .basti habib no 2.bakharwah .d g khan</t>
  </si>
  <si>
    <t>Basti Habib No 2</t>
  </si>
  <si>
    <t>GGPS BASTI HAFIZ</t>
  </si>
  <si>
    <t>cha sendhar wala muaza kotla dewan</t>
  </si>
  <si>
    <t>Basti Sendhar Wala</t>
  </si>
  <si>
    <t>Najma Abdullah</t>
  </si>
  <si>
    <t>GGPS BASTI HAFIZ GHULAM QADIR</t>
  </si>
  <si>
    <t>Check 127 Np</t>
  </si>
  <si>
    <t>chk 127 np</t>
  </si>
  <si>
    <t>Chk 127 Np</t>
  </si>
  <si>
    <t>Ayesha Bano</t>
  </si>
  <si>
    <t>GGPS BASTI HAFIZ HABIB</t>
  </si>
  <si>
    <t>Doda Sahu</t>
  </si>
  <si>
    <t>Basti Hafiz Habib ullah, chak 104/7R harappa</t>
  </si>
  <si>
    <t>104/7R</t>
  </si>
  <si>
    <t>Saba Shamshad</t>
  </si>
  <si>
    <t>GGPS BASTI HAJAMAAN</t>
  </si>
  <si>
    <t>Ali Akber Sangi</t>
  </si>
  <si>
    <t>Ggps basti hajaman.moaza Ali akber sangi.uc aman garh.rahim yar khan</t>
  </si>
  <si>
    <t>Basti Naiyan</t>
  </si>
  <si>
    <t>Shagufta Kouser</t>
  </si>
  <si>
    <t>GGPS BASTI HAJI</t>
  </si>
  <si>
    <t>rasool pur no 2</t>
  </si>
  <si>
    <t>p/o rasoolpur basti haji tehsil jampur district rajanpur</t>
  </si>
  <si>
    <t>jhetha wala</t>
  </si>
  <si>
    <t>allha abad</t>
  </si>
  <si>
    <t>Noureen Afshan</t>
  </si>
  <si>
    <t>GGPS BASTI HAJI BAKHO KHAN</t>
  </si>
  <si>
    <t>Haji Bakho Khan</t>
  </si>
  <si>
    <t>haji bakhoo khan tehsil  khan pur district  Rahim  yar  khan</t>
  </si>
  <si>
    <t>Shazia  Irshad</t>
  </si>
  <si>
    <t>GGPS BASTI HAJI FAQEER BAKHSH</t>
  </si>
  <si>
    <t>Kalkan</t>
  </si>
  <si>
    <t>ggps basti haji faqeer bakhsh,basti riddan kotla pathan</t>
  </si>
  <si>
    <t>Riddan</t>
  </si>
  <si>
    <t>Kotla Pathan</t>
  </si>
  <si>
    <t>Sadia Saif</t>
  </si>
  <si>
    <t>GGPS BASTI HAJI GHULAM QADIR LOLAI</t>
  </si>
  <si>
    <t>sardar haji Ghulam Qadir Khan Lolai</t>
  </si>
  <si>
    <t>Basti Ghulam Qadir Lolai</t>
  </si>
  <si>
    <t>Samreen I jazz</t>
  </si>
  <si>
    <t>GGPS BASTI HAJI QUTAB DIN</t>
  </si>
  <si>
    <t>GGPS HAJI QUTAB DIN</t>
  </si>
  <si>
    <t>Haji Qutab Din</t>
  </si>
  <si>
    <t>Muhammad Pur Q</t>
  </si>
  <si>
    <t>Munawar Bibi</t>
  </si>
  <si>
    <t>GGPS BASTI HAJI SHAMS DIN</t>
  </si>
  <si>
    <t>83/p</t>
  </si>
  <si>
    <t>basti Haji shams din rahim yar khan</t>
  </si>
  <si>
    <t>Basti Haji shams Din</t>
  </si>
  <si>
    <t>GGPS BASTI HAKIM ALI LAKWERA</t>
  </si>
  <si>
    <t>Hakim Ali  Lakhwera</t>
  </si>
  <si>
    <t>GGP/S HAKIM ALI LAKHWERA</t>
  </si>
  <si>
    <t>Hakim Ali Lakhwera</t>
  </si>
  <si>
    <t>GGPS BASTI HAKIM SHAH</t>
  </si>
  <si>
    <t>Basti Hakim Shah</t>
  </si>
  <si>
    <t>Basti Hakim Shah Kangana pur</t>
  </si>
  <si>
    <t>Rural Kangana Pur</t>
  </si>
  <si>
    <t>Amtal Mateen</t>
  </si>
  <si>
    <t>GGPS BASTI HAKRA</t>
  </si>
  <si>
    <t>govt.girls primary school hakra</t>
  </si>
  <si>
    <t>Nadia Talat</t>
  </si>
  <si>
    <t>GGPS BASTI HAMIDA ABAD 169/M HB</t>
  </si>
  <si>
    <t>169/M HB</t>
  </si>
  <si>
    <t>169/M hb Dahranwala</t>
  </si>
  <si>
    <t>GGPS BASTI HAMMAD</t>
  </si>
  <si>
    <t>Ghaforwa</t>
  </si>
  <si>
    <t>Basti hammad wali tehsil burewala district vehari</t>
  </si>
  <si>
    <t>Basti Hammad Wali</t>
  </si>
  <si>
    <t>Ghaforwah</t>
  </si>
  <si>
    <t>Zeenat Yasmeen</t>
  </si>
  <si>
    <t>GGPS BASTI HANSRA</t>
  </si>
  <si>
    <t>Basti Hansra</t>
  </si>
  <si>
    <t>house 77/10 basti hansra near qmc bahawalpur</t>
  </si>
  <si>
    <t>bahawalpur city</t>
  </si>
  <si>
    <t>Razia nawaz</t>
  </si>
  <si>
    <t>GGPS BASTI HAQ NAWAZ</t>
  </si>
  <si>
    <t>Aswarpura</t>
  </si>
  <si>
    <t>Basti Haq nawaz</t>
  </si>
  <si>
    <t>Basti Haq Nawaza</t>
  </si>
  <si>
    <t>Muhammad Pur Sansaran</t>
  </si>
  <si>
    <t>Noor Begum</t>
  </si>
  <si>
    <t>GGPS BASTI HAQNAWAZ BHANGOO</t>
  </si>
  <si>
    <t>bhangoo</t>
  </si>
  <si>
    <t>Chan boote wala moza bhangoo</t>
  </si>
  <si>
    <t>bhangoo moza</t>
  </si>
  <si>
    <t>jannat khatoon</t>
  </si>
  <si>
    <t>GGPS BASTI HASAM</t>
  </si>
  <si>
    <t>Basti Hassam</t>
  </si>
  <si>
    <t>Hassam</t>
  </si>
  <si>
    <t>Mehta jheddu</t>
  </si>
  <si>
    <t>Sumaira Iram</t>
  </si>
  <si>
    <t>GGPS BASTI HASHIM</t>
  </si>
  <si>
    <t>Kotla Ayub</t>
  </si>
  <si>
    <t>Basti Hashim kot samaba</t>
  </si>
  <si>
    <t>Basti Hashim</t>
  </si>
  <si>
    <t>Bahashtii</t>
  </si>
  <si>
    <t>Naila Abbasi</t>
  </si>
  <si>
    <t>GGPS BASTI HASHIM CHAJOO</t>
  </si>
  <si>
    <t>Murtza Abad</t>
  </si>
  <si>
    <t>GGpsHashim Chajoo  Rahim yar khan</t>
  </si>
  <si>
    <t>Basti Hashim Chajoo</t>
  </si>
  <si>
    <t>Fozia Fazilat</t>
  </si>
  <si>
    <t>GGPS BASTI HASHIM PURA</t>
  </si>
  <si>
    <t>Hashim Pura Kangan Pur Tehsil Chunian District Kasur</t>
  </si>
  <si>
    <t>Hashim Pura</t>
  </si>
  <si>
    <t>MC Kangan Pur</t>
  </si>
  <si>
    <t>GGPS BASTI HASSAN ABAD</t>
  </si>
  <si>
    <t>uch gul Imam</t>
  </si>
  <si>
    <t>chek 10/3Thal Bassti Hassan Abad Tehsail 18 Hazari Jhang</t>
  </si>
  <si>
    <t>Basti Hassan Abad</t>
  </si>
  <si>
    <t>uch Gul Imam</t>
  </si>
  <si>
    <t>GGPS BASTI HASSAN BAKHSH WALA</t>
  </si>
  <si>
    <t>Mosin Wali</t>
  </si>
  <si>
    <t>GAPS Hassan wala basti  talha moxa mosin wali</t>
  </si>
  <si>
    <t>Basti Talha</t>
  </si>
  <si>
    <t>Khalida Jafir</t>
  </si>
  <si>
    <t>GGPS BASTI HAZARA SINGH</t>
  </si>
  <si>
    <t>Hazara Singh</t>
  </si>
  <si>
    <t>basti sukhanand moza hazara Singh</t>
  </si>
  <si>
    <t>Sukhanand</t>
  </si>
  <si>
    <t>Musarat</t>
  </si>
  <si>
    <t>GGPS BASTI HAZARI</t>
  </si>
  <si>
    <t>Hazari</t>
  </si>
  <si>
    <t>Basti hazari tehsil jatoi district muzaffargarh</t>
  </si>
  <si>
    <t>Basti Hazari</t>
  </si>
  <si>
    <t>Beelay Wals</t>
  </si>
  <si>
    <t>Zahida Wahid</t>
  </si>
  <si>
    <t>GGPS BASTI HAZOOR BUX</t>
  </si>
  <si>
    <t>Basti Arz Muhammed, Moza Wah Machka Rojhan</t>
  </si>
  <si>
    <t>Arz Muhammed Chongli</t>
  </si>
  <si>
    <t>MC Rojhan Sharqi</t>
  </si>
  <si>
    <t>GGPS BASTI HAZOOR RENALA KHURD</t>
  </si>
  <si>
    <t>Basti Hazoor Saheb</t>
  </si>
  <si>
    <t>Munsipal Comeety</t>
  </si>
  <si>
    <t>Syeda Khalida Perveen</t>
  </si>
  <si>
    <t>GGPS BASTI HAZOORA</t>
  </si>
  <si>
    <t>Basti Hazoora</t>
  </si>
  <si>
    <t>Kot Fatah Muhammad Shah</t>
  </si>
  <si>
    <t>Bushra Zia Khan</t>
  </si>
  <si>
    <t>GGPS BASTI HERAJ, ABDUL HAKIM</t>
  </si>
  <si>
    <t>Ziadet Wal</t>
  </si>
  <si>
    <t>G G P/s basti haraj ward no 10 Abdul Hakim</t>
  </si>
  <si>
    <t>Kutabpur Abdul Hakim</t>
  </si>
  <si>
    <t>Humaira Jabeen</t>
  </si>
  <si>
    <t>GGPS BASTI HIMMAT PURA</t>
  </si>
  <si>
    <t>qila ganja</t>
  </si>
  <si>
    <t>Mc Khudian</t>
  </si>
  <si>
    <t>Rafiqa Sahi</t>
  </si>
  <si>
    <t>GGPS BASTI HUSSAIN</t>
  </si>
  <si>
    <t>Gharrhi Sulan Shah</t>
  </si>
  <si>
    <t>G G p/s basti hussain jampur</t>
  </si>
  <si>
    <t>Basti Peer Bux Shahe</t>
  </si>
  <si>
    <t>GGPS BASTI HUSSAIN KHAN WALA</t>
  </si>
  <si>
    <t>Basti Hussain Khan</t>
  </si>
  <si>
    <t>GGPS BASTI HUSSAIN SHAH</t>
  </si>
  <si>
    <t>Wandr Garbi</t>
  </si>
  <si>
    <t>Chowk  Sarwar Shaheed</t>
  </si>
  <si>
    <t>Basti hussan Shah</t>
  </si>
  <si>
    <t>Wandr</t>
  </si>
  <si>
    <t>GGPS BASTI HUSSAINI HASILPUR</t>
  </si>
  <si>
    <t>GGP/S basti hussaini,Tehsil Hasilpur.</t>
  </si>
  <si>
    <t>Basti Hussaini</t>
  </si>
  <si>
    <t>Shaista Noreen</t>
  </si>
  <si>
    <t>GGPS BASTI HYDER SHAH</t>
  </si>
  <si>
    <t>kot habib shah</t>
  </si>
  <si>
    <t>bsti hyder shah moza kot habib shah</t>
  </si>
  <si>
    <t>basti hyder shah</t>
  </si>
  <si>
    <t>Sana Shan</t>
  </si>
  <si>
    <t>GGPS BASTI IBRAHEEM</t>
  </si>
  <si>
    <t>Chak no263wb basti ibrahim</t>
  </si>
  <si>
    <t>Khrala</t>
  </si>
  <si>
    <t>GGPS BASTI IBRAHIM</t>
  </si>
  <si>
    <t>Dark hast Jamal Khan</t>
  </si>
  <si>
    <t>basti ibrahim darkhst jamal khan</t>
  </si>
  <si>
    <t>Basti Ibrahim</t>
  </si>
  <si>
    <t>RABIA BIBI</t>
  </si>
  <si>
    <t>GGPS BASTI IMAM BUX</t>
  </si>
  <si>
    <t>Thul Harro</t>
  </si>
  <si>
    <t>basti hazara khan thul harro</t>
  </si>
  <si>
    <t>Hazara Khan</t>
  </si>
  <si>
    <t>GGPS BASTI IMAM BUX WALA</t>
  </si>
  <si>
    <t>Nau Raja Bhuta</t>
  </si>
  <si>
    <t>Basti Kalanch Wali, Jalal Pur Pir Wala</t>
  </si>
  <si>
    <t>Basti Kalanch</t>
  </si>
  <si>
    <t>Nau Raja Bhutta</t>
  </si>
  <si>
    <t>Safia Khanum</t>
  </si>
  <si>
    <t>GGPS BASTI IMAMOON ARAIN</t>
  </si>
  <si>
    <t>Imammon Arain</t>
  </si>
  <si>
    <t>immammon arain</t>
  </si>
  <si>
    <t>Imamon arain</t>
  </si>
  <si>
    <t>GGPS BASTI IMTIAZ</t>
  </si>
  <si>
    <t>Gungi</t>
  </si>
  <si>
    <t>street no.3 Laghari colony Sadiq Abad</t>
  </si>
  <si>
    <t>Basti Imtiaz 206/p</t>
  </si>
  <si>
    <t>Farzana Kouser</t>
  </si>
  <si>
    <t>GGPS BASTI INAYAT</t>
  </si>
  <si>
    <t>karor nashib</t>
  </si>
  <si>
    <t>gGPS BASTI INAYAT KAROR</t>
  </si>
  <si>
    <t>basti inayat</t>
  </si>
  <si>
    <t>shazia bibi</t>
  </si>
  <si>
    <t>GGPS BASTI IRSHAD SARGANA</t>
  </si>
  <si>
    <t>Bhooti</t>
  </si>
  <si>
    <t>basti irshad sargana</t>
  </si>
  <si>
    <t>bhooti</t>
  </si>
  <si>
    <t>Shaista Mehmood</t>
  </si>
  <si>
    <t>GGPS BASTI ISLAM</t>
  </si>
  <si>
    <t>JALAL PUR KAMLANA - FEMALE</t>
  </si>
  <si>
    <t>Jalal Pur Kamlana</t>
  </si>
  <si>
    <t>Basti Islam</t>
  </si>
  <si>
    <t>Afshan Tabassum</t>
  </si>
  <si>
    <t>GGPS BASTI JADEED KORAI</t>
  </si>
  <si>
    <t>Jatoi Shomali</t>
  </si>
  <si>
    <t>ward no 3 bismila coloni jatoi</t>
  </si>
  <si>
    <t>Jatoi</t>
  </si>
  <si>
    <t>MC  jatoi</t>
  </si>
  <si>
    <t>Jamila Kousar</t>
  </si>
  <si>
    <t>GGPS BASTI JAFERIAN</t>
  </si>
  <si>
    <t>Basti jaferian Moza durab pur uc durab pur teh Jalal pur pir wala multan</t>
  </si>
  <si>
    <t>Basti Jaferian</t>
  </si>
  <si>
    <t>Farah Noreen</t>
  </si>
  <si>
    <t>GGPS BASTI JAHANGIR</t>
  </si>
  <si>
    <t>moza Bulaqi wali Basti Kala Dhora p/o chak Abbas Rahim Yar Khan</t>
  </si>
  <si>
    <t>Kala Dhora</t>
  </si>
  <si>
    <t>Mussrat Rasheed</t>
  </si>
  <si>
    <t>GGPS BASTI JAITOE</t>
  </si>
  <si>
    <t>Nawaz Pura</t>
  </si>
  <si>
    <t>Basti jaito BWN</t>
  </si>
  <si>
    <t>Jaito</t>
  </si>
  <si>
    <t>Kaporan</t>
  </si>
  <si>
    <t>GGPS BASTI JAKHAR</t>
  </si>
  <si>
    <t>Faqeer Sial</t>
  </si>
  <si>
    <t>ggps basti jakhar</t>
  </si>
  <si>
    <t>Asma Irshad</t>
  </si>
  <si>
    <t>GGPS BASTI JALAL</t>
  </si>
  <si>
    <t>chah jhangi vala oposite to new tahsil ps basti jalal</t>
  </si>
  <si>
    <t>Basti  Jhangi Vala</t>
  </si>
  <si>
    <t>GGPS BASTI JALAL DIN</t>
  </si>
  <si>
    <t>mousakanju</t>
  </si>
  <si>
    <t>gggps basti jalal din markaz saja mouza mousa kanju</t>
  </si>
  <si>
    <t>basti jalal din</t>
  </si>
  <si>
    <t>najma ferdoos</t>
  </si>
  <si>
    <t>GGPS BASTI JALIL KHAN</t>
  </si>
  <si>
    <t>Basti Jangla, Mousa Makhdoom pur</t>
  </si>
  <si>
    <t>Sajida Siddiqui</t>
  </si>
  <si>
    <t>GGPS BASTI JAM</t>
  </si>
  <si>
    <t>basti jam</t>
  </si>
  <si>
    <t>GGPS BASTI JAM ALLAH DAR PANWAR</t>
  </si>
  <si>
    <t>Patti Panwaran</t>
  </si>
  <si>
    <t>basti jam allah dad panwar, govt. girls primary school, taranda saway khan</t>
  </si>
  <si>
    <t>Allah Dad Panwar</t>
  </si>
  <si>
    <t>GGPS BASTI JAM GHULAM HUSSAIN PAHOR</t>
  </si>
  <si>
    <t>Basti ghulam hassan pahore</t>
  </si>
  <si>
    <t>Basti Ghulam Hassan Pahore</t>
  </si>
  <si>
    <t>Naseem  Tabbasum</t>
  </si>
  <si>
    <t>GGPS BASTI JAM KAMOO</t>
  </si>
  <si>
    <t>Patti Punwaran</t>
  </si>
  <si>
    <t>Basti jam kamoo p/o tranda saway khan</t>
  </si>
  <si>
    <t>Jam Kamoo</t>
  </si>
  <si>
    <t>GGPS BASTI JAM KARIM</t>
  </si>
  <si>
    <t>GGPS Basti Jam Kareemullah</t>
  </si>
  <si>
    <t>Jam Karim</t>
  </si>
  <si>
    <t>Parveen Masood</t>
  </si>
  <si>
    <t>GGPS BASTI JAM MUHAMMAD NAWAZ</t>
  </si>
  <si>
    <t>Basti jam Muhammed nawaz sahja</t>
  </si>
  <si>
    <t>Mrs Naseem Akhtar</t>
  </si>
  <si>
    <t>GGPS BASTI JAM MUREED AHMED</t>
  </si>
  <si>
    <t>Abdullaha Pur</t>
  </si>
  <si>
    <t>basti jam mureed mouza abdullah pur ryk</t>
  </si>
  <si>
    <t>Jam Mureed</t>
  </si>
  <si>
    <t>Buaqi Wali</t>
  </si>
  <si>
    <t>Maqsoda Bibi</t>
  </si>
  <si>
    <t>GGPS BASTI JAMAL DIN</t>
  </si>
  <si>
    <t>Basti Jamal Din</t>
  </si>
  <si>
    <t>Munaza Nasreen</t>
  </si>
  <si>
    <t>GGPS BASTI JAMAL KHAN</t>
  </si>
  <si>
    <t>Lall Ghar</t>
  </si>
  <si>
    <t>basti Jamal kham</t>
  </si>
  <si>
    <t>Jamal Khan</t>
  </si>
  <si>
    <t>GGPS BASTI JANAN WALI</t>
  </si>
  <si>
    <t>Mari Qadir Buksh Outar</t>
  </si>
  <si>
    <t>basti janan wali</t>
  </si>
  <si>
    <t>Janan Wali</t>
  </si>
  <si>
    <t>Mosa Bhota</t>
  </si>
  <si>
    <t>Ume kalsoom</t>
  </si>
  <si>
    <t>GGPS BASTI JARAHI</t>
  </si>
  <si>
    <t>govet girls primary school basti jarahi</t>
  </si>
  <si>
    <t>Basti Jarahi</t>
  </si>
  <si>
    <t>Samina Tahira</t>
  </si>
  <si>
    <t>GGPS BASTI JARAIN</t>
  </si>
  <si>
    <t>Saddan Wali</t>
  </si>
  <si>
    <t>basti jarain mouza sadan wali post office basira Muzaffargarh</t>
  </si>
  <si>
    <t>Basti Jarain</t>
  </si>
  <si>
    <t>Humera Rani</t>
  </si>
  <si>
    <t>GGPS BASTI JATTAN</t>
  </si>
  <si>
    <t>GUDDANWALA</t>
  </si>
  <si>
    <t>BASTI TAJ MUHAMMAD</t>
  </si>
  <si>
    <t>BASTI TAJ MUHAMAD MHAMMAD</t>
  </si>
  <si>
    <t>Mahwish Shahid</t>
  </si>
  <si>
    <t>GGPS BASTI JATTO</t>
  </si>
  <si>
    <t>Hamun Karlu</t>
  </si>
  <si>
    <t>GGPS basti jatto markaz pahar pur</t>
  </si>
  <si>
    <t>Basti Jatto</t>
  </si>
  <si>
    <t>GGPS BASTI JEEVA</t>
  </si>
  <si>
    <t>Rajan pur</t>
  </si>
  <si>
    <t>GGPS BASTI JEEVA RAJAN PUR KALAN</t>
  </si>
  <si>
    <t>BASTI JEEVA</t>
  </si>
  <si>
    <t>Rajan pur Kalan</t>
  </si>
  <si>
    <t>Aiman Arshad</t>
  </si>
  <si>
    <t>GGPS BASTI JHAKKAR</t>
  </si>
  <si>
    <t>Moza basti jakhar</t>
  </si>
  <si>
    <t>GGPS BASTI JHANGRAN WALI</t>
  </si>
  <si>
    <t>Kot Fatha Mohammad Shah</t>
  </si>
  <si>
    <t>Basti jhangran wali</t>
  </si>
  <si>
    <t>Basti Jhangran Wali</t>
  </si>
  <si>
    <t>Nusrat Kausar</t>
  </si>
  <si>
    <t>GGPS BASTI JHULAN</t>
  </si>
  <si>
    <t>GULAN GULKALA</t>
  </si>
  <si>
    <t>Basti Jhullan KHANPUR</t>
  </si>
  <si>
    <t>BASTI JHULN</t>
  </si>
  <si>
    <t>DINPUR SHARIF</t>
  </si>
  <si>
    <t>Nasira Shaheen</t>
  </si>
  <si>
    <t>GGPS BASTI JILAL</t>
  </si>
  <si>
    <t>basti jalal darkhast jamal</t>
  </si>
  <si>
    <t>Basti Jalal</t>
  </si>
  <si>
    <t>Darkhast Jamal Khan Darmiyani</t>
  </si>
  <si>
    <t>UZAIRA ZAREEN</t>
  </si>
  <si>
    <t>GGPS BASTI JONSRAN</t>
  </si>
  <si>
    <t>Chak Lohari</t>
  </si>
  <si>
    <t>government girls primary school m.ghar</t>
  </si>
  <si>
    <t>Basti Jonsran Wala</t>
  </si>
  <si>
    <t>MC Mgarh</t>
  </si>
  <si>
    <t>Shanaz Mai</t>
  </si>
  <si>
    <t>GGPS BASTI JOYA</t>
  </si>
  <si>
    <t>GGPS Basti Joya , basti balochan kotla pathan</t>
  </si>
  <si>
    <t>GGPS BASTI JUGLANI KOT SULTAN</t>
  </si>
  <si>
    <t>ggps basti juglani moza bait dbli bakhri Ahmad khan</t>
  </si>
  <si>
    <t>Bhakhri Ahmad</t>
  </si>
  <si>
    <t>ansa benazeer</t>
  </si>
  <si>
    <t>GGPS BASTI JUMMAY KHAN</t>
  </si>
  <si>
    <t>Basti Jummy Khan</t>
  </si>
  <si>
    <t>basti jummy khan</t>
  </si>
  <si>
    <t>Lakhny Ki</t>
  </si>
  <si>
    <t>Nusrat Shahzadi</t>
  </si>
  <si>
    <t>GGPS BASTI JUNIAN</t>
  </si>
  <si>
    <t>tibi dhakwan</t>
  </si>
  <si>
    <t>basti junian tibi dakhwan Ahmed pur east</t>
  </si>
  <si>
    <t>basti junian</t>
  </si>
  <si>
    <t>tibi izzat</t>
  </si>
  <si>
    <t>Samia Bibi</t>
  </si>
  <si>
    <t>GGPS BASTI KABIR THIRAJ</t>
  </si>
  <si>
    <t>Ranjeetcot</t>
  </si>
  <si>
    <t>government  girls  primary school abadi kabeer thiraj</t>
  </si>
  <si>
    <t>Kabeer Tharaj</t>
  </si>
  <si>
    <t>GGPS BASTI KACHALA</t>
  </si>
  <si>
    <t>Krmo Wali</t>
  </si>
  <si>
    <t>basti tibbi sohrab moza karmuwali jalalpurpurwala</t>
  </si>
  <si>
    <t>Tibbi  Sohrab</t>
  </si>
  <si>
    <t>Karmuwali</t>
  </si>
  <si>
    <t>GGPS BASTI KACHI</t>
  </si>
  <si>
    <t>GGPS BASTI kachi nokh wala taliri canal MUZAFFAR GARH</t>
  </si>
  <si>
    <t>Nokh Wali</t>
  </si>
  <si>
    <t>Talairi</t>
  </si>
  <si>
    <t>Samrala Naz</t>
  </si>
  <si>
    <t>GGPS BASTI KAFAN WARRA</t>
  </si>
  <si>
    <t>Basti Kafan Wara</t>
  </si>
  <si>
    <t>GGPs basti kafan wara</t>
  </si>
  <si>
    <t>Basti Kafan WarA</t>
  </si>
  <si>
    <t>Farhat Mussarat</t>
  </si>
  <si>
    <t>GGPS BASTI KALOO WALA</t>
  </si>
  <si>
    <t>Govt Girls Primary School Basti Kaloowala</t>
  </si>
  <si>
    <t>Kaloowala</t>
  </si>
  <si>
    <t>Safia Gul</t>
  </si>
  <si>
    <t>GGPS BASTI KALOO WALI</t>
  </si>
  <si>
    <t>Basti Kalo Wali</t>
  </si>
  <si>
    <t>Gaps basti kalo wali</t>
  </si>
  <si>
    <t>Jamo Bodla</t>
  </si>
  <si>
    <t>GGPS BASTI KALRO MULTAN</t>
  </si>
  <si>
    <t>Tarf Daira</t>
  </si>
  <si>
    <t>Basti kalroo near nishat college of science</t>
  </si>
  <si>
    <t>Basti Kalroo</t>
  </si>
  <si>
    <t>New Shadab Colony</t>
  </si>
  <si>
    <t>Sumaira Malik</t>
  </si>
  <si>
    <t>GGPS BASTI KALWAR</t>
  </si>
  <si>
    <t>basti kalwar rahim abad sadiq abad</t>
  </si>
  <si>
    <t>Basti Kalwar</t>
  </si>
  <si>
    <t>GGPS BASTI KAMAL</t>
  </si>
  <si>
    <t>Bait kaitch Janobi</t>
  </si>
  <si>
    <t>GGPSBASTIKAMAL</t>
  </si>
  <si>
    <t>Haji Kareem Dad</t>
  </si>
  <si>
    <t>Bait kaitch</t>
  </si>
  <si>
    <t>Shahla Afzal</t>
  </si>
  <si>
    <t>GGPS BASTI KAMALAH</t>
  </si>
  <si>
    <t>basti kamala jajja abbasia</t>
  </si>
  <si>
    <t>Basti Kamala</t>
  </si>
  <si>
    <t>GGPS BASTI KAMALAY WALA</t>
  </si>
  <si>
    <t>Basti Kamalay wala p/o pacca larn</t>
  </si>
  <si>
    <t>Basti Kamalay Wala</t>
  </si>
  <si>
    <t>Munaza Noor</t>
  </si>
  <si>
    <t>GGPS BASTI KAMBOHAN, P/O 11/AH, KHANEWAL</t>
  </si>
  <si>
    <t>Bastikambohan</t>
  </si>
  <si>
    <t>GMPS basti kambohan 11ah</t>
  </si>
  <si>
    <t>Basti Kambohan11ah</t>
  </si>
  <si>
    <t>SUMERA SATTAR</t>
  </si>
  <si>
    <t>GGPS BASTI KAMIAN WALI NO. 2</t>
  </si>
  <si>
    <t>Gilmallah</t>
  </si>
  <si>
    <t>G.G.P.S basti kamian wali NO 2 moza gilmallah jhang</t>
  </si>
  <si>
    <t>shagufta naqvi</t>
  </si>
  <si>
    <t>GGPS BASTI KAMIL</t>
  </si>
  <si>
    <t>Ghulam Suhrani</t>
  </si>
  <si>
    <t>Basti kamil p/o karam dad qureshi tehsil and district muzaffargarh</t>
  </si>
  <si>
    <t>Shakeela YasMEEN</t>
  </si>
  <si>
    <t>GGPS BASTI KANARAN WALI</t>
  </si>
  <si>
    <t>Basti Kanaran Wali</t>
  </si>
  <si>
    <t>g g p s kanaran wali</t>
  </si>
  <si>
    <t>GGPS BASTI KANJIN WALI</t>
  </si>
  <si>
    <t>Mutfarka</t>
  </si>
  <si>
    <t>jatoi road Basti kanjan wali</t>
  </si>
  <si>
    <t>Kanjan Wali</t>
  </si>
  <si>
    <t>Taskeen Kouser</t>
  </si>
  <si>
    <t>GGPS BASTI KANJWAN</t>
  </si>
  <si>
    <t>Patan Monira</t>
  </si>
  <si>
    <t>ggps basti kanjuwan ryk</t>
  </si>
  <si>
    <t>Basti Kanjuwan</t>
  </si>
  <si>
    <t>114/P</t>
  </si>
  <si>
    <t>Ghazala Ishaq</t>
  </si>
  <si>
    <t>GGPS BASTI KAREEM BUKHSH</t>
  </si>
  <si>
    <t>Basti Karim Bux p/o feroza</t>
  </si>
  <si>
    <t>Basti Jam Kareem Bux</t>
  </si>
  <si>
    <t>GGPS BASTI KAREEM BUX BALOCH</t>
  </si>
  <si>
    <t>M Pur Qureshian</t>
  </si>
  <si>
    <t>chak 76p mian wali qureshian</t>
  </si>
  <si>
    <t>Rasheed Khan</t>
  </si>
  <si>
    <t>GGPS BASTI KARIAN KHAIRPUR TAMEWALI</t>
  </si>
  <si>
    <t>ggps basti karian</t>
  </si>
  <si>
    <t>Karian</t>
  </si>
  <si>
    <t>Rafia Ajmal</t>
  </si>
  <si>
    <t>GGPS BASTI KARIM BAKHSH</t>
  </si>
  <si>
    <t>basti jhalr bagry wali muza shehbaz pur tehsil jatoi</t>
  </si>
  <si>
    <t>Basti Jhalar Bagry Wali Muza Shehbaz Pur</t>
  </si>
  <si>
    <t>GGPS BASTI KARNAN</t>
  </si>
  <si>
    <t>nishat colony street no 5F Bahawlpur</t>
  </si>
  <si>
    <t>karna basti</t>
  </si>
  <si>
    <t>Shehzadi Sadia</t>
  </si>
  <si>
    <t>GGPS BASTI KARYAL</t>
  </si>
  <si>
    <t>34/WB</t>
  </si>
  <si>
    <t>Bsti kayal 34/WB</t>
  </si>
  <si>
    <t>Bushra Bashir</t>
  </si>
  <si>
    <t>GGPS BASTI KATALA</t>
  </si>
  <si>
    <t>Basti qatala mouza Meer muhammad p.o kot bahadar shah District jhang tehsil ahmed pure sial</t>
  </si>
  <si>
    <t>Basti Qatala</t>
  </si>
  <si>
    <t>Prveen Kousar</t>
  </si>
  <si>
    <t>GGPS BASTI KATPAL</t>
  </si>
  <si>
    <t>Khokher Isra</t>
  </si>
  <si>
    <t>basti katpal po shahpur</t>
  </si>
  <si>
    <t>Basti Katpal</t>
  </si>
  <si>
    <t>Shahla Ashraf</t>
  </si>
  <si>
    <t>GGPS BASTI KHADIM HUSSAIN</t>
  </si>
  <si>
    <t>Chak 4A</t>
  </si>
  <si>
    <t>GGPS BASTI KHADIM HUSSAIN Chak 4 A</t>
  </si>
  <si>
    <t>Chak 25A</t>
  </si>
  <si>
    <t>SAIMA ARSHAD</t>
  </si>
  <si>
    <t>GGPS BASTI KHAIR MUHAMMAD KHOKHAR</t>
  </si>
  <si>
    <t>Kot Kamon Shah</t>
  </si>
  <si>
    <t>basti khair Muhammad khokhar nzd bipas road ,chowk bahadar pur</t>
  </si>
  <si>
    <t>Basti Khair Muhammad Khokhar</t>
  </si>
  <si>
    <t>GGPS BASTI KHAIRIAN</t>
  </si>
  <si>
    <t>BASTI KHIARIAN TEHSIL KAROR LAL EASON DISTRICT LAYYAH.</t>
  </si>
  <si>
    <t>BASTI KHARIAN</t>
  </si>
  <si>
    <t>GGPS BASTI KHAKHI WALA</t>
  </si>
  <si>
    <t>Moza Dogar Klassara sanawan</t>
  </si>
  <si>
    <t>Chah Patti Machi</t>
  </si>
  <si>
    <t>Shazia Kiran</t>
  </si>
  <si>
    <t>GGPS BASTI KHAKI</t>
  </si>
  <si>
    <t>Shadi Kachalah</t>
  </si>
  <si>
    <t>basti khakhi maoza shadi kachalah p/o ghazi pur teh. jalalpur pirwala multan</t>
  </si>
  <si>
    <t>Basti Khakhi</t>
  </si>
  <si>
    <t>Kot Ali Adil</t>
  </si>
  <si>
    <t>GGPS BASTI KHALIFA NOOR SHAH</t>
  </si>
  <si>
    <t>basti noor sha mouza qadir pur</t>
  </si>
  <si>
    <t>Noor sha</t>
  </si>
  <si>
    <t>kallar wali</t>
  </si>
  <si>
    <t>GGPS BASTI KHALTI</t>
  </si>
  <si>
    <t>Dodi Sanghi</t>
  </si>
  <si>
    <t>basti khalti moza dodi sanghi</t>
  </si>
  <si>
    <t>Basti Khalti</t>
  </si>
  <si>
    <t>Rehana Kazim</t>
  </si>
  <si>
    <t>GGPS BASTI KHAMEESA NOORPUR</t>
  </si>
  <si>
    <t>GHULAM MUHAMMAD CHANNAR</t>
  </si>
  <si>
    <t>MUZA GHULAM MUHAMMAD CHANNAR POBOX NOOR PUR NAURANGA GGPS BASTI KHAMEESA NOOR PUR</t>
  </si>
  <si>
    <t>BASTI KHAMEESA</t>
  </si>
  <si>
    <t>SHAHIDA MANZOOR</t>
  </si>
  <si>
    <t>GGPS BASTI KHAN GAAHI</t>
  </si>
  <si>
    <t>Basti Khan Gahi post office gaily wal tehsil and district lodhran</t>
  </si>
  <si>
    <t>Basti khan gahi</t>
  </si>
  <si>
    <t>GGPS BASTI KHAN MUHAMMAD</t>
  </si>
  <si>
    <t>Kal Wala</t>
  </si>
  <si>
    <t>street hadi hussain near govt degree college adhiwal</t>
  </si>
  <si>
    <t>Basti Kal Wali</t>
  </si>
  <si>
    <t>Mussrat Qudder</t>
  </si>
  <si>
    <t>GGPS BASTI KHANA</t>
  </si>
  <si>
    <t>Taranda Sahib Yar</t>
  </si>
  <si>
    <t>Basti khana</t>
  </si>
  <si>
    <t>Basti Khana</t>
  </si>
  <si>
    <t>GGPS BASTI KHANDOYA</t>
  </si>
  <si>
    <t>Basti khandoya Mehmood kot</t>
  </si>
  <si>
    <t>Shazia Akber</t>
  </si>
  <si>
    <t>GGPS BASTI KHANOANA</t>
  </si>
  <si>
    <t>post office khanoana 464 jori wala</t>
  </si>
  <si>
    <t>Jori Wala</t>
  </si>
  <si>
    <t>Pakiza Aslam</t>
  </si>
  <si>
    <t>GGPS BASTI KHARA CHAH BALOUCHAN</t>
  </si>
  <si>
    <t>basti khaira chah balochan karor district layyah.</t>
  </si>
  <si>
    <t>Kiran Saher</t>
  </si>
  <si>
    <t>GGPS BASTI KHARL</t>
  </si>
  <si>
    <t>basti sardar kharl</t>
  </si>
  <si>
    <t>Basti Kharl</t>
  </si>
  <si>
    <t>Aliza Arshad</t>
  </si>
  <si>
    <t>GGPS BASTI KHIARI</t>
  </si>
  <si>
    <t>Ghirri</t>
  </si>
  <si>
    <t>basti bhangar mouza ghirri post office seetpur</t>
  </si>
  <si>
    <t>Basti bhangar</t>
  </si>
  <si>
    <t>GGPS BASTI KHIDMAT DIN</t>
  </si>
  <si>
    <t>Wah Machika</t>
  </si>
  <si>
    <t>wah machika basti khidmat din</t>
  </si>
  <si>
    <t>Basti Khidmat Din</t>
  </si>
  <si>
    <t>Nabila Jameel</t>
  </si>
  <si>
    <t>purchase water  f</t>
  </si>
  <si>
    <t>GGPS BASTI KHIRANI</t>
  </si>
  <si>
    <t>Bait Wasawa S</t>
  </si>
  <si>
    <t>basti kherani bait wasawa shumali p/o kotsultan district layyah</t>
  </si>
  <si>
    <t>Basti Kherani</t>
  </si>
  <si>
    <t>Shahida Rasool</t>
  </si>
  <si>
    <t>GGPS BASTI KHOJA SHUJABAD</t>
  </si>
  <si>
    <t>Bastti khoja moza khoja tahsil shujabad distric multan</t>
  </si>
  <si>
    <t>Zubaida Sultana</t>
  </si>
  <si>
    <t>GGPS BASTI KHOKHARAN WALI</t>
  </si>
  <si>
    <t>Thakhtal Mahil Hithar</t>
  </si>
  <si>
    <t>Basti Khokhrain Wali Markz Madrassa</t>
  </si>
  <si>
    <t>Khokhrain Wali</t>
  </si>
  <si>
    <t>Takhat Mehal</t>
  </si>
  <si>
    <t>TASLEEM NAZ</t>
  </si>
  <si>
    <t>GGPS BASTI KHOKHRAN WALI</t>
  </si>
  <si>
    <t>BASTI KHOKHAR P/O DARYA KHAN</t>
  </si>
  <si>
    <t>GGPS BASTI KHOSA NO. 2</t>
  </si>
  <si>
    <t>Basti serrey wala Mamoori</t>
  </si>
  <si>
    <t>Serrey wala</t>
  </si>
  <si>
    <t>sanober bibi</t>
  </si>
  <si>
    <t>GGPS BASTI KHUDA BUX JAMALI</t>
  </si>
  <si>
    <t>ggps basti khuda bux jamali</t>
  </si>
  <si>
    <t>Basti Khuda Bux</t>
  </si>
  <si>
    <t>Kotlamahi</t>
  </si>
  <si>
    <t>GGPS BASTI KHULANG</t>
  </si>
  <si>
    <t>Jhalarain</t>
  </si>
  <si>
    <t>g g p/s basti khulang</t>
  </si>
  <si>
    <t>Basti Khulang</t>
  </si>
  <si>
    <t>GGPS BASTI KHURSHEED ABAD</t>
  </si>
  <si>
    <t>Ali Akbar Sanghi</t>
  </si>
  <si>
    <t>GGPS Basti khursheed abad Irshad colony Rahim Yar Khan</t>
  </si>
  <si>
    <t>Irshad Colony</t>
  </si>
  <si>
    <t>Amaan Garh</t>
  </si>
  <si>
    <t>Shahida Nasim</t>
  </si>
  <si>
    <t>GGPS BASTI KISSA</t>
  </si>
  <si>
    <t>ggps Basti kissa gillani</t>
  </si>
  <si>
    <t>Basti Kissa Gillani</t>
  </si>
  <si>
    <t>Moza Mangan</t>
  </si>
  <si>
    <t>Shamila Aslam</t>
  </si>
  <si>
    <t>GGPS BASTI KOHNA</t>
  </si>
  <si>
    <t>basti kohna layyah</t>
  </si>
  <si>
    <t>Basti Kohna</t>
  </si>
  <si>
    <t>GGPS BASTI KOOT LAYYAH</t>
  </si>
  <si>
    <t>Chak No 123/Tda</t>
  </si>
  <si>
    <t>Basti shah nawaz basti koot layyah</t>
  </si>
  <si>
    <t>GGPS BASTI KUKRAN</t>
  </si>
  <si>
    <t>Bangan</t>
  </si>
  <si>
    <t>GGPS Basti kukran</t>
  </si>
  <si>
    <t>Basti Kukran</t>
  </si>
  <si>
    <t>Samia Altaf</t>
  </si>
  <si>
    <t>whater cooler</t>
  </si>
  <si>
    <t>GGPS BASTI KULAB WALA</t>
  </si>
  <si>
    <t>Mithanwali</t>
  </si>
  <si>
    <t>basti kulabwala khairpur sadat</t>
  </si>
  <si>
    <t>Kulabwala</t>
  </si>
  <si>
    <t>Mehreen Afzal</t>
  </si>
  <si>
    <t>GGPS BASTI KUMHARAN</t>
  </si>
  <si>
    <t>Basti kumharan karor nashaib</t>
  </si>
  <si>
    <t>GGPS BASTI KUMHARAN WALI</t>
  </si>
  <si>
    <t>Govt Girls primary School Basti Kandiyaran Wali Kallur Kot</t>
  </si>
  <si>
    <t>Urban Kallur Kot</t>
  </si>
  <si>
    <t>NOUREEN HYDER</t>
  </si>
  <si>
    <t>GGPS BASTI KUNAL SHAH HABIB LAYYAH</t>
  </si>
  <si>
    <t>Saido Thall</t>
  </si>
  <si>
    <t>chk no 148c/tda shah habib layyah</t>
  </si>
  <si>
    <t>Shah Habib</t>
  </si>
  <si>
    <t>Aarfa Saqib</t>
  </si>
  <si>
    <t>GGPS BASTI LAAL</t>
  </si>
  <si>
    <t>Chack 215</t>
  </si>
  <si>
    <t>Chack# 215 basti laal</t>
  </si>
  <si>
    <t>Chack # 215</t>
  </si>
  <si>
    <t>Chuck 215</t>
  </si>
  <si>
    <t>GGPS BASTI LAGHARI NO. 1</t>
  </si>
  <si>
    <t>Dinga Korai</t>
  </si>
  <si>
    <t>basti dub wala moza dinga korai</t>
  </si>
  <si>
    <t>Kotla Gamo</t>
  </si>
  <si>
    <t>GGPS BASTI LAGHARI NO. 2</t>
  </si>
  <si>
    <t>moza mela chacha uc belay wala</t>
  </si>
  <si>
    <t>Aabda Perveen</t>
  </si>
  <si>
    <t>GGPS BASTI LAGHORE</t>
  </si>
  <si>
    <t>Bahadur garh</t>
  </si>
  <si>
    <t>basti laghore</t>
  </si>
  <si>
    <t>Anum Batool</t>
  </si>
  <si>
    <t>GGPS BASTI LAHORIAN</t>
  </si>
  <si>
    <t>KOTLA PATHAN -FEMALE</t>
  </si>
  <si>
    <t>Gullu Wala</t>
  </si>
  <si>
    <t>basti loharain khanpur dist ryk</t>
  </si>
  <si>
    <t>Loharain Basti</t>
  </si>
  <si>
    <t>Gari Ikhtiar Khan</t>
  </si>
  <si>
    <t>saliha malik</t>
  </si>
  <si>
    <t>GGPS BASTI LAL BUX AHMDANI</t>
  </si>
  <si>
    <t>Tul Shumali</t>
  </si>
  <si>
    <t>Mauza tul shumali basti lal bux ahmdani merkaz dajal</t>
  </si>
  <si>
    <t>Basti Lal Bux Ahmdani</t>
  </si>
  <si>
    <t>Adeela Nasir</t>
  </si>
  <si>
    <t>GGPS BASTI LAL DIN</t>
  </si>
  <si>
    <t>basti lal din chanigoth</t>
  </si>
  <si>
    <t>Basti Lal Din</t>
  </si>
  <si>
    <t>GGPS BASTI LALOO</t>
  </si>
  <si>
    <t>banwala</t>
  </si>
  <si>
    <t>basti laloo</t>
  </si>
  <si>
    <t>Sidrah Anjum</t>
  </si>
  <si>
    <t>GGPS BASTI LANGAH</t>
  </si>
  <si>
    <t>BaqirShah Shumali</t>
  </si>
  <si>
    <t>Basti Lal Wala</t>
  </si>
  <si>
    <t>GGPS BASTI LANGRIAL</t>
  </si>
  <si>
    <t>basti khawaja moza langrial tehsile jatoi district Muzaffar</t>
  </si>
  <si>
    <t>Khawaja</t>
  </si>
  <si>
    <t>Manic Pur</t>
  </si>
  <si>
    <t>Safia Javed</t>
  </si>
  <si>
    <t>GGPS BASTI LANGRIYAL MULTAN</t>
  </si>
  <si>
    <t>Basti Langrial</t>
  </si>
  <si>
    <t>Ggps basti langrial</t>
  </si>
  <si>
    <t>Muhammad Pur Ghotta</t>
  </si>
  <si>
    <t>GGPS BASTI LAR</t>
  </si>
  <si>
    <t>Govt Girls Primary School Basti Lar</t>
  </si>
  <si>
    <t>Ghalwa 2</t>
  </si>
  <si>
    <t>Kishwar Ghaffar</t>
  </si>
  <si>
    <t>GGPS BASTI LARAN</t>
  </si>
  <si>
    <t>Ali Pur Machina</t>
  </si>
  <si>
    <t>GGPS BASTI LARAN NO I</t>
  </si>
  <si>
    <t>BASTI LARAN NO I</t>
  </si>
  <si>
    <t>Akaram Abad</t>
  </si>
  <si>
    <t>Sidra Riaz</t>
  </si>
  <si>
    <t>GGPS BASTI LARNA WALI</t>
  </si>
  <si>
    <t>Fetah Khan</t>
  </si>
  <si>
    <t>basti laran wali</t>
  </si>
  <si>
    <t>Misbah Iram</t>
  </si>
  <si>
    <t>GGPS BASTI LARRAN NO. 2</t>
  </si>
  <si>
    <t>A man Garh</t>
  </si>
  <si>
    <t>Basti larran no 2,Rahim Yar khan.</t>
  </si>
  <si>
    <t>Shafqat Parven</t>
  </si>
  <si>
    <t>GGPS BASTI LASKANI</t>
  </si>
  <si>
    <t>BURRY WALA</t>
  </si>
  <si>
    <t>CHAH MASJID WALA MOUZA BURRAY WALA TEHSIL JAMPUR DISTRICT RAJANPUR</t>
  </si>
  <si>
    <t>CHAH MASJID WALA</t>
  </si>
  <si>
    <t>GGPS BASTI LEGHARI</t>
  </si>
  <si>
    <t>basti Leghari district dgk</t>
  </si>
  <si>
    <t>Basti Leghari</t>
  </si>
  <si>
    <t>GGPS BASTI LONG TEH. JALALPUR PIRWALA</t>
  </si>
  <si>
    <t>Chah haji wala</t>
  </si>
  <si>
    <t>Ggps basti long jppw</t>
  </si>
  <si>
    <t>Basti long</t>
  </si>
  <si>
    <t>Nuraja bhutta</t>
  </si>
  <si>
    <t>Sidra razzaq</t>
  </si>
  <si>
    <t>GGPS BASTI LOORY</t>
  </si>
  <si>
    <t>BASTI LOORY, MOZA MARHANWALI TEHSIL KAROR LAL EASON DISTRICT LAYYAH.</t>
  </si>
  <si>
    <t>BASTI LOORY</t>
  </si>
  <si>
    <t>ROSHAN SHAH</t>
  </si>
  <si>
    <t>salma kousar</t>
  </si>
  <si>
    <t>GGPS BASTI LOOTHER</t>
  </si>
  <si>
    <t>KHOKHAR ISRA</t>
  </si>
  <si>
    <t>BASTI LOTHAR, TEHSIL KAROR LAL EASON DISTRICT LAYYAH</t>
  </si>
  <si>
    <t>BASTI LOOTHAR</t>
  </si>
  <si>
    <t>SAHU WALA</t>
  </si>
  <si>
    <t>Abbidah Kalsoom</t>
  </si>
  <si>
    <t>GGPS BASTI LUGHARI</t>
  </si>
  <si>
    <t>basti laghari</t>
  </si>
  <si>
    <t>Ghulam Sakeena</t>
  </si>
  <si>
    <t>GGPS BASTI LURKA</t>
  </si>
  <si>
    <t>basti lurka bait sohni</t>
  </si>
  <si>
    <t>Basti lurka</t>
  </si>
  <si>
    <t>Qasba Gujrat</t>
  </si>
  <si>
    <t>GGPS BASTI MAAN WALA MULTAN</t>
  </si>
  <si>
    <t>Basti Maan Jhandy wala Vehari Road Multan</t>
  </si>
  <si>
    <t>Basti Maan</t>
  </si>
  <si>
    <t>Iqra Ashraf</t>
  </si>
  <si>
    <t>GGPS BASTI MACHIAN 97/NP</t>
  </si>
  <si>
    <t>Chak 97/NP</t>
  </si>
  <si>
    <t>Basti machian chak 97/NP</t>
  </si>
  <si>
    <t>Basti Machian</t>
  </si>
  <si>
    <t>Nagina Ramzan</t>
  </si>
  <si>
    <t>GGPS BASTI MAGHRANA</t>
  </si>
  <si>
    <t>Maghrana</t>
  </si>
  <si>
    <t>ggps.moza maghrana.burewala</t>
  </si>
  <si>
    <t>Basti Maghrana</t>
  </si>
  <si>
    <t>Uzma Jalal</t>
  </si>
  <si>
    <t>GGPS BASTI MAHARAN</t>
  </si>
  <si>
    <t>khanbela</t>
  </si>
  <si>
    <t>basti sona ghasoora</t>
  </si>
  <si>
    <t>Kola Doulat</t>
  </si>
  <si>
    <t>Misbah akram</t>
  </si>
  <si>
    <t>GGPS BASTI MAHLAH</t>
  </si>
  <si>
    <t>Mahlah</t>
  </si>
  <si>
    <t>ggps basti mahlah shorkot city</t>
  </si>
  <si>
    <t>Basti Mahlah</t>
  </si>
  <si>
    <t>Kotla Muhammad Zarif Khan</t>
  </si>
  <si>
    <t>Firdous Fatima</t>
  </si>
  <si>
    <t>GGPS BASTI MAJEED GOHAR</t>
  </si>
  <si>
    <t>Shah Sadeq Nehang</t>
  </si>
  <si>
    <t>shah sadiq nehang chah r b wala tehsel shorkot district jhang</t>
  </si>
  <si>
    <t>Chah R B Wala</t>
  </si>
  <si>
    <t>Sonia Majeed</t>
  </si>
  <si>
    <t>GGPS BASTI MAKWAL</t>
  </si>
  <si>
    <t>basti mithay wala</t>
  </si>
  <si>
    <t>Bair bund</t>
  </si>
  <si>
    <t>Rizwana Nawaz</t>
  </si>
  <si>
    <t>GGPS BASTI MALANA</t>
  </si>
  <si>
    <t>Govt girls p/s basti malana  no 2</t>
  </si>
  <si>
    <t>Muzamil Bibi</t>
  </si>
  <si>
    <t>GGPS BASTI MALANA SHARQI</t>
  </si>
  <si>
    <t>GhousaAbad</t>
  </si>
  <si>
    <t>Markaz ghousabad basti malana sharqi</t>
  </si>
  <si>
    <t>Basti Malan Sharqi</t>
  </si>
  <si>
    <t>Kaneez Sughra</t>
  </si>
  <si>
    <t>GGPS BASTI MALIK FAZAL AHMAD</t>
  </si>
  <si>
    <t>Arian Wala</t>
  </si>
  <si>
    <t>Basti Qasim khan Moza Arian wala Chani. goth Tehsil  Ahmed pur East Distt;BWP</t>
  </si>
  <si>
    <t>Basti Qasim Khan</t>
  </si>
  <si>
    <t>Sumaira Fayyaz</t>
  </si>
  <si>
    <t>GGPS BASTI MALKAN MOZA BAHODI PUR</t>
  </si>
  <si>
    <t>Bhodi pur Machiyan</t>
  </si>
  <si>
    <t>p/s basti Malkan Moza bhodi pur machiyan</t>
  </si>
  <si>
    <t>Akram ABAD</t>
  </si>
  <si>
    <t>GGPS BASTI MALKANA SHUJABAD DISTT. MULTAN</t>
  </si>
  <si>
    <t>chah altaf hussain wala moza gajju Hatta basti Malkana tensile shujabad district multan</t>
  </si>
  <si>
    <t>Basti Malkaana</t>
  </si>
  <si>
    <t>Nadia Shabir</t>
  </si>
  <si>
    <t>GGPS BASTI MALKANI</t>
  </si>
  <si>
    <t>BASTI TOORA BAZGEER, TEH JAMPUR DIST RAJANPUR</t>
  </si>
  <si>
    <t>BASTI TORA BAZGEER</t>
  </si>
  <si>
    <t>Farida Perveen</t>
  </si>
  <si>
    <t>GGPS BASTI MANAK MOUZA DAR WALA MULTAN</t>
  </si>
  <si>
    <t>GGPS Basti Manak Moza Bazdar wala</t>
  </si>
  <si>
    <t>Basti Manak</t>
  </si>
  <si>
    <t>GGPS BASTI MANDWANI</t>
  </si>
  <si>
    <t>basti mandwani khalti jatoi</t>
  </si>
  <si>
    <t>GGPS BASTI MANGAN</t>
  </si>
  <si>
    <t>Shumali</t>
  </si>
  <si>
    <t>GGPS basti mangan</t>
  </si>
  <si>
    <t>Daban Wala</t>
  </si>
  <si>
    <t>Bhangu</t>
  </si>
  <si>
    <t>GGPS BASTI MANIK MOUZA KOTLA REHMAT SHAH</t>
  </si>
  <si>
    <t>Kotla Rehmat Shah</t>
  </si>
  <si>
    <t>ggps basti manik</t>
  </si>
  <si>
    <t>Basti Manik</t>
  </si>
  <si>
    <t>Saima Abbas</t>
  </si>
  <si>
    <t>GGPS BASTI MANOO KHAN</t>
  </si>
  <si>
    <t>Govt Girls Primary Basti Manoo Khan</t>
  </si>
  <si>
    <t>Basti Allah Ditta</t>
  </si>
  <si>
    <t>Nimra Habib</t>
  </si>
  <si>
    <t>GGPS BASTI MANZOOR SAMTIA</t>
  </si>
  <si>
    <t>chanb wala</t>
  </si>
  <si>
    <t>Chah Chanb Wala</t>
  </si>
  <si>
    <t>Nabila Manzoor</t>
  </si>
  <si>
    <t>GGPS BASTI MANZOOR SANPAL</t>
  </si>
  <si>
    <t>Basti Manzor</t>
  </si>
  <si>
    <t>basti manzoor sanpal</t>
  </si>
  <si>
    <t>Basti Manzor Sanpl</t>
  </si>
  <si>
    <t>GGPS Basti Marbun Rafique</t>
  </si>
  <si>
    <t>basti Marbun rafiq kharar buzdar</t>
  </si>
  <si>
    <t>Mahjabeen Altaf</t>
  </si>
  <si>
    <t>water coolr</t>
  </si>
  <si>
    <t>GGPS BASTI MASEETAN BAHAWALPUR</t>
  </si>
  <si>
    <t>baste chanran bwp</t>
  </si>
  <si>
    <t>Baste Masetan</t>
  </si>
  <si>
    <t>zakia bibi</t>
  </si>
  <si>
    <t>GGPS BASTI MATHAILIAN WALI</t>
  </si>
  <si>
    <t>Dharanga</t>
  </si>
  <si>
    <t>GGPS Basti Mathelian Wali</t>
  </si>
  <si>
    <t>Basti Mathelian Wali</t>
  </si>
  <si>
    <t>Robeena Ameen</t>
  </si>
  <si>
    <t>GGPS BASTI MEHMOOD KOT</t>
  </si>
  <si>
    <t>Basti Mehmood kot</t>
  </si>
  <si>
    <t>Humaira Afzal</t>
  </si>
  <si>
    <t>GGPS BASTI MEHTRAN</t>
  </si>
  <si>
    <t>Bait Mohri</t>
  </si>
  <si>
    <t>bait mohri basti mehtran dgkhan</t>
  </si>
  <si>
    <t>Basti Mehtran</t>
  </si>
  <si>
    <t>Humaira Mehwish</t>
  </si>
  <si>
    <t>GGPS BASTI MIAN RAJAY KHAN GUJAR</t>
  </si>
  <si>
    <t>basti Rajay Khan gujjar</t>
  </si>
  <si>
    <t>Basti Rajay Khan Gujjar</t>
  </si>
  <si>
    <t>Shumaila Iqbal</t>
  </si>
  <si>
    <t>GGPS BASTI MIAN SAEED AHMAD</t>
  </si>
  <si>
    <t>ghulamoo arain</t>
  </si>
  <si>
    <t>basti luqman mouza ghulamoo arain bwp</t>
  </si>
  <si>
    <t>basti mian saeed ahmed</t>
  </si>
  <si>
    <t>Sumaira Mehvish</t>
  </si>
  <si>
    <t>GGPS BASTI MIAN SHUMALI</t>
  </si>
  <si>
    <t>Jhoke Uttra</t>
  </si>
  <si>
    <t>p/o jhoke uttra Basti Mian Shumali tehsil kot chutta district dera ghazi khan</t>
  </si>
  <si>
    <t>Basti Mian Shumali</t>
  </si>
  <si>
    <t>Nadia Bibi</t>
  </si>
  <si>
    <t>GGPS BASTI MIANI, ABDUL HAKIM</t>
  </si>
  <si>
    <t>Basti Saidan Wali</t>
  </si>
  <si>
    <t>basti saidaan wali Abdul hakim</t>
  </si>
  <si>
    <t>MC ABDUL HAKIM</t>
  </si>
  <si>
    <t>GGPS BASTI MIR JALBANI</t>
  </si>
  <si>
    <t>GGPS mir jalbani</t>
  </si>
  <si>
    <t>Basti Mir Jalbani</t>
  </si>
  <si>
    <t>Kalsoom Afzal</t>
  </si>
  <si>
    <t>GGPS BASTI MIR MUHAMMAD</t>
  </si>
  <si>
    <t>Darkhan Mahtam</t>
  </si>
  <si>
    <t>darkhan mahtam</t>
  </si>
  <si>
    <t>Basti Meer Mohammad</t>
  </si>
  <si>
    <t>Buray Wala</t>
  </si>
  <si>
    <t>Farzana Naz</t>
  </si>
  <si>
    <t>GGPS BASTI MIRAN</t>
  </si>
  <si>
    <t>Laadan</t>
  </si>
  <si>
    <t>Ggps basti miran,chah sahoo wala,mouza ladan,</t>
  </si>
  <si>
    <t>Chah Sahoo Wala</t>
  </si>
  <si>
    <t>arifa naheed</t>
  </si>
  <si>
    <t>GGPS BASTI MIRANI DULO NASHAIB</t>
  </si>
  <si>
    <t>govt girls p/s basti  mirani dulo nashibdu</t>
  </si>
  <si>
    <t>Basti Merani</t>
  </si>
  <si>
    <t>GGPS BASTI MITHOO</t>
  </si>
  <si>
    <t>chah goly wala shehr sultan, teh jatoi,distt m.garh</t>
  </si>
  <si>
    <t>Goly Wala</t>
  </si>
  <si>
    <t>Anisa Mehmood</t>
  </si>
  <si>
    <t>GGPS BASTI MOCHIAN WALI</t>
  </si>
  <si>
    <t>Dull</t>
  </si>
  <si>
    <t>basti Mochian wali</t>
  </si>
  <si>
    <t>Basti Mochian Wali</t>
  </si>
  <si>
    <t>GGPS BASTI MOHAL</t>
  </si>
  <si>
    <t>Basti Mohal Jhang</t>
  </si>
  <si>
    <t>BASTI MOHAL</t>
  </si>
  <si>
    <t>Malohwana</t>
  </si>
  <si>
    <t>Shahjehan begum</t>
  </si>
  <si>
    <t>GGPS BASTI MOHIB ALI</t>
  </si>
  <si>
    <t>Basti Mohib Ali</t>
  </si>
  <si>
    <t>Fehma Tus Saher</t>
  </si>
  <si>
    <t>GGPS BASTI MOLA BAKHSH</t>
  </si>
  <si>
    <t>Chack 75 P</t>
  </si>
  <si>
    <t>Chack 75 P Gharbi</t>
  </si>
  <si>
    <t>Chack 75 P GHARBI</t>
  </si>
  <si>
    <t>GGPS BASTI MOLA BUKHSH</t>
  </si>
  <si>
    <t>goth jora mola bux post office sadiq abad</t>
  </si>
  <si>
    <t>Mola Bux</t>
  </si>
  <si>
    <t>GGPS BASTI MOLVIAN</t>
  </si>
  <si>
    <t>basti molvian  bakhei ahmad khan</t>
  </si>
  <si>
    <t>GGPS BASTI MONDAN</t>
  </si>
  <si>
    <t>basti mondan</t>
  </si>
  <si>
    <t>Basti Mondan</t>
  </si>
  <si>
    <t>Qaimpur 20</t>
  </si>
  <si>
    <t>Nosheen Akhtar</t>
  </si>
  <si>
    <t>GGPS BASTI MOONGAR (KAROR CITY)</t>
  </si>
  <si>
    <t>karor</t>
  </si>
  <si>
    <t>near masjid khafor wali karor lal eason</t>
  </si>
  <si>
    <t>karor lal eason</t>
  </si>
  <si>
    <t>hina idrees</t>
  </si>
  <si>
    <t>GGPS BASTI MOOR</t>
  </si>
  <si>
    <t>Sheikh Gurda</t>
  </si>
  <si>
    <t>p/o box TibbiQaisrani tehsil TAUNSA district D.G.KHAN</t>
  </si>
  <si>
    <t>Basti Moor</t>
  </si>
  <si>
    <t>Bubby</t>
  </si>
  <si>
    <t>GGPS BASTI MORANI</t>
  </si>
  <si>
    <t>GGPS Basti morani karor lala eason district layyah</t>
  </si>
  <si>
    <t>basti morani</t>
  </si>
  <si>
    <t>rukhsana parveen</t>
  </si>
  <si>
    <t>GGPS BASTI MOVATIAN</t>
  </si>
  <si>
    <t>Basti Movatian</t>
  </si>
  <si>
    <t>basti movatian kot ghulam nabi jahman bedian road lahore</t>
  </si>
  <si>
    <t>Saba Nooreen</t>
  </si>
  <si>
    <t>GGPS BASTI MUDHAN</t>
  </si>
  <si>
    <t>Ggps basti mudhan</t>
  </si>
  <si>
    <t>Basti Mudhan</t>
  </si>
  <si>
    <t>hand pump and  electe pump</t>
  </si>
  <si>
    <t>GGPS BASTI MUHAMMAD ALI JALANDRI</t>
  </si>
  <si>
    <t>GGPS BASTI MUHAMMAD ALI JALANDHRI</t>
  </si>
  <si>
    <t>Basti Ali Jalandhri</t>
  </si>
  <si>
    <t>Saliha Saeed</t>
  </si>
  <si>
    <t>GGPS BASTI MUHAMMAD AMIN</t>
  </si>
  <si>
    <t>Aziz Din</t>
  </si>
  <si>
    <t>Basti  M. Amin</t>
  </si>
  <si>
    <t>Basti M Amin</t>
  </si>
  <si>
    <t>Mamoona Kausar</t>
  </si>
  <si>
    <t>GGPS BASTI MUHAMMAD AZIM</t>
  </si>
  <si>
    <t>Basti Gadho ka P/O chak number 10/F.W Teh Chishtian District Bahawal Nagar</t>
  </si>
  <si>
    <t>Gadho Ka</t>
  </si>
  <si>
    <t>Shali Gharbii</t>
  </si>
  <si>
    <t>GGPS BASTI MUHAMMAD JAMEEL CHAK NO. 92/NP</t>
  </si>
  <si>
    <t>chak 92 np basti jameel tehsil khanpur</t>
  </si>
  <si>
    <t>92 NP</t>
  </si>
  <si>
    <t>Gehna lar</t>
  </si>
  <si>
    <t>Majida Perveen</t>
  </si>
  <si>
    <t>GGPS BASTI MUHAMMAD MARALI</t>
  </si>
  <si>
    <t>Ranjeet KOT</t>
  </si>
  <si>
    <t>Basti M Marali Moza Ranjeet Kot AP Sial</t>
  </si>
  <si>
    <t>Basti Muhammad Mirali</t>
  </si>
  <si>
    <t>GGPS BASTI MUHAMMAD NAGAR</t>
  </si>
  <si>
    <t>Kandy Wali</t>
  </si>
  <si>
    <t>basti Muhammad Nagar  West</t>
  </si>
  <si>
    <t>DariAzeem Khan</t>
  </si>
  <si>
    <t>GGPS BASTI MUHAMMAD QASIM CHAK NO.157/NP</t>
  </si>
  <si>
    <t>Chak 157/np</t>
  </si>
  <si>
    <t>jinnah colony 157/np chani goth</t>
  </si>
  <si>
    <t>Rajarhoo</t>
  </si>
  <si>
    <t>GGPS Basti Muhammad Ramzan</t>
  </si>
  <si>
    <t>basti m. ramzan</t>
  </si>
  <si>
    <t>Basti M Ramzan</t>
  </si>
  <si>
    <t>SHAZIA TAJ</t>
  </si>
  <si>
    <t>GGPS BASTI MUHAMMAD TUFAIL</t>
  </si>
  <si>
    <t>ggps basti muhammad tufail rahim yar khan</t>
  </si>
  <si>
    <t>Basti Tufail</t>
  </si>
  <si>
    <t>Rehana Hussain</t>
  </si>
  <si>
    <t>GGPS BASTI MULTANI</t>
  </si>
  <si>
    <t>Warha Sehyran</t>
  </si>
  <si>
    <t>GGPS basti multani</t>
  </si>
  <si>
    <t>sumara mukhtiar</t>
  </si>
  <si>
    <t>GGPS BASTI MURAD</t>
  </si>
  <si>
    <t>Zeerak Wahin</t>
  </si>
  <si>
    <t>Basti zeerak wahin tehsil kahror pacca district lodhran</t>
  </si>
  <si>
    <t>GGPS BASTI MURAD ALI</t>
  </si>
  <si>
    <t>GGGPS Basti Murad Ali</t>
  </si>
  <si>
    <t>mehvish tariq</t>
  </si>
  <si>
    <t>GGPS BASTI MURAD JUTTA</t>
  </si>
  <si>
    <t>Allah yar jutta</t>
  </si>
  <si>
    <t>basti murad jutta p.o.box Allah yarjutta</t>
  </si>
  <si>
    <t>BastiMuradJutta</t>
  </si>
  <si>
    <t>Nagina Ashraf</t>
  </si>
  <si>
    <t>GGPS BASTI MURAD WALA</t>
  </si>
  <si>
    <t>Basti loharan Murad wala lodhran</t>
  </si>
  <si>
    <t>Basti Murad Wala</t>
  </si>
  <si>
    <t>GGPS BASTI MUTTI</t>
  </si>
  <si>
    <t>govt.girls primary school basti mutti naz ada kareem wala</t>
  </si>
  <si>
    <t>Kareem Wala</t>
  </si>
  <si>
    <t>perveen akhtar</t>
  </si>
  <si>
    <t>GGPS BASTI NACHING</t>
  </si>
  <si>
    <t>Chatwain</t>
  </si>
  <si>
    <t>basti naching</t>
  </si>
  <si>
    <t>Bastion Naching</t>
  </si>
  <si>
    <t>GGPS BASTI NADEEM SHAH</t>
  </si>
  <si>
    <t>Shahn Wala</t>
  </si>
  <si>
    <t>GGPS Nadeem Ahmad Shah moza shahn wala basti rindon</t>
  </si>
  <si>
    <t>Basti Naderm Shah</t>
  </si>
  <si>
    <t>Basti Rindon</t>
  </si>
  <si>
    <t>Aneela Rahat</t>
  </si>
  <si>
    <t>GGPS BASTI NAEEM GIRWAH</t>
  </si>
  <si>
    <t>abadi naeem garwah moza dull.tehsile Ahmed pur sial dist.jhang</t>
  </si>
  <si>
    <t>abadi Naeem garwah</t>
  </si>
  <si>
    <t>sultan bahoo</t>
  </si>
  <si>
    <t>GGPS BASTI NAIKIAN</t>
  </si>
  <si>
    <t>gg ps basti NAIKIAN moza noshehra nashaib p/o Doratta Layyah</t>
  </si>
  <si>
    <t>BASTI NAIKIAN</t>
  </si>
  <si>
    <t>Shadoo khan</t>
  </si>
  <si>
    <t>Aneela Rani</t>
  </si>
  <si>
    <t>GGPS BASTI NALA GHARBI</t>
  </si>
  <si>
    <t>Nala Gharbi</t>
  </si>
  <si>
    <t>GGPS nala gharbi</t>
  </si>
  <si>
    <t>Bassran Bibi</t>
  </si>
  <si>
    <t>GGPS BASTI NASAR-ULLAH</t>
  </si>
  <si>
    <t>Thul Mar Sar</t>
  </si>
  <si>
    <t>Basti Nasarullah u/c Theekar Tribal Area D.G Khan</t>
  </si>
  <si>
    <t>Nasarullah</t>
  </si>
  <si>
    <t>GGPS BASTI NASEER</t>
  </si>
  <si>
    <t>basti naseer garhbi</t>
  </si>
  <si>
    <t>Farhat Fayyaz</t>
  </si>
  <si>
    <t>GGPS BASTI NAUNARIAN JALALPUR PIRWALA</t>
  </si>
  <si>
    <t>Juggo Wala</t>
  </si>
  <si>
    <t>p/o  juggowala khas  tehsil JPPW Multan</t>
  </si>
  <si>
    <t>Mamoona Hamid Khan</t>
  </si>
  <si>
    <t>GGPS BASTI NAVEED KHAN</t>
  </si>
  <si>
    <t>Basti Naveed Khan</t>
  </si>
  <si>
    <t>Basti naveed khan depalpur</t>
  </si>
  <si>
    <t>Mc Depalpur</t>
  </si>
  <si>
    <t>Yasmin Bano</t>
  </si>
  <si>
    <t>GGPS BASTI NAWAB JALALPUR PIRWALA</t>
  </si>
  <si>
    <t>Basti Nawab P/O Ghazi pur tehsil jalal pur pir wala</t>
  </si>
  <si>
    <t>Basti Nawab</t>
  </si>
  <si>
    <t>Asma Jalal</t>
  </si>
  <si>
    <t>GGPS BASTI NAWAN</t>
  </si>
  <si>
    <t>Sadan Wali</t>
  </si>
  <si>
    <t>basti nawan sadan wali basira</t>
  </si>
  <si>
    <t>Anbrina Sadaf</t>
  </si>
  <si>
    <t>GGPS BASTI NAWAZ JOYYA</t>
  </si>
  <si>
    <t>Moza ghulam Shah Post Office luddan District vehari</t>
  </si>
  <si>
    <t>Ghulam Shah</t>
  </si>
  <si>
    <t>Fozia Naz</t>
  </si>
  <si>
    <t>GGPS BASTI NAZAM DIN</t>
  </si>
  <si>
    <t>Behramsar</t>
  </si>
  <si>
    <t>Basti Nizam din Minchanabad</t>
  </si>
  <si>
    <t>Basti nizam Din</t>
  </si>
  <si>
    <t>GGPS BASTI NAZAR KHAN</t>
  </si>
  <si>
    <t>ROJHAN H/Q - FEMALE</t>
  </si>
  <si>
    <t>wah machka</t>
  </si>
  <si>
    <t>basti Nazar khan rojhan</t>
  </si>
  <si>
    <t>Basti Nazar khan Rojhan</t>
  </si>
  <si>
    <t>rojhan shraqe</t>
  </si>
  <si>
    <t>Sana Shajahan</t>
  </si>
  <si>
    <t>GGPS BASTI NAZAR MUHAMMAD JHULAN</t>
  </si>
  <si>
    <t>Nazar Muhammad Jhulan</t>
  </si>
  <si>
    <t>Basti Jam Mohummad NawazJhulan</t>
  </si>
  <si>
    <t>Jam Mohummad Nawaz Jhulan</t>
  </si>
  <si>
    <t>Rabia Ghulam Hussain</t>
  </si>
  <si>
    <t>GGPS BASTI NIAMAT</t>
  </si>
  <si>
    <t>Baldia Hasilpur</t>
  </si>
  <si>
    <t>Basti Niamat Tehsil Hasilpur District Bahawalpur</t>
  </si>
  <si>
    <t>Basti Niamat</t>
  </si>
  <si>
    <t>GGPS BASTI NIAZ MIRAN PUR</t>
  </si>
  <si>
    <t>dera dildar</t>
  </si>
  <si>
    <t>Basti Niaz</t>
  </si>
  <si>
    <t>Darikhshan Batool</t>
  </si>
  <si>
    <t>GGPS BASTI NIZAM ABAD</t>
  </si>
  <si>
    <t>Fattahpur</t>
  </si>
  <si>
    <t>Basti nizamabad p/o Fatah pur</t>
  </si>
  <si>
    <t>Samina Akhtar</t>
  </si>
  <si>
    <t>GGPS BASTI NOON</t>
  </si>
  <si>
    <t>basti noon moza inayat pur</t>
  </si>
  <si>
    <t>Basti Noon</t>
  </si>
  <si>
    <t>GGPS BASTI NOON SHAHEED</t>
  </si>
  <si>
    <t>Basti Noon Shaheed</t>
  </si>
  <si>
    <t>Shameem Ahmad</t>
  </si>
  <si>
    <t>GGPS BASTI NOOR DIN</t>
  </si>
  <si>
    <t>Bandhor</t>
  </si>
  <si>
    <t>ggpsbastnoordin nearpolice stationaiport manthar road ryk</t>
  </si>
  <si>
    <t>Saba Un Nisa</t>
  </si>
  <si>
    <t>GGPS BASTI NOOR DIN KAMBOH</t>
  </si>
  <si>
    <t>Thullwazir Khan</t>
  </si>
  <si>
    <t>Basti haji noor din kamboh</t>
  </si>
  <si>
    <t>Basti Noor Din Kambo</t>
  </si>
  <si>
    <t>Bahodipur Quresian</t>
  </si>
  <si>
    <t>Aqsa Jamshaid</t>
  </si>
  <si>
    <t>GGPS BASTI NOOR MUHAMMAD</t>
  </si>
  <si>
    <t>Chah Baqir Wala</t>
  </si>
  <si>
    <t>GGPS BASTI NOOREN NASEER</t>
  </si>
  <si>
    <t>Ganglion Kach</t>
  </si>
  <si>
    <t>basti noran naseer hangloon kach</t>
  </si>
  <si>
    <t>Hangloon</t>
  </si>
  <si>
    <t>coler</t>
  </si>
  <si>
    <t>GGPS BASTI NORANG</t>
  </si>
  <si>
    <t>Raseed Pur</t>
  </si>
  <si>
    <t>basti norung u/c yousuf shah</t>
  </si>
  <si>
    <t>Basti Norung</t>
  </si>
  <si>
    <t>Yousuf Shah</t>
  </si>
  <si>
    <t>GGPS BASTI NOSHARA</t>
  </si>
  <si>
    <t>Landa Badhera</t>
  </si>
  <si>
    <t>basti noshera tehsil ctn district bwn</t>
  </si>
  <si>
    <t>Chak No10 F/w</t>
  </si>
  <si>
    <t>Raheela Yasmin</t>
  </si>
  <si>
    <t>GGPS BASTI NOU DHAND</t>
  </si>
  <si>
    <t>Basti Nau Dhand</t>
  </si>
  <si>
    <t>basti nau dhand matti tal road tehsil Multan saddar dist. Multan</t>
  </si>
  <si>
    <t>Shumyla Ashraf</t>
  </si>
  <si>
    <t>GGPS BASTI OGANI</t>
  </si>
  <si>
    <t>basti ugani kot mubarak dgkhan</t>
  </si>
  <si>
    <t>Basti Ugani</t>
  </si>
  <si>
    <t>GGPS BASTI OJILA</t>
  </si>
  <si>
    <t>Ojila</t>
  </si>
  <si>
    <t>basti Ojila teh  mailsi district vehari</t>
  </si>
  <si>
    <t>Basti Ojila</t>
  </si>
  <si>
    <t>Lal Saggu</t>
  </si>
  <si>
    <t>GGPS BASTI PAHORAN</t>
  </si>
  <si>
    <t>noraja Bhutta</t>
  </si>
  <si>
    <t>Mohsina Saeed</t>
  </si>
  <si>
    <t>GGPS BASTI PAKKA</t>
  </si>
  <si>
    <t>Basti &amp; Moza Pacca Tehsil Kahror Pacca (Lodhran)</t>
  </si>
  <si>
    <t>Basti Pacca</t>
  </si>
  <si>
    <t>Zarqa Nafees Malik</t>
  </si>
  <si>
    <t>GGPS BASTI PALLA MARI</t>
  </si>
  <si>
    <t>GGPS Basti Palla Mari</t>
  </si>
  <si>
    <t>Palla Mari</t>
  </si>
  <si>
    <t>Moza Palla</t>
  </si>
  <si>
    <t>Ishrat Chaudhry</t>
  </si>
  <si>
    <t>GGPS BASTI PANWARAN</t>
  </si>
  <si>
    <t>Shah Garah</t>
  </si>
  <si>
    <t>Ggps basti panwaran</t>
  </si>
  <si>
    <t>Basti Kaleem Ullah</t>
  </si>
  <si>
    <t>GGPS BASTI PARI</t>
  </si>
  <si>
    <t>KOTLA AYZAD YAR KHAN</t>
  </si>
  <si>
    <t>Head hamid near abbasi petrol pump rajan pur</t>
  </si>
  <si>
    <t>kotla ayzad yar abbasi</t>
  </si>
  <si>
    <t>Noor Pur Machhi Wala</t>
  </si>
  <si>
    <t>GGPS BASTI PATHANAN</t>
  </si>
  <si>
    <t>thehri zabti</t>
  </si>
  <si>
    <t>basti pathana</t>
  </si>
  <si>
    <t>sukhail</t>
  </si>
  <si>
    <t>Tasreen Qadri</t>
  </si>
  <si>
    <t>GGPS BASTI PATHANY KHAN</t>
  </si>
  <si>
    <t>Ggps basti pathany khan</t>
  </si>
  <si>
    <t>Manzoor Colony</t>
  </si>
  <si>
    <t>Jhetha Bhutta</t>
  </si>
  <si>
    <t>razia bibi</t>
  </si>
  <si>
    <t>GGPS BASTI PATWARI</t>
  </si>
  <si>
    <t>Kot Habib Shah</t>
  </si>
  <si>
    <t>basti patwari moza kot habib shahn</t>
  </si>
  <si>
    <t>Basti Patwari</t>
  </si>
  <si>
    <t>Taj Ghar</t>
  </si>
  <si>
    <t>noureen kokab</t>
  </si>
  <si>
    <t>GGPS BASTI PEER BUKSH</t>
  </si>
  <si>
    <t>basti peer bukhish moza dhadi khazan singh</t>
  </si>
  <si>
    <t>Peer Bukhish</t>
  </si>
  <si>
    <t>Batool Hassan</t>
  </si>
  <si>
    <t>GGPS BASTI PEHLWAN</t>
  </si>
  <si>
    <t>kahri Form p /o rasoolpur tehsil jampur district rajan pur</t>
  </si>
  <si>
    <t>Kahri Form</t>
  </si>
  <si>
    <t>Allah Bad Gharbi</t>
  </si>
  <si>
    <t>Babra Naseem</t>
  </si>
  <si>
    <t>GGPS BASTI PERZADA KHOKHRAN</t>
  </si>
  <si>
    <t>basti perr zada khokhran</t>
  </si>
  <si>
    <t>Peer Zada Khokhran</t>
  </si>
  <si>
    <t>GGPS BASTI PHORAN SHUJABAD</t>
  </si>
  <si>
    <t>Todarpur</t>
  </si>
  <si>
    <t>Ggps Basti Pahoran near chaju shah shujabad</t>
  </si>
  <si>
    <t>Basti Phoran</t>
  </si>
  <si>
    <t>Sana Sharafat</t>
  </si>
  <si>
    <t>GGPS BASTI PIR BUX</t>
  </si>
  <si>
    <t>ggpsbastipeerbux</t>
  </si>
  <si>
    <t>Bastipeerbux</t>
  </si>
  <si>
    <t>GGPS BASTI PIRHAYAN PO KOT SULTAN LAYYAH</t>
  </si>
  <si>
    <t>jaisal</t>
  </si>
  <si>
    <t>tiba mailwana , jaisal thal jandi P/O kot sultan</t>
  </si>
  <si>
    <t>tiba mailwana</t>
  </si>
  <si>
    <t>Salma  Bibi</t>
  </si>
  <si>
    <t>GGPS BASTI PIRZADA</t>
  </si>
  <si>
    <t>Pirzada</t>
  </si>
  <si>
    <t>Basti peer Zada</t>
  </si>
  <si>
    <t>Farhat Perveen</t>
  </si>
  <si>
    <t>GGPS BASTI PUN P/O BASANT KOT BASTI PUN VEHARI ROAD</t>
  </si>
  <si>
    <t>Bilal Wala</t>
  </si>
  <si>
    <t>moza bilal wala basti pun</t>
  </si>
  <si>
    <t>Basti Pun</t>
  </si>
  <si>
    <t>Jalal Abad</t>
  </si>
  <si>
    <t>GGPS BASTI PUNNUN SHAHZAD</t>
  </si>
  <si>
    <t>Shahzad Colony</t>
  </si>
  <si>
    <t>ilyaas colony</t>
  </si>
  <si>
    <t>Ilyaas Colony</t>
  </si>
  <si>
    <t>MC Sadiqabad A</t>
  </si>
  <si>
    <t>Gulam Sughra</t>
  </si>
  <si>
    <t>GGPS BASTI PUNWAN</t>
  </si>
  <si>
    <t>Govt. girls primary school basti panwan moza panwan</t>
  </si>
  <si>
    <t>Basti Panwan</t>
  </si>
  <si>
    <t>Jhangi Wali</t>
  </si>
  <si>
    <t>GGPS BASTI PURANA TALAB</t>
  </si>
  <si>
    <t>ggps basti purana talab ali pur chatha</t>
  </si>
  <si>
    <t>GGPS BASTI QADIR PUR</t>
  </si>
  <si>
    <t>Basti Ahmad Abad Mouza Qadir Pur P/O Box 335/wb  Tehsil Mails District Vehari</t>
  </si>
  <si>
    <t>Sanam Bibi</t>
  </si>
  <si>
    <t>GGPS BASTI QAIM DARA INAYAT WALA</t>
  </si>
  <si>
    <t>Kaki  Nou</t>
  </si>
  <si>
    <t>basti  qaim  dara</t>
  </si>
  <si>
    <t>Basti  Qaim Dara</t>
  </si>
  <si>
    <t>Kaki  Nou  -dom</t>
  </si>
  <si>
    <t>Samina Nawaz</t>
  </si>
  <si>
    <t>GGPS BASTI QASIM PUR</t>
  </si>
  <si>
    <t>ggps basti qasimpir</t>
  </si>
  <si>
    <t>Ezmat Abad</t>
  </si>
  <si>
    <t>Maria Kiran</t>
  </si>
  <si>
    <t>GGPS BASTI QURBAN QASAB</t>
  </si>
  <si>
    <t>Basti qurban, moza Allahabad</t>
  </si>
  <si>
    <t>Qurban Qasab</t>
  </si>
  <si>
    <t>Allahbad</t>
  </si>
  <si>
    <t>GGPS BASTI QURESHIAN WALI</t>
  </si>
  <si>
    <t>Daggar Gadola</t>
  </si>
  <si>
    <t>GGPS basti qureshianwali po gadola</t>
  </si>
  <si>
    <t>Qureshianwali</t>
  </si>
  <si>
    <t>Bushra Khatoon</t>
  </si>
  <si>
    <t>electric water motor</t>
  </si>
  <si>
    <t>GGPS BASTI QUTAB SHAH</t>
  </si>
  <si>
    <t>Basti Qutab Shah</t>
  </si>
  <si>
    <t>basti qutab shah</t>
  </si>
  <si>
    <t>Tatheer Zahra</t>
  </si>
  <si>
    <t>GGPS BASTI RAEES USMAN</t>
  </si>
  <si>
    <t>Gull Muhammad  Laar</t>
  </si>
  <si>
    <t>G.G.P.S.Rais Usman basti Salar Laar,Gull Muhammad Laar,Pacca laran</t>
  </si>
  <si>
    <t>Basti Salar Laar</t>
  </si>
  <si>
    <t>GGPS BASTI RAHEEM BUX</t>
  </si>
  <si>
    <t>basti hafiz nazar muhmmad lqp</t>
  </si>
  <si>
    <t>Hafiz Nazar</t>
  </si>
  <si>
    <t>Muhmmad Daha</t>
  </si>
  <si>
    <t>asma bibi</t>
  </si>
  <si>
    <t>GGPS BASTI RAHEEM MARKI</t>
  </si>
  <si>
    <t>Marki</t>
  </si>
  <si>
    <t>Basti raheem marki po barthi teh taunsa distt dgkhan</t>
  </si>
  <si>
    <t>Raheem Marki</t>
  </si>
  <si>
    <t>Iffat Bashir</t>
  </si>
  <si>
    <t>GGPS BASTI RAHMANI</t>
  </si>
  <si>
    <t>Bindor Abbsain</t>
  </si>
  <si>
    <t>basti rehmani</t>
  </si>
  <si>
    <t>Basti Rehmani</t>
  </si>
  <si>
    <t>Samina Shakeel</t>
  </si>
  <si>
    <t>GGPS BASTI RAIY ALI</t>
  </si>
  <si>
    <t>Bait Raiy Ali</t>
  </si>
  <si>
    <t>basti Arain muzaffargarh bait Raiy Ali Uc manka Bhutta muzaffargarh</t>
  </si>
  <si>
    <t>Basti Arain Wala</t>
  </si>
  <si>
    <t>GGPS BASTI RAJA PUR</t>
  </si>
  <si>
    <t>Basti rajapur mouza rawani</t>
  </si>
  <si>
    <t>Basti Rajapur</t>
  </si>
  <si>
    <t>Shazia Qasim</t>
  </si>
  <si>
    <t>GGPS BASTI RANA RASHID</t>
  </si>
  <si>
    <t>GGPS basti Rana Rasheed Sadiq Abad</t>
  </si>
  <si>
    <t>Basti Rana Rasheed</t>
  </si>
  <si>
    <t>GGPS BASTI RANJHA</t>
  </si>
  <si>
    <t>bastiranjha shdanlund</t>
  </si>
  <si>
    <t>Shehla Naseer</t>
  </si>
  <si>
    <t>GGPS BASTI RANJHAY KHAN</t>
  </si>
  <si>
    <t>ranjhay khan</t>
  </si>
  <si>
    <t>basti rajhay khan</t>
  </si>
  <si>
    <t>Basti Ranjhay Khan</t>
  </si>
  <si>
    <t>Ranjhaykhan</t>
  </si>
  <si>
    <t>Tahira perveen</t>
  </si>
  <si>
    <t>GGPS BASTI RASHID SHAH</t>
  </si>
  <si>
    <t>GG p/s Basti Rasheed shah</t>
  </si>
  <si>
    <t>GG P/S BASTI RASHEED SHAH</t>
  </si>
  <si>
    <t>GGPS BASTI RASOOL BAKHSH</t>
  </si>
  <si>
    <t>Seetpur Khanani</t>
  </si>
  <si>
    <t>GGPS basti rasool bakhsh</t>
  </si>
  <si>
    <t>Basti Rasool Bakhsh</t>
  </si>
  <si>
    <t>GGPS BASTI RATHI PO BEHAL</t>
  </si>
  <si>
    <t>Rathi</t>
  </si>
  <si>
    <t>GGPS BASTI RATHI POST OFFICE BEHAL DISTRICT BHAKKAR</t>
  </si>
  <si>
    <t>Basti Rathi</t>
  </si>
  <si>
    <t>Bet Bogha</t>
  </si>
  <si>
    <t>Rabia Motalim</t>
  </si>
  <si>
    <t>GGPS BASTI RATHIAN</t>
  </si>
  <si>
    <t>basti rathian p/o box bakhshan khan tehsil chishtian</t>
  </si>
  <si>
    <t>Rathian</t>
  </si>
  <si>
    <t>Huma Liaquat</t>
  </si>
  <si>
    <t>GGPS BASTI RATTA NO.1</t>
  </si>
  <si>
    <t>Basti RATTA</t>
  </si>
  <si>
    <t>basti ratta near bzu multan</t>
  </si>
  <si>
    <t>Basti Ratta</t>
  </si>
  <si>
    <t>Madina Panjkoha</t>
  </si>
  <si>
    <t>GGPS BASTI REHAIN</t>
  </si>
  <si>
    <t>SIWAG DAGGAR</t>
  </si>
  <si>
    <t>chak no 99A/TDA</t>
  </si>
  <si>
    <t>Chak No 99A/TDA</t>
  </si>
  <si>
    <t>faiza ghaffar</t>
  </si>
  <si>
    <t>GGPS BASTI REHMAN PURA</t>
  </si>
  <si>
    <t>Daftu</t>
  </si>
  <si>
    <t>GGPS basti Rehman Pura</t>
  </si>
  <si>
    <t>Shafqut Fatima</t>
  </si>
  <si>
    <t>GGPS BASTI REHMANI</t>
  </si>
  <si>
    <t>post office nutkani</t>
  </si>
  <si>
    <t>Ghazala Sidique</t>
  </si>
  <si>
    <t>GGPS BASTI REHMAT ULAH</t>
  </si>
  <si>
    <t>Sadiq Abad Deh</t>
  </si>
  <si>
    <t>basti rehmatullah muza sadiq abad deh near thana sadar</t>
  </si>
  <si>
    <t>Basti Rehmatullah</t>
  </si>
  <si>
    <t>Wahad Buksh laar</t>
  </si>
  <si>
    <t>GGPS BASTI RINDAN NO. 2</t>
  </si>
  <si>
    <t>BOLAY WALA</t>
  </si>
  <si>
    <t>g g p s basti rindan  no2</t>
  </si>
  <si>
    <t>Basti rindan  No2</t>
  </si>
  <si>
    <t>shaheen bib</t>
  </si>
  <si>
    <t>GGPS BASTI RINDO WALA</t>
  </si>
  <si>
    <t>Rindo Wala Notak Mehmeed</t>
  </si>
  <si>
    <t>Basti Rindo Wala</t>
  </si>
  <si>
    <t>Asma Rubab</t>
  </si>
  <si>
    <t>GGPS BASTI RISALA</t>
  </si>
  <si>
    <t>Khanwa Ghulwa</t>
  </si>
  <si>
    <t>basti risala</t>
  </si>
  <si>
    <t>Mumo Wala</t>
  </si>
  <si>
    <t>GGPS BASTI ROHARI</t>
  </si>
  <si>
    <t>basti rohari postoffice khas darien T&amp;D m.garh</t>
  </si>
  <si>
    <t>Basti Rohari</t>
  </si>
  <si>
    <t>GGPS BASTI RUG</t>
  </si>
  <si>
    <t>GGPS Basti Rug noor kubra dak khana basira</t>
  </si>
  <si>
    <t>Basti Rug</t>
  </si>
  <si>
    <t>Sabahat Nawaz</t>
  </si>
  <si>
    <t>GGPS BASTI RUKANI</t>
  </si>
  <si>
    <t>Sir Bhori</t>
  </si>
  <si>
    <t>GGPS Basti Rukani markaz Aman garh moza sir bhori Rahim Yar Khan</t>
  </si>
  <si>
    <t>Basti Rukani</t>
  </si>
  <si>
    <t>Arifa Sultana</t>
  </si>
  <si>
    <t>GGPS BASTI SABRI KASUR</t>
  </si>
  <si>
    <t>basti sabri ka</t>
  </si>
  <si>
    <t>Basti Sabry</t>
  </si>
  <si>
    <t>Bhadr Pura</t>
  </si>
  <si>
    <t>Gulshan Noreen</t>
  </si>
  <si>
    <t>GGPS BASTI SADAAT</t>
  </si>
  <si>
    <t>DGK</t>
  </si>
  <si>
    <t>GGPS BASTI SADHARI</t>
  </si>
  <si>
    <t>Sadhri</t>
  </si>
  <si>
    <t>basti sadhri tehsil kot adu district muzafargarh</t>
  </si>
  <si>
    <t>Sheikh Umer</t>
  </si>
  <si>
    <t>Hina Mustafa</t>
  </si>
  <si>
    <t>GGPS BASTI SADIN SAIN</t>
  </si>
  <si>
    <t>Basti Sydn</t>
  </si>
  <si>
    <t>bsti sadin sain</t>
  </si>
  <si>
    <t>Farkhanda Zahara</t>
  </si>
  <si>
    <t>GGPS BASTI SADIQ LANGHA</t>
  </si>
  <si>
    <t>Jheelan Wali</t>
  </si>
  <si>
    <t>po box jheelan Wali basti Haji Sadiq</t>
  </si>
  <si>
    <t>Haji Sadiq Langah</t>
  </si>
  <si>
    <t>Saima Khan</t>
  </si>
  <si>
    <t>GGPS BASTI SAHOO HASILPUR</t>
  </si>
  <si>
    <t>17/fw</t>
  </si>
  <si>
    <t>basti sahoo hasilpur old</t>
  </si>
  <si>
    <t>Basti Sahoo</t>
  </si>
  <si>
    <t>Asma Parveen</t>
  </si>
  <si>
    <t>GGPS BASTI SAHOO P/O BASTI SAHOO</t>
  </si>
  <si>
    <t>Sahu</t>
  </si>
  <si>
    <t>p/0 Basti Sahu Teh /Distt Multan</t>
  </si>
  <si>
    <t>Basti Sahu</t>
  </si>
  <si>
    <t>Zaffer Parvin</t>
  </si>
  <si>
    <t>GGPS BASTI SAIDAN</t>
  </si>
  <si>
    <t>Ladha Langar</t>
  </si>
  <si>
    <t>p/o sheikh umar tehsil kot adu, district M. garh</t>
  </si>
  <si>
    <t>Basti Saidan</t>
  </si>
  <si>
    <t>GGPS BASTI SAIF ULLAH</t>
  </si>
  <si>
    <t>Nawan Shehr</t>
  </si>
  <si>
    <t>nwan shehr basti saifullah</t>
  </si>
  <si>
    <t>Nosheha West</t>
  </si>
  <si>
    <t>Shazia manzoor</t>
  </si>
  <si>
    <t>GGPS BASTI SAJHOO WALA</t>
  </si>
  <si>
    <t>basti sajhoo</t>
  </si>
  <si>
    <t>Basti Sajhoo</t>
  </si>
  <si>
    <t>Abida Basheer</t>
  </si>
  <si>
    <t>GGPS BASTI SALAMAT PURA</t>
  </si>
  <si>
    <t>Bastisalamatpuara</t>
  </si>
  <si>
    <t>bastisalamatpuara raiwind manga road raiwind</t>
  </si>
  <si>
    <t>Babliana Otar</t>
  </si>
  <si>
    <t>GGPS BASTI SALAMAT PURA NEAR RAILWAY STATION</t>
  </si>
  <si>
    <t>GGPS salamat pura near railway station Usmanwala</t>
  </si>
  <si>
    <t>GGPS BASTI SALMAN KHAN AWAN</t>
  </si>
  <si>
    <t>Ghulam Ahmad A</t>
  </si>
  <si>
    <t>cantt cmh rahim yar khan</t>
  </si>
  <si>
    <t>Bastisuleman Awan</t>
  </si>
  <si>
    <t>GGPS BASTI SAMIJA</t>
  </si>
  <si>
    <t>basti samija p/o iqbal abad RYK</t>
  </si>
  <si>
    <t>Basti Samija</t>
  </si>
  <si>
    <t>Lubna Shaheen</t>
  </si>
  <si>
    <t>GGPS BASTI SANDLIAN SHUJABAD</t>
  </si>
  <si>
    <t>jhok darkhan wali basti sandiliyan moza Soman</t>
  </si>
  <si>
    <t>Basti Sandlain</t>
  </si>
  <si>
    <t>Aqeela Maqbool</t>
  </si>
  <si>
    <t>GGPS BASTI SANJRANI</t>
  </si>
  <si>
    <t>Chah Bakhar</t>
  </si>
  <si>
    <t>basti sanjrani choti Bala</t>
  </si>
  <si>
    <t>Basti Sanjrani</t>
  </si>
  <si>
    <t>GGPS BASTI SARWAR KAY, TULAMBA</t>
  </si>
  <si>
    <t>Bonka Machia</t>
  </si>
  <si>
    <t>GGP/S basti sarwar ky dullwan</t>
  </si>
  <si>
    <t>Basti Sarwar Ky Dullwan</t>
  </si>
  <si>
    <t>sumaira ramzan</t>
  </si>
  <si>
    <t>GGPS BASTI SAYIDDA</t>
  </si>
  <si>
    <t>Goal</t>
  </si>
  <si>
    <t>Basti saydan</t>
  </si>
  <si>
    <t>Basti Saydan</t>
  </si>
  <si>
    <t>GGPS BASTI SEKER P/O KEHROR PACCA</t>
  </si>
  <si>
    <t>Basti Seekar</t>
  </si>
  <si>
    <t>basti seeker kehror pakka</t>
  </si>
  <si>
    <t>Zoobia Almas</t>
  </si>
  <si>
    <t>GGPS BASTI SHAH NAWAZ</t>
  </si>
  <si>
    <t>Nail Garh</t>
  </si>
  <si>
    <t>GGPS BASTI SHAHNAWAZ MUD BHORA KHANPUR</t>
  </si>
  <si>
    <t>Tibbi Fazal Wala</t>
  </si>
  <si>
    <t>Maqsooda Rasheed</t>
  </si>
  <si>
    <t>GGPS BASTI SHAH SHAKOOR</t>
  </si>
  <si>
    <t>GGPS basti shah shakoor</t>
  </si>
  <si>
    <t>Shah Shakoor</t>
  </si>
  <si>
    <t>GGPS BASTI SHAMAS DIN</t>
  </si>
  <si>
    <t>Shbria Abad</t>
  </si>
  <si>
    <t>bsti Shamas dine sadiq abad</t>
  </si>
  <si>
    <t>Bhong Shrife</t>
  </si>
  <si>
    <t>GGPS BASTI SHAMAY WALI</t>
  </si>
  <si>
    <t>Basti shamay wali p/o Mokal Tehsil Chhnian Distt.Kasur</t>
  </si>
  <si>
    <t>Basti shamay wali</t>
  </si>
  <si>
    <t>GGPS BASTI SHAMIR</t>
  </si>
  <si>
    <t>RAKH FAZIL PUR</t>
  </si>
  <si>
    <t>BASTI SHAMIR</t>
  </si>
  <si>
    <t>Shahzaib Anjum</t>
  </si>
  <si>
    <t>GGPS BASTI SHAMRANI</t>
  </si>
  <si>
    <t>Paccalaran</t>
  </si>
  <si>
    <t>basti shamrani</t>
  </si>
  <si>
    <t>Shamrani</t>
  </si>
  <si>
    <t>Asfa Bashir</t>
  </si>
  <si>
    <t>GGPS BASTI SHARIF PURA</t>
  </si>
  <si>
    <t>Basti Sharif Pura</t>
  </si>
  <si>
    <t>Basti Sharif Pura Sangla Hill</t>
  </si>
  <si>
    <t>Sumaira Shaukat</t>
  </si>
  <si>
    <t>GGPS BASTI SHER KHAN</t>
  </si>
  <si>
    <t>Basti Sheer Khan</t>
  </si>
  <si>
    <t>basti sheer khan</t>
  </si>
  <si>
    <t>RUKHSANA NAZ</t>
  </si>
  <si>
    <t>GGPS BASTI SHOKIAN</t>
  </si>
  <si>
    <t>sargani nashaib</t>
  </si>
  <si>
    <t>ggps basti shokian</t>
  </si>
  <si>
    <t>basti shokian</t>
  </si>
  <si>
    <t>farzana yasmeen</t>
  </si>
  <si>
    <t>GGPS BASTI SHORKOT BAHAWALPUR ROAD</t>
  </si>
  <si>
    <t>BASTI SHOR KOT</t>
  </si>
  <si>
    <t>GGPS BASTI SHOR KOT MULTAN</t>
  </si>
  <si>
    <t>GGPS BASTI SHORTI</t>
  </si>
  <si>
    <t>makhan Bela</t>
  </si>
  <si>
    <t>Bastishorti</t>
  </si>
  <si>
    <t>Rohillanwali</t>
  </si>
  <si>
    <t>Shazia Rubnawaz</t>
  </si>
  <si>
    <t>GGPS BASTI SHUKAR DIN</t>
  </si>
  <si>
    <t>FAZIL PUR DISTT RAJAN PUR</t>
  </si>
  <si>
    <t>BASTI SHUKUR DIN</t>
  </si>
  <si>
    <t>GGPS BASTI SIAL</t>
  </si>
  <si>
    <t>ggps basti sial</t>
  </si>
  <si>
    <t>basti sial</t>
  </si>
  <si>
    <t>Razia mariam</t>
  </si>
  <si>
    <t>GGPS BASTI SIAL NAGAR</t>
  </si>
  <si>
    <t>G.G p/s basti sial nagar teh sdk dist.ryk</t>
  </si>
  <si>
    <t>Bhalka Sial</t>
  </si>
  <si>
    <t>Ishrat Noor</t>
  </si>
  <si>
    <t>GGPS BASTI SIALKOT</t>
  </si>
  <si>
    <t>Basti Sialkot</t>
  </si>
  <si>
    <t>GGPS BASTI SOHAN</t>
  </si>
  <si>
    <t>Basti Sohan</t>
  </si>
  <si>
    <t>Basti Sohan Pattoki</t>
  </si>
  <si>
    <t>Burj Mahlum  Chak 35</t>
  </si>
  <si>
    <t>Tahira Ashraf</t>
  </si>
  <si>
    <t>GGPS BASTI SOHEEN</t>
  </si>
  <si>
    <t>Sohain</t>
  </si>
  <si>
    <t>kotla Ahmad basti sohain rajanpur</t>
  </si>
  <si>
    <t>Zareena Asif</t>
  </si>
  <si>
    <t>GGPS BASTI SOHRANI</t>
  </si>
  <si>
    <t>ajab araen</t>
  </si>
  <si>
    <t>ggps basti sohrani mrkz chk godr p/o basira</t>
  </si>
  <si>
    <t>basti bara</t>
  </si>
  <si>
    <t>gulqaim mastoi</t>
  </si>
  <si>
    <t>Raisa parveen</t>
  </si>
  <si>
    <t>GGPS BASTI SONHARA</t>
  </si>
  <si>
    <t>GGPS  BASTI SONHARA</t>
  </si>
  <si>
    <t>RIFFAT SULTANA</t>
  </si>
  <si>
    <t>GGPS BASTI SONI</t>
  </si>
  <si>
    <t>GGP/s basti soni moza mahmood abad p/o Chak Abbas t/d r.y.khan</t>
  </si>
  <si>
    <t>Basti Soni</t>
  </si>
  <si>
    <t>GGPS BASTI SONIC</t>
  </si>
  <si>
    <t>Basti jindwada sonak</t>
  </si>
  <si>
    <t>GGPS BASTI SULKANI</t>
  </si>
  <si>
    <t>GGMPS BASTI SULKANI</t>
  </si>
  <si>
    <t>Sahu wala</t>
  </si>
  <si>
    <t>aziz begam</t>
  </si>
  <si>
    <t>GGPS BASTI SULTAN WALI</t>
  </si>
  <si>
    <t>Tango</t>
  </si>
  <si>
    <t>Basti sultan wali moza tango p/o mud rajbana</t>
  </si>
  <si>
    <t>Basti Sultan Wali</t>
  </si>
  <si>
    <t>GGPS BASTI SURANI</t>
  </si>
  <si>
    <t>Mahal Khakhi</t>
  </si>
  <si>
    <t>basti Surani mouza mahal Khakhi p.o rukan wali Teh.dist. M garh</t>
  </si>
  <si>
    <t>Basti Surani</t>
  </si>
  <si>
    <t>shamim Kaousar</t>
  </si>
  <si>
    <t>GGPS BASTI SYEDAN WALI</t>
  </si>
  <si>
    <t>Basti Syedan wali p/o machiwal tehsil 18 hazari district jhang</t>
  </si>
  <si>
    <t>Basti Syedan Wali</t>
  </si>
  <si>
    <t>7/2 Thal Janubi</t>
  </si>
  <si>
    <t>Shakeela Muhammad Hussain</t>
  </si>
  <si>
    <t>GGPS BASTI TALKOT JADEED</t>
  </si>
  <si>
    <t>Zimy Wala</t>
  </si>
  <si>
    <t>GGPS Basti Talkot Jadeed M G</t>
  </si>
  <si>
    <t>Basti Talkoot</t>
  </si>
  <si>
    <t>Bhuttta Pur</t>
  </si>
  <si>
    <t>Sumaira Gul</t>
  </si>
  <si>
    <t>GGPS BASTI TANVARI</t>
  </si>
  <si>
    <t>BASTI TANWARI</t>
  </si>
  <si>
    <t>Farzana Zaheer</t>
  </si>
  <si>
    <t>GGPS BASTI TARAGGAR</t>
  </si>
  <si>
    <t>ggps basti tragar layyah</t>
  </si>
  <si>
    <t>Nadia Ahmed</t>
  </si>
  <si>
    <t>GGPS BASTI TEHAI</t>
  </si>
  <si>
    <t>Basti Tehai Mouza Ladha Langar Post office Shaikh Umer Kot Addu</t>
  </si>
  <si>
    <t>Basti tehai</t>
  </si>
  <si>
    <t>GGPS BASTI TENDAR M NAWAZ WAJHI</t>
  </si>
  <si>
    <t>Easa Wala</t>
  </si>
  <si>
    <t>G G p/s Basti Tander M.Nawaz Vijhi Easa Wala</t>
  </si>
  <si>
    <t>Tander Vijhi</t>
  </si>
  <si>
    <t>GGPS BASTI THADI</t>
  </si>
  <si>
    <t>Glazi Pur Dasti Wala</t>
  </si>
  <si>
    <t>g.g.p.school basti thaddi  dasti  wala muzaffargarh</t>
  </si>
  <si>
    <t>Aadarsh Zahra</t>
  </si>
  <si>
    <t>GGPS BASTI THAHEEM</t>
  </si>
  <si>
    <t>Laly Wala</t>
  </si>
  <si>
    <t>basti thaheem tesil lodhran</t>
  </si>
  <si>
    <t>Basti Thaheem</t>
  </si>
  <si>
    <t>Kausar Shaheen Malik</t>
  </si>
  <si>
    <t>GGPS BASTI THUL P/O JHOKE VAINCE MULTAN</t>
  </si>
  <si>
    <t>Ran Lab dariya</t>
  </si>
  <si>
    <t>GGPS BASTI THULL</t>
  </si>
  <si>
    <t>Basti Thull</t>
  </si>
  <si>
    <t>kiran Saeed</t>
  </si>
  <si>
    <t>GGPS BASTI TIBBA BASTI MULTANI CHAH SALEEM ABBASI</t>
  </si>
  <si>
    <t>sajjan wala</t>
  </si>
  <si>
    <t>Sajjan Wala</t>
  </si>
  <si>
    <t>GGPS BASTI TIBYAN WALI</t>
  </si>
  <si>
    <t>GGPS Basti Tibiyan wali</t>
  </si>
  <si>
    <t>Basti Tibiyan Wali</t>
  </si>
  <si>
    <t>GGPS BASTI TILHAR MASJID BILAL (NEW)</t>
  </si>
  <si>
    <t>Marhan Wali</t>
  </si>
  <si>
    <t>GGPS basti pilhar masjid bilal karor</t>
  </si>
  <si>
    <t>Basti Pilhar</t>
  </si>
  <si>
    <t>Musarat shaheen</t>
  </si>
  <si>
    <t>GGPS BASTI TILOKA PO MEHTA JHEDU</t>
  </si>
  <si>
    <t>Taloka</t>
  </si>
  <si>
    <t>ggps taloks</t>
  </si>
  <si>
    <t>GGPS BASTI TURK KHAN LAAR</t>
  </si>
  <si>
    <t>kotla khan lar</t>
  </si>
  <si>
    <t>basti turk khan lar</t>
  </si>
  <si>
    <t>Dhand Gagri</t>
  </si>
  <si>
    <t>Humera Akber</t>
  </si>
  <si>
    <t>GGPS BASTI UMER DAAKHLI</t>
  </si>
  <si>
    <t>Douloana Gharbi</t>
  </si>
  <si>
    <t>Chah Nawan Moza Douloana Gharbi Post Office Same VIA Garh Maharaja Tehsil Ahmad Pur Sial Distric Jhang</t>
  </si>
  <si>
    <t>Chah Nawan</t>
  </si>
  <si>
    <t>Rehana Kalsoom</t>
  </si>
  <si>
    <t>GGPS BASTI UMRA JUTTA</t>
  </si>
  <si>
    <t>Allah Yar Juta</t>
  </si>
  <si>
    <t>po Allah yar juta tehsil shorkot Distt.jhang</t>
  </si>
  <si>
    <t>Umra Juta</t>
  </si>
  <si>
    <t>ASIFA SARDAR</t>
  </si>
  <si>
    <t>GGPS BASTI WAHEER</t>
  </si>
  <si>
    <t>wastiwaheer ggps 12 block</t>
  </si>
  <si>
    <t>12block Jbd</t>
  </si>
  <si>
    <t>MC 2 JAUHARABAD</t>
  </si>
  <si>
    <t>Rukhsana Rehman</t>
  </si>
  <si>
    <t>GGPS BASTI WALA</t>
  </si>
  <si>
    <t>adda Gopal pur bahawalpur road ggps basti wala multan</t>
  </si>
  <si>
    <t>Basti Wala</t>
  </si>
  <si>
    <t>SHAHANA SHAUKAT</t>
  </si>
  <si>
    <t>GGPS BASTI WARYAM</t>
  </si>
  <si>
    <t>basti waryaam</t>
  </si>
  <si>
    <t>Basti waryaam</t>
  </si>
  <si>
    <t>Basti Waryaam</t>
  </si>
  <si>
    <t>Dubklhan</t>
  </si>
  <si>
    <t>Taswar batool</t>
  </si>
  <si>
    <t>GGPS BASTI WASEERAN</t>
  </si>
  <si>
    <t>Tahli Tlbani</t>
  </si>
  <si>
    <t>ada khaji wala sharki p/o  tahli tlbani  kpt  bahawalpur</t>
  </si>
  <si>
    <t>Sayyad Imam Shah</t>
  </si>
  <si>
    <t>GGPS BASTI WASHANI</t>
  </si>
  <si>
    <t>Basti  Washani Tehsil District Rahim Yar khan</t>
  </si>
  <si>
    <t>Basti Washani</t>
  </si>
  <si>
    <t>GGPS BASTI WAZEER KHAN KOUSHAK</t>
  </si>
  <si>
    <t>Wazir Khan koushk</t>
  </si>
  <si>
    <t>Wazir Khan Koushk</t>
  </si>
  <si>
    <t>Ishrat Naz</t>
  </si>
  <si>
    <t>GGPS BASTI WAZIR WALA NEAR GOPAL PUR MULTAN</t>
  </si>
  <si>
    <t>basti wazir Wala</t>
  </si>
  <si>
    <t>Wazir Wala</t>
  </si>
  <si>
    <t>GGPS BASTI WIGHAR BOSAN HITTAR P.BOX MULTAN</t>
  </si>
  <si>
    <t>Anayt  Pur   Mahota</t>
  </si>
  <si>
    <t>anayt  Pur  Mahota  basti  wighar  nazad  peer  nahra</t>
  </si>
  <si>
    <t>Basti  Weghair</t>
  </si>
  <si>
    <t>Anayt  Pur  Mahota</t>
  </si>
  <si>
    <t>Saima Raza</t>
  </si>
  <si>
    <t>GGPS BASTI YAR SHAH NO.2</t>
  </si>
  <si>
    <t>DHORAHAJANA</t>
  </si>
  <si>
    <t>CHAH TOLAY WALA</t>
  </si>
  <si>
    <t>CHAH TOLAYWALA</t>
  </si>
  <si>
    <t>Afifa BiBi</t>
  </si>
  <si>
    <t>GGPS BASTI YARAY WALI</t>
  </si>
  <si>
    <t>Yary Wali</t>
  </si>
  <si>
    <t>P/O Box Mana AHMDANI, Moza Yarywali</t>
  </si>
  <si>
    <t>Ara jaffar</t>
  </si>
  <si>
    <t>GGPS BASTI YASEEN</t>
  </si>
  <si>
    <t>basti peer chanun punun 24/p</t>
  </si>
  <si>
    <t>GGPS BASTI ZAFAR SHAH</t>
  </si>
  <si>
    <t>Ggps basti Zafar Shah post office 10 fw ctn</t>
  </si>
  <si>
    <t>Basti Zafar Shah</t>
  </si>
  <si>
    <t>Najma Khatoon</t>
  </si>
  <si>
    <t>GGPS BASTI ZAHIR PIR</t>
  </si>
  <si>
    <t>Basti Zahir Pir</t>
  </si>
  <si>
    <t>GGps basti zahir pir</t>
  </si>
  <si>
    <t>GGPS BASTI ZAMA OKAN WALA</t>
  </si>
  <si>
    <t>Gopal Pur</t>
  </si>
  <si>
    <t>GGP School Basti Zamma Okan Wala</t>
  </si>
  <si>
    <t>Okan Wala</t>
  </si>
  <si>
    <t>Shazia Bukhari</t>
  </si>
  <si>
    <t>GGPS BASTI ZARGAR KOT KHALIFA</t>
  </si>
  <si>
    <t>BASTI ZARGAR</t>
  </si>
  <si>
    <t>Naureen Gull</t>
  </si>
  <si>
    <t>GGPS BASTI ZOHAR ALI</t>
  </si>
  <si>
    <t>Shekhani</t>
  </si>
  <si>
    <t>GGPS Zohar ali</t>
  </si>
  <si>
    <t>Zohar ali</t>
  </si>
  <si>
    <t>Mison kot buha</t>
  </si>
  <si>
    <t>Iram Riaz</t>
  </si>
  <si>
    <t>GGPS BASTI ZOHRA</t>
  </si>
  <si>
    <t>basti Zahra po ghazi pur</t>
  </si>
  <si>
    <t>Basti Zahra</t>
  </si>
  <si>
    <t>Sumaira Sadiq</t>
  </si>
  <si>
    <t>GGPS BASTI ZOUR</t>
  </si>
  <si>
    <t>Zour</t>
  </si>
  <si>
    <t>Basti zour Qasba Gujrat tehseel kot adu distt.M.Garh</t>
  </si>
  <si>
    <t>Rubeena Shahnaz</t>
  </si>
  <si>
    <t>GGPS BASU PUNNU</t>
  </si>
  <si>
    <t>Basu pannu</t>
  </si>
  <si>
    <t>Basu Pannu</t>
  </si>
  <si>
    <t>Robila naz</t>
  </si>
  <si>
    <t>GGPS BATAK</t>
  </si>
  <si>
    <t>Batak</t>
  </si>
  <si>
    <t>GGPS Batak Basirpur</t>
  </si>
  <si>
    <t>Tabasum Batool</t>
  </si>
  <si>
    <t>GGPS BATALA MODEL G WAHEED PARK</t>
  </si>
  <si>
    <t>g g batala model p/s abdullah pur</t>
  </si>
  <si>
    <t>Almas Sultana</t>
  </si>
  <si>
    <t>GGPS BATARAY NO.2</t>
  </si>
  <si>
    <t>Bataray</t>
  </si>
  <si>
    <t>bataray</t>
  </si>
  <si>
    <t>Saghar Kalan</t>
  </si>
  <si>
    <t>GGPS BATH</t>
  </si>
  <si>
    <t>Bath</t>
  </si>
  <si>
    <t>GGPS BATH KALAN</t>
  </si>
  <si>
    <t>g .g.p.s bath kalan</t>
  </si>
  <si>
    <t>GGPS BATH KALAN MULTAN ROAD</t>
  </si>
  <si>
    <t>GGPS Batth kalan Multan road Lahore</t>
  </si>
  <si>
    <t>Batth Kalan</t>
  </si>
  <si>
    <t>GGPS BATHOO WAL</t>
  </si>
  <si>
    <t>vill.bathoowal p.o.ghansia teh.distt.gujrat</t>
  </si>
  <si>
    <t>Bathoowal</t>
  </si>
  <si>
    <t>Chachian Shams</t>
  </si>
  <si>
    <t>Farzana Aamir Naveed</t>
  </si>
  <si>
    <t>bring water by students from  out of skuls</t>
  </si>
  <si>
    <t>GGPS BATI KAKAR MOUZA PATI CHANG</t>
  </si>
  <si>
    <t>Pati Chang</t>
  </si>
  <si>
    <t>basti kakar, mouza pati chang APE</t>
  </si>
  <si>
    <t>Basti Kakar</t>
  </si>
  <si>
    <t>Amna Tariq</t>
  </si>
  <si>
    <t>GGPS BATIAN WALA, ABDUL HAKIM</t>
  </si>
  <si>
    <t>Batianwala</t>
  </si>
  <si>
    <t>batianwala abdulhakim</t>
  </si>
  <si>
    <t>Shahadat Kandlah</t>
  </si>
  <si>
    <t>Shazia Nasim</t>
  </si>
  <si>
    <t>GGPS BATOOL WALA</t>
  </si>
  <si>
    <t>meeran pur markaz shehar sultan tehsil jatoi dist m.garh</t>
  </si>
  <si>
    <t>Faiz-a-bad</t>
  </si>
  <si>
    <t>Yasmin Khalid</t>
  </si>
  <si>
    <t>GGPS BATRIAN WALI</t>
  </si>
  <si>
    <t>ggps basti batrian wali mouza bhangoo</t>
  </si>
  <si>
    <t>Mouza Bhangoo</t>
  </si>
  <si>
    <t>Shabana Tauqir</t>
  </si>
  <si>
    <t>GGPS BATTHA ATA MUHAMMAD</t>
  </si>
  <si>
    <t>ward no.3 mohala qazi Wala kot adu.</t>
  </si>
  <si>
    <t>Mubashra Hina</t>
  </si>
  <si>
    <t>GGPS BAWA TAHIR</t>
  </si>
  <si>
    <t>Bawa Tahir</t>
  </si>
  <si>
    <t>Bawa Tahir Haveli Lakha</t>
  </si>
  <si>
    <t>BAWA TAHIR</t>
  </si>
  <si>
    <t>Farid Pur Suhag</t>
  </si>
  <si>
    <t>Asifa Parween</t>
  </si>
  <si>
    <t>GGPS BAWALI KALAN</t>
  </si>
  <si>
    <t>bawali kalan</t>
  </si>
  <si>
    <t>village bawali kalan post office &amp;tehsil,sara i alamgir.district gujrat</t>
  </si>
  <si>
    <t>sumaira bibi</t>
  </si>
  <si>
    <t>GGPS BAWARAY NOU</t>
  </si>
  <si>
    <t>BAWARAY NOU</t>
  </si>
  <si>
    <t>Misbah Ashraf</t>
  </si>
  <si>
    <t>GGPS BAWATA</t>
  </si>
  <si>
    <t>Sarwat Bi Bi</t>
  </si>
  <si>
    <t>GGPS BAWLI KHURD</t>
  </si>
  <si>
    <t>Bawli Khurd</t>
  </si>
  <si>
    <t>village bawli khurd</t>
  </si>
  <si>
    <t>summia rehman</t>
  </si>
  <si>
    <t>GGPS BAWRAY DHAK</t>
  </si>
  <si>
    <t>Bawray Dhak</t>
  </si>
  <si>
    <t>bawray dhak</t>
  </si>
  <si>
    <t>Chail Kalan</t>
  </si>
  <si>
    <t>Aiza Kanwal</t>
  </si>
  <si>
    <t>GGPS BAZAR DALGIRAN</t>
  </si>
  <si>
    <t>Primary school Bazar dalgiran kasur</t>
  </si>
  <si>
    <t>Bazar dalgiran</t>
  </si>
  <si>
    <t>Bazar Dalgiran Kasur</t>
  </si>
  <si>
    <t>Sidra Khatana</t>
  </si>
  <si>
    <t>GGPS BAZDAR WALA MULTAN</t>
  </si>
  <si>
    <t>bazdar wala</t>
  </si>
  <si>
    <t>basti sahu bazdar wala multan</t>
  </si>
  <si>
    <t>botay wala</t>
  </si>
  <si>
    <t>Sakiya Parveen</t>
  </si>
  <si>
    <t>GGPS BAZID PUR</t>
  </si>
  <si>
    <t>village Bazeed pur</t>
  </si>
  <si>
    <t>GGPS BAZURAGWAL</t>
  </si>
  <si>
    <t>GGPS BAZURGWAL TEHSIL KHARIAN DISTRICT GUJRAT</t>
  </si>
  <si>
    <t>Nazish Asif</t>
  </si>
  <si>
    <t>GGPS BECHOWAL</t>
  </si>
  <si>
    <t>Beechowal</t>
  </si>
  <si>
    <t>Beechowal Sailkot</t>
  </si>
  <si>
    <t>Talat Batool</t>
  </si>
  <si>
    <t>GGPS BEER BARAN</t>
  </si>
  <si>
    <t>Beer Baran</t>
  </si>
  <si>
    <t>ggps beer baran</t>
  </si>
  <si>
    <t>Sheeanwala</t>
  </si>
  <si>
    <t>Rakhcheragha</t>
  </si>
  <si>
    <t>Tahseen Akhter</t>
  </si>
  <si>
    <t>GGPS BEERBAL RANJHA</t>
  </si>
  <si>
    <t>Wan baigo ki</t>
  </si>
  <si>
    <t>Wan baigon ki Beerbal Ranjha Haveli Lakha</t>
  </si>
  <si>
    <t>Beerbal Ranjha</t>
  </si>
  <si>
    <t>Bunga Saleha</t>
  </si>
  <si>
    <t>Iffat ul Rasheed</t>
  </si>
  <si>
    <t>GGPS BEERBUL SAKHAIRIAN WALI</t>
  </si>
  <si>
    <t>Beer Bal</t>
  </si>
  <si>
    <t>chak beer bal sukairian wala</t>
  </si>
  <si>
    <t>GGPS BEGA KHURD</t>
  </si>
  <si>
    <t>Beegha Khurd</t>
  </si>
  <si>
    <t>Natasha Ambreen</t>
  </si>
  <si>
    <t>GGPS BEGAL</t>
  </si>
  <si>
    <t>Waghal Chajjana</t>
  </si>
  <si>
    <t>gmps begal</t>
  </si>
  <si>
    <t>Zanaib Bibi</t>
  </si>
  <si>
    <t>GGPS BEGHWAL</t>
  </si>
  <si>
    <t>village bhagwal p/b sathiala tehsil zafarwal district narowal</t>
  </si>
  <si>
    <t>GGPS BEGOWALA NO.2</t>
  </si>
  <si>
    <t>begowala tehsil sambrial district Sialkot</t>
  </si>
  <si>
    <t>Saima Sahi</t>
  </si>
  <si>
    <t>GGPS BEGU KHELAN WALA DERA BEGU KHELAN WALA</t>
  </si>
  <si>
    <t>dera begu khel an wala Tri khel</t>
  </si>
  <si>
    <t>Teri Khel</t>
  </si>
  <si>
    <t>Sahrish Nosheen</t>
  </si>
  <si>
    <t>GGPS BEHAK DIAM</t>
  </si>
  <si>
    <t>Bhack Daim</t>
  </si>
  <si>
    <t>bahik daim tehsil kotmomin</t>
  </si>
  <si>
    <t>Bhakdaim</t>
  </si>
  <si>
    <t>Ghulapur</t>
  </si>
  <si>
    <t>Ansar Naseem</t>
  </si>
  <si>
    <t>GGPS BEHAK LURKA</t>
  </si>
  <si>
    <t>Behak Ranjha</t>
  </si>
  <si>
    <t>Behak lurka kotmomin sargodha</t>
  </si>
  <si>
    <t>Aisha Saddiqa</t>
  </si>
  <si>
    <t>GGPS BEHAK MAIKEN</t>
  </si>
  <si>
    <t>Behak Mekan</t>
  </si>
  <si>
    <t>behak mekan</t>
  </si>
  <si>
    <t>92nb</t>
  </si>
  <si>
    <t>Samrah Mumtaz</t>
  </si>
  <si>
    <t>GGPS BEHAR COLONY</t>
  </si>
  <si>
    <t>GGPS Behar Colony</t>
  </si>
  <si>
    <t>S/town</t>
  </si>
  <si>
    <t>Maryam Saba</t>
  </si>
  <si>
    <t>GGPS BEHARI COLONY</t>
  </si>
  <si>
    <t>Ggps behari colony chunian</t>
  </si>
  <si>
    <t>Shazia Noor</t>
  </si>
  <si>
    <t>GGPS BEHARI COLONY SARGODHA</t>
  </si>
  <si>
    <t>GGPS Behari Colony Sargodha</t>
  </si>
  <si>
    <t>MC Factory Area</t>
  </si>
  <si>
    <t>Abidah Parveen</t>
  </si>
  <si>
    <t>GGPS BEHARY COLONY</t>
  </si>
  <si>
    <t>Chandi street # 8 Behari coloney Muzaffargarh</t>
  </si>
  <si>
    <t>Behari Coloney</t>
  </si>
  <si>
    <t>Fiaz bano</t>
  </si>
  <si>
    <t>GGPS BEHKAN WALA</t>
  </si>
  <si>
    <t>BEHKAN WALA</t>
  </si>
  <si>
    <t>ggps behkanwala tehsil minchinabad</t>
  </si>
  <si>
    <t>Behkan wala</t>
  </si>
  <si>
    <t>GGPS BEHL CHAKA</t>
  </si>
  <si>
    <t>Bangal</t>
  </si>
  <si>
    <t>Behlchakka tensile kotlisattian station</t>
  </si>
  <si>
    <t>Behlchakka</t>
  </si>
  <si>
    <t>Saiqa Bibi</t>
  </si>
  <si>
    <t>supply pip</t>
  </si>
  <si>
    <t>GGPS BEHLAD PUR</t>
  </si>
  <si>
    <t>Bhelad Pur</t>
  </si>
  <si>
    <t>BEHLAD pur</t>
  </si>
  <si>
    <t>BEHLAD Pur</t>
  </si>
  <si>
    <t>Muqadas Akhtar</t>
  </si>
  <si>
    <t>GGPS BEHLOLA</t>
  </si>
  <si>
    <t>BEHLOLA</t>
  </si>
  <si>
    <t>Village Behlola P/O Sialkot City Teh Sialkot District  Sialkot</t>
  </si>
  <si>
    <t>Naveeda Khanam</t>
  </si>
  <si>
    <t>GGPS BEHLOLPUR</t>
  </si>
  <si>
    <t>HAFSA Tufail</t>
  </si>
  <si>
    <t>GGPS BEHLOOL</t>
  </si>
  <si>
    <t>Behlol Bahter</t>
  </si>
  <si>
    <t>Govt Girls Primary School Behlol</t>
  </si>
  <si>
    <t>Behlol</t>
  </si>
  <si>
    <t>Bahter</t>
  </si>
  <si>
    <t>GGPS BEHLOT</t>
  </si>
  <si>
    <t>Behlot</t>
  </si>
  <si>
    <t>behlot</t>
  </si>
  <si>
    <t>Hina Khalid</t>
  </si>
  <si>
    <t>GGPS BEHRA KHURD</t>
  </si>
  <si>
    <t>Behra khurd</t>
  </si>
  <si>
    <t>Govt Girls Primary School Behra Khurd</t>
  </si>
  <si>
    <t>Behra Khurd</t>
  </si>
  <si>
    <t>Asiya Parveen</t>
  </si>
  <si>
    <t>GGPS BEHRAM KHAIL</t>
  </si>
  <si>
    <t>Behram Khel</t>
  </si>
  <si>
    <t>Chak no 2 Rakh dullewala Behram Khel</t>
  </si>
  <si>
    <t>Rural Dullewala</t>
  </si>
  <si>
    <t>Amber Rani</t>
  </si>
  <si>
    <t>GGPS BEHRAM PUR</t>
  </si>
  <si>
    <t>G G P school behram pur</t>
  </si>
  <si>
    <t>Sadiqa Younas</t>
  </si>
  <si>
    <t>GGPS BEHRAM SER</t>
  </si>
  <si>
    <t>Govt girls primary school Behramsar.Markaz Ghumand pur.</t>
  </si>
  <si>
    <t>Toba Blochan</t>
  </si>
  <si>
    <t>Farah Rafiq</t>
  </si>
  <si>
    <t>GGPS BEHRAMKA UTTAR</t>
  </si>
  <si>
    <t>G GPS Behram ka ottar moza badri narain pura</t>
  </si>
  <si>
    <t>Badri Narain Pur</t>
  </si>
  <si>
    <t>MCD2</t>
  </si>
  <si>
    <t>Afifa Yahya</t>
  </si>
  <si>
    <t>GGPS BEHROOP GARH</t>
  </si>
  <si>
    <t>Behroopgarh</t>
  </si>
  <si>
    <t>behroopgarh</t>
  </si>
  <si>
    <t>Maryam Rubina</t>
  </si>
  <si>
    <t>GGPS BEKHARI KHURD P/O DULLAH</t>
  </si>
  <si>
    <t>Bikhari Khurd</t>
  </si>
  <si>
    <t>village Bikhari Khurd p / o Dullah Teh &amp;District Chakwal</t>
  </si>
  <si>
    <t>GGPS BEKHO CHAK</t>
  </si>
  <si>
    <t>Bhicko Chuck</t>
  </si>
  <si>
    <t>village and p o Bhicko Chuck teh SKG dis Norro wal</t>
  </si>
  <si>
    <t>marium khan</t>
  </si>
  <si>
    <t>GGPS BELA</t>
  </si>
  <si>
    <t>village  Bela Teh Jand</t>
  </si>
  <si>
    <t>Kaleem Sultana</t>
  </si>
  <si>
    <t>GGPS BELA ALI KHANAN NORTH</t>
  </si>
  <si>
    <t>Ali Khanana</t>
  </si>
  <si>
    <t>ggps balia alikhanana kot umar draz</t>
  </si>
  <si>
    <t>Kot Umar Draz</t>
  </si>
  <si>
    <t>Farhat Rasheed</t>
  </si>
  <si>
    <t>GGPS BELA BANGASH</t>
  </si>
  <si>
    <t>Bela Bangash</t>
  </si>
  <si>
    <t>chah  kharora moza bela bangash</t>
  </si>
  <si>
    <t>Chah  Kharora</t>
  </si>
  <si>
    <t>GGPS BELA SADHANA</t>
  </si>
  <si>
    <t>GGPS Bela sadhana</t>
  </si>
  <si>
    <t>Bela Sadhana</t>
  </si>
  <si>
    <t>Shaista Hussain</t>
  </si>
  <si>
    <t>GGPS BELA SHEHER</t>
  </si>
  <si>
    <t>Bela Sheher</t>
  </si>
  <si>
    <t>bela shehr</t>
  </si>
  <si>
    <t>Rubina Nosheen</t>
  </si>
  <si>
    <t>GGPS BENDHAY WALA</t>
  </si>
  <si>
    <t>gajjani</t>
  </si>
  <si>
    <t>ggps bhindy wala kala kaloni dera ghazi khan</t>
  </si>
  <si>
    <t>kala kaloni</t>
  </si>
  <si>
    <t>shero dasti</t>
  </si>
  <si>
    <t>Jamila Khanam</t>
  </si>
  <si>
    <t>GGPS BERAN WALA</t>
  </si>
  <si>
    <t>Beranwal</t>
  </si>
  <si>
    <t>beranwala a</t>
  </si>
  <si>
    <t>Beranwala</t>
  </si>
  <si>
    <t>GGPS BERHAMAN WALA</t>
  </si>
  <si>
    <t>G. G P/s Barhmn wala taliri</t>
  </si>
  <si>
    <t>Barhman Wala</t>
  </si>
  <si>
    <t>fozia hassan</t>
  </si>
  <si>
    <t>GGPS BERI WALA</t>
  </si>
  <si>
    <t>Ch.basant pur moza rukan pur lodhran</t>
  </si>
  <si>
    <t>Basant Pur</t>
  </si>
  <si>
    <t>Kamal Pur Jatiyal</t>
  </si>
  <si>
    <t>Zahra Zafar</t>
  </si>
  <si>
    <t>GGPS BERI WALA TARAF DAIRA</t>
  </si>
  <si>
    <t>wan chatta</t>
  </si>
  <si>
    <t>g.g.p.s beri wala mouza wan chatta</t>
  </si>
  <si>
    <t>qasba murrel</t>
  </si>
  <si>
    <t>kayan pur</t>
  </si>
  <si>
    <t>Saira Fatmee</t>
  </si>
  <si>
    <t>GGPS BERIDGH SARGANA, P/O CHAH MALKEY WALA, SARAI SIDHU</t>
  </si>
  <si>
    <t>Brajh Srgana</t>
  </si>
  <si>
    <t>GGPS bradgh sargana, p/o chah malkey wala, Sarai sidhu</t>
  </si>
  <si>
    <t>Chah Malky Wala</t>
  </si>
  <si>
    <t>Zahora Begum</t>
  </si>
  <si>
    <t>GGPS BERKET</t>
  </si>
  <si>
    <t>Berket</t>
  </si>
  <si>
    <t>berket</t>
  </si>
  <si>
    <t>Zarlish Butt</t>
  </si>
  <si>
    <t>GGPS BERONE COMMITTEE KHARIAN NO.6</t>
  </si>
  <si>
    <t>berone committee Ggps kharian  no..6</t>
  </si>
  <si>
    <t>Berone Committee Ggps Kharian no6</t>
  </si>
  <si>
    <t>Sana Bashir</t>
  </si>
  <si>
    <t>Mazail</t>
  </si>
  <si>
    <t>GGPS BEROON ABADI MUHAMMAD</t>
  </si>
  <si>
    <t>Raja Jang</t>
  </si>
  <si>
    <t>Beeron Abadi Mir Muhammad</t>
  </si>
  <si>
    <t>Mir Muhammad Sattoki</t>
  </si>
  <si>
    <t>GGPS BERTHAL</t>
  </si>
  <si>
    <t>BERTHAL</t>
  </si>
  <si>
    <t>GGPS BERTHAL TEH PASRUR DISTT SIALKOT</t>
  </si>
  <si>
    <t>PRAIL</t>
  </si>
  <si>
    <t>Surryia Akhter</t>
  </si>
  <si>
    <t>GGPS BERULI CHHIDRU</t>
  </si>
  <si>
    <t>Chidru</t>
  </si>
  <si>
    <t>beruli chidru post office chidru district and Tehsil Mianwali</t>
  </si>
  <si>
    <t>GGPS BERULI YARU KHEL</t>
  </si>
  <si>
    <t>shehbaz khel</t>
  </si>
  <si>
    <t>beruli yaru khel near mustafa flour mill</t>
  </si>
  <si>
    <t>beruli yaru khel</t>
  </si>
  <si>
    <t>Ruqaia</t>
  </si>
  <si>
    <t>GGPS BHABHRANI</t>
  </si>
  <si>
    <t>BHABHRANI</t>
  </si>
  <si>
    <t>P/O: Jalpana, Teh: ShahPur, Distt: Sargodha</t>
  </si>
  <si>
    <t>JALPANA</t>
  </si>
  <si>
    <t>GGPS BHABRA</t>
  </si>
  <si>
    <t>Bhabra Jattan</t>
  </si>
  <si>
    <t>village bhabra jattan</t>
  </si>
  <si>
    <t>GGPS BHABRIAN WALA</t>
  </si>
  <si>
    <t>Bhabherianwala</t>
  </si>
  <si>
    <t>Bhabherianwala near railwaycrosing</t>
  </si>
  <si>
    <t>Majeeda Bibi</t>
  </si>
  <si>
    <t>GGPS BHACHAR</t>
  </si>
  <si>
    <t>Kuthaila sheikhan 9</t>
  </si>
  <si>
    <t>bhacher</t>
  </si>
  <si>
    <t>Bhacher</t>
  </si>
  <si>
    <t>Chak No 40</t>
  </si>
  <si>
    <t>GGPS BHAD WALA</t>
  </si>
  <si>
    <t>Bhaid Wala</t>
  </si>
  <si>
    <t>bhaid wala</t>
  </si>
  <si>
    <t>GGPS BHADANA</t>
  </si>
  <si>
    <t>GGPS Bhadana Teh&amp;Distt  Gujrat</t>
  </si>
  <si>
    <t>Sarwat Rafique</t>
  </si>
  <si>
    <t>GGPS BHADAY WALA</t>
  </si>
  <si>
    <t>chah bhaday wala</t>
  </si>
  <si>
    <t>Bhaday Wala</t>
  </si>
  <si>
    <t>Kaniz Rubab</t>
  </si>
  <si>
    <t>GGPS BHADDA BAKHRA WALA</t>
  </si>
  <si>
    <t>Basti Mian Panja</t>
  </si>
  <si>
    <t>Govt girls p/s bhaday bakhray wala</t>
  </si>
  <si>
    <t>Bhaday Bakhray Wala</t>
  </si>
  <si>
    <t>Mehwish Aman</t>
  </si>
  <si>
    <t>GGPS BHADI WAHIN KEHROR PACCA</t>
  </si>
  <si>
    <t>Bahadiwhain</t>
  </si>
  <si>
    <t>Basti kumharn moza bahadiwhn teh kahror pacca distt lodhran</t>
  </si>
  <si>
    <t>Naseer Di Whan</t>
  </si>
  <si>
    <t>GGPS BHADIARI</t>
  </si>
  <si>
    <t>bhadiari</t>
  </si>
  <si>
    <t>village bhadiari</t>
  </si>
  <si>
    <t>fouzia noreen</t>
  </si>
  <si>
    <t>GGPS BHADOO WALA</t>
  </si>
  <si>
    <t>Taraf Massu</t>
  </si>
  <si>
    <t>chah bhadoo wala moza taraf massu m garh</t>
  </si>
  <si>
    <t>Bhadoo Wala</t>
  </si>
  <si>
    <t>Sadewahin</t>
  </si>
  <si>
    <t>Nain Tara</t>
  </si>
  <si>
    <t>GGPS BHAG</t>
  </si>
  <si>
    <t>Bhag teh.Pasrur Distt. Sialkot</t>
  </si>
  <si>
    <t>GGPS BHAG SIR NEAR BAND BOSAN BARSATI MULTAN</t>
  </si>
  <si>
    <t>Bhagh Sar</t>
  </si>
  <si>
    <t>basti bhagh sar near adda bun bosan</t>
  </si>
  <si>
    <t>Aasma Yousaf</t>
  </si>
  <si>
    <t>GGPS BHAGAL SHARQI</t>
  </si>
  <si>
    <t>Bhagal Sharqi</t>
  </si>
  <si>
    <t>Bhagal Sharqi, , sambrial, , sialkot</t>
  </si>
  <si>
    <t>Habib Pur</t>
  </si>
  <si>
    <t>GGPS BHAGAT GARH</t>
  </si>
  <si>
    <t>Bhagat Garh</t>
  </si>
  <si>
    <t>Bhagat garh GRW</t>
  </si>
  <si>
    <t>GGPS BHAGI PURA DINGA</t>
  </si>
  <si>
    <t>Baghi pura dinga</t>
  </si>
  <si>
    <t>Dinga 1</t>
  </si>
  <si>
    <t>GGPS BHAGIANA KHURD</t>
  </si>
  <si>
    <t>Bughisna Khurd The. Pattoki Dist Kasur</t>
  </si>
  <si>
    <t>Um e Kalsoom</t>
  </si>
  <si>
    <t>GGPS BHAGIAR MAR</t>
  </si>
  <si>
    <t>Baghyar Mar</t>
  </si>
  <si>
    <t>govt girls p/s baghyar mar</t>
  </si>
  <si>
    <t>Noreen Nazar</t>
  </si>
  <si>
    <t>GGPS BHAGNIAN</t>
  </si>
  <si>
    <t>Bhagnian</t>
  </si>
  <si>
    <t>Bhagnian Pasrur sialkot</t>
  </si>
  <si>
    <t>Jasoran</t>
  </si>
  <si>
    <t>Muqadas Rasool</t>
  </si>
  <si>
    <t>GGPS BHAGO</t>
  </si>
  <si>
    <t>Bhago</t>
  </si>
  <si>
    <t>GGPS Bhago, Kharian (Gujrat)</t>
  </si>
  <si>
    <t>Saima Naureen</t>
  </si>
  <si>
    <t>GGPS BHAGOON</t>
  </si>
  <si>
    <t>village and p.o bhagoon tehsil kahuta distt Rawalpindi</t>
  </si>
  <si>
    <t>Rashada Parveen</t>
  </si>
  <si>
    <t>GGPS BHAGOTI PUR</t>
  </si>
  <si>
    <t>Bhagotipur</t>
  </si>
  <si>
    <t>village Bhagotipur  Tehsil &amp;post office Zafarwal Distribution Narwal.</t>
  </si>
  <si>
    <t>Bhattian Diwaan</t>
  </si>
  <si>
    <t>Zobia Ahmed</t>
  </si>
  <si>
    <t>GGPS BHAGU SHAH PUR</t>
  </si>
  <si>
    <t>Bhagushahpur</t>
  </si>
  <si>
    <t>Bhagushahpur p/o Mansoompur Sarai Alamgir Gujrat</t>
  </si>
  <si>
    <t>Shaista Begum</t>
  </si>
  <si>
    <t>GGPS BHAGWAN PUR</t>
  </si>
  <si>
    <t>KOT NAINAN - FEMALE</t>
  </si>
  <si>
    <t>Kot Nainan</t>
  </si>
  <si>
    <t>Village BHAGWAN Pur p/o kot naina</t>
  </si>
  <si>
    <t>Baghwan Pur</t>
  </si>
  <si>
    <t>Sojowal</t>
  </si>
  <si>
    <t>Sadia Maqsood</t>
  </si>
  <si>
    <t>GGPS BHAI KOT</t>
  </si>
  <si>
    <t>Bhaikot</t>
  </si>
  <si>
    <t>GGPS Bhaikot</t>
  </si>
  <si>
    <t>Samia Amir</t>
  </si>
  <si>
    <t>GGPS BHAI PUR</t>
  </si>
  <si>
    <t>Bhai Pur</t>
  </si>
  <si>
    <t>nomana siddique moh/ sharifpura near umer mosque shakargarh</t>
  </si>
  <si>
    <t>Nomana Siddique</t>
  </si>
  <si>
    <t>GGPS BHAIAN WALA</t>
  </si>
  <si>
    <t>ggp/s bahianwala</t>
  </si>
  <si>
    <t>Bahianwala</t>
  </si>
  <si>
    <t>Nizam  bibi</t>
  </si>
  <si>
    <t>GGPS BHAIR SODIAN</t>
  </si>
  <si>
    <t>bhair sodian teh chunian disit kasur</t>
  </si>
  <si>
    <t>Bhair Sidian</t>
  </si>
  <si>
    <t>Bhaghyana Khurd</t>
  </si>
  <si>
    <t>Uzma Sehar</t>
  </si>
  <si>
    <t>GGPS BHAJNA</t>
  </si>
  <si>
    <t>Salehpur Bhajna</t>
  </si>
  <si>
    <t>salehpur bhajnap/o mirpur</t>
  </si>
  <si>
    <t>Saleh Pur Bhajna</t>
  </si>
  <si>
    <t>Meluselu</t>
  </si>
  <si>
    <t>GGPS BHAKHAL BHIR BASTI EJAZ ABAD OLD DUNYA PUR ROAD</t>
  </si>
  <si>
    <t>Bakhal Bhir</t>
  </si>
  <si>
    <t>Government Girls Primary School Bakhal Bhir Old Dunya Pur Road Multan</t>
  </si>
  <si>
    <t>Ejaz Abad</t>
  </si>
  <si>
    <t>Bhanni</t>
  </si>
  <si>
    <t>Aalia Parveen</t>
  </si>
  <si>
    <t>GGPS BHAKHOO WALA STATION MUJAHID ABAD</t>
  </si>
  <si>
    <t>Wahi Naich</t>
  </si>
  <si>
    <t>basti bhakhoo wala station mujahid abad</t>
  </si>
  <si>
    <t>Bhakhoo Wala</t>
  </si>
  <si>
    <t>GGPS BHAKHRAL</t>
  </si>
  <si>
    <t>Bhakral</t>
  </si>
  <si>
    <t>village Bhakral p/o chowk pindori Teh. Kallar Syedan</t>
  </si>
  <si>
    <t>Aisha Jehangir</t>
  </si>
  <si>
    <t>GGPS BHAKKAR CITY WARD NO 2</t>
  </si>
  <si>
    <t>G G P/S Ward No2 Bhakkar</t>
  </si>
  <si>
    <t>Suraya Parveen</t>
  </si>
  <si>
    <t>GGPS BHAKLAN WALA OLD DUNYAPUR ROAD</t>
  </si>
  <si>
    <t>Bhakal Bhir</t>
  </si>
  <si>
    <t>Basti peer lal shah moza bhakal bhir</t>
  </si>
  <si>
    <t>Asifa Saleem</t>
  </si>
  <si>
    <t>GGPS BHAKOKY</t>
  </si>
  <si>
    <t>Bhakoky</t>
  </si>
  <si>
    <t>Bhakoky dakhana jalalpur jattan</t>
  </si>
  <si>
    <t>Farah Sultana</t>
  </si>
  <si>
    <t>GGPS BHAKRA P/O WAPDA COLONY KUNDIAN MIANWALI</t>
  </si>
  <si>
    <t>mohallah dosy khel khanqah sirajia</t>
  </si>
  <si>
    <t>Sarwat Fatima</t>
  </si>
  <si>
    <t>GGPS BHAKRAY WALI</t>
  </si>
  <si>
    <t>village bhakrewali p.o. goindke tehsil daska district sialkot</t>
  </si>
  <si>
    <t>MEHWISH IQBAL</t>
  </si>
  <si>
    <t>GGPS BHAKRY WALI KHURD</t>
  </si>
  <si>
    <t>Bhakray Wali Khurd</t>
  </si>
  <si>
    <t>Fehmida Khanum</t>
  </si>
  <si>
    <t>GGPS BHAL</t>
  </si>
  <si>
    <t>village bhal p/o Glial kalan teh.Jand ddtrict attock</t>
  </si>
  <si>
    <t>Rukhsana Farid</t>
  </si>
  <si>
    <t>arranged</t>
  </si>
  <si>
    <t>GGPS BHALA PIND KHUNIAN</t>
  </si>
  <si>
    <t>Bhala Pind</t>
  </si>
  <si>
    <t>Dhabliwala Bhala Pind Tehsil &amp; District Narowal</t>
  </si>
  <si>
    <t>Muhammad Akbar</t>
  </si>
  <si>
    <t>GGPS BHALARIAN</t>
  </si>
  <si>
    <t>Bhularian</t>
  </si>
  <si>
    <t>bhularian p/o talwandi tehseel chunian district kasur</t>
  </si>
  <si>
    <t>GGPS BHALASER</t>
  </si>
  <si>
    <t>Bhlaser</t>
  </si>
  <si>
    <t>village bhlaser po makiana</t>
  </si>
  <si>
    <t>Jora Jalalpur</t>
  </si>
  <si>
    <t>Farzana Rashid</t>
  </si>
  <si>
    <t>GGPS BHALIAL</t>
  </si>
  <si>
    <t>Bhalial</t>
  </si>
  <si>
    <t>P.o noorpur village bhalial Tehsil kalarkahar district chakwal.</t>
  </si>
  <si>
    <t>bhalial</t>
  </si>
  <si>
    <t>nurpur</t>
  </si>
  <si>
    <t>Asma Nazar</t>
  </si>
  <si>
    <t>GGPS BHALIKE STATION</t>
  </si>
  <si>
    <t>Bhalike Station</t>
  </si>
  <si>
    <t>Ggps station bhalike</t>
  </si>
  <si>
    <t>Yasmin Kousar</t>
  </si>
  <si>
    <t>GGPS BHALL P/O BHALL CHAKWAL</t>
  </si>
  <si>
    <t>village bhall P.O nurpur Tehsil Kalar Kahar District Chakwal</t>
  </si>
  <si>
    <t>GGPS BHALLA</t>
  </si>
  <si>
    <t>Bhalla</t>
  </si>
  <si>
    <t>GMPSBHALLA</t>
  </si>
  <si>
    <t>Abida Kalsoom</t>
  </si>
  <si>
    <t>GGPS BHALLA MOHRA</t>
  </si>
  <si>
    <t>Ballah Mohrha</t>
  </si>
  <si>
    <t>village ballah mohrha P.O &amp; Tehsil Sohawa district Jhelum</t>
  </si>
  <si>
    <t>MC Sohawa</t>
  </si>
  <si>
    <t>GGPS BHALLAHA</t>
  </si>
  <si>
    <t>Jocha</t>
  </si>
  <si>
    <t>villl bhalla p.o. box jocha mamdot teh kallar Syedan distt RWP</t>
  </si>
  <si>
    <t>GGPS BHALLI GIL</t>
  </si>
  <si>
    <t>Bhallai Gill</t>
  </si>
  <si>
    <t>bhallai Gill defence road</t>
  </si>
  <si>
    <t>GGPS BHALLOWAL</t>
  </si>
  <si>
    <t>Duffar</t>
  </si>
  <si>
    <t>saadia naureen</t>
  </si>
  <si>
    <t>GGPS BHALOANA (THATHA NARO)</t>
  </si>
  <si>
    <t>Thatha Naroo</t>
  </si>
  <si>
    <t>Thatha Naroo PO Kassoki Hafizabad</t>
  </si>
  <si>
    <t>Bhaloana</t>
  </si>
  <si>
    <t>Asifa Nagina</t>
  </si>
  <si>
    <t>GGPS BHALOT</t>
  </si>
  <si>
    <t>Bhalot</t>
  </si>
  <si>
    <t>Distt RWP teh Kahuta village bhalot</t>
  </si>
  <si>
    <t>GGPS BHALWAL COLONY</t>
  </si>
  <si>
    <t>street#4chak8 nb bhl</t>
  </si>
  <si>
    <t>Ashraf Colony</t>
  </si>
  <si>
    <t>Raheela Tanweer</t>
  </si>
  <si>
    <t>GGPS BHAMBA KHURD</t>
  </si>
  <si>
    <t>Bhamba</t>
  </si>
  <si>
    <t>bhamba khurd</t>
  </si>
  <si>
    <t>Bhamba Khurd</t>
  </si>
  <si>
    <t>GGPS BHAMBOO SANDILLA</t>
  </si>
  <si>
    <t>Bhamboo Sandila Sandeela</t>
  </si>
  <si>
    <t>Basti Bhamboo Sandeela</t>
  </si>
  <si>
    <t>Bhamboo Sandeela</t>
  </si>
  <si>
    <t>Kotla Gamoon</t>
  </si>
  <si>
    <t>GGPS BHAMMA NEAR WARA RAILWAY PHATAK</t>
  </si>
  <si>
    <t>Bhamma</t>
  </si>
  <si>
    <t>GGPS Bhamma near railway phattak</t>
  </si>
  <si>
    <t>Dograey Kalan</t>
  </si>
  <si>
    <t>GGPS BHAN AHMED WALA</t>
  </si>
  <si>
    <t>Bhan Ahmad Wala   Roda</t>
  </si>
  <si>
    <t>G.G P/S Bhan Ahmad Wala Roda</t>
  </si>
  <si>
    <t>Bhan Ahmad Wala  Roda</t>
  </si>
  <si>
    <t>Hira Ramzan</t>
  </si>
  <si>
    <t>GGPS BHAN BARRY KHAIL</t>
  </si>
  <si>
    <t>Government girls PS barray khail</t>
  </si>
  <si>
    <t>GGPS BHAN PUR</t>
  </si>
  <si>
    <t>Bhanpur</t>
  </si>
  <si>
    <t>ggps bhanpur</t>
  </si>
  <si>
    <t>Saba</t>
  </si>
  <si>
    <t>GGPS BHAN SULTAN WALA</t>
  </si>
  <si>
    <t>Bhan Sultan Wala</t>
  </si>
  <si>
    <t>GGP/S Bhan sultan wala Golewali</t>
  </si>
  <si>
    <t>Surreeya Bibi</t>
  </si>
  <si>
    <t>near houses</t>
  </si>
  <si>
    <t>GGPS BHAN UMEED ALI VIRK</t>
  </si>
  <si>
    <t>GGPS Bhan umeed Ali Virk CHOWK Girote Jauharabad Khushab</t>
  </si>
  <si>
    <t>Bhan umeed Ali Virk CHOWK Girote Jauharabad Khusha</t>
  </si>
  <si>
    <t>Khalida  Perveen  Hashmi</t>
  </si>
  <si>
    <t>GGPS BHANA</t>
  </si>
  <si>
    <t>Bhana</t>
  </si>
  <si>
    <t>GPS bhana</t>
  </si>
  <si>
    <t>GGPS BHAND WALI</t>
  </si>
  <si>
    <t>Rihana Bhand Wali</t>
  </si>
  <si>
    <t>ggps Bhandwali</t>
  </si>
  <si>
    <t>Bhand Wali</t>
  </si>
  <si>
    <t>Shamim Allah Bakhsh</t>
  </si>
  <si>
    <t>GGPS BHANDER</t>
  </si>
  <si>
    <t>G G P S Bhander Tehsil jand District Attock</t>
  </si>
  <si>
    <t>GGPS BHANDO WALI</t>
  </si>
  <si>
    <t>Bhando wali thesil kot chutta district dgkhan</t>
  </si>
  <si>
    <t>Bhando Wali</t>
  </si>
  <si>
    <t>GGPS BHANDORE</t>
  </si>
  <si>
    <t>village bhandore farooq abad</t>
  </si>
  <si>
    <t>Bhandore</t>
  </si>
  <si>
    <t>GGPS BHANGO WALA</t>
  </si>
  <si>
    <t>Bhango Wala</t>
  </si>
  <si>
    <t>bhangoo Wala. Tesil chunian aDist Kasur</t>
  </si>
  <si>
    <t>Bango Wala</t>
  </si>
  <si>
    <t>Samina Noreen</t>
  </si>
  <si>
    <t>GGPS BHANGOO NO 1</t>
  </si>
  <si>
    <t>bhangoo mouza</t>
  </si>
  <si>
    <t>GGPS BHANGOO NO 2</t>
  </si>
  <si>
    <t>ggps bhangoo #2 chah shufa wala shorkot city</t>
  </si>
  <si>
    <t>Moaza Bhangoo</t>
  </si>
  <si>
    <t>GGPS BHANI AWAN</t>
  </si>
  <si>
    <t>GGPS Bhani Awan</t>
  </si>
  <si>
    <t>Bhani Awan</t>
  </si>
  <si>
    <t>GGPS BHANI DHILWAN</t>
  </si>
  <si>
    <t>village bhaini dhilwa p/o batapur.lahore cantt</t>
  </si>
  <si>
    <t>bhaini dhilwa</t>
  </si>
  <si>
    <t>awan dhai wala</t>
  </si>
  <si>
    <t>Adeela Rasheed</t>
  </si>
  <si>
    <t>GGPS BHANI NO. 1 SHARQPUR</t>
  </si>
  <si>
    <t>Bhani No1</t>
  </si>
  <si>
    <t>Bhani N0 1 tehsil sharqpur districk sheikhupura</t>
  </si>
  <si>
    <t>Bhani No 1</t>
  </si>
  <si>
    <t>Mehwish Jamil</t>
  </si>
  <si>
    <t>GGPS BHANO CHAK</t>
  </si>
  <si>
    <t>Bhano Chak</t>
  </si>
  <si>
    <t>Bhano chak post office Wahga tehsile Shalimar district Lahore</t>
  </si>
  <si>
    <t>Zubaida Ashraf</t>
  </si>
  <si>
    <t>GGPS BHANO PINDI</t>
  </si>
  <si>
    <t>Bhanopidi</t>
  </si>
  <si>
    <t>ggps bhanopindi</t>
  </si>
  <si>
    <t>Bhanopindi</t>
  </si>
  <si>
    <t>Jamkecheema</t>
  </si>
  <si>
    <t>GGPS BHANOKAY CHEEMA</t>
  </si>
  <si>
    <t>Bhanoke</t>
  </si>
  <si>
    <t>bhanoke p/o jamke cheema tehsil daska distt sialkot</t>
  </si>
  <si>
    <t>GGPS BHANOWALI</t>
  </si>
  <si>
    <t>Bhanowali</t>
  </si>
  <si>
    <t>Abeera Masood</t>
  </si>
  <si>
    <t>GGPS BHANU WALA</t>
  </si>
  <si>
    <t>BASTI NOOR PUR THABER BAHNU WALA</t>
  </si>
  <si>
    <t>JAAL WALA</t>
  </si>
  <si>
    <t>Rukhasana Shaheen</t>
  </si>
  <si>
    <t>GGPS BHAO GHASIT PUR</t>
  </si>
  <si>
    <t>Bhao ghaseet pur tehsil kharian district gujrat</t>
  </si>
  <si>
    <t>Habiba Khanam</t>
  </si>
  <si>
    <t>GGPS BHAPLA WALA</t>
  </si>
  <si>
    <t>Hafiz Wala Sherqi</t>
  </si>
  <si>
    <t>govt girls primary school bhapla wala</t>
  </si>
  <si>
    <t>Bhapla Wala</t>
  </si>
  <si>
    <t>Mamoona Kalsoom</t>
  </si>
  <si>
    <t>GGPS BHARAJ</t>
  </si>
  <si>
    <t>Bhraj</t>
  </si>
  <si>
    <t>GGPS Bhraj</t>
  </si>
  <si>
    <t>NAZIA PARVEEN</t>
  </si>
  <si>
    <t>GGPS BHARAK PUR</t>
  </si>
  <si>
    <t>Bharakpur</t>
  </si>
  <si>
    <t>GGPS Bharakpur</t>
  </si>
  <si>
    <t>Bharak-pur</t>
  </si>
  <si>
    <t>Wijwan</t>
  </si>
  <si>
    <t>Afshan Javed</t>
  </si>
  <si>
    <t>GGPS BHARAT</t>
  </si>
  <si>
    <t>village bharth Tehsil pasrur District Sialkot</t>
  </si>
  <si>
    <t>Tanzeela Bano</t>
  </si>
  <si>
    <t>GGPS BHARAYRI</t>
  </si>
  <si>
    <t>Bharari</t>
  </si>
  <si>
    <t>GGPS Bharari Tehsil 18-Hazari District Jhang</t>
  </si>
  <si>
    <t>7/2 Thal Janobi</t>
  </si>
  <si>
    <t>GGPS BHARION WALA EAST MIANWALI</t>
  </si>
  <si>
    <t>GGPS BHAROKAY KALAN</t>
  </si>
  <si>
    <t>Bharokay kalan</t>
  </si>
  <si>
    <t>bharokay kalan</t>
  </si>
  <si>
    <t>Bharokey Kalan</t>
  </si>
  <si>
    <t>Bharokey</t>
  </si>
  <si>
    <t>Abida Akhtar</t>
  </si>
  <si>
    <t>GGPS BHAROT</t>
  </si>
  <si>
    <t>Bharot</t>
  </si>
  <si>
    <t>village bharot p.o rariala teh kharain dist Gujrat</t>
  </si>
  <si>
    <t>Bharat</t>
  </si>
  <si>
    <t>Jameela Shamim</t>
  </si>
  <si>
    <t>GGPS BHART GARH</t>
  </si>
  <si>
    <t>bhart garh</t>
  </si>
  <si>
    <t>p/o box basir pur  bhart garh</t>
  </si>
  <si>
    <t>shamad</t>
  </si>
  <si>
    <t>Yasmin Sae</t>
  </si>
  <si>
    <t>GGPS BHARTH SHARQI</t>
  </si>
  <si>
    <t>Bharth Sharqi</t>
  </si>
  <si>
    <t>GGPS bharth sharqi</t>
  </si>
  <si>
    <t>Kalyan Pur</t>
  </si>
  <si>
    <t>GGPS BHASEEN</t>
  </si>
  <si>
    <t>ggps Bhaseen</t>
  </si>
  <si>
    <t>Bakhsha</t>
  </si>
  <si>
    <t>ruqia Salma</t>
  </si>
  <si>
    <t>GGPS BHATAR</t>
  </si>
  <si>
    <t>GGPS Bahter</t>
  </si>
  <si>
    <t>Fareesa Kanwal</t>
  </si>
  <si>
    <t>GGPS BHATAY KHURD</t>
  </si>
  <si>
    <t>GGPS bhattay khurd p/o bhattay kalan</t>
  </si>
  <si>
    <t>Bhattay Khurd</t>
  </si>
  <si>
    <t>Largrali</t>
  </si>
  <si>
    <t>GGPS BHATI</t>
  </si>
  <si>
    <t>vill bhati po Padhri teh sohawa distt jhelum</t>
  </si>
  <si>
    <t>Bhati</t>
  </si>
  <si>
    <t>Bisma Fatima</t>
  </si>
  <si>
    <t>GGPS BHATI KALWAN</t>
  </si>
  <si>
    <t>Bhatti Kahlwan</t>
  </si>
  <si>
    <t>village bhatti kahlwan tehsil zafarwal distt narowal</t>
  </si>
  <si>
    <t>Sadia Shafi</t>
  </si>
  <si>
    <t>GGPS BHATIAN GUJRAN</t>
  </si>
  <si>
    <t>Bhattian Gujran</t>
  </si>
  <si>
    <t>Bhattian gujran p/o noor kot tehsil shakargarh district narowal</t>
  </si>
  <si>
    <t>Farzana Rasool</t>
  </si>
  <si>
    <t>GGPS BHATIAN WALA</t>
  </si>
  <si>
    <t>district chiniot tehsil lalian post office Langer Makhdoom village bhatianwala</t>
  </si>
  <si>
    <t>Bhatianwala</t>
  </si>
  <si>
    <t>Langer Makhdoom</t>
  </si>
  <si>
    <t>Rahila Iram</t>
  </si>
  <si>
    <t>GGPS BHATIAN WALA NASHAIB RAZAI SHAH</t>
  </si>
  <si>
    <t>Razi Shah Nshb</t>
  </si>
  <si>
    <t>G.g.p.s bhttian Wala nasheeb</t>
  </si>
  <si>
    <t>Bhttian Wala</t>
  </si>
  <si>
    <t>Baddaine</t>
  </si>
  <si>
    <t>Humaira bibi</t>
  </si>
  <si>
    <t>GGPS BHATRAIN JALALPUR PIRWALA</t>
  </si>
  <si>
    <t>GGps bhatrain ghazi pur jlal pur</t>
  </si>
  <si>
    <t>Bhatrain</t>
  </si>
  <si>
    <t>Sharf Ilahi</t>
  </si>
  <si>
    <t>GGPS BHATRAN</t>
  </si>
  <si>
    <t>government girls primary school Bhattran</t>
  </si>
  <si>
    <t>GGPS BHATTA IMAM SHAH</t>
  </si>
  <si>
    <t>Ahmed pur</t>
  </si>
  <si>
    <t>Ggps syed imam shah kpt</t>
  </si>
  <si>
    <t>Syed imam shah</t>
  </si>
  <si>
    <t>Kauser Naz</t>
  </si>
  <si>
    <t>GGPS BHATTA MUHAMMAD PURA</t>
  </si>
  <si>
    <t>GGPS Bhatta Muhammad pura street no 3 HND.</t>
  </si>
  <si>
    <t>GGPS BHATTA NO.3 BAHAWALPUR</t>
  </si>
  <si>
    <t>Areen</t>
  </si>
  <si>
    <t>bhatta no 3</t>
  </si>
  <si>
    <t>Dera Ezat</t>
  </si>
  <si>
    <t>GGPS BHATTA RAIWIND ROAD</t>
  </si>
  <si>
    <t>Bhatta Pind</t>
  </si>
  <si>
    <t>GGPS Bhatta Raiwind Road Lahore</t>
  </si>
  <si>
    <t>Bhobtian</t>
  </si>
  <si>
    <t>GGPS BHATTAY WADH</t>
  </si>
  <si>
    <t>Bhittay wadh</t>
  </si>
  <si>
    <t>village bhittay wadh post office salohky Teh.Daska dist. Sialkot</t>
  </si>
  <si>
    <t>Salohky</t>
  </si>
  <si>
    <t>GGPS BHATTI GORAYA</t>
  </si>
  <si>
    <t>bhatti gorayya</t>
  </si>
  <si>
    <t>Bhatti Gorayya</t>
  </si>
  <si>
    <t>bobak marali</t>
  </si>
  <si>
    <t>Gulfam Tabassum Gill</t>
  </si>
  <si>
    <t>GGPS BHATTI KAY</t>
  </si>
  <si>
    <t>Bhattiky</t>
  </si>
  <si>
    <t>VPO Bhattikh,tehsil wzd,distt grw</t>
  </si>
  <si>
    <t>Bhittiky</t>
  </si>
  <si>
    <t>Neelam Manzoor</t>
  </si>
  <si>
    <t>GGPS BHATTI NAGAR</t>
  </si>
  <si>
    <t>jasso ke</t>
  </si>
  <si>
    <t>jasso ke gurditta bhatti nagar</t>
  </si>
  <si>
    <t>jasso ke gurditta</t>
  </si>
  <si>
    <t>klassan paramal</t>
  </si>
  <si>
    <t>Nabila bibi</t>
  </si>
  <si>
    <t>GGPS BHATTI WALA QADIR PUR RAWAN MULTAN</t>
  </si>
  <si>
    <t>Dehar</t>
  </si>
  <si>
    <t>GGPS Chah Bhatti Wala PO Bohar Tatypur</t>
  </si>
  <si>
    <t>Chah Bhatti Wala Multan</t>
  </si>
  <si>
    <t>Karpal Pur</t>
  </si>
  <si>
    <t>Rehana  Kousar</t>
  </si>
  <si>
    <t>GGPS BHATTI WALA SHUJABAD</t>
  </si>
  <si>
    <t>Bangala</t>
  </si>
  <si>
    <t>GGPS Bhatti wala</t>
  </si>
  <si>
    <t>GGPS BHATTIA</t>
  </si>
  <si>
    <t>BhattiA</t>
  </si>
  <si>
    <t>bhattia</t>
  </si>
  <si>
    <t>Bhattia</t>
  </si>
  <si>
    <t>Sidra Asif</t>
  </si>
  <si>
    <t>GGPS BHATTIAN LANGHAN</t>
  </si>
  <si>
    <t>Plot</t>
  </si>
  <si>
    <t>bhattian langah p/o kanjroor</t>
  </si>
  <si>
    <t>Bhattian Langah</t>
  </si>
  <si>
    <t>Kotalybarekhan</t>
  </si>
  <si>
    <t>GGPS BHATTIAN WALA</t>
  </si>
  <si>
    <t>bhattian wala</t>
  </si>
  <si>
    <t>Bhattia Wala</t>
  </si>
  <si>
    <t>AALI DAHA</t>
  </si>
  <si>
    <t>Madiha Zainab</t>
  </si>
  <si>
    <t>GGPS BHATU</t>
  </si>
  <si>
    <t>bathu</t>
  </si>
  <si>
    <t>Rehmat Jan</t>
  </si>
  <si>
    <t>GGPS BHAWAN SHAH</t>
  </si>
  <si>
    <t>dera jara</t>
  </si>
  <si>
    <t>Bhawan shah p.o.box dera kadeem tehsil sahiwal disstrict sargodha</t>
  </si>
  <si>
    <t>Bhawan shah</t>
  </si>
  <si>
    <t>Bhochran Kona</t>
  </si>
  <si>
    <t>Shahnaz Batool</t>
  </si>
  <si>
    <t>GGPS BHEDANKHANI</t>
  </si>
  <si>
    <t>Bhedankhani</t>
  </si>
  <si>
    <t>bhedan khani p/o badocheda  tehsil zafarwal district narowal</t>
  </si>
  <si>
    <t>GGPS BHEEKO PUR</t>
  </si>
  <si>
    <t>Govt. Girls P/S Bheekopur Gulzar Colony</t>
  </si>
  <si>
    <t>Aroop town</t>
  </si>
  <si>
    <t>GGPS BHEELA</t>
  </si>
  <si>
    <t>Bheela</t>
  </si>
  <si>
    <t>GGPSBHEELA</t>
  </si>
  <si>
    <t>Khalida Mehmood</t>
  </si>
  <si>
    <t>GGPS BHEELO WALI</t>
  </si>
  <si>
    <t>Bhelowali</t>
  </si>
  <si>
    <t>Village Bhelowali p/o Baddomalhi Tehsil &amp; District Narowal</t>
  </si>
  <si>
    <t>Gidian</t>
  </si>
  <si>
    <t>Ismat Nawaz</t>
  </si>
  <si>
    <t>GGPS BHEEM GARH</t>
  </si>
  <si>
    <t>basti bheem garh. mozah adan wah.</t>
  </si>
  <si>
    <t>Bheem Garh</t>
  </si>
  <si>
    <t>Shabaz Pura</t>
  </si>
  <si>
    <t>Saba Ali</t>
  </si>
  <si>
    <t>GGPS BHEERA</t>
  </si>
  <si>
    <t>Bhaira</t>
  </si>
  <si>
    <t>GGPS Village Bhaira markaz mrakiwal P/O Marakiwal</t>
  </si>
  <si>
    <t>Salma Nazli</t>
  </si>
  <si>
    <t>GGPS BHEIT BHUTTO</t>
  </si>
  <si>
    <t>Bait Bhutto</t>
  </si>
  <si>
    <t>bait bhutto</t>
  </si>
  <si>
    <t>Gul M Lanah</t>
  </si>
  <si>
    <t>GGPS BHEKHO MORE</t>
  </si>
  <si>
    <t>G G P S Bhekho More Teh Phalia Disst M B DIN</t>
  </si>
  <si>
    <t>Bhekho More</t>
  </si>
  <si>
    <t>GGPS BHEKIKE</t>
  </si>
  <si>
    <t>Bhike Ke</t>
  </si>
  <si>
    <t>village bhike ke</t>
  </si>
  <si>
    <t>Thillay Kalam</t>
  </si>
  <si>
    <t>Sobia Naimat</t>
  </si>
  <si>
    <t>GGPS BHELAY WALA</t>
  </si>
  <si>
    <t>GGps bhelay wala</t>
  </si>
  <si>
    <t>Kho Waso Wala</t>
  </si>
  <si>
    <t>Tahreem Manzoor</t>
  </si>
  <si>
    <t>GGPS BHELI</t>
  </si>
  <si>
    <t>basti behli</t>
  </si>
  <si>
    <t>Saima Yasmeen</t>
  </si>
  <si>
    <t>GGPS BHELO MUTTO</t>
  </si>
  <si>
    <t>Bhelo Mutto</t>
  </si>
  <si>
    <t>Bhelo Mutto po qila kalar wala Teh  pasrurr Dist sialkot</t>
  </si>
  <si>
    <t>GGPS BHENI DOST MUHAMMAD</t>
  </si>
  <si>
    <t>Bheni Dost Muhammad Wala</t>
  </si>
  <si>
    <t>GGPS BHENI DOST MUHAMMAD 379/W.B</t>
  </si>
  <si>
    <t>Chao No 379 WB</t>
  </si>
  <si>
    <t>CHAK NO 384 W.B</t>
  </si>
  <si>
    <t>SYEDA TAHIRA NARGIS</t>
  </si>
  <si>
    <t>GGPS BHIANWALA</t>
  </si>
  <si>
    <t>Bhinawala</t>
  </si>
  <si>
    <t>GGPS BHIANWALA KHURD</t>
  </si>
  <si>
    <t>BHIANWALA KHURD</t>
  </si>
  <si>
    <t>Bhianwala khurd</t>
  </si>
  <si>
    <t>Nasira Hanif</t>
  </si>
  <si>
    <t>GGPS BHIBRANA KANDIWAL</t>
  </si>
  <si>
    <t>Bhabhrana Kandiwal</t>
  </si>
  <si>
    <t>Govt.girls primary school Bhabhrana Teh.lalian distt.chiniot</t>
  </si>
  <si>
    <t>bhabhrana</t>
  </si>
  <si>
    <t>GGPS BHIDDAN WALA</t>
  </si>
  <si>
    <t>Shaikhmehmood Wala</t>
  </si>
  <si>
    <t>Ggps Bhudhanwala teh isakhel distt mianwali</t>
  </si>
  <si>
    <t>Bhudhanwala</t>
  </si>
  <si>
    <t>Ruqaia Nawaz</t>
  </si>
  <si>
    <t>GGPS BHIDER</t>
  </si>
  <si>
    <t>Bhider</t>
  </si>
  <si>
    <t>bhider tehsil sambrial ,distt sialkot</t>
  </si>
  <si>
    <t>GGPS BHIDIAN USMAN wala</t>
  </si>
  <si>
    <t>Bhedian Usman Wala</t>
  </si>
  <si>
    <t>bhedian usman wala</t>
  </si>
  <si>
    <t>Ramzana Allah Din</t>
  </si>
  <si>
    <t>GGPS BHIDWAL WALA</t>
  </si>
  <si>
    <t>dakhana bhidwal wala headraba</t>
  </si>
  <si>
    <t>Rakhshanda Shaheen</t>
  </si>
  <si>
    <t>GGPS BHIKHI KHOKHARAN WALI</t>
  </si>
  <si>
    <t>Bhukhi Khokhran Wali</t>
  </si>
  <si>
    <t>Bhukhi Khokhran wali</t>
  </si>
  <si>
    <t>Bhukhi Kalan</t>
  </si>
  <si>
    <t>Jallah Makhdoom</t>
  </si>
  <si>
    <t>Moqadar Mansha</t>
  </si>
  <si>
    <t>GGPS BHILMANA DHOOL</t>
  </si>
  <si>
    <t>G GPS Bhilmana Dhool p / o notak uc mulan wali</t>
  </si>
  <si>
    <t>Bhilmana Dhool</t>
  </si>
  <si>
    <t>Mulan wali</t>
  </si>
  <si>
    <t>GGPS BHILOKA</t>
  </si>
  <si>
    <t>Saroowala</t>
  </si>
  <si>
    <t>GGPS BHILOKA Near Muhammad Wala</t>
  </si>
  <si>
    <t>Raiy Milli Kharal</t>
  </si>
  <si>
    <t>Peer Panja</t>
  </si>
  <si>
    <t>Saliha Tehseen Khan</t>
  </si>
  <si>
    <t>GGPS BHINAKA</t>
  </si>
  <si>
    <t>Bhanaka</t>
  </si>
  <si>
    <t>village bhanaka tensile naushera district 
 khushab</t>
  </si>
  <si>
    <t>Romana Ali</t>
  </si>
  <si>
    <t>GGPS BHINDA LAR</t>
  </si>
  <si>
    <t>Bhinda Lar</t>
  </si>
  <si>
    <t>muza bhinda lar tahsil Ahmad pur east</t>
  </si>
  <si>
    <t>Ghus Pur</t>
  </si>
  <si>
    <t>Sobia Iqbal</t>
  </si>
  <si>
    <t>GGPS BHINDAR KALAN</t>
  </si>
  <si>
    <t>village bhinder kalan</t>
  </si>
  <si>
    <t>GGPS BHINDER</t>
  </si>
  <si>
    <t>Bhinder</t>
  </si>
  <si>
    <t>Village bhinder tehsil sialkot via uggoki</t>
  </si>
  <si>
    <t>Filter cooler</t>
  </si>
  <si>
    <t>GGPS BHINDI KORAI</t>
  </si>
  <si>
    <t>basti meeran vali po meer hazar hazar mouza bhindi korai</t>
  </si>
  <si>
    <t>Shabana Parveen</t>
  </si>
  <si>
    <t>GGPS BHIR RATIAL</t>
  </si>
  <si>
    <t>Bhair Ratial</t>
  </si>
  <si>
    <t>vpo Bhair Ratial</t>
  </si>
  <si>
    <t>Amina Ajmal</t>
  </si>
  <si>
    <t>GGPS BHIR SOHAL</t>
  </si>
  <si>
    <t>Bhair Sohal</t>
  </si>
  <si>
    <t>bhair sohal</t>
  </si>
  <si>
    <t>Ajnainwala</t>
  </si>
  <si>
    <t>Asifa Waris</t>
  </si>
  <si>
    <t>GGPS BHIR WALA P/O BILLI WALA</t>
  </si>
  <si>
    <t>Kotla Rehm Ali</t>
  </si>
  <si>
    <t>basti Allahabad billiwala</t>
  </si>
  <si>
    <t>Sadia Manzoor</t>
  </si>
  <si>
    <t>GGPS BHIRA PO NARAGHI</t>
  </si>
  <si>
    <t>Dhok bhira po niraghi</t>
  </si>
  <si>
    <t>bhira</t>
  </si>
  <si>
    <t>kot sarang</t>
  </si>
  <si>
    <t>GGPS BHIRR RASHID SHAH</t>
  </si>
  <si>
    <t>Bhirr Rasheed Shah</t>
  </si>
  <si>
    <t>bhirr rasheed shah dak khana behal</t>
  </si>
  <si>
    <t>Bait Boga</t>
  </si>
  <si>
    <t>Ammara Riaz</t>
  </si>
  <si>
    <t>GGPS BHIRRI CHATHA</t>
  </si>
  <si>
    <t>Bhirri chattha</t>
  </si>
  <si>
    <t>Aloud dink Kalan</t>
  </si>
  <si>
    <t>Adeela Arshad</t>
  </si>
  <si>
    <t>GGPS BHIRY KALAN</t>
  </si>
  <si>
    <t>Bheri Kalan</t>
  </si>
  <si>
    <t>bheri kalan post office bheri khurd</t>
  </si>
  <si>
    <t>Sara Tahir</t>
  </si>
  <si>
    <t>GGPS BHOBAT PUR NO. 2</t>
  </si>
  <si>
    <t>bhobat Pur</t>
  </si>
  <si>
    <t>mouza bhobat put basti islam nagar</t>
  </si>
  <si>
    <t>bhobat pur Islam Nagar</t>
  </si>
  <si>
    <t>ladha bohar</t>
  </si>
  <si>
    <t>Saima Arim</t>
  </si>
  <si>
    <t>GGPS BHOBHANGI</t>
  </si>
  <si>
    <t>Bhobhangi</t>
  </si>
  <si>
    <t>village bhobhangi p/o peerochak tehsil daska district sialkot</t>
  </si>
  <si>
    <t>Peerochuk</t>
  </si>
  <si>
    <t>Sobia Rani</t>
  </si>
  <si>
    <t>GGPS BHOCHEKE PAR</t>
  </si>
  <si>
    <t>Bhuchokepar</t>
  </si>
  <si>
    <t>Bhuchoke par</t>
  </si>
  <si>
    <t>Asra Khalil</t>
  </si>
  <si>
    <t>GGPS BHOGGI CHAK</t>
  </si>
  <si>
    <t>Boghi Chak</t>
  </si>
  <si>
    <t>village and post office Boghi Chak</t>
  </si>
  <si>
    <t>GGPS BHOHLAY SAIKHWAN</t>
  </si>
  <si>
    <t>Bohlay Saikhwan</t>
  </si>
  <si>
    <t>Bohlay saikhwan p/o uddho wali teh noshera virkan dist GRW</t>
  </si>
  <si>
    <t>Uddho Wali</t>
  </si>
  <si>
    <t>Nuzhat Perveen</t>
  </si>
  <si>
    <t>GGPS BHOJA</t>
  </si>
  <si>
    <t>Bhoja</t>
  </si>
  <si>
    <t>GGP/S Bhoja p/o sarhali kalan markaz mustafabad</t>
  </si>
  <si>
    <t>Sadaf</t>
  </si>
  <si>
    <t>GGPS BHOJO DHENDSA</t>
  </si>
  <si>
    <t>Bhojo</t>
  </si>
  <si>
    <t>g g p s bhojodhindsa</t>
  </si>
  <si>
    <t>Bhojodhindsa</t>
  </si>
  <si>
    <t>Fleezpur</t>
  </si>
  <si>
    <t>Aneela Majeed</t>
  </si>
  <si>
    <t>GGPS BHOJOKAY</t>
  </si>
  <si>
    <t>Bhojokay</t>
  </si>
  <si>
    <t>village bhojokay teh pasrur DIs sialkot</t>
  </si>
  <si>
    <t>Mussarat Amanat</t>
  </si>
  <si>
    <t>GGPS BHOJOWAL</t>
  </si>
  <si>
    <t>vpo bhojowal</t>
  </si>
  <si>
    <t>Adeeba Sadaf</t>
  </si>
  <si>
    <t>GGPS BHOLA GARI SHAH PUR</t>
  </si>
  <si>
    <t>BOOLA GHARI</t>
  </si>
  <si>
    <t>SHAHPUR KANJRA MULTAN ROAD LAHORE</t>
  </si>
  <si>
    <t>Sadia Nasreen</t>
  </si>
  <si>
    <t>GGPS BHOLAY WALA</t>
  </si>
  <si>
    <t>bholay wala</t>
  </si>
  <si>
    <t>Fozia Kosar</t>
  </si>
  <si>
    <t>GGPS BHOLI SYMBLI</t>
  </si>
  <si>
    <t>bholi Symbli</t>
  </si>
  <si>
    <t>Bholi symbli p/o looni teh &amp; distt sialkot</t>
  </si>
  <si>
    <t>Bholi Symbli</t>
  </si>
  <si>
    <t>Shah Begum</t>
  </si>
  <si>
    <t>GGPS BHON MANZABTA</t>
  </si>
  <si>
    <t>GGP/S Bhone Manzabta</t>
  </si>
  <si>
    <t>Hafiza Nighat Afreen</t>
  </si>
  <si>
    <t>GGPS BHONAN WALA</t>
  </si>
  <si>
    <t>Bhonan wala</t>
  </si>
  <si>
    <t>Bhonan Wala</t>
  </si>
  <si>
    <t>Ghulaman 01</t>
  </si>
  <si>
    <t>Nasreen Gul</t>
  </si>
  <si>
    <t>GGPS BHONDA KALAN</t>
  </si>
  <si>
    <t>Dera Warriachn</t>
  </si>
  <si>
    <t>Dera warriachn p.o kolo tarar tehsil and district hafizabad</t>
  </si>
  <si>
    <t>Bhonda Kalan</t>
  </si>
  <si>
    <t>MARYAM ASHRAF</t>
  </si>
  <si>
    <t>GGPS BHONDA KALAN SHARQI</t>
  </si>
  <si>
    <t>Bhonda Kalan Sharqi</t>
  </si>
  <si>
    <t>ggpsbhondakalansharqi</t>
  </si>
  <si>
    <t>Koto Said Muhammad</t>
  </si>
  <si>
    <t>Rehana Kosar</t>
  </si>
  <si>
    <t>GGPS BHONIKE OTTAR</t>
  </si>
  <si>
    <t>Bhonikey</t>
  </si>
  <si>
    <t>bhunikey ottar</t>
  </si>
  <si>
    <t>Miaraj Bibi</t>
  </si>
  <si>
    <t>GGPS BHOOCH</t>
  </si>
  <si>
    <t>Bhooch p.o hatcher teh Muridke Distt. sheikhupura</t>
  </si>
  <si>
    <t>Ghryal</t>
  </si>
  <si>
    <t>Munazza Batool</t>
  </si>
  <si>
    <t>GGPS BHOOGI SHAHEED NO 2</t>
  </si>
  <si>
    <t>Noraja Butta</t>
  </si>
  <si>
    <t>Basti Bakshan wala,Mauza Noraja Bhutta,Tehsil Jalalpur Pirwala,District Multan</t>
  </si>
  <si>
    <t>Bukhshan wala</t>
  </si>
  <si>
    <t>zakia Iqbal</t>
  </si>
  <si>
    <t>GGPS BHOOI</t>
  </si>
  <si>
    <t>Bhooi</t>
  </si>
  <si>
    <t>bhooi</t>
  </si>
  <si>
    <t>Farida Bashir</t>
  </si>
  <si>
    <t>GGPS BHOOL CHAK</t>
  </si>
  <si>
    <t>Bhool chak</t>
  </si>
  <si>
    <t>Bhool chak P/O gharyal kalan teh.muridkay Dist..SKP</t>
  </si>
  <si>
    <t>Gharyal kalan</t>
  </si>
  <si>
    <t>Sanam Riaz</t>
  </si>
  <si>
    <t>GGPS BHOONA WALI</t>
  </si>
  <si>
    <t>Bhoonawali</t>
  </si>
  <si>
    <t>VPO, Mianwala, Tehsil Pindigheb, Distt Attock.</t>
  </si>
  <si>
    <t>Najab Sultana</t>
  </si>
  <si>
    <t>by fetching from the well.</t>
  </si>
  <si>
    <t>GGPS BHOOND</t>
  </si>
  <si>
    <t>Bhound</t>
  </si>
  <si>
    <t>Bhound teh pasrur dist sialkot  p/o Ahmed abad</t>
  </si>
  <si>
    <t>Miss Rukhsana</t>
  </si>
  <si>
    <t>GGPS BHOOR</t>
  </si>
  <si>
    <t>Bhoor</t>
  </si>
  <si>
    <t>G.G.P.S.bhoor bajwat sialkot</t>
  </si>
  <si>
    <t>Nusrat Shareef</t>
  </si>
  <si>
    <t>GGPS BHOPAN WALA</t>
  </si>
  <si>
    <t>wandha bhopan wala p/o kamar mushani</t>
  </si>
  <si>
    <t>Bhopanwala</t>
  </si>
  <si>
    <t>Riffat Bibi</t>
  </si>
  <si>
    <t>GGPS BHOR SHREEF</t>
  </si>
  <si>
    <t>KALLUAN WALA-FEMALE</t>
  </si>
  <si>
    <t>Bhore Shareef</t>
  </si>
  <si>
    <t>Bhore shareef</t>
  </si>
  <si>
    <t>GGPS BHORA HAYAL</t>
  </si>
  <si>
    <t>bhura hayal</t>
  </si>
  <si>
    <t>vill p/o bhura hayal teh kahuta dist rawalpindi</t>
  </si>
  <si>
    <t>Ghazala Tabbsum</t>
  </si>
  <si>
    <t>Water suply</t>
  </si>
  <si>
    <t>GGPS BHORA NASEEB</t>
  </si>
  <si>
    <t>Bhura Naseeb</t>
  </si>
  <si>
    <t>Village Bhura naseeb post office Bhura Hayal tehsil kahuta district rawalpindi</t>
  </si>
  <si>
    <t>Sofia Kanwal</t>
  </si>
  <si>
    <t>GGPS BHOREKAY</t>
  </si>
  <si>
    <t>Bhurekey</t>
  </si>
  <si>
    <t>village bhurekey p/ o talwandi bhindran tehsil pasrur district sialkot</t>
  </si>
  <si>
    <t>Hifza Jabeen</t>
  </si>
  <si>
    <t>GGPS BHOTH NO.2</t>
  </si>
  <si>
    <t>bhoth sialkot</t>
  </si>
  <si>
    <t>Noor Safia</t>
  </si>
  <si>
    <t>GGPS BHOTTO COLONY</t>
  </si>
  <si>
    <t>Koralla</t>
  </si>
  <si>
    <t>Bhutto Colony</t>
  </si>
  <si>
    <t>ghazala tabbsum</t>
  </si>
  <si>
    <t>GGPS BHOUN NO. 2</t>
  </si>
  <si>
    <t>bhoun</t>
  </si>
  <si>
    <t>mohla toti mohra p.o.bhoun teh.kalar kahar</t>
  </si>
  <si>
    <t>Nazia Ijaz</t>
  </si>
  <si>
    <t>GGPS BHOUND</t>
  </si>
  <si>
    <t>village bhound p/o chack choudhry tehsil nowshera virkan district Gujranwala</t>
  </si>
  <si>
    <t>Chack Choudhary</t>
  </si>
  <si>
    <t>Khalida  Asghar</t>
  </si>
  <si>
    <t>GGPS BHOUNI</t>
  </si>
  <si>
    <t>Bhouni</t>
  </si>
  <si>
    <t>village bhouni p/o bhoun tehsil kallar syedan district Rawalpindi</t>
  </si>
  <si>
    <t>Farah Zaheer</t>
  </si>
  <si>
    <t>GGPS BHOUTA ROWAL</t>
  </si>
  <si>
    <t>Bhouta Raul</t>
  </si>
  <si>
    <t>vill. Bhouta Raul Tehseel shakargarh district narowal</t>
  </si>
  <si>
    <t>Asma Abid</t>
  </si>
  <si>
    <t>GGPS BHUCH</t>
  </si>
  <si>
    <t>Bhuch</t>
  </si>
  <si>
    <t>basti Bhuch</t>
  </si>
  <si>
    <t>Shahzadi Qaisrah Iram</t>
  </si>
  <si>
    <t>local pipeline</t>
  </si>
  <si>
    <t>GGPS BHUDANA JAATTAN</t>
  </si>
  <si>
    <t>Bhundana Jattan</t>
  </si>
  <si>
    <t>Bhundana Jattan p/o maira jhelum</t>
  </si>
  <si>
    <t>Farah Amreen</t>
  </si>
  <si>
    <t>GGPS BHUDDAN KE</t>
  </si>
  <si>
    <t>Jalil Town</t>
  </si>
  <si>
    <t>29 km GT road muridke jalil town pakae</t>
  </si>
  <si>
    <t>Bhudhanky</t>
  </si>
  <si>
    <t>Nangalsadan</t>
  </si>
  <si>
    <t>Maryam Yousaf</t>
  </si>
  <si>
    <t>GGPS BHUK</t>
  </si>
  <si>
    <t>Bhuk</t>
  </si>
  <si>
    <t>Bhuk p/o channi gehna tehsil phalia distt m.b.Din</t>
  </si>
  <si>
    <t>Bhaikho</t>
  </si>
  <si>
    <t>Tasmia Kousar</t>
  </si>
  <si>
    <t>GGPS BHUKHI MUSTAFAABAD</t>
  </si>
  <si>
    <t>Bhukhi</t>
  </si>
  <si>
    <t>Village &amp; P. O Mustafabad teh Naushera Distt. Khushab</t>
  </si>
  <si>
    <t>shabanakanwal</t>
  </si>
  <si>
    <t>GGPS BHULAY BANEWAL</t>
  </si>
  <si>
    <t>Bhullay Baniwal</t>
  </si>
  <si>
    <t>GPPS Bhullay Baniwal</t>
  </si>
  <si>
    <t>GGPS BHULLAR MERAY WALA</t>
  </si>
  <si>
    <t>Bhullar Mery Wala</t>
  </si>
  <si>
    <t>Village Bhullar Mery Wala p/o &amp;Teh.Pasrur District Sialkot</t>
  </si>
  <si>
    <t>Talwandi Inayat  Khan</t>
  </si>
  <si>
    <t>Farwa Saba</t>
  </si>
  <si>
    <t>GGPS BHULLAR RUHI WALA</t>
  </si>
  <si>
    <t>Bhullar Rohi Wala</t>
  </si>
  <si>
    <t>village bhullar rohi wala post office kul bajwa thsil pasrur district sialkot</t>
  </si>
  <si>
    <t>Noreen Mushtaq</t>
  </si>
  <si>
    <t>GGPS BHULLAY BALA</t>
  </si>
  <si>
    <t>Bullay Bala</t>
  </si>
  <si>
    <t>bullay bala</t>
  </si>
  <si>
    <t>Asifa Raza</t>
  </si>
  <si>
    <t>GGPS BHULLAY WALA NO.1</t>
  </si>
  <si>
    <t>Kallur Kot Dagar</t>
  </si>
  <si>
    <t>chah allah charagh wala ggps bhully wala no 1</t>
  </si>
  <si>
    <t>Chah Allah Charagh Wala</t>
  </si>
  <si>
    <t>Non Dagar</t>
  </si>
  <si>
    <t>GGPS BHUSI PINDI, TULAMBA</t>
  </si>
  <si>
    <t>Bhussi Pindi</t>
  </si>
  <si>
    <t>jungle Bhussi pindi tulamba</t>
  </si>
  <si>
    <t>Jungle Bhussi Pindi</t>
  </si>
  <si>
    <t>Ghos Pur</t>
  </si>
  <si>
    <t>GGPS BHUSIN WALA</t>
  </si>
  <si>
    <t>Bhunseen Wala</t>
  </si>
  <si>
    <t>ggps bhunseen wala</t>
  </si>
  <si>
    <t>Alikhel Khel</t>
  </si>
  <si>
    <t>Sobia Shaheen</t>
  </si>
  <si>
    <t>GGPS BHUTTA</t>
  </si>
  <si>
    <t>kabootri</t>
  </si>
  <si>
    <t>GGPS bhatta markaz ghamandpur tehsil minchanabad</t>
  </si>
  <si>
    <t>Surya Fatima</t>
  </si>
  <si>
    <t>GGPS BHUTTA COLONY</t>
  </si>
  <si>
    <t>Ghari Sultan Shah</t>
  </si>
  <si>
    <t>Cha dadly wala near chuki non</t>
  </si>
  <si>
    <t>Cha Dadly Wala</t>
  </si>
  <si>
    <t>Sidra Fida</t>
  </si>
  <si>
    <t>GGPS BHUTTA KOT</t>
  </si>
  <si>
    <t>GGP/S Bhutta kot near Iqbalabad R.Y.K</t>
  </si>
  <si>
    <t>Bhutta Kot</t>
  </si>
  <si>
    <t>Yasmin Wali</t>
  </si>
  <si>
    <t>GGPS BHUTTA NAU</t>
  </si>
  <si>
    <t>mohallah Islam nagar malakwal</t>
  </si>
  <si>
    <t>Memoona Akram</t>
  </si>
  <si>
    <t>GGPS BHUTTA WALA CHAH BHUTTA WALA DHANOT</t>
  </si>
  <si>
    <t>Dhanot</t>
  </si>
  <si>
    <t>govt girls pirmry school bhuttay wala</t>
  </si>
  <si>
    <t>Cha Bhuttay Wala</t>
  </si>
  <si>
    <t>Rappar</t>
  </si>
  <si>
    <t>Robeena Anjum</t>
  </si>
  <si>
    <t>GGPS BHUTTO COLONY</t>
  </si>
  <si>
    <t>Bhutto colony</t>
  </si>
  <si>
    <t>GGPS BHUTTO COLONY FEROZA</t>
  </si>
  <si>
    <t>BUTTO COLONY FEROZA TEHSIL LIAQUAT PUR</t>
  </si>
  <si>
    <t>BUTTO COLONY</t>
  </si>
  <si>
    <t>Surria Bano</t>
  </si>
  <si>
    <t>GGPS BHUTTO COLONY NIZAM ABAD LAHORE</t>
  </si>
  <si>
    <t>GGPS Bhutto Colony Nizamabad Lahore</t>
  </si>
  <si>
    <t>GGPS BIAT CHEEN WALA</t>
  </si>
  <si>
    <t>Bait cheen Wala</t>
  </si>
  <si>
    <t>bait cheen wala</t>
  </si>
  <si>
    <t>Bait cheen wala</t>
  </si>
  <si>
    <t>Bait Bait Wala</t>
  </si>
  <si>
    <t>Shagufta Tayyab</t>
  </si>
  <si>
    <t>GGPS BIBI PUR DUMMER</t>
  </si>
  <si>
    <t>Bi Bi Pur Dammar</t>
  </si>
  <si>
    <t>Basti shah wala Mouza BiBi pur dummar tehsil Jatoi Mzg</t>
  </si>
  <si>
    <t>Dammar Wala Shumali Shumali</t>
  </si>
  <si>
    <t>GGPS BIBI PUR NEAR MOZA BIBI PUR</t>
  </si>
  <si>
    <t>bibi pur</t>
  </si>
  <si>
    <t>Mrs Munawar Sultana</t>
  </si>
  <si>
    <t>GGPS BIBI WALA</t>
  </si>
  <si>
    <t>Qasba Sani</t>
  </si>
  <si>
    <t>Bibi Wala</t>
  </si>
  <si>
    <t>GGPS BIDESER</t>
  </si>
  <si>
    <t>Bideser</t>
  </si>
  <si>
    <t>Dewan pura</t>
  </si>
  <si>
    <t>Dewan Pura</t>
  </si>
  <si>
    <t>Sonia Khalil</t>
  </si>
  <si>
    <t>GGPS BIHNAL</t>
  </si>
  <si>
    <t>vill:Banhal p/o dhuduchak tehsil zafrwal district narrowal</t>
  </si>
  <si>
    <t>Banhal</t>
  </si>
  <si>
    <t>Kousar Afshan</t>
  </si>
  <si>
    <t>GGPS BIJLI PUR</t>
  </si>
  <si>
    <t>Bijlipur</t>
  </si>
  <si>
    <t>bijlipur  p\0 bua</t>
  </si>
  <si>
    <t>Iram Nagar</t>
  </si>
  <si>
    <t>GGPS BILAWARA</t>
  </si>
  <si>
    <t>Balawara</t>
  </si>
  <si>
    <t>balawara kottli sattian</t>
  </si>
  <si>
    <t>Salma Sheraz</t>
  </si>
  <si>
    <t>GGPS BILLU ANA</t>
  </si>
  <si>
    <t>Jhabbran</t>
  </si>
  <si>
    <t>Billo Ana</t>
  </si>
  <si>
    <t>Saeeda Akram</t>
  </si>
  <si>
    <t>GGPS BILLU WALA</t>
  </si>
  <si>
    <t>ggps billu wala</t>
  </si>
  <si>
    <t>Billu Wala</t>
  </si>
  <si>
    <t>Nusrat Rashid</t>
  </si>
  <si>
    <t>GGPS BILWANI</t>
  </si>
  <si>
    <t>KOHAR</t>
  </si>
  <si>
    <t>GGPS Bilwani</t>
  </si>
  <si>
    <t>Bilwani</t>
  </si>
  <si>
    <t>KANEEZ KUBRA</t>
  </si>
  <si>
    <t>GGPS BINDA JABBUANA</t>
  </si>
  <si>
    <t>Binda Jabboana</t>
  </si>
  <si>
    <t>Ggps binda jabboana</t>
  </si>
  <si>
    <t>GGPS BINDA MALKANA</t>
  </si>
  <si>
    <t>Binda Malkana</t>
  </si>
  <si>
    <t>moza binda malkana</t>
  </si>
  <si>
    <t>GGPS BINDA MEHARBAN</t>
  </si>
  <si>
    <t>Bhinda Mehrban</t>
  </si>
  <si>
    <t>Basti ahmdani mouza bhinda mehrban</t>
  </si>
  <si>
    <t>GGPS BINDAH SARBANA</t>
  </si>
  <si>
    <t>Binda Sarbaa</t>
  </si>
  <si>
    <t>Ggps binda subana</t>
  </si>
  <si>
    <t>Binda Sarbana</t>
  </si>
  <si>
    <t>GGPS BINDI BAIG MAHNI NO. 1</t>
  </si>
  <si>
    <t>Bindi Baig Mahni</t>
  </si>
  <si>
    <t>GGPS bindi baig mahni no 1</t>
  </si>
  <si>
    <t>GGPS BINDI BUKHSH DUB KALAN</t>
  </si>
  <si>
    <t>Dabklan</t>
  </si>
  <si>
    <t>bindi bakhsh dabklan shorkot Jhang</t>
  </si>
  <si>
    <t>Bindi Bakhsh</t>
  </si>
  <si>
    <t>GGPS BINDI PATOANA</t>
  </si>
  <si>
    <t>Bindi Patoana Kalan</t>
  </si>
  <si>
    <t>pir Kot Sadhana</t>
  </si>
  <si>
    <t>Bindi Patoana</t>
  </si>
  <si>
    <t>asia latif</t>
  </si>
  <si>
    <t>GGPS BINDORE ABBASIAN</t>
  </si>
  <si>
    <t>Bindore Abbasian</t>
  </si>
  <si>
    <t>P.O Sadiq Abad, Tehsil Sadiq Abad</t>
  </si>
  <si>
    <t>Ifrah Abbasi</t>
  </si>
  <si>
    <t>From a distant handpump</t>
  </si>
  <si>
    <t>GGPS BIRBAL</t>
  </si>
  <si>
    <t>Birbal Sharif</t>
  </si>
  <si>
    <t>Birbal Sharif Tehseel Shahpur Sadar District Sargodha</t>
  </si>
  <si>
    <t>GGPS BIRTHWALA</t>
  </si>
  <si>
    <t>Birthala</t>
  </si>
  <si>
    <t>chak no 150/p mauza birthala</t>
  </si>
  <si>
    <t>Chak 150p</t>
  </si>
  <si>
    <t>Noshaba Noreen</t>
  </si>
  <si>
    <t>GGPS BISHANDOOR</t>
  </si>
  <si>
    <t>Vill p. O dewan e hazoori tehsil sohawa jhelum</t>
  </si>
  <si>
    <t>Dewan E HAZOORI</t>
  </si>
  <si>
    <t>Pail Bny Khan</t>
  </si>
  <si>
    <t>Saba Maryam</t>
  </si>
  <si>
    <t>GGPS BISHANDOT</t>
  </si>
  <si>
    <t>ggps bishandot Teh kallar syedan distt rawalpindi</t>
  </si>
  <si>
    <t>GGPS BISMILLAH COLONY</t>
  </si>
  <si>
    <t>Bismillah Colony , Bahawalpur</t>
  </si>
  <si>
    <t>Muza Bindra</t>
  </si>
  <si>
    <t>GGPS BIT MAST</t>
  </si>
  <si>
    <t>Bhit mast</t>
  </si>
  <si>
    <t>dist.jhelum tehsil and post office sohawa village bhit mast</t>
  </si>
  <si>
    <t>sohawa</t>
  </si>
  <si>
    <t>Maria Zameer</t>
  </si>
  <si>
    <t>GGPS BIT SHER ALI</t>
  </si>
  <si>
    <t>Bhit Sher Ali</t>
  </si>
  <si>
    <t>village bhit sher ali p/o kot dhamiak teh.sohawa jhelum</t>
  </si>
  <si>
    <t>Zobina Manzoor</t>
  </si>
  <si>
    <t>GGPS BITHARAY WALA</t>
  </si>
  <si>
    <t>Long Moalana</t>
  </si>
  <si>
    <t>bithary wala</t>
  </si>
  <si>
    <t>Bithary Wala</t>
  </si>
  <si>
    <t>M-Garh</t>
  </si>
  <si>
    <t>Assma Anjum</t>
  </si>
  <si>
    <t>GGPS BITTIAN WALA</t>
  </si>
  <si>
    <t>Wata Khel Paka</t>
  </si>
  <si>
    <t>vpo bittian teh dis mianwali</t>
  </si>
  <si>
    <t>Wata Khel</t>
  </si>
  <si>
    <t>GGPS BLAGGAN</t>
  </si>
  <si>
    <t>Ballagan,Teh.Pasrur district Sialkot</t>
  </si>
  <si>
    <t>Saima Zaheer</t>
  </si>
  <si>
    <t>GGPS BLASRANWALA</t>
  </si>
  <si>
    <t>Bhalasranwala</t>
  </si>
  <si>
    <t>Waraichanwala</t>
  </si>
  <si>
    <t>Shamsa Kanwel</t>
  </si>
  <si>
    <t>GGPS BLOCK NO. 42 D.G. KHAN</t>
  </si>
  <si>
    <t>Block 42</t>
  </si>
  <si>
    <t>Block 42 d g khan</t>
  </si>
  <si>
    <t>Dear Ghazi Khan</t>
  </si>
  <si>
    <t>Urban 6</t>
  </si>
  <si>
    <t>GGPS BLOCK NO.9 KHANEWAL</t>
  </si>
  <si>
    <t>greeb abad</t>
  </si>
  <si>
    <t>Aneela Erum</t>
  </si>
  <si>
    <t>GGPS BLOCK Y NST, SARGODHA</t>
  </si>
  <si>
    <t>Ggps y block N. S. T</t>
  </si>
  <si>
    <t>Anam Khalid</t>
  </si>
  <si>
    <t>GGPS BOBINAWALA (NEW)</t>
  </si>
  <si>
    <t>Naali</t>
  </si>
  <si>
    <t>Ggps dara bobianwala</t>
  </si>
  <si>
    <t>Dara bobianwala</t>
  </si>
  <si>
    <t>Waheer</t>
  </si>
  <si>
    <t>Ansar Fatima</t>
  </si>
  <si>
    <t>Monobloc</t>
  </si>
  <si>
    <t>GGPS BOCHRAN KOHNA</t>
  </si>
  <si>
    <t>BHOCHRA KOHNA</t>
  </si>
  <si>
    <t>GGPS BHOCHRA KOHNA</t>
  </si>
  <si>
    <t>BHOCHRA  KOHNA</t>
  </si>
  <si>
    <t>BHOCHRA JADEED</t>
  </si>
  <si>
    <t>Shazia Farzana</t>
  </si>
  <si>
    <t>GGPS BOGHAL NIJAR</t>
  </si>
  <si>
    <t>Bhogal Nijar</t>
  </si>
  <si>
    <t>bhogal nijar</t>
  </si>
  <si>
    <t>Chandarkr Mongole</t>
  </si>
  <si>
    <t>Rehana Tabassam</t>
  </si>
  <si>
    <t>GGPS BOGRHA</t>
  </si>
  <si>
    <t>Bograh</t>
  </si>
  <si>
    <t>govt.girls primary school bograh</t>
  </si>
  <si>
    <t>water motor</t>
  </si>
  <si>
    <t>GGPS BOHAR BASTI BOHAR MULTAN</t>
  </si>
  <si>
    <t>ggps boasti bohar tehseel multan saddar district mutan</t>
  </si>
  <si>
    <t>Surriya begum</t>
  </si>
  <si>
    <t>GGPS BOHAR BATH</t>
  </si>
  <si>
    <t>Bohar Bath</t>
  </si>
  <si>
    <t>GGPS BOHAR BHOGAY SHAH</t>
  </si>
  <si>
    <t>BOHAR BHOGAY SHAH</t>
  </si>
  <si>
    <t>GOVT GIRLS PRIMARY SCHOOL BOHAR BHOGAY SHAH</t>
  </si>
  <si>
    <t>mEERAN pUR</t>
  </si>
  <si>
    <t>GGPS BOHAR LANGAH</t>
  </si>
  <si>
    <t>Bohar Langah</t>
  </si>
  <si>
    <t>moza bohar Langah near sardarpur jhendir</t>
  </si>
  <si>
    <t>Anam Khalil</t>
  </si>
  <si>
    <t>GGPS BOHAR MAILSI</t>
  </si>
  <si>
    <t>Bohar Mailsi</t>
  </si>
  <si>
    <t>bohar mailsi tehsil duniyapur district lodhran</t>
  </si>
  <si>
    <t>Bohar mailsi</t>
  </si>
  <si>
    <t>Zab Unisa</t>
  </si>
  <si>
    <t>GGPS BOHAR NO. 1</t>
  </si>
  <si>
    <t>basti bohar tehsil taunsa distrct dgkhan</t>
  </si>
  <si>
    <t>Asma Mujtba</t>
  </si>
  <si>
    <t>GGPS BOHAR PEO MARAN</t>
  </si>
  <si>
    <t>Haweli Sheikh Raju</t>
  </si>
  <si>
    <t>GGPS Bohar Peo Maran</t>
  </si>
  <si>
    <t>Chah Meer Wala</t>
  </si>
  <si>
    <t>Haveli</t>
  </si>
  <si>
    <t>GGPS BOHI</t>
  </si>
  <si>
    <t>Bhoi</t>
  </si>
  <si>
    <t>Bill Bhoi PO Darman Teh. ZWL Dist. NWL</t>
  </si>
  <si>
    <t>GGPS BOHI WARR</t>
  </si>
  <si>
    <t>Bohi Warr</t>
  </si>
  <si>
    <t>GGPS Bohi Warr Village Bohi Warr SDK</t>
  </si>
  <si>
    <t>Shoukat Firdous</t>
  </si>
  <si>
    <t>GGPS BOHRI</t>
  </si>
  <si>
    <t>Bohri</t>
  </si>
  <si>
    <t>GGPS Bohri p/o Pindi Poorbian tehsil Zafarwal district narowal</t>
  </si>
  <si>
    <t>Sobia Zahoor</t>
  </si>
  <si>
    <t>GGPS BOKEN</t>
  </si>
  <si>
    <t>adrana</t>
  </si>
  <si>
    <t>SAIMA BIBI</t>
  </si>
  <si>
    <t>GGPS BOKHARA PO DHER UMID ALI SHAH</t>
  </si>
  <si>
    <t>Bokhara</t>
  </si>
  <si>
    <t>P.o. Bokhara district mianwali</t>
  </si>
  <si>
    <t>Dher Umaidali Shah</t>
  </si>
  <si>
    <t>Saima Zeenat</t>
  </si>
  <si>
    <t>GGPS BOKRA</t>
  </si>
  <si>
    <t>Bokra</t>
  </si>
  <si>
    <t>village Bokra , post office susral</t>
  </si>
  <si>
    <t>Ghazanfar Un Nisa</t>
  </si>
  <si>
    <t>GGPS BOLAY</t>
  </si>
  <si>
    <t>Bolay</t>
  </si>
  <si>
    <t>GGPS BOLEY</t>
  </si>
  <si>
    <t>Boley</t>
  </si>
  <si>
    <t>Village Boley Post Office Tharpal Tehsil and District Chakwal</t>
  </si>
  <si>
    <t>GGPS BOLY BAJWA</t>
  </si>
  <si>
    <t>Bolay Bajwa</t>
  </si>
  <si>
    <t>bolay bajwa p/o kali suba khan teh kamoki disst Gujranwala</t>
  </si>
  <si>
    <t>Kali Suba Khan</t>
  </si>
  <si>
    <t>Tasneem  Fardous</t>
  </si>
  <si>
    <t>GGPS BONGA ALAM SHAH</t>
  </si>
  <si>
    <t>Khair Shah Utad</t>
  </si>
  <si>
    <t>Govt.girls primary school Boonga Alam shah</t>
  </si>
  <si>
    <t>GGPS BONGA BALOCHAAN</t>
  </si>
  <si>
    <t>Kausar Tariq</t>
  </si>
  <si>
    <t>GGPS BONGA GANDA SINGH WALA</t>
  </si>
  <si>
    <t>Bongha Ghanda Singhwala</t>
  </si>
  <si>
    <t>SAFIA PARVEEN</t>
  </si>
  <si>
    <t>GGPS BONGA SAHBA</t>
  </si>
  <si>
    <t>Bonga Sahiba</t>
  </si>
  <si>
    <t>bonga sahiba</t>
  </si>
  <si>
    <t>Mc Mandi Ahmad Abad</t>
  </si>
  <si>
    <t>Naghma Sultana</t>
  </si>
  <si>
    <t>GGPS BONGA TAJEKA</t>
  </si>
  <si>
    <t>Bonga Tajeka</t>
  </si>
  <si>
    <t>GGPS BongaTajeka</t>
  </si>
  <si>
    <t>BongaTajeka</t>
  </si>
  <si>
    <t>LalaAmerSingh</t>
  </si>
  <si>
    <t>GGPS BONGI RAM SINGH</t>
  </si>
  <si>
    <t>mukyyan waala</t>
  </si>
  <si>
    <t>GGps bongi ram singh</t>
  </si>
  <si>
    <t>Dhlyaana</t>
  </si>
  <si>
    <t>GGPS BOOAA PUR MULTAN</t>
  </si>
  <si>
    <t>Boaa Pur</t>
  </si>
  <si>
    <t>Basti Boaa pur khanewal road multan</t>
  </si>
  <si>
    <t>Aisha Kosar</t>
  </si>
  <si>
    <t>GGPS BOOL GARH 2 JALAL PUR</t>
  </si>
  <si>
    <t>Thaklan</t>
  </si>
  <si>
    <t>basti garh wala</t>
  </si>
  <si>
    <t>Garh Wala</t>
  </si>
  <si>
    <t>Karmali Wala</t>
  </si>
  <si>
    <t>GGPS BOOLA</t>
  </si>
  <si>
    <t>government girls primary school boola</t>
  </si>
  <si>
    <t>GGPS BOOLA GHARI CHAK NO 10</t>
  </si>
  <si>
    <t>boola garhi chak 10</t>
  </si>
  <si>
    <t>ggps boola garhi chak 10</t>
  </si>
  <si>
    <t>trady wala</t>
  </si>
  <si>
    <t>GGPS BOOLAY SHAH</t>
  </si>
  <si>
    <t>Boolay Shah</t>
  </si>
  <si>
    <t>chak khatan moza boolay shah GGPS</t>
  </si>
  <si>
    <t>GGPS BOON FAZAL</t>
  </si>
  <si>
    <t>Bhoon Fazal</t>
  </si>
  <si>
    <t>village bhoon fazal p/o jlalpur bhattian tehsil pindi bhattian district hafizabad</t>
  </si>
  <si>
    <t>Khittey Shah</t>
  </si>
  <si>
    <t>GGPS BOOR SINGH WALA</t>
  </si>
  <si>
    <t>Boor singh Wala</t>
  </si>
  <si>
    <t>boor singh wala tehsil chunian distt kasur</t>
  </si>
  <si>
    <t>Mojok</t>
  </si>
  <si>
    <t>Saba Azeem</t>
  </si>
  <si>
    <t>GGPS BOORA</t>
  </si>
  <si>
    <t>Boora</t>
  </si>
  <si>
    <t>Village boora post office sanjwal distt attock</t>
  </si>
  <si>
    <t>Golra</t>
  </si>
  <si>
    <t>Bibi Zarqa Jabeen</t>
  </si>
  <si>
    <t>GGPS BOOTA SINGH</t>
  </si>
  <si>
    <t>kot boota Singh</t>
  </si>
  <si>
    <t>GGPS BOOTAY WALA NEAR SEETAL MARI</t>
  </si>
  <si>
    <t>ggps booty wala moza seetal mari</t>
  </si>
  <si>
    <t>GGPS BORA BANTH</t>
  </si>
  <si>
    <t>Boura Banth</t>
  </si>
  <si>
    <t>Teh and Disst Gujrat p.o. Dullanwalla</t>
  </si>
  <si>
    <t>Machina</t>
  </si>
  <si>
    <t>Shazia Riaz</t>
  </si>
  <si>
    <t>GGPS BORANA SANI</t>
  </si>
  <si>
    <t>Ali-ul-din</t>
  </si>
  <si>
    <t>Moza Borana Sani p/o Luddan.Dist.Vehari</t>
  </si>
  <si>
    <t>Borana Sani</t>
  </si>
  <si>
    <t>Rehana Kanwal</t>
  </si>
  <si>
    <t>GGPS BORHANI WALA</t>
  </si>
  <si>
    <t>Notak Mahmeed</t>
  </si>
  <si>
    <t>G G P/S Burhani Wala</t>
  </si>
  <si>
    <t>Burhani Wala</t>
  </si>
  <si>
    <t>Shazia Abbas</t>
  </si>
  <si>
    <t>GGPS BORI BANGI KHEL</t>
  </si>
  <si>
    <t>Posa  Darmeani Bangi Khel</t>
  </si>
  <si>
    <t>ggps boribangikhel</t>
  </si>
  <si>
    <t>Bori Bangi Khek</t>
  </si>
  <si>
    <t>Kausar Mehnaz</t>
  </si>
  <si>
    <t>GGPS BORIAN WALA</t>
  </si>
  <si>
    <t>GGPS Borianwala</t>
  </si>
  <si>
    <t>vinni</t>
  </si>
  <si>
    <t>GGPS BORING MUSTAFA KHAN</t>
  </si>
  <si>
    <t>tibba pathan wala dakkhana shah pur dorata district layyah</t>
  </si>
  <si>
    <t>Tibba Pathan Wala</t>
  </si>
  <si>
    <t>Riffat Ul Ain</t>
  </si>
  <si>
    <t>GGPS BORING SHABBIR SHAH</t>
  </si>
  <si>
    <t>borang shabir shah karor nashaib</t>
  </si>
  <si>
    <t>borang shabir shah</t>
  </si>
  <si>
    <t>RUKHSANA QURESHI</t>
  </si>
  <si>
    <t>GGPS BORRA</t>
  </si>
  <si>
    <t>boora</t>
  </si>
  <si>
    <t>GGPS BOORA P.O head rasul tehsil&amp; distt m.b.din</t>
  </si>
  <si>
    <t>kot baloch</t>
  </si>
  <si>
    <t>GGPS BOSAL SHARIF</t>
  </si>
  <si>
    <t>Bosal Sharif</t>
  </si>
  <si>
    <t>bosal sharif</t>
  </si>
  <si>
    <t>Kulywal Sydan</t>
  </si>
  <si>
    <t>Muqaddas Bibi</t>
  </si>
  <si>
    <t>GGPS BOSAL SUKHA</t>
  </si>
  <si>
    <t>Bosal Sukha</t>
  </si>
  <si>
    <t>ggps bosal sukha</t>
  </si>
  <si>
    <t>Munnaza Batool</t>
  </si>
  <si>
    <t>GGPS BOSTAN ABAD</t>
  </si>
  <si>
    <t>Trag Sharqi</t>
  </si>
  <si>
    <t>wanda araian wala trag shrif</t>
  </si>
  <si>
    <t>Trag Sharif</t>
  </si>
  <si>
    <t>Imtiaz Fatma</t>
  </si>
  <si>
    <t>GGPS BOTHANA</t>
  </si>
  <si>
    <t>Bothana</t>
  </si>
  <si>
    <t>bothana</t>
  </si>
  <si>
    <t>GGPS BRATHAIAN</t>
  </si>
  <si>
    <t>Brathaian</t>
  </si>
  <si>
    <t>Village Brathaian, punjar, kahuta, r.w.p</t>
  </si>
  <si>
    <t>GGPS BROHI ZARIN</t>
  </si>
  <si>
    <t>VILLAGE AND POST OFFICE BROHI TEHSIL KAHUTA DISTRICT RAWALPINDI</t>
  </si>
  <si>
    <t>RABIA MUSTAFA</t>
  </si>
  <si>
    <t>GGPS BUBI</t>
  </si>
  <si>
    <t>Bubi</t>
  </si>
  <si>
    <t>basti Bubbi  tehsil tounsa</t>
  </si>
  <si>
    <t>GGPS BUCHAN WALA</t>
  </si>
  <si>
    <t>Trag Ghsrbi</t>
  </si>
  <si>
    <t>buchanwala</t>
  </si>
  <si>
    <t>Buchanwala</t>
  </si>
  <si>
    <t>Alia Iqbal</t>
  </si>
  <si>
    <t>GGPS BUDA PEND</t>
  </si>
  <si>
    <t>p/o and village Buddha pind tahsil zaferwal dist narowal</t>
  </si>
  <si>
    <t>Khalida Tabasum</t>
  </si>
  <si>
    <t>GGPS BUDDA CHANDU</t>
  </si>
  <si>
    <t>Buddha Chandu</t>
  </si>
  <si>
    <t>Village Buddha chandu</t>
  </si>
  <si>
    <t>Udhowali</t>
  </si>
  <si>
    <t>Ayesha Javed</t>
  </si>
  <si>
    <t>GGPS BUDDHAN</t>
  </si>
  <si>
    <t>Buddhan</t>
  </si>
  <si>
    <t>dani dave klr wala p/o jassar</t>
  </si>
  <si>
    <t>Chander K Rajpotan</t>
  </si>
  <si>
    <t>GGPS BUDHA KHURD</t>
  </si>
  <si>
    <t>budha khurd</t>
  </si>
  <si>
    <t>vilg Budha khurd teh pasrur</t>
  </si>
  <si>
    <t>Budha khurd</t>
  </si>
  <si>
    <t>Ishart Parveen</t>
  </si>
  <si>
    <t>GGPS BUDHAWANA WALA</t>
  </si>
  <si>
    <t>Baluch wala P/O Jandanwala Tehsil kallar kot district  Bhakkar</t>
  </si>
  <si>
    <t>New Baluch Wala</t>
  </si>
  <si>
    <t>Waheeda Farzand</t>
  </si>
  <si>
    <t>GGPS BUDHAY WALA</t>
  </si>
  <si>
    <t>chah budhay wala khan pur bagga sher</t>
  </si>
  <si>
    <t>NOSHEEN SAHAR</t>
  </si>
  <si>
    <t>GGPS BUDHE WALA</t>
  </si>
  <si>
    <t>Panjgirain Dogar</t>
  </si>
  <si>
    <t>ggps budhewala post office panjgirain Tehsil darya Khan district bhakkar</t>
  </si>
  <si>
    <t>Budhewala</t>
  </si>
  <si>
    <t>Gulzar Fatima</t>
  </si>
  <si>
    <t>water color</t>
  </si>
  <si>
    <t>GGPS BUDHOO WALI</t>
  </si>
  <si>
    <t>Mamoonabad</t>
  </si>
  <si>
    <t>Basti Dairy farm moza Mamoonabad</t>
  </si>
  <si>
    <t>Dairy Farm</t>
  </si>
  <si>
    <t>GGPS BUDHOWAL</t>
  </si>
  <si>
    <t>Budhowal</t>
  </si>
  <si>
    <t>village budhowal p/o head rasool tehsil kharian district gujrat</t>
  </si>
  <si>
    <t>Yasmeen Liaqat</t>
  </si>
  <si>
    <t>GGPS BUDWAL</t>
  </si>
  <si>
    <t>BADWAL</t>
  </si>
  <si>
    <t>village badwal,p/o &amp; tehsil shakargarh</t>
  </si>
  <si>
    <t>Badwal</t>
  </si>
  <si>
    <t>Shameem Latif</t>
  </si>
  <si>
    <t>GGPS BUGGI</t>
  </si>
  <si>
    <t>bughi</t>
  </si>
  <si>
    <t>GGPS Bughi</t>
  </si>
  <si>
    <t>bughi p/o halla</t>
  </si>
  <si>
    <t>alpa kalan</t>
  </si>
  <si>
    <t>Abida khan</t>
  </si>
  <si>
    <t>GGPS BUGREE</t>
  </si>
  <si>
    <t>Bugri</t>
  </si>
  <si>
    <t>village bugri</t>
  </si>
  <si>
    <t>Manawar Sultana</t>
  </si>
  <si>
    <t>GGPS BUJAL</t>
  </si>
  <si>
    <t>Bajul</t>
  </si>
  <si>
    <t>basti bajal union council  berrott</t>
  </si>
  <si>
    <t>GGPS BUKAN KAY</t>
  </si>
  <si>
    <t>Bukan Kay</t>
  </si>
  <si>
    <t>bukan kay</t>
  </si>
  <si>
    <t>Asifa Noreen</t>
  </si>
  <si>
    <t>GGPS BUKHARA NO. 2</t>
  </si>
  <si>
    <t>GGPS Bukara No.02 P/O Muhammad Pur Tehsil Jam pur</t>
  </si>
  <si>
    <t>Bukhara N0 2</t>
  </si>
  <si>
    <t>GGPS BUKHSH WALA</t>
  </si>
  <si>
    <t>Bukhsh Wala</t>
  </si>
  <si>
    <t>bukhsh wala p.o. same</t>
  </si>
  <si>
    <t>Rafia Kanwal</t>
  </si>
  <si>
    <t>GGPS BUKKAN</t>
  </si>
  <si>
    <t>Bhookan</t>
  </si>
  <si>
    <t>GGPS BUKKEN KALAN</t>
  </si>
  <si>
    <t>Buken Kalan</t>
  </si>
  <si>
    <t>vill bukan kalan p/o vanki tarar</t>
  </si>
  <si>
    <t>Bukan Kalan</t>
  </si>
  <si>
    <t>Vanki Tarar</t>
  </si>
  <si>
    <t>GGPS BUKKEN KHURD</t>
  </si>
  <si>
    <t>Bukan Hkurd</t>
  </si>
  <si>
    <t>GGPS Bukan khurd,Hafizabad</t>
  </si>
  <si>
    <t>Bukan Khurd</t>
  </si>
  <si>
    <t>Shagufta Sharif</t>
  </si>
  <si>
    <t>GGPS BUKRA</t>
  </si>
  <si>
    <t>BUKRA</t>
  </si>
  <si>
    <t>P.O HASSAR CHUKRA BUKRA HASSAN ABDAL</t>
  </si>
  <si>
    <t>Bukra</t>
  </si>
  <si>
    <t>Tazeem Bibi</t>
  </si>
  <si>
    <t>GGPS BULAIR</t>
  </si>
  <si>
    <t>Bullhar</t>
  </si>
  <si>
    <t>ggps bullhar lahore</t>
  </si>
  <si>
    <t>Asma Nazir</t>
  </si>
  <si>
    <t>GGPS BULANDI OUTAR</t>
  </si>
  <si>
    <t>BULANDI OTTAR</t>
  </si>
  <si>
    <t>VILLAGE BULANDI OTTAR P/O RAJA JUNG KASUR</t>
  </si>
  <si>
    <t>THEH SHEIKHEM</t>
  </si>
  <si>
    <t>NAJMA ISHAQ</t>
  </si>
  <si>
    <t>GGPS BULAQI WALI</t>
  </si>
  <si>
    <t>Dhando</t>
  </si>
  <si>
    <t>GGP/S Bulaqi Wali markiz zahir peer tahsil khanpur</t>
  </si>
  <si>
    <t>Humaira Shahzadi</t>
  </si>
  <si>
    <t>GGPS BULER KAY</t>
  </si>
  <si>
    <t>Blharke</t>
  </si>
  <si>
    <t>GGPS bularke</t>
  </si>
  <si>
    <t>Blharkey</t>
  </si>
  <si>
    <t>Barrainwala</t>
  </si>
  <si>
    <t>Ishrat Latif</t>
  </si>
  <si>
    <t>GGPS BULHAR</t>
  </si>
  <si>
    <t>bilhar dgkhan</t>
  </si>
  <si>
    <t>Ume Salma Siddiqi</t>
  </si>
  <si>
    <t>GGPS BULLAH PATOANA</t>
  </si>
  <si>
    <t>Bullah Potoana</t>
  </si>
  <si>
    <t>bullah potoana</t>
  </si>
  <si>
    <t>Pirkot</t>
  </si>
  <si>
    <t>Rabia Shafiq</t>
  </si>
  <si>
    <t>GGPS BULLAY SHAH</t>
  </si>
  <si>
    <t>Bully Shah</t>
  </si>
  <si>
    <t>mauza bully shah</t>
  </si>
  <si>
    <t>557 Gb</t>
  </si>
  <si>
    <t>Taiba Noreen</t>
  </si>
  <si>
    <t>GGPS BULLAY WALA</t>
  </si>
  <si>
    <t>Basti Bhaily wala near union council</t>
  </si>
  <si>
    <t>Bhaily Wala</t>
  </si>
  <si>
    <t>Mehrin Iqbal</t>
  </si>
  <si>
    <t>GGPS BULLEY WAHIN</t>
  </si>
  <si>
    <t>Bulley wahin</t>
  </si>
  <si>
    <t>Bulley wahin Muzaffar Garh</t>
  </si>
  <si>
    <t>Thattah Qureshi</t>
  </si>
  <si>
    <t>Sania Abid</t>
  </si>
  <si>
    <t>GGPS BUMBLY</t>
  </si>
  <si>
    <t>Bumbly</t>
  </si>
  <si>
    <t>village bumbly tehsil phalia district m.b.din</t>
  </si>
  <si>
    <t>bumbly</t>
  </si>
  <si>
    <t>dogul</t>
  </si>
  <si>
    <t>Maria Zaman</t>
  </si>
  <si>
    <t>GGPS BUMMAY WALA</t>
  </si>
  <si>
    <t>Thalla Gilkala</t>
  </si>
  <si>
    <t>GGps Bumay wala</t>
  </si>
  <si>
    <t>Bumay Wala</t>
  </si>
  <si>
    <t>Zareena Akhter</t>
  </si>
  <si>
    <t>GGPS BUN RAJIA</t>
  </si>
  <si>
    <t>village Bun Rajia post office Karore Teh kotli sattian district Rawalpindi</t>
  </si>
  <si>
    <t>Bun Rajia</t>
  </si>
  <si>
    <t>Rahila Tabasum</t>
  </si>
  <si>
    <t>GGPS BUN SANGAN</t>
  </si>
  <si>
    <t>Bun Sajhian</t>
  </si>
  <si>
    <t>GGps bun sajhian</t>
  </si>
  <si>
    <t>Bun Sajhina</t>
  </si>
  <si>
    <t>Zobia Hafeez</t>
  </si>
  <si>
    <t>GGPS BUNGA IHSAN BIBI NO. 1</t>
  </si>
  <si>
    <t>ihsan bibi</t>
  </si>
  <si>
    <t>gGPS BUNGA IHSAN BIBI 1</t>
  </si>
  <si>
    <t>ihsan bibi 1</t>
  </si>
  <si>
    <t>MARI MIAN SHAIB</t>
  </si>
  <si>
    <t>Zahra Firdos</t>
  </si>
  <si>
    <t>GGPS BUNGA IHSAN BIBI NO. 2</t>
  </si>
  <si>
    <t>Marri Mian Sahib</t>
  </si>
  <si>
    <t>ggps bonga ihsan bibi.#02</t>
  </si>
  <si>
    <t>bonga ahsan bibinoi</t>
  </si>
  <si>
    <t>marimian sahib</t>
  </si>
  <si>
    <t>GGPS BUNGA SALEH</t>
  </si>
  <si>
    <t>Bunga saleh tehsil depalpur(okara)</t>
  </si>
  <si>
    <t>Bunga Saleh</t>
  </si>
  <si>
    <t>Abida Sarwar</t>
  </si>
  <si>
    <t>GGPS BUNGLA LESHARI</t>
  </si>
  <si>
    <t>Churhatta Pachad</t>
  </si>
  <si>
    <t>ggps bangla lashari pul clairi</t>
  </si>
  <si>
    <t>Pul Calari</t>
  </si>
  <si>
    <t>Shawana Farooq</t>
  </si>
  <si>
    <t>GGPS BURANA WALA</t>
  </si>
  <si>
    <t>Buranawala</t>
  </si>
  <si>
    <t>vp buranawala</t>
  </si>
  <si>
    <t>Boranawala</t>
  </si>
  <si>
    <t>Shahnaz Bi Bi</t>
  </si>
  <si>
    <t>GGPS BURAY WALA</t>
  </si>
  <si>
    <t>IRFAN ABAD COLONY JAMPUR</t>
  </si>
  <si>
    <t>IRFAN ABAD</t>
  </si>
  <si>
    <t>Jamila Akhtar</t>
  </si>
  <si>
    <t>GGPS BURBAGI</t>
  </si>
  <si>
    <t>Barbagi</t>
  </si>
  <si>
    <t>barbagi</t>
  </si>
  <si>
    <t>Qatal Pur</t>
  </si>
  <si>
    <t>Amrat Nawaz</t>
  </si>
  <si>
    <t>GGPS BUREKEY</t>
  </si>
  <si>
    <t>Burekey</t>
  </si>
  <si>
    <t>village burekey post office wadala sundhwan tehsil daska district sialkot</t>
  </si>
  <si>
    <t>Sobia Murtaza</t>
  </si>
  <si>
    <t>GGPS BURHAN PUR KEHROR PACCA</t>
  </si>
  <si>
    <t>Burhanpur</t>
  </si>
  <si>
    <t>Basti Islam pur Kehrorpacca</t>
  </si>
  <si>
    <t>BASTI ISLAM PUR</t>
  </si>
  <si>
    <t>GGPS BURJ AGRA</t>
  </si>
  <si>
    <t>BurjAgraa</t>
  </si>
  <si>
    <t>BurjAgraa P/O Mianwal ranjha</t>
  </si>
  <si>
    <t>Burj Agra</t>
  </si>
  <si>
    <t>Bhaiko</t>
  </si>
  <si>
    <t>GGPS BURJ BIBI</t>
  </si>
  <si>
    <t>Mangtanwala</t>
  </si>
  <si>
    <t>village burj bibi</t>
  </si>
  <si>
    <t>Burj Bibi</t>
  </si>
  <si>
    <t>Balqees Abbas</t>
  </si>
  <si>
    <t>GGPS BURJ DAHALLA</t>
  </si>
  <si>
    <t>AHMAD NAGER 5 - FEMALE</t>
  </si>
  <si>
    <t>Ahmed Nager</t>
  </si>
  <si>
    <t>BURJ Dhalla</t>
  </si>
  <si>
    <t>Dilawer Cheema</t>
  </si>
  <si>
    <t>GGPS BURJ FATEH ALI</t>
  </si>
  <si>
    <t>Burj Fateh Ali</t>
  </si>
  <si>
    <t>GGps Burj Fateh Ali</t>
  </si>
  <si>
    <t>Zofishan</t>
  </si>
  <si>
    <t>GGPS BURJ KHURD</t>
  </si>
  <si>
    <t>burj Khurd</t>
  </si>
  <si>
    <t>burj khurd Ganda Singh</t>
  </si>
  <si>
    <t>sanda Chistana</t>
  </si>
  <si>
    <t>Asia Rifat</t>
  </si>
  <si>
    <t>GGPS BURJ RANSINGH</t>
  </si>
  <si>
    <t>Burj Run Singh</t>
  </si>
  <si>
    <t>Burj Run Singh tech.chunian dist.kasur</t>
  </si>
  <si>
    <t>GGPS BURJ TASHA</t>
  </si>
  <si>
    <t>Burj Tasha</t>
  </si>
  <si>
    <t>village Burj Tasha p/o kot hara tehsil wazirabad district gujranwala</t>
  </si>
  <si>
    <t>Hazrat Kaliawala</t>
  </si>
  <si>
    <t>GGPS BUTKIL</t>
  </si>
  <si>
    <t>Basti Butkil p/o Retra</t>
  </si>
  <si>
    <t>Butkil</t>
  </si>
  <si>
    <t>Morh Jhangi</t>
  </si>
  <si>
    <t>Ume  Kalsoom</t>
  </si>
  <si>
    <t>GGPS BUTTA KOT, KABIRWALA</t>
  </si>
  <si>
    <t>Kopreywala</t>
  </si>
  <si>
    <t>koprey Wala buttakot</t>
  </si>
  <si>
    <t>Buttakot</t>
  </si>
  <si>
    <t>Shahla Nargis</t>
  </si>
  <si>
    <t>GGPS BUTTAY WALA</t>
  </si>
  <si>
    <t>Buttay wala</t>
  </si>
  <si>
    <t>buttay wala</t>
  </si>
  <si>
    <t>Afshan Ahmad</t>
  </si>
  <si>
    <t>GGPS BUTTER CHAK 23</t>
  </si>
  <si>
    <t>Butter Chak 23</t>
  </si>
  <si>
    <t>Government girls primary school butter Chak 23 R.B Tehsil safdarabad,District sheikhupura</t>
  </si>
  <si>
    <t>Abdullah Pur Kollar</t>
  </si>
  <si>
    <t>GGPS BUTTIAN</t>
  </si>
  <si>
    <t>Battian</t>
  </si>
  <si>
    <t>village battian p\ o hujra dist. okara</t>
  </si>
  <si>
    <t>Fozia Makkia</t>
  </si>
  <si>
    <t>GGPS BUZARG</t>
  </si>
  <si>
    <t>Bazurg</t>
  </si>
  <si>
    <t>village Bazurg P/O Talwandi Bindran Teh Pasrur Distt  Sialkot</t>
  </si>
  <si>
    <t>GGPS BYROTI WALA, JAHANIAN</t>
  </si>
  <si>
    <t>Chowk Rahimabad</t>
  </si>
  <si>
    <t>ggps byroty wala jahania</t>
  </si>
  <si>
    <t>saira saleem</t>
  </si>
  <si>
    <t>GGPS CANADA COLONY</t>
  </si>
  <si>
    <t>Nankana sahib</t>
  </si>
  <si>
    <t>govt girls primary school canada colony nankana sahib</t>
  </si>
  <si>
    <t>Asia Shaban</t>
  </si>
  <si>
    <t>GGPS CANAL COLONY KUNDIAN</t>
  </si>
  <si>
    <t>KUNDIAN RURAL-FEMALE</t>
  </si>
  <si>
    <t>canalcolony kundian</t>
  </si>
  <si>
    <t>kundian 1</t>
  </si>
  <si>
    <t>Assia bibi</t>
  </si>
  <si>
    <t>GGPS CANAL COLONY PIPLAN</t>
  </si>
  <si>
    <t>ggps canal colony liaquatabad tehsill piplan distt mianwali</t>
  </si>
  <si>
    <t>GGPS CANAL COLONY PUNJNAD</t>
  </si>
  <si>
    <t>Baitmoizdin</t>
  </si>
  <si>
    <t>canal colony punjnad</t>
  </si>
  <si>
    <t>Dammar Wala Janubi</t>
  </si>
  <si>
    <t>afshan naheed</t>
  </si>
  <si>
    <t>GGPS CANAL COLONY QUTAB PUR</t>
  </si>
  <si>
    <t>Hammad Town Qutab pur</t>
  </si>
  <si>
    <t>Hammad Town</t>
  </si>
  <si>
    <t>GGPS CARRIAGE FACTORY COLONY RWP</t>
  </si>
  <si>
    <t>rawalpindi</t>
  </si>
  <si>
    <t>carriage factory colony dokh huss</t>
  </si>
  <si>
    <t>Saeeda Perveen</t>
  </si>
  <si>
    <t>GGPS CDG  SECTOR A-II TOWNSHIP</t>
  </si>
  <si>
    <t>C.D.G.JM.SCHOOL A2 TOWNSHIP LAHOR</t>
  </si>
  <si>
    <t>Munaza Rafiq</t>
  </si>
  <si>
    <t>GGPS CDG B-1 TOWNSHIP</t>
  </si>
  <si>
    <t>GGPS CDG  PS 12_B_1 Twnship LHR</t>
  </si>
  <si>
    <t>Fozia Rehman</t>
  </si>
  <si>
    <t>GGPS CDG HUMA BLOCK FLATS</t>
  </si>
  <si>
    <t>CDG P/S huma block flats iqbal town lahore</t>
  </si>
  <si>
    <t>Iqbal Town Lahore</t>
  </si>
  <si>
    <t>Kashmir Block</t>
  </si>
  <si>
    <t>Aisha Asad</t>
  </si>
  <si>
    <t>GGPS CDG JEVEN HANA</t>
  </si>
  <si>
    <t>Jeevan Hana</t>
  </si>
  <si>
    <t>194 Garden Block. Garden Town</t>
  </si>
  <si>
    <t>Jeven Hana Lahore</t>
  </si>
  <si>
    <t>Afshan Safdar</t>
  </si>
  <si>
    <t>GGPS CDG JUNIOR MODEL DATA NAGAR BADAMI BAGH</t>
  </si>
  <si>
    <t>CDG PS datanagar badami bagh lhr</t>
  </si>
  <si>
    <t>LUBNA  QADIR</t>
  </si>
  <si>
    <t>GGPS CDG JUNIOR MODEL SINGH PURA</t>
  </si>
  <si>
    <t>Shawala Chowk Singhpura Lahore</t>
  </si>
  <si>
    <t>Singhpura</t>
  </si>
  <si>
    <t>Faiza Saeed</t>
  </si>
  <si>
    <t>GGPS CDG MUSLIM CHOWK GREEN TOWN</t>
  </si>
  <si>
    <t>Muslim Chowk</t>
  </si>
  <si>
    <t>5c2 muslim chowk green twn</t>
  </si>
  <si>
    <t>Green Twn</t>
  </si>
  <si>
    <t>Sadia Waqas</t>
  </si>
  <si>
    <t>GGPS CDG RASALA BAZAR OLD ANARKALI</t>
  </si>
  <si>
    <t>Old Anarkali</t>
  </si>
  <si>
    <t>palm street old anarkali</t>
  </si>
  <si>
    <t>GGPS CDG SHAD BAGH</t>
  </si>
  <si>
    <t>CD G G p s shad bagh</t>
  </si>
  <si>
    <t>Mubbra Anwar</t>
  </si>
  <si>
    <t>GGPS CDGL KOT KAMBOH</t>
  </si>
  <si>
    <t>kot kombho band road Lahore</t>
  </si>
  <si>
    <t>Sobia Ijaz</t>
  </si>
  <si>
    <t>GGPS CENTERAL JAIL</t>
  </si>
  <si>
    <t>Central jail</t>
  </si>
  <si>
    <t>Ggps C.Jail</t>
  </si>
  <si>
    <t>Central Jail</t>
  </si>
  <si>
    <t>227 Chaddar</t>
  </si>
  <si>
    <t>Abida Amin</t>
  </si>
  <si>
    <t>GGPS CENTRE KOT ADU NO. 1</t>
  </si>
  <si>
    <t>Pirharh Sharqi</t>
  </si>
  <si>
    <t>chah punnu Wala Ward no 4 kot adu</t>
  </si>
  <si>
    <t>Punnu Wala</t>
  </si>
  <si>
    <t>Farhaat Nasreen</t>
  </si>
  <si>
    <t>GGPS CH MODEL MUSLIM ABAD</t>
  </si>
  <si>
    <t>Fatehgarh Garh</t>
  </si>
  <si>
    <t>muslimabad fatehgarh</t>
  </si>
  <si>
    <t>GGPS CHABAR</t>
  </si>
  <si>
    <t>chabbar p/o kangan pur teh chunian district kasur</t>
  </si>
  <si>
    <t>Sadaf Zahra</t>
  </si>
  <si>
    <t>GGPS CHABBER SYEDAN</t>
  </si>
  <si>
    <t>CHABBER SYEDAN</t>
  </si>
  <si>
    <t>post office dhok Shah Arif village chabber syedan teh sohawa distt Jhelum</t>
  </si>
  <si>
    <t>Sumera Batool</t>
  </si>
  <si>
    <t>GGPS CHABEEL PUR SYED WALI KHOI NAWAB PUR ROAD</t>
  </si>
  <si>
    <t>Chabeel Pur</t>
  </si>
  <si>
    <t>G.G.P.S chabeel pur   syed  wali   khoi  nawab pur road   multan</t>
  </si>
  <si>
    <t>Yasmeen Begum</t>
  </si>
  <si>
    <t>GGPS CHABER  PO SIAGL ABAD</t>
  </si>
  <si>
    <t>Chaaber</t>
  </si>
  <si>
    <t>Village &amp;post office chaaber</t>
  </si>
  <si>
    <t>Chabber</t>
  </si>
  <si>
    <t>GGPS CHABIANA</t>
  </si>
  <si>
    <t>Chibiana</t>
  </si>
  <si>
    <t>chibyana</t>
  </si>
  <si>
    <t>Chibyana</t>
  </si>
  <si>
    <t>GGPS CHABIL PUR</t>
  </si>
  <si>
    <t>Chabilpur</t>
  </si>
  <si>
    <t>chabilpur</t>
  </si>
  <si>
    <t>GGPS CHABRI BALA NO. 2</t>
  </si>
  <si>
    <t>Chabri</t>
  </si>
  <si>
    <t>district dgk,near post office chabri bala</t>
  </si>
  <si>
    <t>Saira Nasir</t>
  </si>
  <si>
    <t>GGPS CHABRI ZAREEN</t>
  </si>
  <si>
    <t>KHARI WALA</t>
  </si>
  <si>
    <t>ggps CHABRI ZAREEN,D.G.KHAN</t>
  </si>
  <si>
    <t>BASTI GASHGORI</t>
  </si>
  <si>
    <t>CHABRI ZAREEN</t>
  </si>
  <si>
    <t>SABRA PARVEEN</t>
  </si>
  <si>
    <t>GGPS CHABUTRA</t>
  </si>
  <si>
    <t>Chabutra</t>
  </si>
  <si>
    <t>village chabutra po. chabutra teh kallar syedan distt rwp</t>
  </si>
  <si>
    <t>Umra Nasser</t>
  </si>
  <si>
    <t>GGPS CHACHA BUTTA</t>
  </si>
  <si>
    <t>Haidr wala</t>
  </si>
  <si>
    <t>ggps chacha bhutta haider wala</t>
  </si>
  <si>
    <t>Musrat Bibi</t>
  </si>
  <si>
    <t>GGPS CHACHER WALI</t>
  </si>
  <si>
    <t>Checharwali</t>
  </si>
  <si>
    <t>checharwali</t>
  </si>
  <si>
    <t>GGPS CHACHIAN MIANI</t>
  </si>
  <si>
    <t>Chachian Miani</t>
  </si>
  <si>
    <t>vill. miani chachian p/o Alam Garh teh. &amp; dist. Gujrat</t>
  </si>
  <si>
    <t>Rukhsana Altaf</t>
  </si>
  <si>
    <t>GGPS CHACHOKA</t>
  </si>
  <si>
    <t>chachoka</t>
  </si>
  <si>
    <t>chachoka tehsil sahiwal dist sgd</t>
  </si>
  <si>
    <t>GGPS CHACHOWALI</t>
  </si>
  <si>
    <t>ggps chachowali</t>
  </si>
  <si>
    <t>Sadowala</t>
  </si>
  <si>
    <t>Shahida Khatoon</t>
  </si>
  <si>
    <t>misile</t>
  </si>
  <si>
    <t>GGPS CHADHALI</t>
  </si>
  <si>
    <t>Chadhali</t>
  </si>
  <si>
    <t>Village chadhali Post office chaprar tehsil and district sialkot</t>
  </si>
  <si>
    <t>GGPS CHAH ABBAS KHAN WALA</t>
  </si>
  <si>
    <t>Kot Belian</t>
  </si>
  <si>
    <t>Government  Girls  P/S Chah Abbas Khan wala</t>
  </si>
  <si>
    <t>GGPS CHAH ABDUL SATTAR</t>
  </si>
  <si>
    <t>36kb</t>
  </si>
  <si>
    <t>Chah Abdul Sattar chak no 36kb jamlera</t>
  </si>
  <si>
    <t>Chah Abdul Sattar</t>
  </si>
  <si>
    <t>Noshehra Jamlera</t>
  </si>
  <si>
    <t>Shazia Rafi</t>
  </si>
  <si>
    <t>GGPS CHAH AHMAD WALA</t>
  </si>
  <si>
    <t>moza kot Sai Singh jhang</t>
  </si>
  <si>
    <t>GGPS CHAH ALFOO WALA</t>
  </si>
  <si>
    <t>Chah Alfo Wala</t>
  </si>
  <si>
    <t>chah alfo Wala t,/d Kasur  P/o Khudian khas</t>
  </si>
  <si>
    <t>Beroon Khudian Khad</t>
  </si>
  <si>
    <t>Tuba Arshad</t>
  </si>
  <si>
    <t>GGPS CHAH ALLAH BAKHSH BASKHSHU WALA</t>
  </si>
  <si>
    <t>DAGGAR REHTAS</t>
  </si>
  <si>
    <t>Govt. Model Primary School Allah Bakhsh Bakhshu Wala</t>
  </si>
  <si>
    <t>BAKHSHU WALA</t>
  </si>
  <si>
    <t>Maryam Khalidah</t>
  </si>
  <si>
    <t>GGPS CHAH ALLAH DITTA</t>
  </si>
  <si>
    <t>chah Allah dita post office jhamat shumali</t>
  </si>
  <si>
    <t>GGPS CHAH ALLAH WASAIA</t>
  </si>
  <si>
    <t>goda</t>
  </si>
  <si>
    <t>ggps chah allah wasaya</t>
  </si>
  <si>
    <t>basti awan wala</t>
  </si>
  <si>
    <t>baranga</t>
  </si>
  <si>
    <t>GGPS CHAH ANGARI WALA</t>
  </si>
  <si>
    <t>Panah Kharal Gharbi</t>
  </si>
  <si>
    <t>chah angari wala panah kharal gharbi p/o kot sultan</t>
  </si>
  <si>
    <t>Chah Angari Wala</t>
  </si>
  <si>
    <t>GGPS CHAH ANWAR BAIG KHAN WALA</t>
  </si>
  <si>
    <t>Rasheed Purr</t>
  </si>
  <si>
    <t>GAPS chah Anwer Baig Khan wala</t>
  </si>
  <si>
    <t>Chah Anwer Baig Khan Wala</t>
  </si>
  <si>
    <t>Kausar  Perveen</t>
  </si>
  <si>
    <t>GGPS CHAH ARAY WALA</t>
  </si>
  <si>
    <t>Bhango</t>
  </si>
  <si>
    <t>chah aray wala</t>
  </si>
  <si>
    <t>Chah Aray Wala</t>
  </si>
  <si>
    <t>Bhango Mouza</t>
  </si>
  <si>
    <t>GGPS CHAH AROOR SINGH</t>
  </si>
  <si>
    <t>CHah Aroor Singh</t>
  </si>
  <si>
    <t>chah Aroor singh</t>
  </si>
  <si>
    <t>Har Do Sahari</t>
  </si>
  <si>
    <t>Saima Yaqub</t>
  </si>
  <si>
    <t>GGPS CHAH AWAN WALA</t>
  </si>
  <si>
    <t>Wagha Khaleeka</t>
  </si>
  <si>
    <t>Ggpschahawanwalla</t>
  </si>
  <si>
    <t>Chah Awan Wala</t>
  </si>
  <si>
    <t>Effat Parveen</t>
  </si>
  <si>
    <t>GGPS CHAH BAHADAR WALA</t>
  </si>
  <si>
    <t>Po Bahmniwala mouza Salsadar Lodhran.</t>
  </si>
  <si>
    <t>GGPS CHAH BAKHTAWAR WALA</t>
  </si>
  <si>
    <t>ggps chah bakhtwR wala</t>
  </si>
  <si>
    <t>Kari Kot</t>
  </si>
  <si>
    <t>GGPS CHAH BANAN WALA MULTAN</t>
  </si>
  <si>
    <t>Tiba Masood Pur</t>
  </si>
  <si>
    <t>dak khana ismailabad chah banan wala sher shah road multan</t>
  </si>
  <si>
    <t>Chah Banan Wala</t>
  </si>
  <si>
    <t>Kamilla</t>
  </si>
  <si>
    <t>GGPS CHAH BANGHARAN</t>
  </si>
  <si>
    <t>Chah Bhangran</t>
  </si>
  <si>
    <t>basti chah bhangran</t>
  </si>
  <si>
    <t>Habib U Nisa</t>
  </si>
  <si>
    <t>GGPS CHAH BHATIAN WALA</t>
  </si>
  <si>
    <t>Lak Baddar</t>
  </si>
  <si>
    <t>GGPS chah Bhattian wala</t>
  </si>
  <si>
    <t>GGPS CHAH BHATTIAN WALA</t>
  </si>
  <si>
    <t>CHAH HANSAN  WALA</t>
  </si>
  <si>
    <t>chahbhattinawala</t>
  </si>
  <si>
    <t>Chahbhattinawala</t>
  </si>
  <si>
    <t>GODOLA</t>
  </si>
  <si>
    <t>GGPS CHAH BHIR WALA</t>
  </si>
  <si>
    <t>Vijhalana</t>
  </si>
  <si>
    <t>chah bhir wala</t>
  </si>
  <si>
    <t>Chah Bhir Wala</t>
  </si>
  <si>
    <t>Rozina Anwar</t>
  </si>
  <si>
    <t>GGPS CHAH BHUTA SHARQI</t>
  </si>
  <si>
    <t>Wagwara Sharki</t>
  </si>
  <si>
    <t>Chah buttha sharki</t>
  </si>
  <si>
    <t>Chah Buttha Sharki</t>
  </si>
  <si>
    <t>Dagar Wagharaw</t>
  </si>
  <si>
    <t>GGPS CHAH BHUTIAN WALA</t>
  </si>
  <si>
    <t>Jaisal</t>
  </si>
  <si>
    <t>chah bhutian wala</t>
  </si>
  <si>
    <t>Chah Bhutian Wala</t>
  </si>
  <si>
    <t>GGPS CHAH BILLAY WALA</t>
  </si>
  <si>
    <t>khola</t>
  </si>
  <si>
    <t>ggps chah ballaywala</t>
  </si>
  <si>
    <t>Chah ballaywala</t>
  </si>
  <si>
    <t>GGPS CHAH BLOCHAN</t>
  </si>
  <si>
    <t>chak ghumnana</t>
  </si>
  <si>
    <t>chah blochan chak ghumnana toba road jhang sadar</t>
  </si>
  <si>
    <t>chah blochan</t>
  </si>
  <si>
    <t>GGPS CHAH BLOUCHAN WALA</t>
  </si>
  <si>
    <t>chah balochan wala mitro road tibba sutan pur</t>
  </si>
  <si>
    <t>Chah Balochawala</t>
  </si>
  <si>
    <t>khalida shafi</t>
  </si>
  <si>
    <t>GGPS CHAH BOHER WALA</t>
  </si>
  <si>
    <t>Shorkot Shumali</t>
  </si>
  <si>
    <t>GPS chah bohar wala shorkot city</t>
  </si>
  <si>
    <t>Bohar Wala</t>
  </si>
  <si>
    <t>Shorkot Janobi</t>
  </si>
  <si>
    <t>GGPS CHAH BUKHSH WALA</t>
  </si>
  <si>
    <t>Dagar Olkh</t>
  </si>
  <si>
    <t>gg p/s chah bukhsh wala</t>
  </si>
  <si>
    <t>Buksh Wala</t>
  </si>
  <si>
    <t>183-184 TDA</t>
  </si>
  <si>
    <t>Kainat  zahoor  khan</t>
  </si>
  <si>
    <t>GGPS CHAH BURANA</t>
  </si>
  <si>
    <t>Dagar Rahtas</t>
  </si>
  <si>
    <t>185/tda chah burana</t>
  </si>
  <si>
    <t>185/tda</t>
  </si>
  <si>
    <t>183/184</t>
  </si>
  <si>
    <t>GGPS CHAH CHINA</t>
  </si>
  <si>
    <t>GGPS Chah China, Muza Dhingana</t>
  </si>
  <si>
    <t>Chah China</t>
  </si>
  <si>
    <t>GGPS CHAH CHSHTIAN WALA</t>
  </si>
  <si>
    <t>Bagg Balochan</t>
  </si>
  <si>
    <t>village chagh chishtian wala tehsil sahiwal distrct sargodha</t>
  </si>
  <si>
    <t>Chah Chishtian Wala</t>
  </si>
  <si>
    <t>Sialsharif</t>
  </si>
  <si>
    <t>Naeema Rani</t>
  </si>
  <si>
    <t>GGPS CHAH DAD LUKHAN WALA</t>
  </si>
  <si>
    <t>Lukhan Wala</t>
  </si>
  <si>
    <t>GGPS Chan dad lukhan wala</t>
  </si>
  <si>
    <t>Chahdad Lukhan Wala</t>
  </si>
  <si>
    <t>Nusrat Iqbal</t>
  </si>
  <si>
    <t>GGPS CHAH DANA WALA</t>
  </si>
  <si>
    <t>Chak no 175 chah Dana Wala</t>
  </si>
  <si>
    <t>Drakshan Gull</t>
  </si>
  <si>
    <t>GGPS CHAH DAR WALA</t>
  </si>
  <si>
    <t>Johok Yar Shah</t>
  </si>
  <si>
    <t>chah dar wala basti haytani</t>
  </si>
  <si>
    <t>Chah Dar Wala Basti Haytani</t>
  </si>
  <si>
    <t>GGPS CHAH DARKHAN WALA</t>
  </si>
  <si>
    <t>po karari kot</t>
  </si>
  <si>
    <t>Karari  Kot</t>
  </si>
  <si>
    <t>Andleeb Usman</t>
  </si>
  <si>
    <t>GGPS CHAH DEWAN WALA</t>
  </si>
  <si>
    <t>Moaza lak badhar</t>
  </si>
  <si>
    <t>Lak Bhadar</t>
  </si>
  <si>
    <t>Khalida Noreen</t>
  </si>
  <si>
    <t>GGPS CHAH DHILLOO WALA</t>
  </si>
  <si>
    <t>Jhok Gamu</t>
  </si>
  <si>
    <t>basti shor kot</t>
  </si>
  <si>
    <t>Kasba E Sani</t>
  </si>
  <si>
    <t>Kanwal Firdos Ghouri</t>
  </si>
  <si>
    <t>GGPS CHAH DOLI</t>
  </si>
  <si>
    <t>Dagar Wahgra</t>
  </si>
  <si>
    <t>Ggps chah doli dagar wahgra darya khan</t>
  </si>
  <si>
    <t>Chah Doli</t>
  </si>
  <si>
    <t>Shehnaz Perveen</t>
  </si>
  <si>
    <t>GGPS CHAH FARID WALA</t>
  </si>
  <si>
    <t>P/O DAJAL NAZD ADA GHAT BASTI FAREEDA ABAD</t>
  </si>
  <si>
    <t>FAREEDA ABAD</t>
  </si>
  <si>
    <t>Shaziahameed</t>
  </si>
  <si>
    <t>GGPS CHAH GAHNAY WALA NO 1  MULTAN</t>
  </si>
  <si>
    <t>Rangeelpur</t>
  </si>
  <si>
    <t>Ggps chah gahnay wala no 1 rangeelpur multan</t>
  </si>
  <si>
    <t>Rifat Sultana</t>
  </si>
  <si>
    <t>GGPS CHAH GAHNAY WALA NO 2 SHARIF CHOWK NEAR SURAJ KUND</t>
  </si>
  <si>
    <t>Rangeel Pur</t>
  </si>
  <si>
    <t>ggps chah ghanay wala no2 near rangeel pur</t>
  </si>
  <si>
    <t>Basti Thaeem</t>
  </si>
  <si>
    <t>Altaf Begum</t>
  </si>
  <si>
    <t>GGPS CHAH GHALU WALA</t>
  </si>
  <si>
    <t>Mahala chah ghalo taunsa</t>
  </si>
  <si>
    <t>Taunsa City</t>
  </si>
  <si>
    <t>GGPS CHAH GHANI WALA SHUAJABAD</t>
  </si>
  <si>
    <t>near VTI</t>
  </si>
  <si>
    <t>City Shujabad</t>
  </si>
  <si>
    <t>Nighat Nadia</t>
  </si>
  <si>
    <t>GGPS CHAH GHULAM QADAR WALA</t>
  </si>
  <si>
    <t>basti qadir shah wali</t>
  </si>
  <si>
    <t>chah ghulam qadir shah wala</t>
  </si>
  <si>
    <t>Shakeela naz</t>
  </si>
  <si>
    <t>GGPS CHAH GODA</t>
  </si>
  <si>
    <t>govt girls primary schoolchah goda</t>
  </si>
  <si>
    <t>Joia</t>
  </si>
  <si>
    <t>GGPS CHAH GONDLAN</t>
  </si>
  <si>
    <t>Chah Gondlan</t>
  </si>
  <si>
    <t>chah gondlan hamza ghous</t>
  </si>
  <si>
    <t>Sumbel</t>
  </si>
  <si>
    <t>GGPS CHAH GULL WALA</t>
  </si>
  <si>
    <t>Lala johla</t>
  </si>
  <si>
    <t>chah gul wala</t>
  </si>
  <si>
    <t>Chah Gul Wala</t>
  </si>
  <si>
    <t>Qamar Fatima</t>
  </si>
  <si>
    <t>GGPS CHAH GUNJA</t>
  </si>
  <si>
    <t>Chah Gunja</t>
  </si>
  <si>
    <t>vill chah Gunja Po Garh Mahal teh Dina distt Jhelum</t>
  </si>
  <si>
    <t>Garh Mahal</t>
  </si>
  <si>
    <t>Rozina</t>
  </si>
  <si>
    <t>GGPS CHAH HABIB DAGGAR</t>
  </si>
  <si>
    <t>Wahgwara</t>
  </si>
  <si>
    <t>GGPS chah habib dagar tehsil darya khan bhakkar</t>
  </si>
  <si>
    <t>Chah Habib Dagar</t>
  </si>
  <si>
    <t>GGPS CHAH HAFIZ WALA NEAR NEW STADIUM</t>
  </si>
  <si>
    <t>GGPS chah hafiz wala near new multan cricket stadium</t>
  </si>
  <si>
    <t>Chah Hafiz Wala</t>
  </si>
  <si>
    <t>GGPS CHAH HAJI WALA</t>
  </si>
  <si>
    <t>Govt Girls Primary school Hajiwala</t>
  </si>
  <si>
    <t>GGPS CHAH HAMID WALA</t>
  </si>
  <si>
    <t>Chah Hamidwala</t>
  </si>
  <si>
    <t>Humaira Bano</t>
  </si>
  <si>
    <t>GGPS CHAH HASHIM WALA</t>
  </si>
  <si>
    <t>HASHIM WALA</t>
  </si>
  <si>
    <t>KARI WALA</t>
  </si>
  <si>
    <t>Sufeena Noor</t>
  </si>
  <si>
    <t>GGPS CHAH HASSA</t>
  </si>
  <si>
    <t>GGPS chah Hassa</t>
  </si>
  <si>
    <t>Chah Hassa</t>
  </si>
  <si>
    <t>GGPS CHAH HASTA KHAN</t>
  </si>
  <si>
    <t>Lak Badhatr</t>
  </si>
  <si>
    <t>GGPS CHAH HASTI WALA</t>
  </si>
  <si>
    <t>Hasti wala</t>
  </si>
  <si>
    <t>Hasti Walw</t>
  </si>
  <si>
    <t>Mc Duley Wala</t>
  </si>
  <si>
    <t>GGPS CHAH HATHI KHAN WALA</t>
  </si>
  <si>
    <t>Dak khana Chah Hathi Khan Wala Chidru</t>
  </si>
  <si>
    <t>Chah Hathi Khan Wala</t>
  </si>
  <si>
    <t>Nusrat Shaheen</t>
  </si>
  <si>
    <t>GGPS CHAH HUSSAIN WALA</t>
  </si>
  <si>
    <t>village chah hussain wala teh.and dist. mianwali</t>
  </si>
  <si>
    <t>Yarukhel</t>
  </si>
  <si>
    <t>GGPS CHAH ISMAIL WALA</t>
  </si>
  <si>
    <t>Chah ismail wala</t>
  </si>
  <si>
    <t>GGPS Chah ismail wala near Tahzeeb chowk bhakkar</t>
  </si>
  <si>
    <t>Chah Ismail wala</t>
  </si>
  <si>
    <t>GGPS CHAH KAKU</t>
  </si>
  <si>
    <t>Chah Kaku</t>
  </si>
  <si>
    <t>chah kaku</t>
  </si>
  <si>
    <t>uddoki</t>
  </si>
  <si>
    <t>Asma Zahid</t>
  </si>
  <si>
    <t>GGPS CHAH KALALAN WALA</t>
  </si>
  <si>
    <t>Kalalan Wala</t>
  </si>
  <si>
    <t>chah kalalan wala</t>
  </si>
  <si>
    <t>Chah Kalalan Wala</t>
  </si>
  <si>
    <t>Nathy Khlsa</t>
  </si>
  <si>
    <t>GGPS CHAH KALLUAN WALA</t>
  </si>
  <si>
    <t>KAMMAR MUSHANI NO.2-FEMALE</t>
  </si>
  <si>
    <t>chahkalluanwala</t>
  </si>
  <si>
    <t>Chahkalluanwala</t>
  </si>
  <si>
    <t>GGPS CHAH KAMAL</t>
  </si>
  <si>
    <t>Chah kamal</t>
  </si>
  <si>
    <t>chah kamal wala jamlera road</t>
  </si>
  <si>
    <t>Chah Kamal</t>
  </si>
  <si>
    <t>Aarfa Nasim</t>
  </si>
  <si>
    <t>GGPS CHAH KAMAL WALA</t>
  </si>
  <si>
    <t>Basti Bagh wala/Bahaderpur Tehsil Jalalpur pirwala</t>
  </si>
  <si>
    <t>Basti Bagh Wala/Bahaderpur</t>
  </si>
  <si>
    <t>Kanhoon Shumali</t>
  </si>
  <si>
    <t>Saima Ibrahim</t>
  </si>
  <si>
    <t>GGPS CHAH KANDLAN WALA</t>
  </si>
  <si>
    <t>chah kandlan wala</t>
  </si>
  <si>
    <t>Kandlan Wala</t>
  </si>
  <si>
    <t>Taiba Wains</t>
  </si>
  <si>
    <t>GGPS CHAH KAREEMAY WALA</t>
  </si>
  <si>
    <t>Noria Koria</t>
  </si>
  <si>
    <t>chah kareemay wala bastiiii laden</t>
  </si>
  <si>
    <t>Bastiiii Dhandla Chah Karemy Wala</t>
  </si>
  <si>
    <t>Laden</t>
  </si>
  <si>
    <t>KanizFatima</t>
  </si>
  <si>
    <t>GGPS CHAH KHALIL WALA</t>
  </si>
  <si>
    <t>SAWANS</t>
  </si>
  <si>
    <t>sawans</t>
  </si>
  <si>
    <t>Chah Khalil Wala</t>
  </si>
  <si>
    <t>SAIMA ABID KHAN</t>
  </si>
  <si>
    <t>GGPS CHAH KHAN ZAMAN WALA</t>
  </si>
  <si>
    <t>chah Khan Zaman Wala mianwali</t>
  </si>
  <si>
    <t>Azeem Wala</t>
  </si>
  <si>
    <t>Gulmeri</t>
  </si>
  <si>
    <t>Meh Jabeen Akhtar</t>
  </si>
  <si>
    <t>GGPS CHAH KHOKHRAN WALA</t>
  </si>
  <si>
    <t>Harrapa</t>
  </si>
  <si>
    <t>chah khokharan wala</t>
  </si>
  <si>
    <t>Chah Khokharan Wal</t>
  </si>
  <si>
    <t>GGPS CHAH KHOSA WALA</t>
  </si>
  <si>
    <t>Kikry</t>
  </si>
  <si>
    <t>mouza kikry union counsil 118 khosay wala</t>
  </si>
  <si>
    <t>Khosay Wala</t>
  </si>
  <si>
    <t>sajida perveen</t>
  </si>
  <si>
    <t>GGPS CHAH KHUDA YAR WALA</t>
  </si>
  <si>
    <t>ggps chah khuda yar wala</t>
  </si>
  <si>
    <t>Charaghkhelan Wala</t>
  </si>
  <si>
    <t>Ruqia bibi</t>
  </si>
  <si>
    <t>GGPS CHAH KILLIAN WALA</t>
  </si>
  <si>
    <t>Chahkillianwala</t>
  </si>
  <si>
    <t>GGPS Chahkillian  Wala  Noor pur thal</t>
  </si>
  <si>
    <t>Noorpurthal</t>
  </si>
  <si>
    <t>Shamsa Tanveer</t>
  </si>
  <si>
    <t>GGPS CHAH KOTLI WALA</t>
  </si>
  <si>
    <t>Chah Kotli Wala</t>
  </si>
  <si>
    <t>chah kotli wala</t>
  </si>
  <si>
    <t>Chah kotli Wala</t>
  </si>
  <si>
    <t>GGPS CHAH LOHARAN WALA</t>
  </si>
  <si>
    <t>Khan pur Qazi</t>
  </si>
  <si>
    <t>Basti Loharan Wala</t>
  </si>
  <si>
    <t>Neelma Anjum</t>
  </si>
  <si>
    <t>GGPS CHAH MAHMOOD WALA</t>
  </si>
  <si>
    <t>chah mahmood wala</t>
  </si>
  <si>
    <t>Chah Mahmood Wala</t>
  </si>
  <si>
    <t>Maryam Naeem</t>
  </si>
  <si>
    <t>GGPS CHAH MAI WALA</t>
  </si>
  <si>
    <t>thutha gurmani garbi</t>
  </si>
  <si>
    <t>chah mahi wala</t>
  </si>
  <si>
    <t>mahi wala</t>
  </si>
  <si>
    <t>thutha gurmani Sharqi</t>
  </si>
  <si>
    <t>Wajeeha Masood</t>
  </si>
  <si>
    <t>GGPS CHAH MALLI WALA</t>
  </si>
  <si>
    <t>Chah Mali Wala</t>
  </si>
  <si>
    <t>chah mali wala p/o khudian khas</t>
  </si>
  <si>
    <t>Farzana Ishrat</t>
  </si>
  <si>
    <t>GGPS CHAH MALOOK WALA</t>
  </si>
  <si>
    <t>Govt girls primary school chah Malook wala</t>
  </si>
  <si>
    <t>Chah Malook Wala</t>
  </si>
  <si>
    <t>183-184/TDA Shumali</t>
  </si>
  <si>
    <t>Saiqa Sultana</t>
  </si>
  <si>
    <t>GGPS CHAH MARKH WALA</t>
  </si>
  <si>
    <t>Drabi</t>
  </si>
  <si>
    <t>chah markh wala mkwal</t>
  </si>
  <si>
    <t>Chah Marakh Wala</t>
  </si>
  <si>
    <t>GGPS CHAH MASEETAN</t>
  </si>
  <si>
    <t>Patti Khar</t>
  </si>
  <si>
    <t>chah maseetan maoza patti khar post office sinawan tehsil kot district muzaffar garh</t>
  </si>
  <si>
    <t>Chah Maseetan</t>
  </si>
  <si>
    <t>Faria Noreen</t>
  </si>
  <si>
    <t>GGPS CHAH MAYER WALA NO. 2</t>
  </si>
  <si>
    <t>Boa Pur</t>
  </si>
  <si>
    <t>Chah mayarh wala no 2</t>
  </si>
  <si>
    <t>Chah Mayarh Wala</t>
  </si>
  <si>
    <t>Janhgir Abad</t>
  </si>
  <si>
    <t>Nighat Raza</t>
  </si>
  <si>
    <t>GGPS CHAH MEHMOOD WALA</t>
  </si>
  <si>
    <t>G.G P/s chah mahmood wala</t>
  </si>
  <si>
    <t>Raheela Nazir</t>
  </si>
  <si>
    <t>GGPS CHAH MIAN JALAL WALA</t>
  </si>
  <si>
    <t>ggpschahmianjalalwala kotshakir</t>
  </si>
  <si>
    <t>Jalawala</t>
  </si>
  <si>
    <t>GGPS CHAH MIANA</t>
  </si>
  <si>
    <t>Zala Shumali</t>
  </si>
  <si>
    <t>village chah miana</t>
  </si>
  <si>
    <t>Ghulmeri</t>
  </si>
  <si>
    <t>Asia Bi Bi</t>
  </si>
  <si>
    <t>GGPS CHAH MIR MUHAMMAD DHOOTA</t>
  </si>
  <si>
    <t>Dhoota</t>
  </si>
  <si>
    <t>chah mir Muhammad dhoota</t>
  </si>
  <si>
    <t>Chah Mir Muhammad Muhammad Muhammad</t>
  </si>
  <si>
    <t>GGPS CHAH MIRZAY WALA</t>
  </si>
  <si>
    <t>chahmirzaywala. khanka sirajia post office  wapda colony chashma tehsil piplan district mianwali</t>
  </si>
  <si>
    <t>Chahmirzaywala</t>
  </si>
  <si>
    <t>Sultana Shaheen</t>
  </si>
  <si>
    <t>GGPS CHAH MOCHIAN WALA</t>
  </si>
  <si>
    <t>Chah mochian wala</t>
  </si>
  <si>
    <t>Chah Mochian Wala</t>
  </si>
  <si>
    <t>Bilquees Bibi</t>
  </si>
  <si>
    <t>GGPS CHAH MUHAMMAD KHAN WALA</t>
  </si>
  <si>
    <t>ggps chah m.khan wala</t>
  </si>
  <si>
    <t>Chah M Khan Wala</t>
  </si>
  <si>
    <t>Shaheen Fatima</t>
  </si>
  <si>
    <t>GGPS CHAH MUQAM WALA</t>
  </si>
  <si>
    <t>Chah Muquam Wala</t>
  </si>
  <si>
    <t>Shori Maneka</t>
  </si>
  <si>
    <t>Thatha Khair O Mutmal</t>
  </si>
  <si>
    <t>Farzana Nawaz</t>
  </si>
  <si>
    <t>GGPS CHAH MURAD WALA</t>
  </si>
  <si>
    <t>Chah Murad Wala dakhli basti ghazi shah District jhang</t>
  </si>
  <si>
    <t>Chah Murad Wala</t>
  </si>
  <si>
    <t>Raazia Rasheed</t>
  </si>
  <si>
    <t>GGPS CHAH MUTTAN WALA W-8</t>
  </si>
  <si>
    <t>Muttan wala</t>
  </si>
  <si>
    <t>muhallah chah muttan wala kamalia</t>
  </si>
  <si>
    <t>Anjum  gulzar</t>
  </si>
  <si>
    <t>GGPS CHAH NAWAB WALA</t>
  </si>
  <si>
    <t>Chah Nawab wala</t>
  </si>
  <si>
    <t>Chah Nawab Wala</t>
  </si>
  <si>
    <t>Beha Fatima</t>
  </si>
  <si>
    <t>GGPS CHAH NAWAN</t>
  </si>
  <si>
    <t>kallarwali ggps chah nawan</t>
  </si>
  <si>
    <t>UZMA ABDUL KARIM</t>
  </si>
  <si>
    <t>GGPS CHAH NEHALAY KA</t>
  </si>
  <si>
    <t>barkhurdar</t>
  </si>
  <si>
    <t>Govt Girls Primary School Chah Nialay ka Mouza Barkhurdar p/O Bhowana Tehsil Bhowana District  Chiniot</t>
  </si>
  <si>
    <t>chah Nialay ka</t>
  </si>
  <si>
    <t>Samundar</t>
  </si>
  <si>
    <t>BILQUEES SHAHZADI</t>
  </si>
  <si>
    <t>GGPS CHAH NIAZ KHAN WALA</t>
  </si>
  <si>
    <t>khokhar isra beroon</t>
  </si>
  <si>
    <t>basti taoheed p/o qasba balochan tehsil karor district layyah</t>
  </si>
  <si>
    <t>chah niaz khan wala</t>
  </si>
  <si>
    <t>AQEELA BATOOL</t>
  </si>
  <si>
    <t>GGPS CHAH NIBU WALA</t>
  </si>
  <si>
    <t>Chah Nibuwala p/o Dullewala tehsil Daryakhan' District bhakkar</t>
  </si>
  <si>
    <t>Chah Nibuwala</t>
  </si>
  <si>
    <t>Farhana Yasmeen</t>
  </si>
  <si>
    <t>GGPS CHAH PAKA</t>
  </si>
  <si>
    <t>Chah Pacca</t>
  </si>
  <si>
    <t>GGPS Chah pacca Nankana sahib</t>
  </si>
  <si>
    <t>GGPS CHAH PEEREY WALA NAI WALA</t>
  </si>
  <si>
    <t>Kot Rabnawaz</t>
  </si>
  <si>
    <t>Chah Peeray wala kot Rabnawaz Multan Saddar</t>
  </si>
  <si>
    <t>Chah Peeray Wala</t>
  </si>
  <si>
    <t>Rizwana Sana</t>
  </si>
  <si>
    <t>GGPS CHAH PEHLWAN WALA</t>
  </si>
  <si>
    <t>Chah Pehlwan Wala Mouza Ghuman Mari</t>
  </si>
  <si>
    <t>Chah Pehlwan Wala</t>
  </si>
  <si>
    <t>Anam Asif</t>
  </si>
  <si>
    <t>GGPS CHAH PHAIRAY WALA</t>
  </si>
  <si>
    <t>chah Phiray Wala mouza bori the and dis Jhang</t>
  </si>
  <si>
    <t>Caha Phairy Wala</t>
  </si>
  <si>
    <t>Kot Isha Shah</t>
  </si>
  <si>
    <t>Sumia batool</t>
  </si>
  <si>
    <t>GGPS CHAH PINDI WALA</t>
  </si>
  <si>
    <t>chah pindi wala moaza kot khaira</t>
  </si>
  <si>
    <t>Malohana</t>
  </si>
  <si>
    <t>GGPS CHAH PUNNUN WALA</t>
  </si>
  <si>
    <t>Chah Panuwala</t>
  </si>
  <si>
    <t>chah panuwala post office Dera Bakha tehsil and distt Bahawalpur</t>
  </si>
  <si>
    <t>GGPS CHAH QAISER PULLI</t>
  </si>
  <si>
    <t>Kamal Thaheem</t>
  </si>
  <si>
    <t>GGPS  Chah Qaiser Pulli Jinah colony Jahan khan</t>
  </si>
  <si>
    <t>183/84 Tda</t>
  </si>
  <si>
    <t>GGPS CHAH RAEES WALA</t>
  </si>
  <si>
    <t>Kotla Ayub Khan</t>
  </si>
  <si>
    <t>basti dara jamal</t>
  </si>
  <si>
    <t>Basti Dara Jamal</t>
  </si>
  <si>
    <t>GGPS CHAH RAKH WALA</t>
  </si>
  <si>
    <t>chah rakh wala</t>
  </si>
  <si>
    <t>chah rakh wala nain wall jageer p.o dholan hithar tehsil and district kasur</t>
  </si>
  <si>
    <t>dholan hithar</t>
  </si>
  <si>
    <t>Nargis Abdul Wakeel</t>
  </si>
  <si>
    <t>GGPS CHAH RAKHIAN WALA</t>
  </si>
  <si>
    <t>Khanpor Shumali</t>
  </si>
  <si>
    <t>ggps chah rakhianwala</t>
  </si>
  <si>
    <t>Chah Rakhianwala</t>
  </si>
  <si>
    <t>GGPS CHAH RUSTAM WALA</t>
  </si>
  <si>
    <t>Havili Lal</t>
  </si>
  <si>
    <t>Moza and p/o box Haveli Lal jhang</t>
  </si>
  <si>
    <t>Naveed Fatima</t>
  </si>
  <si>
    <t>GGPS CHAH SADDAT CHAKRALA MIANWALI</t>
  </si>
  <si>
    <t>CHAKRALA -FEMALE</t>
  </si>
  <si>
    <t>CHAH Sadat, Chakrala, Mianwali</t>
  </si>
  <si>
    <t>Ban Hafiz Jee</t>
  </si>
  <si>
    <t>Kausar Batool Naqvi</t>
  </si>
  <si>
    <t>GGPS CHAH SAIR WALA</t>
  </si>
  <si>
    <t>Thatha Gurmanisharqi</t>
  </si>
  <si>
    <t>thatha Gurmani sharqi</t>
  </si>
  <si>
    <t>Saira Perveen</t>
  </si>
  <si>
    <t>GGPS CHAH SALEH SHAH</t>
  </si>
  <si>
    <t>11 T D A</t>
  </si>
  <si>
    <t>Nawan qureshian wala p/o darya khan</t>
  </si>
  <si>
    <t>Chah Saleh Shah</t>
  </si>
  <si>
    <t>GGPS CHAH SAMAIL WALA</t>
  </si>
  <si>
    <t>Muduki</t>
  </si>
  <si>
    <t>moza muduki p/o same teh/dist. jhang</t>
  </si>
  <si>
    <t>Lakbadhar</t>
  </si>
  <si>
    <t>GGPS CHAH SAMAR WALA</t>
  </si>
  <si>
    <t>Chah samar wala</t>
  </si>
  <si>
    <t>Samar Wala</t>
  </si>
  <si>
    <t>GGPS CHAH SANGHERRA</t>
  </si>
  <si>
    <t>GGPS chah sanghera chak no 49 TDA</t>
  </si>
  <si>
    <t>Chak no 49 TDA</t>
  </si>
  <si>
    <t>Nafees Zohra</t>
  </si>
  <si>
    <t>GGPS CHAH SARDAR KHAN</t>
  </si>
  <si>
    <t>muhala mahmood khan jadeed hospital road,mehrab waladak khana khas tehsil ahmed pur east district BWP</t>
  </si>
  <si>
    <t>Chah Sardar Khan</t>
  </si>
  <si>
    <t>Rafia Mahmood</t>
  </si>
  <si>
    <t>GGPS CHAH SHAHADAT WALA MULTAN</t>
  </si>
  <si>
    <t>Taraf Mubarak Awal</t>
  </si>
  <si>
    <t>Chah Shahadat Wala Suraj Miani Road Multan</t>
  </si>
  <si>
    <t>Vasti Sewrah</t>
  </si>
  <si>
    <t>GGPS CHAH SOFAID POSH VEHARI ROAD MULTAN</t>
  </si>
  <si>
    <t>basti masoom shah bahawalpur road multan</t>
  </si>
  <si>
    <t>Basti Masoom Shah</t>
  </si>
  <si>
    <t>GGPS CHAH SULTAN KHAN WALA</t>
  </si>
  <si>
    <t>20/TDA</t>
  </si>
  <si>
    <t>chah sultan Khan walla 20 TDA</t>
  </si>
  <si>
    <t>Chah Sultan Khan Wala</t>
  </si>
  <si>
    <t>Khawar Kalan</t>
  </si>
  <si>
    <t>fameeda  parveen</t>
  </si>
  <si>
    <t>GGPS CHAH SULTAN WALA</t>
  </si>
  <si>
    <t>chah sultan wala moza haveli lal tehsil nd district jhang</t>
  </si>
  <si>
    <t>Chah Sultan Wala</t>
  </si>
  <si>
    <t>Sumaira Bibi</t>
  </si>
  <si>
    <t>GGPS CHAH SUMAR MOHANA</t>
  </si>
  <si>
    <t>Kot Kamu Shah</t>
  </si>
  <si>
    <t>64/b satellite town rahimyarkhan</t>
  </si>
  <si>
    <t>Chah Sumar mohana</t>
  </si>
  <si>
    <t>GGPS CHAH SUNARIAN WALA</t>
  </si>
  <si>
    <t>chah sunarian wala</t>
  </si>
  <si>
    <t>Ranjhy Wala</t>
  </si>
  <si>
    <t>GGPS CHAH TAHLI WALA</t>
  </si>
  <si>
    <t>Ward no 13 Mohala Chah Tahli wala</t>
  </si>
  <si>
    <t>---</t>
  </si>
  <si>
    <t>ijaz begam</t>
  </si>
  <si>
    <t>GGPS CHAH TAILIAN WALA</t>
  </si>
  <si>
    <t>Chahtailiyan Wala</t>
  </si>
  <si>
    <t>chahtailiyan wala st#04 Noshera road Gujranwala</t>
  </si>
  <si>
    <t>Sialwi Town</t>
  </si>
  <si>
    <t>Shahnaz Rafique</t>
  </si>
  <si>
    <t>GGPS CHAH TAMOLI</t>
  </si>
  <si>
    <t>CHAH TAMOLI no. 1</t>
  </si>
  <si>
    <t>Chah Tamoli</t>
  </si>
  <si>
    <t>Talab Saraey</t>
  </si>
  <si>
    <t>Anam Aisha</t>
  </si>
  <si>
    <t>GGPS CHAH TOOTAN WALA</t>
  </si>
  <si>
    <t>Behrwal</t>
  </si>
  <si>
    <t>CHAH TOOTAN WALA</t>
  </si>
  <si>
    <t>Chah tootan wala</t>
  </si>
  <si>
    <t>KANDOO KHARA</t>
  </si>
  <si>
    <t>Sureyya Kalsoom</t>
  </si>
  <si>
    <t>GGPS CHAH TOTAN WALA</t>
  </si>
  <si>
    <t>marhanwali</t>
  </si>
  <si>
    <t>G GPS Chah Tootan Basti Umar</t>
  </si>
  <si>
    <t>Basti Umar</t>
  </si>
  <si>
    <t>Bushra sattar</t>
  </si>
  <si>
    <t>GGPS CHAH TOTWALA</t>
  </si>
  <si>
    <t>Chah Tootwala</t>
  </si>
  <si>
    <t>Chah Tootwala Near Taj Chowk Eminabad, Gujranwala</t>
  </si>
  <si>
    <t>Cheanwali</t>
  </si>
  <si>
    <t>Sadaf Jabeen</t>
  </si>
  <si>
    <t>GGPS CHAH UMER WALA</t>
  </si>
  <si>
    <t>GG P/S chah umar wala ward no. 8 karor distt. layyah</t>
  </si>
  <si>
    <t>GGPS CHAH VICHAR DI</t>
  </si>
  <si>
    <t>BALLOANA SHARIF - FEMALE</t>
  </si>
  <si>
    <t>175jb</t>
  </si>
  <si>
    <t>Chao no.175jb</t>
  </si>
  <si>
    <t>Anam Akram</t>
  </si>
  <si>
    <t>GGPS CHAH WADHOO WALA</t>
  </si>
  <si>
    <t>chah wadhoo wala</t>
  </si>
  <si>
    <t>Wadhoo wala</t>
  </si>
  <si>
    <t>GGPS CHAH WALI DAD</t>
  </si>
  <si>
    <t>Chahwalidad</t>
  </si>
  <si>
    <t>Ggps chahwalidad Tandlianwala</t>
  </si>
  <si>
    <t>Farhana Kousar</t>
  </si>
  <si>
    <t>GGPS CHAH WAN WALA</t>
  </si>
  <si>
    <t>Ggps chah Wan wala</t>
  </si>
  <si>
    <t>Chah Wan Wala</t>
  </si>
  <si>
    <t>Killianwaal</t>
  </si>
  <si>
    <t>GGPS CHAH WARYAM</t>
  </si>
  <si>
    <t>chah waryam basti rindan</t>
  </si>
  <si>
    <t>Chahwryam</t>
  </si>
  <si>
    <t>Nusrat BiBi</t>
  </si>
  <si>
    <t>GGPS CHAH WATOOWAN WALA</t>
  </si>
  <si>
    <t>Chah Wattowan Wala</t>
  </si>
  <si>
    <t>Chah wattowan wala</t>
  </si>
  <si>
    <t>Chunian Hatar</t>
  </si>
  <si>
    <t>Manzoor Tabusam</t>
  </si>
  <si>
    <t>GGPS CHAH WING</t>
  </si>
  <si>
    <t>Dagar Wagwarah Sharqi</t>
  </si>
  <si>
    <t>adda anar shah</t>
  </si>
  <si>
    <t>Anar Shah</t>
  </si>
  <si>
    <t>Dagar Quershi</t>
  </si>
  <si>
    <t>Anam Jan</t>
  </si>
  <si>
    <t>GGPS CHAH YAR WALA</t>
  </si>
  <si>
    <t>katcha buch near chowk nasero wala khokran</t>
  </si>
  <si>
    <t>Katcha Buch</t>
  </si>
  <si>
    <t>GGPS CHAH YOUSUF WALA</t>
  </si>
  <si>
    <t>cha yousaf wala moza khuda baskhs meh er  Ahmad pur</t>
  </si>
  <si>
    <t>Cha Yousaf Wala</t>
  </si>
  <si>
    <t>Khuda Baskhs Mahar</t>
  </si>
  <si>
    <t>Zoonera Khan</t>
  </si>
  <si>
    <t>GGPS CHAHAR KAY</t>
  </si>
  <si>
    <t>Chaharke</t>
  </si>
  <si>
    <t>village chaharke p.o talwandi bhindran narowal</t>
  </si>
  <si>
    <t>Nasreen Ghulam Nabi</t>
  </si>
  <si>
    <t>GGPS CHAHAT</t>
  </si>
  <si>
    <t>Chahat</t>
  </si>
  <si>
    <t>Ggps chahat kahuta</t>
  </si>
  <si>
    <t>Kahuta City</t>
  </si>
  <si>
    <t>Urban Shamali 1</t>
  </si>
  <si>
    <t>Fatima Ishtiaq</t>
  </si>
  <si>
    <t>GGPS CHAHER</t>
  </si>
  <si>
    <t>Vlg char p/o bheri khurd tehsil skg dist narowal</t>
  </si>
  <si>
    <t>Ruqia begum</t>
  </si>
  <si>
    <t>GGPS CHAHER KAY</t>
  </si>
  <si>
    <t>Chaherkay</t>
  </si>
  <si>
    <t>chaherkay</t>
  </si>
  <si>
    <t>Jundwala</t>
  </si>
  <si>
    <t>Rozina Shahnaz</t>
  </si>
  <si>
    <t>GGPS CHAHIA WALA</t>
  </si>
  <si>
    <t>Jhalan</t>
  </si>
  <si>
    <t>village chahia wala p/o jhalan tehsil nowshera virkan district Gujranwala</t>
  </si>
  <si>
    <t>GGPS CHAHMUKHI WALA</t>
  </si>
  <si>
    <t>Ggps chah mukhi wala</t>
  </si>
  <si>
    <t>GGPS CHAHOOR KOTLI CHAK NO. 117/RB</t>
  </si>
  <si>
    <t>kotli</t>
  </si>
  <si>
    <t>Chahoor Muslim</t>
  </si>
  <si>
    <t>Hina Hassan</t>
  </si>
  <si>
    <t>GGPS CHAHOOR MUSLIM 118</t>
  </si>
  <si>
    <t>Chahoor Muslim 118</t>
  </si>
  <si>
    <t>Chahoor Muslim118</t>
  </si>
  <si>
    <t>Bhalair Chak # 119</t>
  </si>
  <si>
    <t>GGPS CHAIAY WALI</t>
  </si>
  <si>
    <t>Chahiye Wali</t>
  </si>
  <si>
    <t>village Chahiye wali pasrur Sialkot</t>
  </si>
  <si>
    <t>Shama Rani</t>
  </si>
  <si>
    <t>GGPS CHAICHIAN</t>
  </si>
  <si>
    <t>chechian shams</t>
  </si>
  <si>
    <t>village &amp;p/o checnian  shams teh&amp;ditt gujrat</t>
  </si>
  <si>
    <t>chechian</t>
  </si>
  <si>
    <t>GGPS CHAIPRHI</t>
  </si>
  <si>
    <t>basti chappri</t>
  </si>
  <si>
    <t>Chappri Sounra</t>
  </si>
  <si>
    <t>Firdos Kausar</t>
  </si>
  <si>
    <t>GGPS CHAIT SINGH</t>
  </si>
  <si>
    <t>Chait Singh</t>
  </si>
  <si>
    <t>ggps chait Singh</t>
  </si>
  <si>
    <t>GGPS CHAJANA KHAS</t>
  </si>
  <si>
    <t>vilage chajana p/dhanda teh kotli sattian distt Rwp</t>
  </si>
  <si>
    <t>Waghal Chajana</t>
  </si>
  <si>
    <t>Robia Kousar</t>
  </si>
  <si>
    <t>GGPS CHAJJI SYEDAN</t>
  </si>
  <si>
    <t>Chajji Syedan</t>
  </si>
  <si>
    <t>post office Daiwal Tehsil Sohawa dist jhelum</t>
  </si>
  <si>
    <t>Saira Kanwal</t>
  </si>
  <si>
    <t>GGPS CHAJJO DEH</t>
  </si>
  <si>
    <t>Chajjo Deh</t>
  </si>
  <si>
    <t>mauza chhajo deh dak Khana khas luddan</t>
  </si>
  <si>
    <t>Samrin Kausar</t>
  </si>
  <si>
    <t>GGPS CHAJWAL</t>
  </si>
  <si>
    <t>Chajwal Gujran</t>
  </si>
  <si>
    <t>village Chajwal gujran p/o tarkhana murida</t>
  </si>
  <si>
    <t>Zubaida Bagam</t>
  </si>
  <si>
    <t>GGPS CHAK  NO    142 /A</t>
  </si>
  <si>
    <t>chak 142</t>
  </si>
  <si>
    <t>46/4</t>
  </si>
  <si>
    <t>Mariam Iftikhar</t>
  </si>
  <si>
    <t>GGPS CHAK 100 JB II GAYAY SHAH</t>
  </si>
  <si>
    <t>Gaiay Shah</t>
  </si>
  <si>
    <t>100jb gahye shah fsd</t>
  </si>
  <si>
    <t>Ghaye Shah</t>
  </si>
  <si>
    <t>Qasam Pur</t>
  </si>
  <si>
    <t>rifat sultana</t>
  </si>
  <si>
    <t>GGPS CHAK 102 JB</t>
  </si>
  <si>
    <t>Burj Mandi</t>
  </si>
  <si>
    <t>102 jb burj mandi</t>
  </si>
  <si>
    <t>102 Jb Burj Mandi</t>
  </si>
  <si>
    <t>102 Jb Burj</t>
  </si>
  <si>
    <t>Saba Batool</t>
  </si>
  <si>
    <t>GGPS CHAK 102 WB</t>
  </si>
  <si>
    <t>102/Wb</t>
  </si>
  <si>
    <t>ggps 102/wb</t>
  </si>
  <si>
    <t>88/Wb</t>
  </si>
  <si>
    <t>GGPS CHAK 103 GB JARANWALA</t>
  </si>
  <si>
    <t>chak#103GB</t>
  </si>
  <si>
    <t>Chak#103GB</t>
  </si>
  <si>
    <t>Ckak#101GB</t>
  </si>
  <si>
    <t>Rabeeya Jamil</t>
  </si>
  <si>
    <t>GGPS CHAK 103 JB</t>
  </si>
  <si>
    <t>103 JB BARNALA</t>
  </si>
  <si>
    <t>103 JB</t>
  </si>
  <si>
    <t>102 BURAJ</t>
  </si>
  <si>
    <t>GGPS CHAK 103 RB KHURRIANWALA</t>
  </si>
  <si>
    <t>Phulai</t>
  </si>
  <si>
    <t>chak no 103r.b 2nd</t>
  </si>
  <si>
    <t>103rb2nd</t>
  </si>
  <si>
    <t>103rb</t>
  </si>
  <si>
    <t>Saadia Qayyum</t>
  </si>
  <si>
    <t>GGPS CHAK 104 JB II KATCH ABADI</t>
  </si>
  <si>
    <t>Katch Abadi</t>
  </si>
  <si>
    <t>chak no 104 jb ll katch Abadi</t>
  </si>
  <si>
    <t>Chak No 104 Jb</t>
  </si>
  <si>
    <t>Saima Ghafar</t>
  </si>
  <si>
    <t>GGPS CHAK 105 GB JARANWALA</t>
  </si>
  <si>
    <t>105gb</t>
  </si>
  <si>
    <t>Samina Saddique</t>
  </si>
  <si>
    <t>GGPS CHAK 105 JB</t>
  </si>
  <si>
    <t>Qaziwala</t>
  </si>
  <si>
    <t>105/jb qaziwala</t>
  </si>
  <si>
    <t>105/jb</t>
  </si>
  <si>
    <t>113 /jb</t>
  </si>
  <si>
    <t>GGPS CHAK 11 FAIZ P/O BASTI MALUK</t>
  </si>
  <si>
    <t>11 Faiz</t>
  </si>
  <si>
    <t>11 Faiz,pull dawoa</t>
  </si>
  <si>
    <t>11faiz</t>
  </si>
  <si>
    <t>Basti Maluk</t>
  </si>
  <si>
    <t>GGPS CHAK 11/64</t>
  </si>
  <si>
    <t>chak 11/64</t>
  </si>
  <si>
    <t>Chak 11/64</t>
  </si>
  <si>
    <t>Hyedarbad</t>
  </si>
  <si>
    <t>GGPS CHAK 11/M</t>
  </si>
  <si>
    <t>GGPS CHAK 110 JB  I</t>
  </si>
  <si>
    <t>110jb1</t>
  </si>
  <si>
    <t>49 D milat town milat road fsd</t>
  </si>
  <si>
    <t>Rubina Sharif</t>
  </si>
  <si>
    <t>GGPS CHAK 110 JB II</t>
  </si>
  <si>
    <t>110 JB II Mujhy Wala</t>
  </si>
  <si>
    <t>Mujhy Wala</t>
  </si>
  <si>
    <t>106 Khichean</t>
  </si>
  <si>
    <t>GGPS CHAK 110 RB BABE WALA 111</t>
  </si>
  <si>
    <t>110 babay Wala 111</t>
  </si>
  <si>
    <t>Babay Wala</t>
  </si>
  <si>
    <t>Hira Islam</t>
  </si>
  <si>
    <t>GGPS CHAK 110/NP</t>
  </si>
  <si>
    <t>110 Np</t>
  </si>
  <si>
    <t>GGPS chak 110/NP</t>
  </si>
  <si>
    <t>110/np</t>
  </si>
  <si>
    <t>Farzana hanif</t>
  </si>
  <si>
    <t>GGPS CHAK 111 GB JARANWALA</t>
  </si>
  <si>
    <t>Chak Nu 111gb</t>
  </si>
  <si>
    <t>chak nu 111gb jaranwala</t>
  </si>
  <si>
    <t>111gb</t>
  </si>
  <si>
    <t>Chak Nu 112gb</t>
  </si>
  <si>
    <t>Yasmin Roohi</t>
  </si>
  <si>
    <t>GGPS CHAK 112/P YOUSAF COLONY</t>
  </si>
  <si>
    <t>yousaf colony chak no 112/p ryk</t>
  </si>
  <si>
    <t>Yousaf Colony 112/p</t>
  </si>
  <si>
    <t>Nazia Rasheed</t>
  </si>
  <si>
    <t>GGPS CHAK 113 JB I</t>
  </si>
  <si>
    <t>Phalahi</t>
  </si>
  <si>
    <t>Chak No 113 Jb</t>
  </si>
  <si>
    <t>Hina Makhdoom</t>
  </si>
  <si>
    <t>GGPS CHAK 114 GB SATIANA</t>
  </si>
  <si>
    <t>114 GB  mangoor</t>
  </si>
  <si>
    <t>chack no 114 G.B tehsile jaranwla Disst Faisalabad</t>
  </si>
  <si>
    <t>114 GB</t>
  </si>
  <si>
    <t>115 GB</t>
  </si>
  <si>
    <t>Nahid kousar Naz</t>
  </si>
  <si>
    <t>GGPS CHAK 117 GB I SATIANA</t>
  </si>
  <si>
    <t>Akal Gharh</t>
  </si>
  <si>
    <t>117gb east</t>
  </si>
  <si>
    <t>117 G B East</t>
  </si>
  <si>
    <t>Chak 115 GB</t>
  </si>
  <si>
    <t>Zarrin Nawaz</t>
  </si>
  <si>
    <t>GGPS CHAK 117 GB II SATIANA</t>
  </si>
  <si>
    <t>117GB</t>
  </si>
  <si>
    <t>Chak No 117GB (west)</t>
  </si>
  <si>
    <t>117GB west</t>
  </si>
  <si>
    <t>115GB</t>
  </si>
  <si>
    <t>GGPS CHAK 118 GB SATIANA</t>
  </si>
  <si>
    <t>118gb</t>
  </si>
  <si>
    <t>ggps 118gb jaranwala</t>
  </si>
  <si>
    <t>Chak118gb</t>
  </si>
  <si>
    <t>115Gb</t>
  </si>
  <si>
    <t>clean  water from  government  tap</t>
  </si>
  <si>
    <t>GGPS CHAK 119 JB RASOOL PUR</t>
  </si>
  <si>
    <t>chak 119 jb rasoolpur</t>
  </si>
  <si>
    <t>Asma Tahira</t>
  </si>
  <si>
    <t>GGPS CHAK 1-1AL</t>
  </si>
  <si>
    <t>1/1 Al</t>
  </si>
  <si>
    <t>Chak no 1/1AL TEH RNK DISTT OKARA</t>
  </si>
  <si>
    <t>4/1ALKalan</t>
  </si>
  <si>
    <t>Azra Liaqat</t>
  </si>
  <si>
    <t>GGPS CHAK 12/1-R</t>
  </si>
  <si>
    <t>12/1r</t>
  </si>
  <si>
    <t>Govt. Girls  P/S 12/1.r</t>
  </si>
  <si>
    <t>SHAZIA ANJUM</t>
  </si>
  <si>
    <t>GGPS CHAK 120 GB JARANWALA</t>
  </si>
  <si>
    <t>120 GB</t>
  </si>
  <si>
    <t>chak no 120gb</t>
  </si>
  <si>
    <t>Chak No 122 Gb</t>
  </si>
  <si>
    <t>mohammad Afzal</t>
  </si>
  <si>
    <t>GGPS CHAK 121 GB JARANWALA</t>
  </si>
  <si>
    <t>121GB</t>
  </si>
  <si>
    <t>121g.b</t>
  </si>
  <si>
    <t>122GB</t>
  </si>
  <si>
    <t>Shamim Bashir</t>
  </si>
  <si>
    <t>GGPS CHAK 123 GB JARANWALA</t>
  </si>
  <si>
    <t>123GB</t>
  </si>
  <si>
    <t>Chak no 123 GB  jaranwala Fsd</t>
  </si>
  <si>
    <t>55GB</t>
  </si>
  <si>
    <t>Sobia Asmat</t>
  </si>
  <si>
    <t>GGPS CHAK 124 GB JARANWALA</t>
  </si>
  <si>
    <t>Chak #1 24 Gb</t>
  </si>
  <si>
    <t>ggps124gb</t>
  </si>
  <si>
    <t>124 Gb</t>
  </si>
  <si>
    <t>Raees Tanveer Tahir</t>
  </si>
  <si>
    <t>GGPS CHAK 124 RB</t>
  </si>
  <si>
    <t>124rb 2nd</t>
  </si>
  <si>
    <t>Chak no 124 R.BII</t>
  </si>
  <si>
    <t>139rb Ghami</t>
  </si>
  <si>
    <t>Sajida Younis</t>
  </si>
  <si>
    <t>GGPS CHAK 125/NP BHANDARAN JADEED</t>
  </si>
  <si>
    <t>Pacca Lara</t>
  </si>
  <si>
    <t>Chak no 125 np bandaran jadeed</t>
  </si>
  <si>
    <t>125 np Jadeed</t>
  </si>
  <si>
    <t>Lubna Riaz</t>
  </si>
  <si>
    <t>GGPS CHAK 126 GB JARANWALA</t>
  </si>
  <si>
    <t>126gb</t>
  </si>
  <si>
    <t>Chak 61gb</t>
  </si>
  <si>
    <t>tasleem kousar</t>
  </si>
  <si>
    <t>GGPS CHAK 126/NP</t>
  </si>
  <si>
    <t>Chak 126/NP</t>
  </si>
  <si>
    <t>126/NP</t>
  </si>
  <si>
    <t>Sana Zulfiqar</t>
  </si>
  <si>
    <t>GGPS CHAK 127 GB I JARANWALA</t>
  </si>
  <si>
    <t>Chak #127Gb</t>
  </si>
  <si>
    <t>chak #127Gb I</t>
  </si>
  <si>
    <t>Shazia Umar</t>
  </si>
  <si>
    <t>GGPS CHAK 127 GB II JARANWALA</t>
  </si>
  <si>
    <t>mohallah shah jmat park jaranwala</t>
  </si>
  <si>
    <t>GGPS CHAK 128 RB</t>
  </si>
  <si>
    <t>Wahly</t>
  </si>
  <si>
    <t>chak no 128/rb wahly</t>
  </si>
  <si>
    <t>Pakadhala</t>
  </si>
  <si>
    <t>Mehvish Azhar</t>
  </si>
  <si>
    <t>GGPS CHAK 129 RB</t>
  </si>
  <si>
    <t>Ransewal 129 RB 1 chak  jhumra fsd</t>
  </si>
  <si>
    <t>Pakadalla</t>
  </si>
  <si>
    <t>Saliha Jamil</t>
  </si>
  <si>
    <t>GGPS CHAK 129 RB III</t>
  </si>
  <si>
    <t>Chakera</t>
  </si>
  <si>
    <t>chak no 129|||</t>
  </si>
  <si>
    <t>Uchkyra</t>
  </si>
  <si>
    <t>GGPS CHAK 129/P</t>
  </si>
  <si>
    <t>Chak # 129P</t>
  </si>
  <si>
    <t>GGPS. Chak 129P</t>
  </si>
  <si>
    <t>129P</t>
  </si>
  <si>
    <t>GGPS CHAK 131 RB 1</t>
  </si>
  <si>
    <t>BUCHOANA</t>
  </si>
  <si>
    <t>chak 131 RB(1),bhouchana</t>
  </si>
  <si>
    <t>131Rb</t>
  </si>
  <si>
    <t>44  JB</t>
  </si>
  <si>
    <t>tabassum zia</t>
  </si>
  <si>
    <t>GGPS CHAK 131 RB II</t>
  </si>
  <si>
    <t>ARRORI</t>
  </si>
  <si>
    <t>GGPS 131  RB  ARR0RI   CKJ   FSD</t>
  </si>
  <si>
    <t>131  RB</t>
  </si>
  <si>
    <t>Zahara Firdous</t>
  </si>
  <si>
    <t>GGPS CHAK 134 RB II</t>
  </si>
  <si>
    <t>chak# 134rb2</t>
  </si>
  <si>
    <t>134RB West</t>
  </si>
  <si>
    <t>GGPS CHAK 134/NP</t>
  </si>
  <si>
    <t>134 NP</t>
  </si>
  <si>
    <t>chak 134 NP</t>
  </si>
  <si>
    <t>122 Np</t>
  </si>
  <si>
    <t>sumera yasmeen</t>
  </si>
  <si>
    <t>GGPS CHAK 135/P KHAN WALI</t>
  </si>
  <si>
    <t>135/p</t>
  </si>
  <si>
    <t>Chak no.135/p Khan wali</t>
  </si>
  <si>
    <t>135/p Khan Wali</t>
  </si>
  <si>
    <t>92/p</t>
  </si>
  <si>
    <t>GGPS CHAK 136 GB QUAID AZAM COLONY SAMUNDRI</t>
  </si>
  <si>
    <t>Q A Colony</t>
  </si>
  <si>
    <t>chaK 136gb quaid e azam colony</t>
  </si>
  <si>
    <t>Chak136gb Qac</t>
  </si>
  <si>
    <t>Sidra Talib</t>
  </si>
  <si>
    <t>GGPS CHAK 136 TDA</t>
  </si>
  <si>
    <t>chak no. 136 tda</t>
  </si>
  <si>
    <t>chak 136 tda</t>
  </si>
  <si>
    <t>GGPS CHAK 137 RB 1</t>
  </si>
  <si>
    <t>137 r.b first</t>
  </si>
  <si>
    <t>137 Rb First</t>
  </si>
  <si>
    <t>GGPS CHAK 138 GB I SAMUNDRI</t>
  </si>
  <si>
    <t>Kais Garh</t>
  </si>
  <si>
    <t>chak no. 138 G B 1</t>
  </si>
  <si>
    <t>138G B 1</t>
  </si>
  <si>
    <t>Take it from another place</t>
  </si>
  <si>
    <t>GGPS CHAK 139 GB II HASHMAT PURA SAMUNDRI</t>
  </si>
  <si>
    <t>Hashmatpura</t>
  </si>
  <si>
    <t>139hashmat pura</t>
  </si>
  <si>
    <t>139hashmat Pura</t>
  </si>
  <si>
    <t>Aiysha Noreen</t>
  </si>
  <si>
    <t>water pump hand pum</t>
  </si>
  <si>
    <t>GGPS CHAK 139/NP</t>
  </si>
  <si>
    <t>Chak 139/np</t>
  </si>
  <si>
    <t>gov't primary school chak no 139 /np</t>
  </si>
  <si>
    <t>Chak No 139/np</t>
  </si>
  <si>
    <t>Trukri</t>
  </si>
  <si>
    <t>GGPS CHAK 139/P (B)</t>
  </si>
  <si>
    <t>Wah Kona</t>
  </si>
  <si>
    <t>139/pBRYK</t>
  </si>
  <si>
    <t>139/pB</t>
  </si>
  <si>
    <t>Rafia Begum</t>
  </si>
  <si>
    <t>GGPS CHAK 14 FAIZ P/O LAR</t>
  </si>
  <si>
    <t>14 Faiz</t>
  </si>
  <si>
    <t>14  faiz post office lar tehseel and District multan</t>
  </si>
  <si>
    <t>14faiz</t>
  </si>
  <si>
    <t>1 Faiz</t>
  </si>
  <si>
    <t>Amna Shakir</t>
  </si>
  <si>
    <t>GGPS CHAK 14/FW HAKEEM WALA</t>
  </si>
  <si>
    <t>Chak 10 Fw</t>
  </si>
  <si>
    <t>chak 14 fw basti Hakeem Wala tehsil chishtian district Bhawalnagar</t>
  </si>
  <si>
    <t>Basti 14 Fw Hakeem Wala</t>
  </si>
  <si>
    <t>Asma Naheed</t>
  </si>
  <si>
    <t>GGPS CHAK 14/M EAST</t>
  </si>
  <si>
    <t>CHAK NO 14/M</t>
  </si>
  <si>
    <t>SULTAN AYOUB QATAL</t>
  </si>
  <si>
    <t>GGPS CHAK 14/NP</t>
  </si>
  <si>
    <t>Bhuty Waan</t>
  </si>
  <si>
    <t>GGPS CHAK 142/NP</t>
  </si>
  <si>
    <t>Gazipur</t>
  </si>
  <si>
    <t>Ggps chak 142 np</t>
  </si>
  <si>
    <t>Cha142np</t>
  </si>
  <si>
    <t>Tranda Gourgaij</t>
  </si>
  <si>
    <t>samina tahira</t>
  </si>
  <si>
    <t>GGPS CHAK 143 GB SAMUNDRI</t>
  </si>
  <si>
    <t>Khalisa Abad</t>
  </si>
  <si>
    <t>Chak No. 143 GB  Tehsil Samundri, District Faisalabad</t>
  </si>
  <si>
    <t>Chak  No 143 GB</t>
  </si>
  <si>
    <t>City Ward No</t>
  </si>
  <si>
    <t>GGPS CHAK 144 GB LUNDIANWALA</t>
  </si>
  <si>
    <t>Chak No 144 GB</t>
  </si>
  <si>
    <t>144 GB Jhok Shado</t>
  </si>
  <si>
    <t>144 GB</t>
  </si>
  <si>
    <t>Chak 648</t>
  </si>
  <si>
    <t>Amina Begum</t>
  </si>
  <si>
    <t>water can</t>
  </si>
  <si>
    <t>GGPS CHAK 144 RB PATHAN KOT</t>
  </si>
  <si>
    <t>chak no 144 R.B pathan kot</t>
  </si>
  <si>
    <t>144RB</t>
  </si>
  <si>
    <t>Bakhrywali</t>
  </si>
  <si>
    <t>farzana   amin</t>
  </si>
  <si>
    <t>GGPS CHAK 144/P WEST</t>
  </si>
  <si>
    <t>144/p</t>
  </si>
  <si>
    <t>ggps/144/p(west) bangla manthar dist ryk</t>
  </si>
  <si>
    <t>144/pwest</t>
  </si>
  <si>
    <t>Shahnaz Kauser</t>
  </si>
  <si>
    <t>GGPS CHAK 145 GB JARANWALA</t>
  </si>
  <si>
    <t>Mathlay Di Jhok</t>
  </si>
  <si>
    <t>chak no 145gb</t>
  </si>
  <si>
    <t>145gb</t>
  </si>
  <si>
    <t>648gb</t>
  </si>
  <si>
    <t>Abida Ramzan</t>
  </si>
  <si>
    <t>GGPS CHAK 146 GB LUNDIANWALA</t>
  </si>
  <si>
    <t>146 GB</t>
  </si>
  <si>
    <t>146 G.b</t>
  </si>
  <si>
    <t>147gb</t>
  </si>
  <si>
    <t>Arfa Nageen</t>
  </si>
  <si>
    <t>GGPS CHAK 146 RB</t>
  </si>
  <si>
    <t>146RB1, Daowala, Chak Jhumra,  Faisalabad</t>
  </si>
  <si>
    <t>DAOWALA</t>
  </si>
  <si>
    <t>SHAMA NAZIA</t>
  </si>
  <si>
    <t>GGPS CHAK 146 WB</t>
  </si>
  <si>
    <t>146 w B</t>
  </si>
  <si>
    <t>Chak no 146 w. B tehsil mailsi vehari</t>
  </si>
  <si>
    <t>Chak no 146 w B</t>
  </si>
  <si>
    <t>Basti sehar</t>
  </si>
  <si>
    <t>Sundas Fatima</t>
  </si>
  <si>
    <t>GGPS CHAK 15/67</t>
  </si>
  <si>
    <t>Chak No 15 /67</t>
  </si>
  <si>
    <t>Chak no 15 /67 nns</t>
  </si>
  <si>
    <t>Chak No 12</t>
  </si>
  <si>
    <t>Shabeena Kousar</t>
  </si>
  <si>
    <t>GGPS CHAK 150 RB KHURRIANWALA</t>
  </si>
  <si>
    <t>Maduana</t>
  </si>
  <si>
    <t>chak#150 rb tehsil jaranwala faisalabad</t>
  </si>
  <si>
    <t>150 Rb</t>
  </si>
  <si>
    <t>71 Rb</t>
  </si>
  <si>
    <t>Uzma Shehzadi</t>
  </si>
  <si>
    <t>GGPS CHAK 152 GB</t>
  </si>
  <si>
    <t>152 GB</t>
  </si>
  <si>
    <t>chak#152 GB tehsil district toba tek Singh</t>
  </si>
  <si>
    <t>Chak#152 GB</t>
  </si>
  <si>
    <t>GGPS CHAK 158 GB KHAKHAIN</t>
  </si>
  <si>
    <t>Khakha</t>
  </si>
  <si>
    <t>Khakha 158</t>
  </si>
  <si>
    <t>tahmina Bibi</t>
  </si>
  <si>
    <t>GGPS CHAK 158 RB BOORRY WALI</t>
  </si>
  <si>
    <t>Chak no 158 r.b</t>
  </si>
  <si>
    <t>158 RB</t>
  </si>
  <si>
    <t>Soby Chak</t>
  </si>
  <si>
    <t>GGPS CHAK 159 RB II</t>
  </si>
  <si>
    <t>Bilal Nagar</t>
  </si>
  <si>
    <t>chak no. 159 RB bilal nagar</t>
  </si>
  <si>
    <t>Soba Chak</t>
  </si>
  <si>
    <t>Rabia Naz</t>
  </si>
  <si>
    <t>GGPS CHAK 160 RB II</t>
  </si>
  <si>
    <t>160 RB</t>
  </si>
  <si>
    <t>CHAK NO 160/RB TEHSIL CHAK JHUMRA DISTT FAISALABAD</t>
  </si>
  <si>
    <t>Banga Chak</t>
  </si>
  <si>
    <t>186/RB DOGRAN WALA</t>
  </si>
  <si>
    <t>GGPS CHAK 161 RB II</t>
  </si>
  <si>
    <t>Botiyanwala</t>
  </si>
  <si>
    <t>chak no 161 RBII</t>
  </si>
  <si>
    <t>Chak No 161rb I I</t>
  </si>
  <si>
    <t>GGPS CHAK 162 RB</t>
  </si>
  <si>
    <t>162 Rb</t>
  </si>
  <si>
    <t>GGPS 162 RB</t>
  </si>
  <si>
    <t>SIKANDER PUR</t>
  </si>
  <si>
    <t>156 Dairh</t>
  </si>
  <si>
    <t>GGPS CHAK 163 RB</t>
  </si>
  <si>
    <t>Balagun</t>
  </si>
  <si>
    <t>chak no.163/rb</t>
  </si>
  <si>
    <t>163/rb</t>
  </si>
  <si>
    <t>GGPS CHAK 163/NB KALERIAN WALA</t>
  </si>
  <si>
    <t>163 Kalerianwala</t>
  </si>
  <si>
    <t>Ggps 163 NB kalerianwal</t>
  </si>
  <si>
    <t>Kalerianwaka</t>
  </si>
  <si>
    <t>Chak 163 Nb</t>
  </si>
  <si>
    <t>Nabila Jamil</t>
  </si>
  <si>
    <t>GGPS CHAK 165 RB</t>
  </si>
  <si>
    <t>Jandwali</t>
  </si>
  <si>
    <t>chak 165 rb jand wali</t>
  </si>
  <si>
    <t>165 Rb</t>
  </si>
  <si>
    <t>156 Rb Dheer</t>
  </si>
  <si>
    <t>GGPS CHAK 168 GB SAMUNDRI</t>
  </si>
  <si>
    <t>168Gb</t>
  </si>
  <si>
    <t>168 GB</t>
  </si>
  <si>
    <t>168GB</t>
  </si>
  <si>
    <t>Sadia Ghous</t>
  </si>
  <si>
    <t>GGPS CHAK 168/P</t>
  </si>
  <si>
    <t>.comGG p/s 168/p basti kamdar</t>
  </si>
  <si>
    <t>Basti Kamdar</t>
  </si>
  <si>
    <t>Samina Hanif</t>
  </si>
  <si>
    <t>GGPS CHAK 17 JB</t>
  </si>
  <si>
    <t>balamabad</t>
  </si>
  <si>
    <t>17jb1</t>
  </si>
  <si>
    <t>Chak No  17 JB</t>
  </si>
  <si>
    <t>qadar k</t>
  </si>
  <si>
    <t>Mumtaz Ghulam Muhammad</t>
  </si>
  <si>
    <t>GGPS CHAK 17 UCC</t>
  </si>
  <si>
    <t>chak # 17 ucc teh. sharaqpur dist. sheikhupura</t>
  </si>
  <si>
    <t>Chak # 17 UCC</t>
  </si>
  <si>
    <t>Shama Ghulam Rasool</t>
  </si>
  <si>
    <t>GGPS CHAK 170/P</t>
  </si>
  <si>
    <t>170/p</t>
  </si>
  <si>
    <t>chak 170 0</t>
  </si>
  <si>
    <t>170 /p</t>
  </si>
  <si>
    <t>rukshana   khadim</t>
  </si>
  <si>
    <t>GGPS CHAK 172/M C</t>
  </si>
  <si>
    <t>172/Mc</t>
  </si>
  <si>
    <t>chak 124/m post office same tehsil chishtian district BWN</t>
  </si>
  <si>
    <t>173/M</t>
  </si>
  <si>
    <t>GGPS CHAK 173 GB SAMUNDRI</t>
  </si>
  <si>
    <t>Badhana</t>
  </si>
  <si>
    <t>173gb tehsil summandri</t>
  </si>
  <si>
    <t>173GB</t>
  </si>
  <si>
    <t>170GB</t>
  </si>
  <si>
    <t>asma rafiq</t>
  </si>
  <si>
    <t>GGPS CHAK 174 GB III SAMUNDRI</t>
  </si>
  <si>
    <t>174/3</t>
  </si>
  <si>
    <t>173/3 GB tehsil samundri district Faisalabad</t>
  </si>
  <si>
    <t>174/3gb</t>
  </si>
  <si>
    <t>Zunaira Khan</t>
  </si>
  <si>
    <t>GGPS CHAK 179 GB</t>
  </si>
  <si>
    <t>chak 179gb</t>
  </si>
  <si>
    <t>179 Gb</t>
  </si>
  <si>
    <t>178 Gb</t>
  </si>
  <si>
    <t>GGPS CHAK 18 SP</t>
  </si>
  <si>
    <t>Rakh Khurd</t>
  </si>
  <si>
    <t>chak no 18 sp rakh Khurd the district pakpattn</t>
  </si>
  <si>
    <t>18 Sp</t>
  </si>
  <si>
    <t>GGPS CHAK 18/M</t>
  </si>
  <si>
    <t>Chak No 18 M</t>
  </si>
  <si>
    <t>chak no 18m</t>
  </si>
  <si>
    <t>Chak No 18M</t>
  </si>
  <si>
    <t>Chak No 11M</t>
  </si>
  <si>
    <t>GGPS CHAK 183 GB PAKHOWAL</t>
  </si>
  <si>
    <t>Chak No 183 Gb Pakhowal</t>
  </si>
  <si>
    <t>chak no 183 gb pakhowal</t>
  </si>
  <si>
    <t>183 Gb Pakhowal</t>
  </si>
  <si>
    <t>Aneela Tabusam</t>
  </si>
  <si>
    <t>GGPS CHAK 184 GB NEW ABADI</t>
  </si>
  <si>
    <t>184g B</t>
  </si>
  <si>
    <t>Chak no 184gb</t>
  </si>
  <si>
    <t>Muzamil Iram Chandni</t>
  </si>
  <si>
    <t>GGPS CHAK 185 RB</t>
  </si>
  <si>
    <t>Budh singh</t>
  </si>
  <si>
    <t>Budh Singh 185RB</t>
  </si>
  <si>
    <t>Budh Singh</t>
  </si>
  <si>
    <t>Panwa155RB</t>
  </si>
  <si>
    <t>GGPS CHAK 186 RB DOGRAN WALA</t>
  </si>
  <si>
    <t>186  Rb</t>
  </si>
  <si>
    <t>GGPS 186 Rb</t>
  </si>
  <si>
    <t>GGPS CHAK 186 RB II</t>
  </si>
  <si>
    <t>Dhilum</t>
  </si>
  <si>
    <t>chak no 186/r.b ll</t>
  </si>
  <si>
    <t>Dhilum Dogranwala</t>
  </si>
  <si>
    <t>Nudrat Mahmood</t>
  </si>
  <si>
    <t>GGPS CHAK 187 GB I</t>
  </si>
  <si>
    <t>KOT DARIABAL-FEMALE</t>
  </si>
  <si>
    <t>Chak 187 GB 1</t>
  </si>
  <si>
    <t>Chak 187 GB 1 Tehsil&amp; District Toba Tek Singh</t>
  </si>
  <si>
    <t>Chak 188 GB khurd</t>
  </si>
  <si>
    <t>Nasira Shabana</t>
  </si>
  <si>
    <t>GGPS CHAK 187 RB 11</t>
  </si>
  <si>
    <t>Chak 187RB2 Balloana</t>
  </si>
  <si>
    <t>Ballowana</t>
  </si>
  <si>
    <t>Baby Nasreen</t>
  </si>
  <si>
    <t>GGPS CHAK 188 GB I</t>
  </si>
  <si>
    <t>Chak188/GB-1</t>
  </si>
  <si>
    <t>Chak No. 188GB-1, Tehsil &amp; Distt. T.T.Singh</t>
  </si>
  <si>
    <t>Chak No 188GB-1</t>
  </si>
  <si>
    <t>Chak No. 189/GB</t>
  </si>
  <si>
    <t>GGPS CHAK 188 GB II</t>
  </si>
  <si>
    <t>188 /2</t>
  </si>
  <si>
    <t>chak nmbr 188 /2 gb</t>
  </si>
  <si>
    <t>188 II</t>
  </si>
  <si>
    <t>186 Gb</t>
  </si>
  <si>
    <t>Uzma Hameed</t>
  </si>
  <si>
    <t>GGPS CHAK 189 RB II RASOOL PUR</t>
  </si>
  <si>
    <t>189 rb rasoolpur, tehsil chak jhumra,faisalabad</t>
  </si>
  <si>
    <t>189 RB Rasoolpur</t>
  </si>
  <si>
    <t>189 RB</t>
  </si>
  <si>
    <t>GGPS CHAK 19/M</t>
  </si>
  <si>
    <t>Chak 19 M</t>
  </si>
  <si>
    <t>chak No 19M</t>
  </si>
  <si>
    <t>Chak 19M</t>
  </si>
  <si>
    <t>Chokii Mastti</t>
  </si>
  <si>
    <t>Kalsoom hussain</t>
  </si>
  <si>
    <t>GGPS CHAK 190 GB</t>
  </si>
  <si>
    <t>Kitchan Abad</t>
  </si>
  <si>
    <t>Chak No 190 G.B, Post Office Khas Tehsil &amp;District T T Singh</t>
  </si>
  <si>
    <t>190 GB</t>
  </si>
  <si>
    <t>Chak No186 GB</t>
  </si>
  <si>
    <t>Saima Kausar</t>
  </si>
  <si>
    <t>GGPS CHAK 191 RB WEST</t>
  </si>
  <si>
    <t>Moloani Harlan</t>
  </si>
  <si>
    <t>chak#191 r.b west faisalabad</t>
  </si>
  <si>
    <t>191RB West</t>
  </si>
  <si>
    <t>Sultan Nagar</t>
  </si>
  <si>
    <t>GGPS CHAK 193 II SAMNDRI</t>
  </si>
  <si>
    <t>Yousaf Pura</t>
  </si>
  <si>
    <t>Chak no 193gb south</t>
  </si>
  <si>
    <t>193gb South</t>
  </si>
  <si>
    <t>Shabana Gulnaz</t>
  </si>
  <si>
    <t>GGPS CHAK 194 RB I KHURRIANWALA</t>
  </si>
  <si>
    <t>chak no 194 r. b lathianwala tehsil jarranwala Dist: Faisalabad</t>
  </si>
  <si>
    <t>Khurianwala</t>
  </si>
  <si>
    <t>Afshan Majeed</t>
  </si>
  <si>
    <t>GGPS CHAK 2</t>
  </si>
  <si>
    <t>2jb</t>
  </si>
  <si>
    <t>Ramdiwali 2</t>
  </si>
  <si>
    <t>GGPS CHAK 202 RB KATCHY ABADI</t>
  </si>
  <si>
    <t>202 RB</t>
  </si>
  <si>
    <t>202r.b katchiabadi</t>
  </si>
  <si>
    <t>Katchiabadi</t>
  </si>
  <si>
    <t>GGPS CHAK 203 GB IV MAMUNKANJAN</t>
  </si>
  <si>
    <t>Feroz Pura</t>
  </si>
  <si>
    <t>chak no 203 gb</t>
  </si>
  <si>
    <t>203 Gb</t>
  </si>
  <si>
    <t>GGPS CHAK 203 RB I MALIK PUR</t>
  </si>
  <si>
    <t>203 RB Malik Pur</t>
  </si>
  <si>
    <t>203 RB malik pur</t>
  </si>
  <si>
    <t>GGPS CHAK 205 RB II KHURRIANWALA</t>
  </si>
  <si>
    <t>Qadir Wala</t>
  </si>
  <si>
    <t>205 RB Qadir Wala</t>
  </si>
  <si>
    <t>Munshi Wala</t>
  </si>
  <si>
    <t>Bazgha Mumtaz</t>
  </si>
  <si>
    <t>GGPS CHAK 205 RB III KHURRIANWALA</t>
  </si>
  <si>
    <t>Tearthwala</t>
  </si>
  <si>
    <t>Chak no 205 r. b lll Tearthwala</t>
  </si>
  <si>
    <t>Tearthwala 205</t>
  </si>
  <si>
    <t>205 mohalwala</t>
  </si>
  <si>
    <t>sumera tabassum</t>
  </si>
  <si>
    <t>GGPS CHAK 205 RB KHURRIANWALA</t>
  </si>
  <si>
    <t>205 Rb Maluana</t>
  </si>
  <si>
    <t>Maluana</t>
  </si>
  <si>
    <t>khursheed bano</t>
  </si>
  <si>
    <t>GGPS CHAK 205 RB V KHURRIANWALA</t>
  </si>
  <si>
    <t>205rb</t>
  </si>
  <si>
    <t>ggps 205 rb v</t>
  </si>
  <si>
    <t>205 Rb Mohal Wala</t>
  </si>
  <si>
    <t>206 Rb</t>
  </si>
  <si>
    <t>Sumayya Sana</t>
  </si>
  <si>
    <t>GGPS CHAK 206 RB II KHURRIANWALA</t>
  </si>
  <si>
    <t>Mastanwala</t>
  </si>
  <si>
    <t>G.G.p.school206R.bll</t>
  </si>
  <si>
    <t>206Rb MastaMastanwala</t>
  </si>
  <si>
    <t>205RB</t>
  </si>
  <si>
    <t>Mussrat Jabeen</t>
  </si>
  <si>
    <t>GGPS CHAK 206 RB IV KHURRIANWALA</t>
  </si>
  <si>
    <t>GGPS 206 RB iv saddowala</t>
  </si>
  <si>
    <t>206 RB</t>
  </si>
  <si>
    <t>205 RB</t>
  </si>
  <si>
    <t>Zahida Batool</t>
  </si>
  <si>
    <t>GGPS CHAK 207 RB RASOOL NAGAR GHULSTAN COLONY</t>
  </si>
  <si>
    <t>GGPS chak, 207,RB Rasool nagar Gulistan colony</t>
  </si>
  <si>
    <t>Chak 207 RB</t>
  </si>
  <si>
    <t>Boley Ke Jughi</t>
  </si>
  <si>
    <t>Shahida Gull</t>
  </si>
  <si>
    <t>GGPS CHAK 209 GB SAMUNDRI</t>
  </si>
  <si>
    <t>Lodhi Nangal</t>
  </si>
  <si>
    <t>chak no.209 g.b</t>
  </si>
  <si>
    <t>209 G/b</t>
  </si>
  <si>
    <t>Qaisara Naseem</t>
  </si>
  <si>
    <t>GGPS CHAK 211 RB KHURRIANWALA</t>
  </si>
  <si>
    <t>Majoran</t>
  </si>
  <si>
    <t>ggps 211 rb majoran</t>
  </si>
  <si>
    <t>211 Rb Majoran</t>
  </si>
  <si>
    <t>Kousar perveen</t>
  </si>
  <si>
    <t>GGPS CHAK 212/P</t>
  </si>
  <si>
    <t>212/p</t>
  </si>
  <si>
    <t>chak no 212/p</t>
  </si>
  <si>
    <t>264p</t>
  </si>
  <si>
    <t>KalsoomAktar</t>
  </si>
  <si>
    <t>GGPS CHAK 215 GB MAMUNKANJAN</t>
  </si>
  <si>
    <t>Daud Hamza</t>
  </si>
  <si>
    <t>215G.B tehseel samundri district Faisalabad</t>
  </si>
  <si>
    <t>215 GB</t>
  </si>
  <si>
    <t>214 Gb</t>
  </si>
  <si>
    <t>Misbah Khurshid</t>
  </si>
  <si>
    <t>GGPS CHAK 216 GB I MAMUNKANJAN</t>
  </si>
  <si>
    <t>chak no 216gb</t>
  </si>
  <si>
    <t>216gb</t>
  </si>
  <si>
    <t>Mavra Ahmad</t>
  </si>
  <si>
    <t>GGPS CHAK 216 RB I KHURRIANWALA</t>
  </si>
  <si>
    <t>216 RB</t>
  </si>
  <si>
    <t>216 RB1 Bara Muhammad Wala</t>
  </si>
  <si>
    <t>216 RB 1</t>
  </si>
  <si>
    <t>109 RB</t>
  </si>
  <si>
    <t>GGPS CHAK 216 RB II MUHAMMAD WALA KHURRIANWALA</t>
  </si>
  <si>
    <t>Chak number 216 rb ii muhammad wala</t>
  </si>
  <si>
    <t>216 Rb II</t>
  </si>
  <si>
    <t>109 Roda</t>
  </si>
  <si>
    <t>GGPS CHAK 219 RB GURRHI</t>
  </si>
  <si>
    <t>219 Rb Gurrhi</t>
  </si>
  <si>
    <t>Chak no 219 RB GURHI FSD</t>
  </si>
  <si>
    <t>219 RB GURHI</t>
  </si>
  <si>
    <t>219 RB Naimatabad</t>
  </si>
  <si>
    <t>Mehwish Murtaza</t>
  </si>
  <si>
    <t>GGPS CHAK 219 RB KUKIAN WALA</t>
  </si>
  <si>
    <t>Shersingh Wala</t>
  </si>
  <si>
    <t>219RB kokian wala</t>
  </si>
  <si>
    <t>219RB Kokian Wala</t>
  </si>
  <si>
    <t>Shafqat Perveen</t>
  </si>
  <si>
    <t>GGPS CHAK 219 RB SAHIANWALA</t>
  </si>
  <si>
    <t>219rbSahianwala</t>
  </si>
  <si>
    <t>219 RB sahianwala</t>
  </si>
  <si>
    <t>Sahianwala</t>
  </si>
  <si>
    <t>219 RB Talianwala</t>
  </si>
  <si>
    <t>GGPS CHAK 22/M</t>
  </si>
  <si>
    <t>22/m</t>
  </si>
  <si>
    <t>chakno 22/m</t>
  </si>
  <si>
    <t>Robina Farooq</t>
  </si>
  <si>
    <t>GGPS CHAK 221 GB SAMUNDRI</t>
  </si>
  <si>
    <t>Govt girls primary scool 221 gb</t>
  </si>
  <si>
    <t>GGPS CHAK 221 RB BURRIA PIND</t>
  </si>
  <si>
    <t>Buria Pind</t>
  </si>
  <si>
    <t>221/RB buria pind near air port Jhang Road</t>
  </si>
  <si>
    <t>Sitara Colony</t>
  </si>
  <si>
    <t>GGPS CHAK 221 RB KALASNA</t>
  </si>
  <si>
    <t>221RB</t>
  </si>
  <si>
    <t>Chak 221 RB Kalasna FSd</t>
  </si>
  <si>
    <t>Kalasna</t>
  </si>
  <si>
    <t>Nabeela Rasheed</t>
  </si>
  <si>
    <t>GGPS CHAK 222 RB SQ 53 ST. 30</t>
  </si>
  <si>
    <t>Muzaffr Colony</t>
  </si>
  <si>
    <t>ggps sq # 53 muzaffar colony</t>
  </si>
  <si>
    <t>222 RB Muzaffar Colony</t>
  </si>
  <si>
    <t>Yasmine Akhtar</t>
  </si>
  <si>
    <t>GGPS CHAK 224 GB SAMUNDRI</t>
  </si>
  <si>
    <t>224gb Warpal</t>
  </si>
  <si>
    <t>224gb tehsil samundri distt fsd</t>
  </si>
  <si>
    <t>225gb</t>
  </si>
  <si>
    <t>GGPS CHAK 225 GB SAMUNDRI</t>
  </si>
  <si>
    <t>ggps225gb</t>
  </si>
  <si>
    <t>Shamaila Ihsan</t>
  </si>
  <si>
    <t>GGPS CHAK 225/P</t>
  </si>
  <si>
    <t>Kikre</t>
  </si>
  <si>
    <t>Basti khambra,kikre,tahsel sadiq abad</t>
  </si>
  <si>
    <t>Basti Khambra</t>
  </si>
  <si>
    <t>Tabassum Saeed</t>
  </si>
  <si>
    <t>GGPS CHAK 227 RB NEW ABADI</t>
  </si>
  <si>
    <t>ggps227 rb new abadi</t>
  </si>
  <si>
    <t>227 Rb</t>
  </si>
  <si>
    <t>227rb</t>
  </si>
  <si>
    <t>Shahla Noureen</t>
  </si>
  <si>
    <t>GGPS CHAK 227/P</t>
  </si>
  <si>
    <t>chak 227/p</t>
  </si>
  <si>
    <t>ggps227/p</t>
  </si>
  <si>
    <t>227/p</t>
  </si>
  <si>
    <t>Fareeha shahzadi</t>
  </si>
  <si>
    <t>GGPS CHAK 228 GB SAMUNDRI</t>
  </si>
  <si>
    <t>Naradada</t>
  </si>
  <si>
    <t>chak no 228 g.b naradada</t>
  </si>
  <si>
    <t>228gb</t>
  </si>
  <si>
    <t>Naradada Dada</t>
  </si>
  <si>
    <t>Shabana Kausar</t>
  </si>
  <si>
    <t>GGPS CHAK 229 RB MAKUANA KHURRIANWALA</t>
  </si>
  <si>
    <t>Makkuana</t>
  </si>
  <si>
    <t>maimastani 229 rb</t>
  </si>
  <si>
    <t>Maimastani</t>
  </si>
  <si>
    <t>Saba Gull</t>
  </si>
  <si>
    <t>GGPS CHAK 23 GB JARANWALA</t>
  </si>
  <si>
    <t>23 Gb</t>
  </si>
  <si>
    <t>CHAK NO 23 GB</t>
  </si>
  <si>
    <t>23 GB</t>
  </si>
  <si>
    <t>GGPS CHAK 23 JB I</t>
  </si>
  <si>
    <t>noon bhati</t>
  </si>
  <si>
    <t>chak no 23 jb noon bhati no 1</t>
  </si>
  <si>
    <t>Chak 23 jb noon bhati  no 1</t>
  </si>
  <si>
    <t>khanka</t>
  </si>
  <si>
    <t>GGPS CHAK 23 JB II</t>
  </si>
  <si>
    <t>sadhan</t>
  </si>
  <si>
    <t>23 jb.ii</t>
  </si>
  <si>
    <t>Chak # 23 Jb</t>
  </si>
  <si>
    <t>Khankay</t>
  </si>
  <si>
    <t>Sajida Kousar</t>
  </si>
  <si>
    <t>GGPS CHAK 231 RB RISALE WALA</t>
  </si>
  <si>
    <t>Risale Wala</t>
  </si>
  <si>
    <t>chak no 231 Rb risale wala</t>
  </si>
  <si>
    <t>Chak 231 rb</t>
  </si>
  <si>
    <t>Shabana Younas</t>
  </si>
  <si>
    <t>GGPS CHAK 231/9-R</t>
  </si>
  <si>
    <t>Chak No 231/9r</t>
  </si>
  <si>
    <t>chakno231/9.r</t>
  </si>
  <si>
    <t>231/9r</t>
  </si>
  <si>
    <t>209/9r</t>
  </si>
  <si>
    <t>GGPS CHAK 233 RB III JHANDA SINGH</t>
  </si>
  <si>
    <t>JHANDA Singh</t>
  </si>
  <si>
    <t>chak no 233 rb jhnda Singh</t>
  </si>
  <si>
    <t>233 rb jhnda Singh</t>
  </si>
  <si>
    <t>Uzma Asghar</t>
  </si>
  <si>
    <t>GGPS CHAK 235 RB I NIAMEA</t>
  </si>
  <si>
    <t>Niamoana</t>
  </si>
  <si>
    <t>Chak no 235 RB Faisalabad</t>
  </si>
  <si>
    <t>GGPS CHAK 235 RB II NEW ABADI</t>
  </si>
  <si>
    <t>Chak 235 RBII</t>
  </si>
  <si>
    <t>235 RBII</t>
  </si>
  <si>
    <t>226 RB</t>
  </si>
  <si>
    <t>GGPS CHAK 237 GB JARANWALA</t>
  </si>
  <si>
    <t>Chak No 237 GB N</t>
  </si>
  <si>
    <t>GGPS chak no 237 GB N, jaranwala</t>
  </si>
  <si>
    <t>Chak No 236 Kilianwala</t>
  </si>
  <si>
    <t>GGPS CHAK 238 GB II JARANWALA</t>
  </si>
  <si>
    <t>ggps 238gb 2</t>
  </si>
  <si>
    <t>238gb2</t>
  </si>
  <si>
    <t>Gullar 239</t>
  </si>
  <si>
    <t>Amina Norin</t>
  </si>
  <si>
    <t>GGPS CHAK 239 GB I JARANWALA</t>
  </si>
  <si>
    <t>Gulhar</t>
  </si>
  <si>
    <t>Govt Girls Primary School 239 GB 1</t>
  </si>
  <si>
    <t>239 GB</t>
  </si>
  <si>
    <t>GGPS CHAK 239 GB II JARANWLA</t>
  </si>
  <si>
    <t>239 Gb Second</t>
  </si>
  <si>
    <t>mohalla anwarabad jaranwala</t>
  </si>
  <si>
    <t>239 Second</t>
  </si>
  <si>
    <t>Nusrat Bader</t>
  </si>
  <si>
    <t>GGPS CHAK 24 KHURD</t>
  </si>
  <si>
    <t>24 Khurd</t>
  </si>
  <si>
    <t>chuk 24 khurd</t>
  </si>
  <si>
    <t>ABDULLAH PUR KOLAR</t>
  </si>
  <si>
    <t>GGPS CHAK 24/77</t>
  </si>
  <si>
    <t>Chalk no 24/77 p/o syedwala</t>
  </si>
  <si>
    <t>Ckak 24/77</t>
  </si>
  <si>
    <t>GGPS CHAK 240 GB JARANWALA</t>
  </si>
  <si>
    <t>Gujr Town</t>
  </si>
  <si>
    <t>GGPS240!!/gb jrw</t>
  </si>
  <si>
    <t>240/gb</t>
  </si>
  <si>
    <t>240chak</t>
  </si>
  <si>
    <t>GGPS CHAK 240/P</t>
  </si>
  <si>
    <t>240/p</t>
  </si>
  <si>
    <t>chak no. 240/p</t>
  </si>
  <si>
    <t>Chak 93p</t>
  </si>
  <si>
    <t>Memoona Kiran</t>
  </si>
  <si>
    <t>GGPS CHAK 241 GB I BEHRAM</t>
  </si>
  <si>
    <t>chak 241 GB 1</t>
  </si>
  <si>
    <t>241 GB 1</t>
  </si>
  <si>
    <t>178 GB</t>
  </si>
  <si>
    <t>Tallat Naheed</t>
  </si>
  <si>
    <t>GGPS CHAK 241 GB II GHARRA</t>
  </si>
  <si>
    <t>241 GB Garah</t>
  </si>
  <si>
    <t>241GB garah tehsil gojra distric T.T Singh</t>
  </si>
  <si>
    <t>241GB Garah</t>
  </si>
  <si>
    <t>178GB Ghogha</t>
  </si>
  <si>
    <t>Mussart Shahnaz Akhtar</t>
  </si>
  <si>
    <t>GGPS CHAK 242 P</t>
  </si>
  <si>
    <t>242/p</t>
  </si>
  <si>
    <t>street #13 Sakhi Sarwer Colony RYK</t>
  </si>
  <si>
    <t>Chak 93/P</t>
  </si>
  <si>
    <t>Zubaira Mansha</t>
  </si>
  <si>
    <t>GGPS CHAK 242 RB II AZAFI ABADI</t>
  </si>
  <si>
    <t>Dasuha</t>
  </si>
  <si>
    <t>242/r.b ii</t>
  </si>
  <si>
    <t>242/rb Ii</t>
  </si>
  <si>
    <t>Nazia Sadiq</t>
  </si>
  <si>
    <t>GGPS CHAK 244 GB I</t>
  </si>
  <si>
    <t>chak 244GB 1</t>
  </si>
  <si>
    <t>244 GB I</t>
  </si>
  <si>
    <t>Chak # 154 Gb</t>
  </si>
  <si>
    <t>GGPS CHAK 244 RB</t>
  </si>
  <si>
    <t>244 RB</t>
  </si>
  <si>
    <t>82 GB</t>
  </si>
  <si>
    <t>GGPS CHAK 245 RB ABBAS PUR</t>
  </si>
  <si>
    <t>Abbs Pur</t>
  </si>
  <si>
    <t>Chak 245  Abbas  pur  Fsd</t>
  </si>
  <si>
    <t>Kashaf Mahboob</t>
  </si>
  <si>
    <t>GGPS CHAK 245 RB I ABADI CHAILA</t>
  </si>
  <si>
    <t>Abaspur</t>
  </si>
  <si>
    <t>ggps245rb1 ababspur</t>
  </si>
  <si>
    <t>Abadi Chella</t>
  </si>
  <si>
    <t>Abasspur</t>
  </si>
  <si>
    <t>GGPS CHAK 248 RB DALOWAL</t>
  </si>
  <si>
    <t>248 RB</t>
  </si>
  <si>
    <t>chak no. 248 RB 1 Dalowal</t>
  </si>
  <si>
    <t>Dalowal</t>
  </si>
  <si>
    <t>Asia Maqsood</t>
  </si>
  <si>
    <t>GGPS CHAK 248 RB NEW ABADI</t>
  </si>
  <si>
    <t>248/rb Ii</t>
  </si>
  <si>
    <t>248/rbii</t>
  </si>
  <si>
    <t>Rb/</t>
  </si>
  <si>
    <t>GGPS CHAK 249 RB</t>
  </si>
  <si>
    <t>Shota Balochwala</t>
  </si>
  <si>
    <t>chak no249rbii</t>
  </si>
  <si>
    <t>249rb ii</t>
  </si>
  <si>
    <t>Chak248 RB</t>
  </si>
  <si>
    <t>GGPS CHAK 25 GB JARANWALA</t>
  </si>
  <si>
    <t>Manhile</t>
  </si>
  <si>
    <t>ggps 25 gb</t>
  </si>
  <si>
    <t>25 Gb</t>
  </si>
  <si>
    <t>Atia Touseef</t>
  </si>
  <si>
    <t>GGPS CHAK 250 GB AZAFI ABADI</t>
  </si>
  <si>
    <t>250GB</t>
  </si>
  <si>
    <t>chak no.250gb azafi abadi teh &amp;dist toba tek singh</t>
  </si>
  <si>
    <t>Chak No250gb</t>
  </si>
  <si>
    <t>251gb Uggi</t>
  </si>
  <si>
    <t>Muniba Kiran</t>
  </si>
  <si>
    <t>GGPS CHAK 250 RB</t>
  </si>
  <si>
    <t>250 Rb</t>
  </si>
  <si>
    <t>Afzalabad,Abbaspur</t>
  </si>
  <si>
    <t>Afzalabad</t>
  </si>
  <si>
    <t>Dhinganwala</t>
  </si>
  <si>
    <t>GGPS CHAK 250 RB KACHI KOTI</t>
  </si>
  <si>
    <t>Katchi Kothi</t>
  </si>
  <si>
    <t>chak no 250 RB 2katchi kothi Faisalabad</t>
  </si>
  <si>
    <t>250RB2 Katchi Kothi</t>
  </si>
  <si>
    <t>Dhingan Wala</t>
  </si>
  <si>
    <t>Salma Saleman</t>
  </si>
  <si>
    <t>GGPS CHAK 250 RB PAKI KOTI</t>
  </si>
  <si>
    <t>250 RB</t>
  </si>
  <si>
    <t>chak no. 250 RB Pakki kothi dak khana khas tensile and district faisalabad</t>
  </si>
  <si>
    <t>Pakki Kothi</t>
  </si>
  <si>
    <t>Dheengan Wala</t>
  </si>
  <si>
    <t>Asma Jabbar</t>
  </si>
  <si>
    <t>GGPS CHAK 250/P</t>
  </si>
  <si>
    <t>Chak 250/p</t>
  </si>
  <si>
    <t>chak 250/p</t>
  </si>
  <si>
    <t>GGPS CHAK 254 MW I</t>
  </si>
  <si>
    <t>chak no 254 rb mazhabiwala</t>
  </si>
  <si>
    <t>Mazhabiwala</t>
  </si>
  <si>
    <t>257 RB</t>
  </si>
  <si>
    <t>GGPS CHAK 254 RB KW II</t>
  </si>
  <si>
    <t>254rb</t>
  </si>
  <si>
    <t>254rbkw</t>
  </si>
  <si>
    <t>257rb</t>
  </si>
  <si>
    <t>Yasmin Khaliq</t>
  </si>
  <si>
    <t>GGPS CHAK 255/P JADEED</t>
  </si>
  <si>
    <t>chak No 255p</t>
  </si>
  <si>
    <t>chak No  255p</t>
  </si>
  <si>
    <t>Chak No 255p</t>
  </si>
  <si>
    <t>Miss Serwat Ashraf</t>
  </si>
  <si>
    <t>GGPS CHAK 256 GB II PHALOOR</t>
  </si>
  <si>
    <t>256gb</t>
  </si>
  <si>
    <t>GGPS CHAK 256 RB DHANGA WALA</t>
  </si>
  <si>
    <t>Chak no 256 RB I Dhenganwala</t>
  </si>
  <si>
    <t>Shamoona Asghar</t>
  </si>
  <si>
    <t>GGPS CHAK 257 GB</t>
  </si>
  <si>
    <t>Chak no 257gb azafi abadi</t>
  </si>
  <si>
    <t>Chak No 257 GB</t>
  </si>
  <si>
    <t>Phlore</t>
  </si>
  <si>
    <t>Sadia Mehvish</t>
  </si>
  <si>
    <t>GGPS CHAK 257 RB II IQBAL NAGR</t>
  </si>
  <si>
    <t>257rbll Iqbal Nagar district and tehsil Faisalabad</t>
  </si>
  <si>
    <t>257 RBll Iqbal Nagar</t>
  </si>
  <si>
    <t>Jahangir Khurd</t>
  </si>
  <si>
    <t>Aisha Yasmin Shumila</t>
  </si>
  <si>
    <t>GGPS CHAK 259 RB WAHILA KHURD</t>
  </si>
  <si>
    <t>259rb wheela khurd</t>
  </si>
  <si>
    <t>Wheela Khurd</t>
  </si>
  <si>
    <t>Wheela Kalan</t>
  </si>
  <si>
    <t>GGPS CHAK 260 GB</t>
  </si>
  <si>
    <t>260gb</t>
  </si>
  <si>
    <t>chak no 260gb</t>
  </si>
  <si>
    <t>184gb</t>
  </si>
  <si>
    <t>Saima Shreen</t>
  </si>
  <si>
    <t>GGPS CHAK 261 GB I</t>
  </si>
  <si>
    <t>chak no 261gb1</t>
  </si>
  <si>
    <t>261 GB 1</t>
  </si>
  <si>
    <t>Chak No 184gb</t>
  </si>
  <si>
    <t>GGPS CHAK 261 GB II</t>
  </si>
  <si>
    <t>Chak No 26111gb</t>
  </si>
  <si>
    <t>chak no 261 gb11</t>
  </si>
  <si>
    <t>Chak No 261 Gb 11</t>
  </si>
  <si>
    <t>Chack No 184gb</t>
  </si>
  <si>
    <t>GGPS CHAK 261/4 ABADI TARAR</t>
  </si>
  <si>
    <t>Chak No 261/4</t>
  </si>
  <si>
    <t>chak261/4 abadi tarar</t>
  </si>
  <si>
    <t>Chanda Rani</t>
  </si>
  <si>
    <t>GGPS CHAK 262 RB II PUKKA RIA</t>
  </si>
  <si>
    <t>262 Paka Riya</t>
  </si>
  <si>
    <t>GGPS CHAK 262/P</t>
  </si>
  <si>
    <t>Chak 262/P</t>
  </si>
  <si>
    <t>Chak 262/p, Post office 211/p Tehsil SDK</t>
  </si>
  <si>
    <t>Chak 264/P</t>
  </si>
  <si>
    <t>Uzma Yasmin</t>
  </si>
  <si>
    <t>GGPS CHAK 263 GB</t>
  </si>
  <si>
    <t>ggpschool263asifa</t>
  </si>
  <si>
    <t>263gb</t>
  </si>
  <si>
    <t>262gb</t>
  </si>
  <si>
    <t>Asifa Afzal</t>
  </si>
  <si>
    <t>GGPS CHAK 263 JB KIRTOANA</t>
  </si>
  <si>
    <t>Chak No 263</t>
  </si>
  <si>
    <t>chak no 263 kirtoana</t>
  </si>
  <si>
    <t>Chak No 263 Kitoana</t>
  </si>
  <si>
    <t>Sadia Javed</t>
  </si>
  <si>
    <t>GGPS CHAK 263 RB I</t>
  </si>
  <si>
    <t>263 R/B Dijkot</t>
  </si>
  <si>
    <t>263 R/B</t>
  </si>
  <si>
    <t>Municipal Town Committee Dijkot</t>
  </si>
  <si>
    <t>Mrs Shazia Kramat</t>
  </si>
  <si>
    <t>GGPS CHAK 263 RB II DIJKOT</t>
  </si>
  <si>
    <t>GGPS # 2 Dijkot</t>
  </si>
  <si>
    <t>263 Rb Dijkot</t>
  </si>
  <si>
    <t>Munspal Committee</t>
  </si>
  <si>
    <t>GGPS CHAK 263 RB III DIJKOT</t>
  </si>
  <si>
    <t>ggps#3dijkot</t>
  </si>
  <si>
    <t>263/rb</t>
  </si>
  <si>
    <t>Town Commatty Dijkot</t>
  </si>
  <si>
    <t>Night Iqbal</t>
  </si>
  <si>
    <t>GGPS CHAK 264 GB</t>
  </si>
  <si>
    <t>GGPS 264GB, Teh. &amp; Distt. Toba Tek Singh</t>
  </si>
  <si>
    <t>264gb</t>
  </si>
  <si>
    <t>GGPS CHAK 265 GB MANGHALIAN WALA</t>
  </si>
  <si>
    <t>265gb</t>
  </si>
  <si>
    <t>chak no 265gb</t>
  </si>
  <si>
    <t>Saba Qamar</t>
  </si>
  <si>
    <t>GGPS CHAK 266 GB</t>
  </si>
  <si>
    <t>Tindi Bhan</t>
  </si>
  <si>
    <t>chak no 266gb TEHSIL and DistT.T.singh</t>
  </si>
  <si>
    <t>266gb</t>
  </si>
  <si>
    <t>269 Kotkhetran</t>
  </si>
  <si>
    <t>GGPS CHAK 266 RB I GHOSIA COLONY KHURRIANWALA</t>
  </si>
  <si>
    <t>266 RB</t>
  </si>
  <si>
    <t>Ghousia colony, khurrianwala</t>
  </si>
  <si>
    <t>clean drinking water supplied</t>
  </si>
  <si>
    <t>GGPS CHAK 266 RB II WATER SUPPLY KHURRIANWALA</t>
  </si>
  <si>
    <t>jhumra road near water supply tanky khurrianwala</t>
  </si>
  <si>
    <t>GGPS CHAK 267 GB</t>
  </si>
  <si>
    <t>267gb</t>
  </si>
  <si>
    <t>Shamaila Manzoor</t>
  </si>
  <si>
    <t>GGPS CHAK 268 RB CHIMMA</t>
  </si>
  <si>
    <t>Cheema Chak</t>
  </si>
  <si>
    <t>263dijkot</t>
  </si>
  <si>
    <t>Quraisheawala</t>
  </si>
  <si>
    <t>Sajida Zia</t>
  </si>
  <si>
    <t>GGPS CHAK 269 GB JINNAH ABADI</t>
  </si>
  <si>
    <t>Chak no 269G B</t>
  </si>
  <si>
    <t>Chak no 269 Gb Jinnah Abadi tehsil,district toba tek Singh</t>
  </si>
  <si>
    <t>269 G B Jinnah Abadi</t>
  </si>
  <si>
    <t>Kot khitran</t>
  </si>
  <si>
    <t>Tahmina Sulaiman</t>
  </si>
  <si>
    <t>GGPS CHAK 269 GB KOT KATHRAN</t>
  </si>
  <si>
    <t>chak num 269 gb kot khitran</t>
  </si>
  <si>
    <t>ammara khan</t>
  </si>
  <si>
    <t>GGPS CHAK 269 GB KOT QASIM</t>
  </si>
  <si>
    <t>chak num 269 kot qasim</t>
  </si>
  <si>
    <t>Kot Kasim</t>
  </si>
  <si>
    <t>Sara Khan</t>
  </si>
  <si>
    <t>GGPS CHAK 269 RB II SALONI</t>
  </si>
  <si>
    <t>269 Rb</t>
  </si>
  <si>
    <t>269rb saloni</t>
  </si>
  <si>
    <t>269 Rb Saloni</t>
  </si>
  <si>
    <t>Qureshian Wala</t>
  </si>
  <si>
    <t>Sadia Munawar</t>
  </si>
  <si>
    <t>GGPS CHAK 269 RB III PARAN</t>
  </si>
  <si>
    <t>Paran</t>
  </si>
  <si>
    <t>269rbparan</t>
  </si>
  <si>
    <t>268 Cheema Chak</t>
  </si>
  <si>
    <t>Bushra Aftab</t>
  </si>
  <si>
    <t>GGPS CHAK 27/A</t>
  </si>
  <si>
    <t>Chak 27/A</t>
  </si>
  <si>
    <t>chak 27/A</t>
  </si>
  <si>
    <t>27/A</t>
  </si>
  <si>
    <t>Maryam Rabbani</t>
  </si>
  <si>
    <t>GGPS CHAK 270 GB I</t>
  </si>
  <si>
    <t>Kot Khatrine</t>
  </si>
  <si>
    <t>270gb1</t>
  </si>
  <si>
    <t>269gb Kot Khatrine</t>
  </si>
  <si>
    <t>GGPS CHAK 270 GB II ANWAR TOWN</t>
  </si>
  <si>
    <t>Chak#270/2GBanwar Town</t>
  </si>
  <si>
    <t>chak#270/2GB,anwar town ,T.T.singh</t>
  </si>
  <si>
    <t>Chak#270/2GB</t>
  </si>
  <si>
    <t>KOT KHITRAN</t>
  </si>
  <si>
    <t>Amna</t>
  </si>
  <si>
    <t>GGPS CHAK 270/JB  NORTH</t>
  </si>
  <si>
    <t>270 North</t>
  </si>
  <si>
    <t>Kausar Nasreen</t>
  </si>
  <si>
    <t>GGPS CHAK 270/JB CHISHTIAN</t>
  </si>
  <si>
    <t>Chak 268</t>
  </si>
  <si>
    <t>chak 270 chistian</t>
  </si>
  <si>
    <t>Chak Chishtian</t>
  </si>
  <si>
    <t>GGPS CHAK 271 GB AZAFI ABADI</t>
  </si>
  <si>
    <t>chak number 271 GB 2 azafi abadi</t>
  </si>
  <si>
    <t>271 GB Azafi Abadi</t>
  </si>
  <si>
    <t>269 Kot Khitran</t>
  </si>
  <si>
    <t>Sajida Shahzade</t>
  </si>
  <si>
    <t>GGPS CHAK 271 RB II BHROLIANA WALA</t>
  </si>
  <si>
    <t>Bhroliyanwala</t>
  </si>
  <si>
    <t>chak no 271 R.B Ganga singh</t>
  </si>
  <si>
    <t>Qurashaya Wala</t>
  </si>
  <si>
    <t>Asma Anjum</t>
  </si>
  <si>
    <t>GGPS CHAK 271/1-L</t>
  </si>
  <si>
    <t>271/1l</t>
  </si>
  <si>
    <t>Chak No 271/1l</t>
  </si>
  <si>
    <t>225/1l</t>
  </si>
  <si>
    <t>Ana Sharmeen</t>
  </si>
  <si>
    <t>GGPS CHAK 272 GB SATIANA</t>
  </si>
  <si>
    <t>272 gb dau aana</t>
  </si>
  <si>
    <t>272 gb</t>
  </si>
  <si>
    <t>282 gb</t>
  </si>
  <si>
    <t>GGPS CHAK 273 RB II ALI WAL</t>
  </si>
  <si>
    <t>273rb</t>
  </si>
  <si>
    <t>ggps273rb aliwal,fsd</t>
  </si>
  <si>
    <t>273rb Aliwal</t>
  </si>
  <si>
    <t>267 Jallndhr</t>
  </si>
  <si>
    <t>UZMA FARDOUS Gill</t>
  </si>
  <si>
    <t>GGPS CHAK 273 RB III SADIQ ABAD</t>
  </si>
  <si>
    <t>chak 273 rb 111 sadiqabad</t>
  </si>
  <si>
    <t>267 rb jalandhar</t>
  </si>
  <si>
    <t>GGPS CHAK 274 GB SATIANA</t>
  </si>
  <si>
    <t>Buchianal</t>
  </si>
  <si>
    <t>chak no 274 gb</t>
  </si>
  <si>
    <t>274gb</t>
  </si>
  <si>
    <t>363G</t>
  </si>
  <si>
    <t>Rukhsnana Sardar</t>
  </si>
  <si>
    <t>GGPS CHAK 274 RB 1 KALA</t>
  </si>
  <si>
    <t>274 RB 1</t>
  </si>
  <si>
    <t>Chak no 274kala /R.B I....Faisalabad</t>
  </si>
  <si>
    <t>274kala</t>
  </si>
  <si>
    <t>275/RB</t>
  </si>
  <si>
    <t>GGPS CHAK 274/HR (W)</t>
  </si>
  <si>
    <t>274 Hr W</t>
  </si>
  <si>
    <t>274 HR (W)</t>
  </si>
  <si>
    <t>274 HR  W</t>
  </si>
  <si>
    <t>Rifat Jabeen</t>
  </si>
  <si>
    <t>GGPS CHAK 275 SATIANA</t>
  </si>
  <si>
    <t>275 Madowana</t>
  </si>
  <si>
    <t>GGPS275GB satiana</t>
  </si>
  <si>
    <t>Hafiza Saman Latif</t>
  </si>
  <si>
    <t>GGPS CHAK 276 GB SATIANA</t>
  </si>
  <si>
    <t>Othianwala</t>
  </si>
  <si>
    <t>Chak no.276 GB othianwala tehseel jaranwala faisalabad</t>
  </si>
  <si>
    <t>Sarvet Jabeen</t>
  </si>
  <si>
    <t>GGPS CHAK 277 GB SATIANA</t>
  </si>
  <si>
    <t>niwala</t>
  </si>
  <si>
    <t>government girls primary school 277GB Teh Jrw District Fsd</t>
  </si>
  <si>
    <t>277GB</t>
  </si>
  <si>
    <t>Niwala</t>
  </si>
  <si>
    <t>Mannwer Siddiq</t>
  </si>
  <si>
    <t>GGPS CHAK 277 JB I NANGAL</t>
  </si>
  <si>
    <t>277j B 1 Nangal</t>
  </si>
  <si>
    <t>govt  girls primary  school 277 J. b 1 nangal</t>
  </si>
  <si>
    <t>277j B 1</t>
  </si>
  <si>
    <t>Usman Kot</t>
  </si>
  <si>
    <t>Aqsa Mushtaq</t>
  </si>
  <si>
    <t>GGPS CHAK 278 GB SATIANA</t>
  </si>
  <si>
    <t>Sheerka Chak</t>
  </si>
  <si>
    <t>chak no 278GB Jaranwala Faisalabad.</t>
  </si>
  <si>
    <t>Chak No 278GB Jaranwala Faisalabad</t>
  </si>
  <si>
    <t>Rurala Mandi</t>
  </si>
  <si>
    <t>Sobia Kirn</t>
  </si>
  <si>
    <t>GGPS CHAK 278 RB I BHALAIR</t>
  </si>
  <si>
    <t>Ch#278rb1</t>
  </si>
  <si>
    <t>ch#,278rb1</t>
  </si>
  <si>
    <t>278rb1</t>
  </si>
  <si>
    <t>93JB</t>
  </si>
  <si>
    <t>GGPS CHAK 278 RB II</t>
  </si>
  <si>
    <t>278 Rb 11</t>
  </si>
  <si>
    <t>chak# 278 rb 11 gojra</t>
  </si>
  <si>
    <t>Samreen Sultan</t>
  </si>
  <si>
    <t>GGPS CHAK 279 GB SATIANA</t>
  </si>
  <si>
    <t>279 GB Wahga</t>
  </si>
  <si>
    <t>chak no279GB,jaranwala,faislabad</t>
  </si>
  <si>
    <t>279GB</t>
  </si>
  <si>
    <t>GGPS CHAK 28 GB SATIANA</t>
  </si>
  <si>
    <t>28GB Sing Pura</t>
  </si>
  <si>
    <t>GGPS 28gb</t>
  </si>
  <si>
    <t>28gb</t>
  </si>
  <si>
    <t>Jasuana</t>
  </si>
  <si>
    <t>Iqra Javed</t>
  </si>
  <si>
    <t>GGPS CHAK 280 GB I SATNA</t>
  </si>
  <si>
    <t>Majka Chak</t>
  </si>
  <si>
    <t>280 GB teshil jaranwala</t>
  </si>
  <si>
    <t>280GB</t>
  </si>
  <si>
    <t>282/GB</t>
  </si>
  <si>
    <t>Tamsila Noreen</t>
  </si>
  <si>
    <t>GGPS CHAK 280 JB DUGHLAN</t>
  </si>
  <si>
    <t>Duggal</t>
  </si>
  <si>
    <t>chak no.280/j.b Duggal</t>
  </si>
  <si>
    <t>280/jb</t>
  </si>
  <si>
    <t>281/jb Dwakhri</t>
  </si>
  <si>
    <t>Nuzhat Riaz</t>
  </si>
  <si>
    <t>GGPS CHAK 280 RB CHTTI KHOTHI</t>
  </si>
  <si>
    <t>Chak No 280 Rb</t>
  </si>
  <si>
    <t>govt girls primary school 280 Rb Faisalabad</t>
  </si>
  <si>
    <t>Chak No 280 RB</t>
  </si>
  <si>
    <t>Nafeesa Mahmood</t>
  </si>
  <si>
    <t>GGPS CHAK 280 TDA</t>
  </si>
  <si>
    <t>Gmps 280tda markaz Chowk Azam</t>
  </si>
  <si>
    <t>280Tda</t>
  </si>
  <si>
    <t>GGPS CHAK 281 GB SATIANA</t>
  </si>
  <si>
    <t>Pithuana</t>
  </si>
  <si>
    <t>281GB</t>
  </si>
  <si>
    <t>Chk#281GB</t>
  </si>
  <si>
    <t>GGPS CHAK 283 JB I</t>
  </si>
  <si>
    <t>283jb1</t>
  </si>
  <si>
    <t>281jb</t>
  </si>
  <si>
    <t>Alia Tabsum</t>
  </si>
  <si>
    <t>GGPS CHAK 284 GB III</t>
  </si>
  <si>
    <t>284 GB III</t>
  </si>
  <si>
    <t>284gb III</t>
  </si>
  <si>
    <t>291gb</t>
  </si>
  <si>
    <t>Sadaf Rashid</t>
  </si>
  <si>
    <t>GGPS CHAK 284 GB IV</t>
  </si>
  <si>
    <t>chak no 284 gb Iv</t>
  </si>
  <si>
    <t>Chak No 284 Gb</t>
  </si>
  <si>
    <t>Chak No 291 Gb</t>
  </si>
  <si>
    <t>Shahida Sarwar</t>
  </si>
  <si>
    <t>GGPS CHAK 284 JB-I</t>
  </si>
  <si>
    <t>Chak No 284 Jb1</t>
  </si>
  <si>
    <t>chak no 284 jb1</t>
  </si>
  <si>
    <t>Chak No 284jb1</t>
  </si>
  <si>
    <t>water cooler4</t>
  </si>
  <si>
    <t>GGPS CHAK 285 JB</t>
  </si>
  <si>
    <t>Moza Chak No 285jb Tehsile Gojra District TTSingh</t>
  </si>
  <si>
    <t>chak no 285jb</t>
  </si>
  <si>
    <t>Chak No 285jb</t>
  </si>
  <si>
    <t>Chak No 372jb</t>
  </si>
  <si>
    <t>GGPS CHAK 287 GB-I</t>
  </si>
  <si>
    <t>chak no 287 gb</t>
  </si>
  <si>
    <t>Hkeem Khan</t>
  </si>
  <si>
    <t>Marth Wala</t>
  </si>
  <si>
    <t>Fazeelat Fatima</t>
  </si>
  <si>
    <t>GGPS CHAK 288 GB II NAI ABADI</t>
  </si>
  <si>
    <t>Chak288gb</t>
  </si>
  <si>
    <t>288gb toba tek singh</t>
  </si>
  <si>
    <t>288gb Nai Abadee</t>
  </si>
  <si>
    <t>NAEEMA KAYANI</t>
  </si>
  <si>
    <t>GGPS CHAK 289 RB AROORY</t>
  </si>
  <si>
    <t>289 RB</t>
  </si>
  <si>
    <t>chak#289 RB Arrory fsd</t>
  </si>
  <si>
    <t>289 RB Arrory</t>
  </si>
  <si>
    <t>247 RB Miani</t>
  </si>
  <si>
    <t>GGPS CHAK 29 GB SATIANA</t>
  </si>
  <si>
    <t>Kanian</t>
  </si>
  <si>
    <t>chak no 29 GB kanian</t>
  </si>
  <si>
    <t>29 Gb Kanian</t>
  </si>
  <si>
    <t>GGPS CHAK 29 JB MUSAFAR KHANA</t>
  </si>
  <si>
    <t>29 Jb</t>
  </si>
  <si>
    <t>29jb, musafarkhana, fsd</t>
  </si>
  <si>
    <t>Shaista Rashid</t>
  </si>
  <si>
    <t>GGPS CHAK 29/3-R (AB)</t>
  </si>
  <si>
    <t>29/3 R Ab</t>
  </si>
  <si>
    <t>29/ 3 r AB</t>
  </si>
  <si>
    <t>29/3r Ab</t>
  </si>
  <si>
    <t>30/3 R</t>
  </si>
  <si>
    <t>Abida Kausar</t>
  </si>
  <si>
    <t>GGPS CHAK 291 JB GUMTALA</t>
  </si>
  <si>
    <t>chak 291 j.b</t>
  </si>
  <si>
    <t>291 JB</t>
  </si>
  <si>
    <t>290 Jb</t>
  </si>
  <si>
    <t>Sadia Shafiq</t>
  </si>
  <si>
    <t>GGPS CHAK 292 JB</t>
  </si>
  <si>
    <t>Chak NO 292 JB</t>
  </si>
  <si>
    <t>G.G.P.S292j.b</t>
  </si>
  <si>
    <t>Chak No 292jb</t>
  </si>
  <si>
    <t>Chak No 290</t>
  </si>
  <si>
    <t>Ayesha Asghar</t>
  </si>
  <si>
    <t>GGPS CHAK 293 JB</t>
  </si>
  <si>
    <t>Chakn293 Jb</t>
  </si>
  <si>
    <t>ggps 293 jb toba tek singh</t>
  </si>
  <si>
    <t>Chak 293 Jb Talwandi Dogran</t>
  </si>
  <si>
    <t>Rifat Yasmin</t>
  </si>
  <si>
    <t>GGPS CHAK 293 RB II</t>
  </si>
  <si>
    <t>293 RB</t>
  </si>
  <si>
    <t>Chak No 293 RB Odan Chak Teh Chak Jhumra</t>
  </si>
  <si>
    <t>GGPS CHAK 294 GB II</t>
  </si>
  <si>
    <t>Chak No 294 GB 294gb2nd</t>
  </si>
  <si>
    <t>Chak No 294 GB II</t>
  </si>
  <si>
    <t>Chak 294 GB II</t>
  </si>
  <si>
    <t>GGPS CHAK 295 GB III JINNAH ABADI</t>
  </si>
  <si>
    <t>BARIAN WALA</t>
  </si>
  <si>
    <t>chak no 295 GB jinnah abadi</t>
  </si>
  <si>
    <t>295GB</t>
  </si>
  <si>
    <t>Rukshanda Yasmeen</t>
  </si>
  <si>
    <t>GGPS CHAK 295 JB I DAVI DAS</t>
  </si>
  <si>
    <t>Chak 295 Jb 1</t>
  </si>
  <si>
    <t>295 jb 1 T.T .Singh</t>
  </si>
  <si>
    <t>295 Jb 1 Davi Das</t>
  </si>
  <si>
    <t>Mussarat Jabeen</t>
  </si>
  <si>
    <t>GGPS CHAK 295 RB</t>
  </si>
  <si>
    <t>CHAK NO 295 RBC</t>
  </si>
  <si>
    <t>CHAK NO 295 RB FAISALABAD</t>
  </si>
  <si>
    <t>295 RB</t>
  </si>
  <si>
    <t>SITARA COLONY</t>
  </si>
  <si>
    <t>GGPS CHAK 295/WB NEAR ADA ZAKHEERA</t>
  </si>
  <si>
    <t>Maqbol Wah</t>
  </si>
  <si>
    <t>chak 295 tehsil dunyapur district lodharan</t>
  </si>
  <si>
    <t>Rashida Alyas</t>
  </si>
  <si>
    <t>GGPS CHAK 296 JB I JAFA PUR</t>
  </si>
  <si>
    <t>GGPS 296 JB  Jafa pur</t>
  </si>
  <si>
    <t>Chak no296 JB Jafa Pur</t>
  </si>
  <si>
    <t>Chak no 296 Jafa Pur</t>
  </si>
  <si>
    <t>NASRA PERVEEN</t>
  </si>
  <si>
    <t>GGPS CHAK 296 JB II FAISAL BAHAR COLONY GOJRA</t>
  </si>
  <si>
    <t>296 II</t>
  </si>
  <si>
    <t>bahar colony gojra</t>
  </si>
  <si>
    <t>GGPS CHAK 296 RB WAKEEL WALA</t>
  </si>
  <si>
    <t>296 Rb</t>
  </si>
  <si>
    <t>296 rb wakeel wala</t>
  </si>
  <si>
    <t>Maini</t>
  </si>
  <si>
    <t>GGPS CHAK 297 JB II</t>
  </si>
  <si>
    <t>Dhama Bangla</t>
  </si>
  <si>
    <t>govt model primary school 297jb11 gojra</t>
  </si>
  <si>
    <t>297 JB  II</t>
  </si>
  <si>
    <t>301JB</t>
  </si>
  <si>
    <t>Bushra  Khanam</t>
  </si>
  <si>
    <t>GGPS CHAK 297 JB III</t>
  </si>
  <si>
    <t>Chak No 297 Jb lll</t>
  </si>
  <si>
    <t>Chak no 297 j.b lll</t>
  </si>
  <si>
    <t>Chak No 297 JB lll</t>
  </si>
  <si>
    <t>Aasia Parveen</t>
  </si>
  <si>
    <t>GGPS CHAK 299 GB NAI ABADI</t>
  </si>
  <si>
    <t>chak no 299 GB ni abadi</t>
  </si>
  <si>
    <t>Chak No 299 GB Ni Abadi</t>
  </si>
  <si>
    <t>Chak No 393 Jb</t>
  </si>
  <si>
    <t>Ghazala Ashraf</t>
  </si>
  <si>
    <t>GGPS CHAK 3 FW DOLAT ALI</t>
  </si>
  <si>
    <t>3fw Dolat Ali</t>
  </si>
  <si>
    <t>3fw dolat ali chishtian</t>
  </si>
  <si>
    <t>3/fw Dolat Ali</t>
  </si>
  <si>
    <t>GGPS CHAK 3/P</t>
  </si>
  <si>
    <t>Chak 3p</t>
  </si>
  <si>
    <t>chak 3/P</t>
  </si>
  <si>
    <t>GGPS CHAK 30 GB SATIANA</t>
  </si>
  <si>
    <t>Jhlandar No</t>
  </si>
  <si>
    <t>30gb satiana jranwala</t>
  </si>
  <si>
    <t>30gb</t>
  </si>
  <si>
    <t>Zarqa Batool</t>
  </si>
  <si>
    <t>nehri pana</t>
  </si>
  <si>
    <t>GGPS CHAK 30/3-R AB</t>
  </si>
  <si>
    <t>30/3rab</t>
  </si>
  <si>
    <t>chak no 30/3r tehseil HND Distric BWN</t>
  </si>
  <si>
    <t>30/3r AB</t>
  </si>
  <si>
    <t>GGPS CHAK 30/EB KHURD P/O 30/EB KALAN</t>
  </si>
  <si>
    <t>Nagar 2</t>
  </si>
  <si>
    <t>chak no.30/eb khurd tehsil arifwala distt.pakpattan</t>
  </si>
  <si>
    <t>Chak 30/eb Khurd</t>
  </si>
  <si>
    <t>Chak 34/eb</t>
  </si>
  <si>
    <t>Fouzia Iqbal</t>
  </si>
  <si>
    <t>GGPS CHAK 300 JB</t>
  </si>
  <si>
    <t>300jb</t>
  </si>
  <si>
    <t>chak no 300jb</t>
  </si>
  <si>
    <t>Chak 301 Jb</t>
  </si>
  <si>
    <t>GGPS CHAK 303 GB</t>
  </si>
  <si>
    <t>Chak No 303GB</t>
  </si>
  <si>
    <t>chak no 303GB TTSingh</t>
  </si>
  <si>
    <t>301GB</t>
  </si>
  <si>
    <t>GGPS CHAK 303 JB II</t>
  </si>
  <si>
    <t>Chak 303Jb 11</t>
  </si>
  <si>
    <t>chak 303 jb 11.</t>
  </si>
  <si>
    <t>Chak 303 Jb 11</t>
  </si>
  <si>
    <t>GGPS CHAK 304 JB I</t>
  </si>
  <si>
    <t>Khthoor Khurd</t>
  </si>
  <si>
    <t>chak 304 jb 1</t>
  </si>
  <si>
    <t>Chak 304 JB 1</t>
  </si>
  <si>
    <t>Chak 354 JB</t>
  </si>
  <si>
    <t>Saqib farah</t>
  </si>
  <si>
    <t>GGPS CHAK 304 JB II</t>
  </si>
  <si>
    <t>304 JBll</t>
  </si>
  <si>
    <t>GGPS 304 JBll</t>
  </si>
  <si>
    <t>Sadaf Sittara</t>
  </si>
  <si>
    <t>GGPS CHAK 308/HR</t>
  </si>
  <si>
    <t>308/hr</t>
  </si>
  <si>
    <t>ggps 308/hr maroot</t>
  </si>
  <si>
    <t>311/hr</t>
  </si>
  <si>
    <t>GGPS CHAK 309 JB</t>
  </si>
  <si>
    <t>chak no 309jb</t>
  </si>
  <si>
    <t>Chak No 309 Jb</t>
  </si>
  <si>
    <t>GGPS CHAK 309/HR</t>
  </si>
  <si>
    <t>309/hr</t>
  </si>
  <si>
    <t>Chak 309/H.R Fortabbas BWN</t>
  </si>
  <si>
    <t>311hr</t>
  </si>
  <si>
    <t>Aamina Bibi</t>
  </si>
  <si>
    <t>GGPS CHAK 31/A ABBAS SHAH</t>
  </si>
  <si>
    <t>Jinnah Abadi</t>
  </si>
  <si>
    <t>GGPS 31-A Abbass Ali Shah Tehseel Liaquatpur RahimYarKhan</t>
  </si>
  <si>
    <t>Chak 23-A</t>
  </si>
  <si>
    <t>32-A</t>
  </si>
  <si>
    <t>Irum Naz</t>
  </si>
  <si>
    <t>boaring away from school</t>
  </si>
  <si>
    <t>GGPS CHAK 310 GB</t>
  </si>
  <si>
    <t>310gb</t>
  </si>
  <si>
    <t>chak no 310gb toba tek singh</t>
  </si>
  <si>
    <t>310gbtts</t>
  </si>
  <si>
    <t>Talat Tanveer</t>
  </si>
  <si>
    <t>GGPS CHAK 313 JB</t>
  </si>
  <si>
    <t>313jb</t>
  </si>
  <si>
    <t>chak no 313jb</t>
  </si>
  <si>
    <t>SHABANA QAMAR</t>
  </si>
  <si>
    <t>GGPS CHAK 314/HR</t>
  </si>
  <si>
    <t>314/hr</t>
  </si>
  <si>
    <t>GGPS CHAK 315/HR</t>
  </si>
  <si>
    <t>315 Hr</t>
  </si>
  <si>
    <t>315-HR</t>
  </si>
  <si>
    <t>315/hr</t>
  </si>
  <si>
    <t>AZRA YASMIN</t>
  </si>
  <si>
    <t>GGPS CHAK 317/HR</t>
  </si>
  <si>
    <t>317/hr</t>
  </si>
  <si>
    <t>chak no 317/hr maroot</t>
  </si>
  <si>
    <t>Farheen Gull</t>
  </si>
  <si>
    <t>GGPS CHAK 32/A</t>
  </si>
  <si>
    <t>Shagufta Talmez</t>
  </si>
  <si>
    <t>GGPS CHAK 320/HR MAROOT</t>
  </si>
  <si>
    <t>320/hr</t>
  </si>
  <si>
    <t>chak no 320/hr maroot</t>
  </si>
  <si>
    <t>GGPS CHAK 323 JB QAIM PUR</t>
  </si>
  <si>
    <t>323jb</t>
  </si>
  <si>
    <t>chk#323jb.Qiam pur</t>
  </si>
  <si>
    <t>GGPS CHAK 324/HR</t>
  </si>
  <si>
    <t>324/HR</t>
  </si>
  <si>
    <t>GGPS 324/HR MAROOT TEH FORTABASCO BWN</t>
  </si>
  <si>
    <t>327/HR</t>
  </si>
  <si>
    <t>GGPS CHAK 325/HR</t>
  </si>
  <si>
    <t>325/HR</t>
  </si>
  <si>
    <t>Shabana Satar</t>
  </si>
  <si>
    <t>GGPS CHAK 327 JB JAVED COLONY</t>
  </si>
  <si>
    <t>327 JB</t>
  </si>
  <si>
    <t>ggpd 327 JB  JAVED COLONY TOBA TEK Singh</t>
  </si>
  <si>
    <t>324 JB</t>
  </si>
  <si>
    <t>GGPS CHAK 328 JB</t>
  </si>
  <si>
    <t>Govt,Girls/P/S Ck.No 328 jb</t>
  </si>
  <si>
    <t>Ck 328jb</t>
  </si>
  <si>
    <t>Chak 328 JB</t>
  </si>
  <si>
    <t>JABEEN ATHER</t>
  </si>
  <si>
    <t>GGPS CHAK 330 GB KOTLI</t>
  </si>
  <si>
    <t>330 Gb</t>
  </si>
  <si>
    <t>chak no327 gb</t>
  </si>
  <si>
    <t>330 Gb Kotli</t>
  </si>
  <si>
    <t>NEELUM LIAQAT</t>
  </si>
  <si>
    <t>GGPS CHAK 331 GB NOOR PUR</t>
  </si>
  <si>
    <t>331 gb noorpur tehsil pirmahal dist toba tek singh</t>
  </si>
  <si>
    <t>331GB Noorpur</t>
  </si>
  <si>
    <t>Chak 330</t>
  </si>
  <si>
    <t>Kalsoom akhtar</t>
  </si>
  <si>
    <t>GGPS CHAK 331 GB SALEEM PUR</t>
  </si>
  <si>
    <t>331GB Salem pur</t>
  </si>
  <si>
    <t>chak no 331 GB Salem pur</t>
  </si>
  <si>
    <t>330 GB kotli</t>
  </si>
  <si>
    <t>Rafia Rashid</t>
  </si>
  <si>
    <t>GGPS CHAK 332 GB II</t>
  </si>
  <si>
    <t>Chak No 332 GB II</t>
  </si>
  <si>
    <t>chak no 332 GBII</t>
  </si>
  <si>
    <t>Chak No 332 GBII</t>
  </si>
  <si>
    <t>333 GB</t>
  </si>
  <si>
    <t>GGPS CHAK 332 JB DUHANI PUR</t>
  </si>
  <si>
    <t>GGPS 332jb Teh.Gojra Distt. Toba Tek Singh</t>
  </si>
  <si>
    <t>332jb</t>
  </si>
  <si>
    <t>H Iram Shehzadi</t>
  </si>
  <si>
    <t>GGPS CHAK 333 JB II</t>
  </si>
  <si>
    <t>GGPS 333 jb ll</t>
  </si>
  <si>
    <t>333 Jb</t>
  </si>
  <si>
    <t>GGPS CHAK 335 GB JINNAH ABADI</t>
  </si>
  <si>
    <t>Chak No 335GB JINNAH ABADI</t>
  </si>
  <si>
    <t>Chack  No 335GB jinnah Abadi</t>
  </si>
  <si>
    <t>335 GB</t>
  </si>
  <si>
    <t>Rabbia Abbas</t>
  </si>
  <si>
    <t>GGPS CHAK 335 JB DOST PUR</t>
  </si>
  <si>
    <t>Nialahore</t>
  </si>
  <si>
    <t>chak no 335jb dost pur teh gojra  dis t t Singh</t>
  </si>
  <si>
    <t>Chak No 335jb Dostpur</t>
  </si>
  <si>
    <t>Tehsil Dar</t>
  </si>
  <si>
    <t>Zahida Yasmin</t>
  </si>
  <si>
    <t>GGPS CHAK 336 GB II SARABA</t>
  </si>
  <si>
    <t>New saraba</t>
  </si>
  <si>
    <t>Chak No 336 GB New saraba</t>
  </si>
  <si>
    <t>336 GB New saraba</t>
  </si>
  <si>
    <t>517 GB</t>
  </si>
  <si>
    <t>Ruqia Parveen</t>
  </si>
  <si>
    <t>GGPS CHAK 337 JB SAHIB CHAK</t>
  </si>
  <si>
    <t>337 jb</t>
  </si>
  <si>
    <t>chak no 337 jb</t>
  </si>
  <si>
    <t>sahab chak</t>
  </si>
  <si>
    <t>345 jb</t>
  </si>
  <si>
    <t>GGPS CHAK 339 JB VERO KE KAJLAY</t>
  </si>
  <si>
    <t>Vero Ke Kajlay</t>
  </si>
  <si>
    <t>g g p s.  339jb</t>
  </si>
  <si>
    <t>339jb</t>
  </si>
  <si>
    <t>Nia Lahore</t>
  </si>
  <si>
    <t>Tahira</t>
  </si>
  <si>
    <t>GGPS CHAK 34 GB SATIANA</t>
  </si>
  <si>
    <t>34 Gb</t>
  </si>
  <si>
    <t>chak 34 gb satiana</t>
  </si>
  <si>
    <t>Chak 34 Gb</t>
  </si>
  <si>
    <t>Chak35 Gb</t>
  </si>
  <si>
    <t>GGPS CHAK 34 JB</t>
  </si>
  <si>
    <t>34 Jb South</t>
  </si>
  <si>
    <t>34 jb south</t>
  </si>
  <si>
    <t>34 Jb North</t>
  </si>
  <si>
    <t>Kishwar Naveed</t>
  </si>
  <si>
    <t>GGPS CHAK 340 JB BDAROO-I</t>
  </si>
  <si>
    <t>340jb-l</t>
  </si>
  <si>
    <t>chak no 340 jb l teh gojra distt t.t.singh</t>
  </si>
  <si>
    <t>340 JB I</t>
  </si>
  <si>
    <t>338 JB</t>
  </si>
  <si>
    <t>GGPS CHAK 340 JB II CHAOOR</t>
  </si>
  <si>
    <t>Chak no 340 jb</t>
  </si>
  <si>
    <t>Chak No 340jb</t>
  </si>
  <si>
    <t>Sumaira Bashsarat</t>
  </si>
  <si>
    <t>GGPS CHAK 341 JB THATHAR</t>
  </si>
  <si>
    <t>chak no.341jb thathar</t>
  </si>
  <si>
    <t>Chak No341jbNo341jb thathar</t>
  </si>
  <si>
    <t>GGPS CHAK 343 JB BHATTA</t>
  </si>
  <si>
    <t>343jb bhatta nawab.</t>
  </si>
  <si>
    <t>343jb</t>
  </si>
  <si>
    <t>345pinanky</t>
  </si>
  <si>
    <t>GGPS CHAK 344 JB SHAH PUR</t>
  </si>
  <si>
    <t>chak#344jb gojra</t>
  </si>
  <si>
    <t>344jb</t>
  </si>
  <si>
    <t>345jb Pinanky</t>
  </si>
  <si>
    <t>Nazish Faiz</t>
  </si>
  <si>
    <t>filter plant electric cooler</t>
  </si>
  <si>
    <t>GGPS CHAK 345 JB I PENKAY</t>
  </si>
  <si>
    <t>345jb1</t>
  </si>
  <si>
    <t>g g ps 345 jb 1</t>
  </si>
  <si>
    <t>345jb1 Pinanky</t>
  </si>
  <si>
    <t>345 J B1</t>
  </si>
  <si>
    <t>Fakhra Sultana</t>
  </si>
  <si>
    <t>GGPS CHAK 345 JB II CHAK NACHBLI</t>
  </si>
  <si>
    <t>345jb 2</t>
  </si>
  <si>
    <t>gg ps 345
jb 2</t>
  </si>
  <si>
    <t>345 Jb 2</t>
  </si>
  <si>
    <t>GGPS CHAK 347 Â½ GB</t>
  </si>
  <si>
    <t>Chak 347 1/2 GB</t>
  </si>
  <si>
    <t>chak No.347 1/2 GB Tehsil and District Toba Tek Singh</t>
  </si>
  <si>
    <t>ZAHRA SHOUKET</t>
  </si>
  <si>
    <t>GGPS CHAK 347 JB CHETHA</t>
  </si>
  <si>
    <t>chak no 347 jb</t>
  </si>
  <si>
    <t>Chattha 347jb</t>
  </si>
  <si>
    <t>348jb Maqbool Pur</t>
  </si>
  <si>
    <t>SADAF BASHIR</t>
  </si>
  <si>
    <t>GGPS CHAK 349 JB SETRAH</t>
  </si>
  <si>
    <t>Setrah</t>
  </si>
  <si>
    <t>GGPS349 JB SETRAH</t>
  </si>
  <si>
    <t>349 Jb Setrah</t>
  </si>
  <si>
    <t>sana abid</t>
  </si>
  <si>
    <t>GGPS CHAK 35/A QADEEM</t>
  </si>
  <si>
    <t>Chak 35/A Qadeem</t>
  </si>
  <si>
    <t>Chak 35/A ,Dera Kallu, Rasheed abad</t>
  </si>
  <si>
    <t>35/A</t>
  </si>
  <si>
    <t>Nadia Nabbi</t>
  </si>
  <si>
    <t>GGPS CHAK 350 GB GAT WALA</t>
  </si>
  <si>
    <t>Gatt Wala</t>
  </si>
  <si>
    <t>Chak No 350 GB tehsil and district  T.T.Singh</t>
  </si>
  <si>
    <t>Najma Shaeen</t>
  </si>
  <si>
    <t>GGPS CHAK 350 JB LAHORAIN WALA</t>
  </si>
  <si>
    <t>Chak no 350 jb Gojra</t>
  </si>
  <si>
    <t>ROBINA PARVEEN</t>
  </si>
  <si>
    <t>GGPS CHAK 351 GB KOT JANJUIA NAGRA</t>
  </si>
  <si>
    <t>Kot Janjua</t>
  </si>
  <si>
    <t>kot janjua</t>
  </si>
  <si>
    <t>351 Gb Kot Janjua</t>
  </si>
  <si>
    <t>295gb Barianwala</t>
  </si>
  <si>
    <t>GGPS CHAK 352 GB LUNDIANWALA</t>
  </si>
  <si>
    <t>Samo Di Jhok</t>
  </si>
  <si>
    <t>ggps352gb</t>
  </si>
  <si>
    <t>147 Gb</t>
  </si>
  <si>
    <t>Shumaila Muhammad Ali</t>
  </si>
  <si>
    <t>GGPS CHAK 352 JB SARHAN</t>
  </si>
  <si>
    <t>352jb</t>
  </si>
  <si>
    <t>ggps352jb tehsil gojra</t>
  </si>
  <si>
    <t>349jb</t>
  </si>
  <si>
    <t>tehmina naz</t>
  </si>
  <si>
    <t>GGPS CHAK 353 GB JARANWALA</t>
  </si>
  <si>
    <t>chak no. 353 gb.</t>
  </si>
  <si>
    <t>Kot Kabeer</t>
  </si>
  <si>
    <t>353gb</t>
  </si>
  <si>
    <t>GGPS CHAK 354 GB JARANWALA</t>
  </si>
  <si>
    <t>Chak no 354gb</t>
  </si>
  <si>
    <t>Chak No354gb</t>
  </si>
  <si>
    <t>GGPS CHAK 355 GB I JARANWALA</t>
  </si>
  <si>
    <t>355/GB I</t>
  </si>
  <si>
    <t>GGPS CHAK 355GB I JARANWALA</t>
  </si>
  <si>
    <t>355GB</t>
  </si>
  <si>
    <t>353/GB</t>
  </si>
  <si>
    <t>Kanwal Aslam</t>
  </si>
  <si>
    <t>GGPS CHAK 356 GB JARANWALA</t>
  </si>
  <si>
    <t>Patla</t>
  </si>
  <si>
    <t>GGPS 356 G.B</t>
  </si>
  <si>
    <t>356 GB</t>
  </si>
  <si>
    <t>Arkana</t>
  </si>
  <si>
    <t>Aneeda Muqadas</t>
  </si>
  <si>
    <t>GGPS CHAK 356 JB I</t>
  </si>
  <si>
    <t>chak 356 jbl</t>
  </si>
  <si>
    <t>Chak 356 JBI</t>
  </si>
  <si>
    <t>Chak 423 Jb</t>
  </si>
  <si>
    <t>GGPS CHAK 358 JB II</t>
  </si>
  <si>
    <t>Colony</t>
  </si>
  <si>
    <t>358jb dulam jhang road gojra</t>
  </si>
  <si>
    <t>360jb Bubak Chok</t>
  </si>
  <si>
    <t>GGPS CHAK 359 GB NAI ABADI</t>
  </si>
  <si>
    <t>Chak # 359 GB</t>
  </si>
  <si>
    <t>Chalk#359GB. B</t>
  </si>
  <si>
    <t>37/361</t>
  </si>
  <si>
    <t>tehmina iqbal</t>
  </si>
  <si>
    <t>GGPS CHAK 36/A</t>
  </si>
  <si>
    <t>CHAK 36/A</t>
  </si>
  <si>
    <t>CHAK 36/A P/O FEROZA TEHSIL LIAQUAT PUR    DISTRICT  RAHIM YAR KHAN</t>
  </si>
  <si>
    <t>Chak 36/A</t>
  </si>
  <si>
    <t>ZAHIDA  BI BI</t>
  </si>
  <si>
    <t>GGPS CHAK 360 GB I</t>
  </si>
  <si>
    <t>Chak No 360GB</t>
  </si>
  <si>
    <t>Chak No 360GB/T. T. Singh</t>
  </si>
  <si>
    <t>360GB</t>
  </si>
  <si>
    <t>Chak No 361GB</t>
  </si>
  <si>
    <t>Riff at Kousar</t>
  </si>
  <si>
    <t>GGPS CHAK 360 GB TURBALA TOWN</t>
  </si>
  <si>
    <t>Chak No 360 gb Tarbela town</t>
  </si>
  <si>
    <t>361 GB</t>
  </si>
  <si>
    <t>GGPS CHAK 360 JB II</t>
  </si>
  <si>
    <t>Bobak</t>
  </si>
  <si>
    <t>ggps360JB 2</t>
  </si>
  <si>
    <t>360JB2</t>
  </si>
  <si>
    <t>360JB1</t>
  </si>
  <si>
    <t>GGPS CHAK 361 GB NAI ABADI</t>
  </si>
  <si>
    <t>Chak#361 Gb</t>
  </si>
  <si>
    <t>Chak 361 GB</t>
  </si>
  <si>
    <t>Shgufta Tasnim</t>
  </si>
  <si>
    <t>GGPS CHAK 363 GB II SATIANA</t>
  </si>
  <si>
    <t>Sammi D Jhok</t>
  </si>
  <si>
    <t>363 GB II. Ghoni jhal. Satiana. tehsil Jaranwala. Dist. Faisalabad.</t>
  </si>
  <si>
    <t>363 GB II</t>
  </si>
  <si>
    <t>mamoona yasmeen</t>
  </si>
  <si>
    <t>GGPS CHAK 363 JB II BHMENI WALA</t>
  </si>
  <si>
    <t>363jbll</t>
  </si>
  <si>
    <t>GGPS 363 jb ll bahmniwala tehsil gojra district toba tek singh</t>
  </si>
  <si>
    <t>363jbll bhmniwala</t>
  </si>
  <si>
    <t>363 jb ll</t>
  </si>
  <si>
    <t>GGPS CHAK 364 GB SATIANA</t>
  </si>
  <si>
    <t>chak no 364 g.b</t>
  </si>
  <si>
    <t>364gb</t>
  </si>
  <si>
    <t>GGPS CHAK 364 JB</t>
  </si>
  <si>
    <t>364jbGojra</t>
  </si>
  <si>
    <t>Chak 364 jb Gojra</t>
  </si>
  <si>
    <t>Chak 364jb</t>
  </si>
  <si>
    <t>RABIA BASHIR</t>
  </si>
  <si>
    <t>GGPS CHAK 364 JB II SAMAN ZAR COLONY</t>
  </si>
  <si>
    <t>GGPS 364 JB 2nd saman zar colony gojra</t>
  </si>
  <si>
    <t>364 JB 2nd</t>
  </si>
  <si>
    <t>363 JB</t>
  </si>
  <si>
    <t>Shazia Sanaullah</t>
  </si>
  <si>
    <t>GGPS CHAK 365 JB BILAL PARK</t>
  </si>
  <si>
    <t>ggps 365/jb gojra</t>
  </si>
  <si>
    <t>GGPS CHAK 366 JB GUHIAN MUSLIM</t>
  </si>
  <si>
    <t>chak no 366 jb Ghanian Muslim tehsil GOJRA distt Toba take singh</t>
  </si>
  <si>
    <t>Chak No 366 Jb</t>
  </si>
  <si>
    <t>Najama Perveen</t>
  </si>
  <si>
    <t>GGPS CHAK 367 GB SATIANA</t>
  </si>
  <si>
    <t>Chak No 367 GB</t>
  </si>
  <si>
    <t>GGPS CHAK 368 GB SATIANA</t>
  </si>
  <si>
    <t>Chak 368gb</t>
  </si>
  <si>
    <t>368gb</t>
  </si>
  <si>
    <t>NAUREEN SARFRAZ</t>
  </si>
  <si>
    <t>GGPS CHAK 368 JB I CHANDO BATALA</t>
  </si>
  <si>
    <t>Chak 368 Jb</t>
  </si>
  <si>
    <t>chak 368 jb</t>
  </si>
  <si>
    <t>Chak No  367 Jb</t>
  </si>
  <si>
    <t>Uzma Noureen</t>
  </si>
  <si>
    <t>GGPS CHAK 369 JB I JUDHA NAGARI</t>
  </si>
  <si>
    <t>Chak #369 Jb</t>
  </si>
  <si>
    <t>chak # 369 jb 1 jodha ngri</t>
  </si>
  <si>
    <t>369jb</t>
  </si>
  <si>
    <t>Chak #158 Gb</t>
  </si>
  <si>
    <t>Fozia Kousar</t>
  </si>
  <si>
    <t>GGPS CHAK 369 JB II SARJA</t>
  </si>
  <si>
    <t>369 Jb II</t>
  </si>
  <si>
    <t>chak no 369 jb II</t>
  </si>
  <si>
    <t>Chak No 158jb</t>
  </si>
  <si>
    <t>Asifa Mussarrat</t>
  </si>
  <si>
    <t>GGPS CHAK 37 GB SATIANA</t>
  </si>
  <si>
    <t>37 Gb Rurki</t>
  </si>
  <si>
    <t>chak no 37 gb</t>
  </si>
  <si>
    <t>Chak 37gb</t>
  </si>
  <si>
    <t>37gb</t>
  </si>
  <si>
    <t>Safeer Hussain Shah</t>
  </si>
  <si>
    <t>GGPS CHAK 371 JB-III MUHAMMAD PURA</t>
  </si>
  <si>
    <t>Chak 371 Jb III</t>
  </si>
  <si>
    <t>chak 371 jb III</t>
  </si>
  <si>
    <t>Chak 471 Jb III</t>
  </si>
  <si>
    <t>GGPS CHAK 372 GB SAMUNDRI</t>
  </si>
  <si>
    <t>372 Nwa Chak</t>
  </si>
  <si>
    <t>chak number 372gb post office 136gb Tehsil samundri district fsd</t>
  </si>
  <si>
    <t>372gb</t>
  </si>
  <si>
    <t>Adrees Kousar</t>
  </si>
  <si>
    <t>GGPS CHAK 373 GB II SAMUNDRI</t>
  </si>
  <si>
    <t>Khaldi</t>
  </si>
  <si>
    <t>chak no 373 gb 2 khaldi samundri</t>
  </si>
  <si>
    <t>373 Gb</t>
  </si>
  <si>
    <t>Javeria Irshad</t>
  </si>
  <si>
    <t>GGPS CHAK 373 GB KARAM SAR SAMUNDRI</t>
  </si>
  <si>
    <t>Karm Ser</t>
  </si>
  <si>
    <t>g g p.s 373 gb 1 karm ser</t>
  </si>
  <si>
    <t>373 Gb1</t>
  </si>
  <si>
    <t>527 Gb</t>
  </si>
  <si>
    <t>GGPS CHAK 374 GB SATIANA</t>
  </si>
  <si>
    <t>arkana</t>
  </si>
  <si>
    <t>CHAK NO 374GB ARKANA WASEERAN</t>
  </si>
  <si>
    <t>CHAK NO 357GB</t>
  </si>
  <si>
    <t>Farzana Hayat</t>
  </si>
  <si>
    <t>GGPS CHAK 374 JB RANDHIAN</t>
  </si>
  <si>
    <t>Chak No 374jb</t>
  </si>
  <si>
    <t>374jb</t>
  </si>
  <si>
    <t>Masitian</t>
  </si>
  <si>
    <t>Rahima Javed</t>
  </si>
  <si>
    <t>GGPS CHAK 375 JB MASITIAN</t>
  </si>
  <si>
    <t>dakhkhana khas chak#375jb</t>
  </si>
  <si>
    <t>Chak#375 Jb</t>
  </si>
  <si>
    <t>375 Jb</t>
  </si>
  <si>
    <t>Nighat Razzaq</t>
  </si>
  <si>
    <t>GGPS CHAK 377 GB II SATIANA</t>
  </si>
  <si>
    <t>377/llgb</t>
  </si>
  <si>
    <t>377  GB  ll</t>
  </si>
  <si>
    <t>Nisreen Fatima</t>
  </si>
  <si>
    <t>GGPS CHAK 377 JB GHAWAN</t>
  </si>
  <si>
    <t>Jhawan</t>
  </si>
  <si>
    <t>chak # 377 jb tehsil &amp; district Toba Tek Singh</t>
  </si>
  <si>
    <t>Chak # 377 JB</t>
  </si>
  <si>
    <t>Chak # 375 JB</t>
  </si>
  <si>
    <t>GGPS CHAK 378 JB FATOO WAL</t>
  </si>
  <si>
    <t>378 JB</t>
  </si>
  <si>
    <t>Chak No 378 JB Tehsil and District  Toba Tek Singh</t>
  </si>
  <si>
    <t>Chak No 378 JB</t>
  </si>
  <si>
    <t>Chak No 375 JB</t>
  </si>
  <si>
    <t>GGPS CHAK 38 GB SATIANA</t>
  </si>
  <si>
    <t>38gb</t>
  </si>
  <si>
    <t>chack no 38 gb satiana banglow, tehsil jaranwala, dist fsd</t>
  </si>
  <si>
    <t>38 gb</t>
  </si>
  <si>
    <t>37 gb</t>
  </si>
  <si>
    <t>Aysha Hanif</t>
  </si>
  <si>
    <t>GGPS CHAK 38 JB 1 DABORA</t>
  </si>
  <si>
    <t>Chack 38 Jb 1 Dabora</t>
  </si>
  <si>
    <t>ggps 38 jb 1</t>
  </si>
  <si>
    <t>38 Jb 1</t>
  </si>
  <si>
    <t>Saba Afzal</t>
  </si>
  <si>
    <t>GGPS CHAK 38 JB II DHARAN</t>
  </si>
  <si>
    <t>38jbii</t>
  </si>
  <si>
    <t>GGPS38jbii</t>
  </si>
  <si>
    <t>Dharan</t>
  </si>
  <si>
    <t>Dagora</t>
  </si>
  <si>
    <t>Samra Saleem</t>
  </si>
  <si>
    <t>GGPS CHAK 380 GB LUNDIANWALA</t>
  </si>
  <si>
    <t>Barhana</t>
  </si>
  <si>
    <t>chak 380 gb</t>
  </si>
  <si>
    <t>Chak #380 Gb</t>
  </si>
  <si>
    <t>Sehar Iqbal</t>
  </si>
  <si>
    <t>GGPS CHAK 382 GB LUNDIANWALA</t>
  </si>
  <si>
    <t>Sarwar Wali</t>
  </si>
  <si>
    <t>382gb</t>
  </si>
  <si>
    <t>383gb</t>
  </si>
  <si>
    <t>GGPS CHAK 383 GB LUNDIANWALA</t>
  </si>
  <si>
    <t>Kaliana</t>
  </si>
  <si>
    <t>GGPS 383 GB</t>
  </si>
  <si>
    <t>CHAK NO 383 GB</t>
  </si>
  <si>
    <t>383 GB</t>
  </si>
  <si>
    <t>GGPS CHAK 386 GB SAMUNDRI</t>
  </si>
  <si>
    <t>chak no 386 gb tehsil samundri distt faisalabad</t>
  </si>
  <si>
    <t>386 Gb</t>
  </si>
  <si>
    <t>Madiha Latif</t>
  </si>
  <si>
    <t>GGPS CHAK 387 GB II SAMUNDRI</t>
  </si>
  <si>
    <t>387 2  Nd</t>
  </si>
  <si>
    <t>chak no 387 gb 2nd</t>
  </si>
  <si>
    <t>387 Gb 2nd</t>
  </si>
  <si>
    <t>388/GB</t>
  </si>
  <si>
    <t>ZaibuNisa</t>
  </si>
  <si>
    <t>GGPS CHAK 387 JB ALHAR</t>
  </si>
  <si>
    <t>387jb</t>
  </si>
  <si>
    <t>chak No387jb</t>
  </si>
  <si>
    <t>Chak No 387jb</t>
  </si>
  <si>
    <t>Musrrat Perveen</t>
  </si>
  <si>
    <t>GGPS CHAK 389 GB SAMUNDRI</t>
  </si>
  <si>
    <t>389 GB</t>
  </si>
  <si>
    <t>ggps 389gb</t>
  </si>
  <si>
    <t>Chak 389 Gb</t>
  </si>
  <si>
    <t>Ward #17 467gb</t>
  </si>
  <si>
    <t>Shahnaz Akther</t>
  </si>
  <si>
    <t>GGPS CHAK 39 GB SATIANA</t>
  </si>
  <si>
    <t>39 Gb</t>
  </si>
  <si>
    <t>39 Gb satiana</t>
  </si>
  <si>
    <t>Surriya Inayat</t>
  </si>
  <si>
    <t>GGPS CHAK 39 JB 1</t>
  </si>
  <si>
    <t>39jb</t>
  </si>
  <si>
    <t>chak no. 39jb dabora</t>
  </si>
  <si>
    <t>Chak No 39jb</t>
  </si>
  <si>
    <t>Chak No 38jb</t>
  </si>
  <si>
    <t>GGPS CHAK 390 GB II SAMUNDRI</t>
  </si>
  <si>
    <t>390 Gb East</t>
  </si>
  <si>
    <t>chak no 390 gb east .Samundri  Faisalabad</t>
  </si>
  <si>
    <t>390 GB East</t>
  </si>
  <si>
    <t>Rasiana Kalan</t>
  </si>
  <si>
    <t>GGPS CHAK 392 GB  TANDLIANWALA</t>
  </si>
  <si>
    <t>Jhok Khayali</t>
  </si>
  <si>
    <t>Chak no 392 GB Jhok Khayali, Tehsile Tandlianwala, Dist. Faisalabad</t>
  </si>
  <si>
    <t>Chak No 392 GB</t>
  </si>
  <si>
    <t>Chak no 416</t>
  </si>
  <si>
    <t>Tahira Younas</t>
  </si>
  <si>
    <t>GGPS chak 4 JB</t>
  </si>
  <si>
    <t>botewala</t>
  </si>
  <si>
    <t>chak no 4 jb sg rd faisalabad</t>
  </si>
  <si>
    <t>ramdewali</t>
  </si>
  <si>
    <t>Humera Naz</t>
  </si>
  <si>
    <t>GGPS CHAK 4/54</t>
  </si>
  <si>
    <t>Chak No 4/54</t>
  </si>
  <si>
    <t>Chak no 4/54 post office bucheki, tehsil and district Nankana sahib</t>
  </si>
  <si>
    <t>Chak 4/54</t>
  </si>
  <si>
    <t>Abida Shamim</t>
  </si>
  <si>
    <t>GGPS CHAK 40/A</t>
  </si>
  <si>
    <t>Chak 40/A</t>
  </si>
  <si>
    <t>ggps chak 40/A</t>
  </si>
  <si>
    <t>Chack 40 /A</t>
  </si>
  <si>
    <t>Tehseen  Ashiq</t>
  </si>
  <si>
    <t>GGPS CHAK 402 GB TANDLIAN WALA</t>
  </si>
  <si>
    <t>402 Gb</t>
  </si>
  <si>
    <t>chak No 402 gb tehsil tandlianwala faisalabad</t>
  </si>
  <si>
    <t>400Gb</t>
  </si>
  <si>
    <t>Asma Manzoor</t>
  </si>
  <si>
    <t>GGPS CHAK 402 JB</t>
  </si>
  <si>
    <t>402 Jb</t>
  </si>
  <si>
    <t>virkan  402 jb</t>
  </si>
  <si>
    <t>Virkan 402jb</t>
  </si>
  <si>
    <t>GGPS CHAK 403 GB II TANDLIANWALA</t>
  </si>
  <si>
    <t>403 GB 2</t>
  </si>
  <si>
    <t>Chak 403/2 Gb</t>
  </si>
  <si>
    <t>403/2GB</t>
  </si>
  <si>
    <t>400 GB</t>
  </si>
  <si>
    <t>Komal Noreen</t>
  </si>
  <si>
    <t>GGPS CHAK 405 JB</t>
  </si>
  <si>
    <t>Noor Nagar</t>
  </si>
  <si>
    <t>chak no 405 jb Noor Nagar Teh &amp; Dist Toba Tek Singh</t>
  </si>
  <si>
    <t>405 Jb Noor Nagar</t>
  </si>
  <si>
    <t>Chak No 314</t>
  </si>
  <si>
    <t>Noreen Arshad</t>
  </si>
  <si>
    <t>GGPS CHAK 406 GB NORTH TANDLIANWALA</t>
  </si>
  <si>
    <t>chak 406 gb North</t>
  </si>
  <si>
    <t>406GB North</t>
  </si>
  <si>
    <t>405 GB</t>
  </si>
  <si>
    <t>Aqsa Irshad</t>
  </si>
  <si>
    <t>GGPS CHAK 408 GB TANDLIANWALA</t>
  </si>
  <si>
    <t>Not Yet</t>
  </si>
  <si>
    <t>GGPS Chak No 408 GB Tandlianwa</t>
  </si>
  <si>
    <t>408 GB</t>
  </si>
  <si>
    <t>GGPS CHAK 408 JB</t>
  </si>
  <si>
    <t>chak no 408jb</t>
  </si>
  <si>
    <t>314gb</t>
  </si>
  <si>
    <t>aasia naheed</t>
  </si>
  <si>
    <t>GGPS CHAK 41/A</t>
  </si>
  <si>
    <t>41/A</t>
  </si>
  <si>
    <t>chak 41A</t>
  </si>
  <si>
    <t>41A</t>
  </si>
  <si>
    <t>42A</t>
  </si>
  <si>
    <t>GGPS CHAK 410 GB TANDLIANWALA</t>
  </si>
  <si>
    <t>chak no 410 gb</t>
  </si>
  <si>
    <t>chak no 410 gb tehsil tandlainwala</t>
  </si>
  <si>
    <t>kacha tandla</t>
  </si>
  <si>
    <t>chak no 416 gb</t>
  </si>
  <si>
    <t>GGPS CHAK 412 GB II NORTH TANDLIANWALA</t>
  </si>
  <si>
    <t>Bhatiyan Wala</t>
  </si>
  <si>
    <t>Chak no 412/2 GB North UC 82</t>
  </si>
  <si>
    <t>Chak no 412/2 GB</t>
  </si>
  <si>
    <t>Chak no 411 GB</t>
  </si>
  <si>
    <t>GGPS CHAK 413 JB KERNE GUNJ</t>
  </si>
  <si>
    <t>413 Jb</t>
  </si>
  <si>
    <t>Chak no 413jb tehsil gojra district toba tak singh</t>
  </si>
  <si>
    <t>413jb</t>
  </si>
  <si>
    <t>Asma mukhtar</t>
  </si>
  <si>
    <t>GGPS CHAK 414 GB SAMUNDRI</t>
  </si>
  <si>
    <t>Jaloana Sharif</t>
  </si>
  <si>
    <t>Chak no 414gb samundri</t>
  </si>
  <si>
    <t>414gb Samundri</t>
  </si>
  <si>
    <t>Maqsood Akhtar</t>
  </si>
  <si>
    <t>GGPS CHAK 414 JB</t>
  </si>
  <si>
    <t>414jb</t>
  </si>
  <si>
    <t>281 J /B</t>
  </si>
  <si>
    <t>GGPS CHAK 415 GB TANDLIANWALA</t>
  </si>
  <si>
    <t>Chak no 415 GB</t>
  </si>
  <si>
    <t>GGPS 415 GB</t>
  </si>
  <si>
    <t>Chak No 415 GB</t>
  </si>
  <si>
    <t>Chak nO 416 GB</t>
  </si>
  <si>
    <t>Atia Rashid</t>
  </si>
  <si>
    <t>GGPS CHAK 416 GB TANDLIANWALA</t>
  </si>
  <si>
    <t>416 gB</t>
  </si>
  <si>
    <t>CHAK NO. 416 GB</t>
  </si>
  <si>
    <t>GGPS CHAK 416 JB</t>
  </si>
  <si>
    <t>sodi</t>
  </si>
  <si>
    <t>chak no 416 jb sodi</t>
  </si>
  <si>
    <t>416jb</t>
  </si>
  <si>
    <t>349 jb</t>
  </si>
  <si>
    <t>Syeda Rabia Sajid</t>
  </si>
  <si>
    <t>GGPS CHAK 419 GB I TANDLIANWALA</t>
  </si>
  <si>
    <t>Lonianwala</t>
  </si>
  <si>
    <t>chak no 419 gb</t>
  </si>
  <si>
    <t>419 Gb</t>
  </si>
  <si>
    <t>Jhok Burhan</t>
  </si>
  <si>
    <t>GGPS CHAK 419 JB</t>
  </si>
  <si>
    <t>chak # 419 jb</t>
  </si>
  <si>
    <t>419 JB</t>
  </si>
  <si>
    <t>423 Jb</t>
  </si>
  <si>
    <t>Shabnam Shahbaz</t>
  </si>
  <si>
    <t>GGPS CHAK 42</t>
  </si>
  <si>
    <t>chak 42</t>
  </si>
  <si>
    <t>Chai 42</t>
  </si>
  <si>
    <t>Maria Akber</t>
  </si>
  <si>
    <t>GGPS CHAK 42 GB II SAMUNDRI</t>
  </si>
  <si>
    <t>42GBII</t>
  </si>
  <si>
    <t>Jegday</t>
  </si>
  <si>
    <t>Asifa Jabeen</t>
  </si>
  <si>
    <t>GGPS CHAK 42/NP</t>
  </si>
  <si>
    <t>Chak 42 Np</t>
  </si>
  <si>
    <t>chak 42 np</t>
  </si>
  <si>
    <t>42 Np</t>
  </si>
  <si>
    <t>Kot Sabzal</t>
  </si>
  <si>
    <t>GGPS CHAK 420 GB II TANDLIANWALA</t>
  </si>
  <si>
    <t>420/2</t>
  </si>
  <si>
    <t>gGPS 420/2 GB TEHSIL TANDLIANWALA</t>
  </si>
  <si>
    <t>jinah abadi</t>
  </si>
  <si>
    <t>420gb</t>
  </si>
  <si>
    <t>fozia naheed</t>
  </si>
  <si>
    <t>GGPS CHAK 420 JB</t>
  </si>
  <si>
    <t>chk no 420 jb</t>
  </si>
  <si>
    <t>423 Ada</t>
  </si>
  <si>
    <t>Mussrat shazadi</t>
  </si>
  <si>
    <t>GGPS CHAK 421 JB</t>
  </si>
  <si>
    <t>chk no.421 jb</t>
  </si>
  <si>
    <t>423Aada</t>
  </si>
  <si>
    <t>Nimra yasin</t>
  </si>
  <si>
    <t>GGPS CHAK 422 JB</t>
  </si>
  <si>
    <t>422JB</t>
  </si>
  <si>
    <t>chak no 422JB</t>
  </si>
  <si>
    <t>423jb ADa</t>
  </si>
  <si>
    <t>Maqadus Parveen</t>
  </si>
  <si>
    <t>GGPS CHAK 423 JB II</t>
  </si>
  <si>
    <t>chak#423jbII</t>
  </si>
  <si>
    <t>423jbII</t>
  </si>
  <si>
    <t>Ruqiyya Ashraf</t>
  </si>
  <si>
    <t>GGPS CHAK 427 JB</t>
  </si>
  <si>
    <t>427 Jb</t>
  </si>
  <si>
    <t>chak no 427</t>
  </si>
  <si>
    <t>427jb</t>
  </si>
  <si>
    <t>shanza saleem</t>
  </si>
  <si>
    <t>GGPS CHAK 428 JB</t>
  </si>
  <si>
    <t>Chak No 428 Jb</t>
  </si>
  <si>
    <t>chak no 428 jb gojra</t>
  </si>
  <si>
    <t>Chak No 431 Jb</t>
  </si>
  <si>
    <t>Nabila Tabasum</t>
  </si>
  <si>
    <t>GGPS CHAK 429 JB</t>
  </si>
  <si>
    <t>chak no 429jb</t>
  </si>
  <si>
    <t>Chakno 429jb</t>
  </si>
  <si>
    <t>Samreen Mary Gill</t>
  </si>
  <si>
    <t>GGPS CHAK 43 GB SAMUNDRI</t>
  </si>
  <si>
    <t>chak no 43 gb</t>
  </si>
  <si>
    <t>Chak No 43 Gb</t>
  </si>
  <si>
    <t>GGPS CHAK 43/A</t>
  </si>
  <si>
    <t>Chak 43/A</t>
  </si>
  <si>
    <t>GGPS 43/A</t>
  </si>
  <si>
    <t>Chak   43/A</t>
  </si>
  <si>
    <t>Sajjida parven</t>
  </si>
  <si>
    <t>GGPS CHAK 430 JB II</t>
  </si>
  <si>
    <t>430 Jb II</t>
  </si>
  <si>
    <t>430 jb II</t>
  </si>
  <si>
    <t>430 Jb</t>
  </si>
  <si>
    <t>431 Jb</t>
  </si>
  <si>
    <t>GGPS CHAK 432 JB MULTIAN</t>
  </si>
  <si>
    <t>Multian</t>
  </si>
  <si>
    <t>chak 432 j.b multian gojra</t>
  </si>
  <si>
    <t>432 Jb</t>
  </si>
  <si>
    <t>Chak 438jb</t>
  </si>
  <si>
    <t>shama aftab</t>
  </si>
  <si>
    <t>GGPS CHAK 436 GB I SATIANA</t>
  </si>
  <si>
    <t>Chak 436 Gb North</t>
  </si>
  <si>
    <t>chak 436 Gb north</t>
  </si>
  <si>
    <t>436 GB North</t>
  </si>
  <si>
    <t>364/GB</t>
  </si>
  <si>
    <t>GGPS CHAK 436 GB II SATIANA</t>
  </si>
  <si>
    <t>Chak No 436 Gb</t>
  </si>
  <si>
    <t>chak no 436 gb</t>
  </si>
  <si>
    <t>Chak No 364 Gb</t>
  </si>
  <si>
    <t>Nosheen Nawaz</t>
  </si>
  <si>
    <t>GGPS CHAK 438 JB</t>
  </si>
  <si>
    <t>Bowana 438jb</t>
  </si>
  <si>
    <t>chak no. 438jb teh. Gojra dist.T.T.Singh</t>
  </si>
  <si>
    <t>438jb</t>
  </si>
  <si>
    <t>GGPS CHAK 439 JB</t>
  </si>
  <si>
    <t>chak 439jb Teh.Gojra dist.T.T.Singh</t>
  </si>
  <si>
    <t>439jb Virk</t>
  </si>
  <si>
    <t>438jb Bhawana</t>
  </si>
  <si>
    <t>Attiya Qayoom</t>
  </si>
  <si>
    <t>GGPS CHAK 44/A JADEED</t>
  </si>
  <si>
    <t>44/A Jadeed</t>
  </si>
  <si>
    <t>Chak 44/a Jadeed, Tehsil Liaquat Pur</t>
  </si>
  <si>
    <t>Maryam Saleem</t>
  </si>
  <si>
    <t>GGPS CHAK 44/A QADEEM</t>
  </si>
  <si>
    <t>44/Q</t>
  </si>
  <si>
    <t>Night Yasmeen</t>
  </si>
  <si>
    <t>GGPS CHAK 441/GB III SAMUNDARI NAI ABADI</t>
  </si>
  <si>
    <t>441 GB</t>
  </si>
  <si>
    <t>chak 441 GB 3 nai abadi</t>
  </si>
  <si>
    <t>Chak  441/3</t>
  </si>
  <si>
    <t>Sadawala</t>
  </si>
  <si>
    <t>Pameela Aftab</t>
  </si>
  <si>
    <t>GGPS CHAK 442 WASEERAN</t>
  </si>
  <si>
    <t>442 Waseeran</t>
  </si>
  <si>
    <t>GGPS chak no.442 waseeran jhang</t>
  </si>
  <si>
    <t>rubina akhtar</t>
  </si>
  <si>
    <t>GGPS CHAK 443/6-R EAST</t>
  </si>
  <si>
    <t>443/6r</t>
  </si>
  <si>
    <t>chack  no  443/6,r</t>
  </si>
  <si>
    <t>438/6r</t>
  </si>
  <si>
    <t>GGPS CHAK 45/3-R</t>
  </si>
  <si>
    <t>45/3R</t>
  </si>
  <si>
    <t>chak no 45/3-R</t>
  </si>
  <si>
    <t>45/3-R</t>
  </si>
  <si>
    <t>23/24 lalaki</t>
  </si>
  <si>
    <t>FOZIA ANJUM</t>
  </si>
  <si>
    <t>GGPS CHAK 45/3-R (AB)</t>
  </si>
  <si>
    <t>45/3r AB</t>
  </si>
  <si>
    <t>G.G.P.S 45/3r AB</t>
  </si>
  <si>
    <t>23/3r</t>
  </si>
  <si>
    <t>Anam Khawar</t>
  </si>
  <si>
    <t>GGPS CHAK 45/NP</t>
  </si>
  <si>
    <t>chak 45np post office sunjarpur tehsil Sadiqbad distt Rahim yar khan</t>
  </si>
  <si>
    <t>Chak45/np</t>
  </si>
  <si>
    <t>Anis Akhtar</t>
  </si>
  <si>
    <t>GGPS CHAK 450 ATTHOO</t>
  </si>
  <si>
    <t>Athoo</t>
  </si>
  <si>
    <t>chak 450 athoo</t>
  </si>
  <si>
    <t>Moza Athoo</t>
  </si>
  <si>
    <t>Zarina Shaheen</t>
  </si>
  <si>
    <t>GGPS CHAK 453 ABADI KLASAN</t>
  </si>
  <si>
    <t>chak 453 abadi kalasan</t>
  </si>
  <si>
    <t>chak 453 Khandanwala</t>
  </si>
  <si>
    <t>GGPS CHAK 454 JB</t>
  </si>
  <si>
    <t>chak no 454 jb jhang</t>
  </si>
  <si>
    <t>Chak No 454</t>
  </si>
  <si>
    <t>Iqbal Bibi</t>
  </si>
  <si>
    <t>GGPS CHAK 455 MAHNI SHARIF</t>
  </si>
  <si>
    <t>KOT LAKHNANA</t>
  </si>
  <si>
    <t>Chak No 455 Mahni Sharif</t>
  </si>
  <si>
    <t>Chak 446 Khoi Adda</t>
  </si>
  <si>
    <t>Sana Shafique</t>
  </si>
  <si>
    <t>GGPS CHAK 456</t>
  </si>
  <si>
    <t>Kot Lakhna</t>
  </si>
  <si>
    <t>g g p/s chak 456 jb</t>
  </si>
  <si>
    <t>Chak 456</t>
  </si>
  <si>
    <t>Asifa Farooq</t>
  </si>
  <si>
    <t>GGPS CHAK 457 JHALAR WALA</t>
  </si>
  <si>
    <t>Jhalarwala</t>
  </si>
  <si>
    <t>Ggps chak no 457 jhalarwala</t>
  </si>
  <si>
    <t>Rahat Qureshi</t>
  </si>
  <si>
    <t>GGPS CHAK 458 AHATA BAHADAR</t>
  </si>
  <si>
    <t>Ahata Bahadar Khan</t>
  </si>
  <si>
    <t>chak 458 ahata Bahadar Khan</t>
  </si>
  <si>
    <t>Ahata Bahadar</t>
  </si>
  <si>
    <t>Shafqat Noureen</t>
  </si>
  <si>
    <t>GGPS CHAK 459 GB LUNDIANWALA</t>
  </si>
  <si>
    <t>Bholi Jhok</t>
  </si>
  <si>
    <t>Govt.girls primary school 459gb</t>
  </si>
  <si>
    <t>459gb</t>
  </si>
  <si>
    <t>GGPS CHAK 459 SAYED WALA</t>
  </si>
  <si>
    <t>chak 459jb sayed wala</t>
  </si>
  <si>
    <t>Chak 459jb Sayed Wala</t>
  </si>
  <si>
    <t>GGPS CHAK 46 GB SAMUNDRI</t>
  </si>
  <si>
    <t>Chak no46gb</t>
  </si>
  <si>
    <t>chak no46gb</t>
  </si>
  <si>
    <t>Chak No46gb</t>
  </si>
  <si>
    <t>Chak No43gb</t>
  </si>
  <si>
    <t>Uzma Latif</t>
  </si>
  <si>
    <t>GGPS CHAK 46 JB</t>
  </si>
  <si>
    <t>chak no 46 jb</t>
  </si>
  <si>
    <t>47 Jb</t>
  </si>
  <si>
    <t>GGPS CHAK 460 JB</t>
  </si>
  <si>
    <t>chak no 460 kashmiri p/o bagh tehsil &amp;distt jhang.</t>
  </si>
  <si>
    <t>Asma Aslam</t>
  </si>
  <si>
    <t>GGPS CHAK 462 SHERPUR</t>
  </si>
  <si>
    <t>Baagh</t>
  </si>
  <si>
    <t>chak 462 sher pur</t>
  </si>
  <si>
    <t>Chak 462</t>
  </si>
  <si>
    <t>Chak 463</t>
  </si>
  <si>
    <t>Saima Abrar</t>
  </si>
  <si>
    <t>GGPS CHAK 462 WARACH</t>
  </si>
  <si>
    <t>chak no 462 waraich</t>
  </si>
  <si>
    <t>Chak No 462-wraich</t>
  </si>
  <si>
    <t>GGPS CHAK 467 JB</t>
  </si>
  <si>
    <t>Jhalaran</t>
  </si>
  <si>
    <t>chak no 467jb</t>
  </si>
  <si>
    <t>Chak No 467jb</t>
  </si>
  <si>
    <t>Khankey</t>
  </si>
  <si>
    <t>GGPS CHAK 47/M</t>
  </si>
  <si>
    <t>chak47m markaz galewal lodhran</t>
  </si>
  <si>
    <t>47/m</t>
  </si>
  <si>
    <t>Sajida Imamdine</t>
  </si>
  <si>
    <t>GGPS CHAK 476/1</t>
  </si>
  <si>
    <t>chak 476 moza bagh</t>
  </si>
  <si>
    <t>Chak 476 Wirkan Wala</t>
  </si>
  <si>
    <t>Bastigazi Shah</t>
  </si>
  <si>
    <t>FARZANA NAHEED</t>
  </si>
  <si>
    <t>GGPS CHAK 477 GB EAST MAMUNKANJAN</t>
  </si>
  <si>
    <t>Kot  Umrah</t>
  </si>
  <si>
    <t>chak no 477gb</t>
  </si>
  <si>
    <t>Chak No 477 GB East</t>
  </si>
  <si>
    <t>Chak No 475 GB</t>
  </si>
  <si>
    <t>GGPS CHAK 48/M</t>
  </si>
  <si>
    <t>48/m</t>
  </si>
  <si>
    <t>p/o 49m chack 48 govt girls primary school 48m</t>
  </si>
  <si>
    <t>48m</t>
  </si>
  <si>
    <t>GGPS CHAK 48/P</t>
  </si>
  <si>
    <t>48p</t>
  </si>
  <si>
    <t>chak48p</t>
  </si>
  <si>
    <t>Asia Tanveer</t>
  </si>
  <si>
    <t>GGPS CHAK 49/3-R</t>
  </si>
  <si>
    <t>49 /3r</t>
  </si>
  <si>
    <t>GGPS 49/3R</t>
  </si>
  <si>
    <t>49/3R</t>
  </si>
  <si>
    <t>Ghazala Shahnaz</t>
  </si>
  <si>
    <t>GGPS CHAK 495 GB MAMUNKANJAN</t>
  </si>
  <si>
    <t>Nawabhutti</t>
  </si>
  <si>
    <t>chak#495GB</t>
  </si>
  <si>
    <t>495 GB</t>
  </si>
  <si>
    <t>487gb</t>
  </si>
  <si>
    <t>GGPS CHAK 498 GB MAMUNKANJAN</t>
  </si>
  <si>
    <t>Chak 498gb</t>
  </si>
  <si>
    <t>Chak no 498 gb</t>
  </si>
  <si>
    <t>498gb</t>
  </si>
  <si>
    <t>Chak No 498gb</t>
  </si>
  <si>
    <t>Shamim Akram</t>
  </si>
  <si>
    <t>GGPS CHAK 499 GB MAMUNKANJAN</t>
  </si>
  <si>
    <t>499gb</t>
  </si>
  <si>
    <t>Ggps 499 mamunknjan</t>
  </si>
  <si>
    <t>Komal Sadiqa</t>
  </si>
  <si>
    <t>GGPS CHAK 5 JB</t>
  </si>
  <si>
    <t>chal # 5 JB Kamal pur Sargodha Road faisalabad.</t>
  </si>
  <si>
    <t>Chak # 5 JB</t>
  </si>
  <si>
    <t>Chak# 6 Jb East</t>
  </si>
  <si>
    <t>GGPS CHAK 5/FW BASTI TALIB WALI</t>
  </si>
  <si>
    <t>5/Fwtalib wali</t>
  </si>
  <si>
    <t>Maqsoda Saleem</t>
  </si>
  <si>
    <t>GGPS CHAK 5/FW MOCHI PURA</t>
  </si>
  <si>
    <t>Chak 5 Fw Mochi Pura</t>
  </si>
  <si>
    <t>5 Fw Mochi Pura tehsil Chishtian district bahawalnagar</t>
  </si>
  <si>
    <t>5 Fw Mochi Pura</t>
  </si>
  <si>
    <t>5 Fw</t>
  </si>
  <si>
    <t>Maira Shabbir</t>
  </si>
  <si>
    <t>GGPS CHAK 5/M</t>
  </si>
  <si>
    <t>5/M</t>
  </si>
  <si>
    <t>chak 5/M</t>
  </si>
  <si>
    <t>KIRAN TAJAMMUL</t>
  </si>
  <si>
    <t>GGPS CHAK 50 JB</t>
  </si>
  <si>
    <t>chak no 50 jb 1 sathiala fsd</t>
  </si>
  <si>
    <t>50 Jb 1 Sathiala Fsd</t>
  </si>
  <si>
    <t>50 Jb Borewal</t>
  </si>
  <si>
    <t>GGPS CHAK 501 GB MAMUNKANJAN</t>
  </si>
  <si>
    <t>Ahat E Sadaat</t>
  </si>
  <si>
    <t>ggps 501 gb</t>
  </si>
  <si>
    <t>501gb</t>
  </si>
  <si>
    <t>558 Gb</t>
  </si>
  <si>
    <t>Sumera Siddique</t>
  </si>
  <si>
    <t>GGPS CHAK 505 GB MAMUNKANJAN</t>
  </si>
  <si>
    <t>chk no 505gb mamukanjan</t>
  </si>
  <si>
    <t>Chk 505 Gb</t>
  </si>
  <si>
    <t>Chak No 498 GB</t>
  </si>
  <si>
    <t>Naheed Gulzar</t>
  </si>
  <si>
    <t>GGPS CHAK 506 ISLAMABAD</t>
  </si>
  <si>
    <t>basi Islamabad toba road jhang</t>
  </si>
  <si>
    <t>GGPS CHAK 509 GB MAMUN KANJAN</t>
  </si>
  <si>
    <t>CHAK NO. 509 GB MAMUKANJAN TEHSIL TANDLIANWALA FSD</t>
  </si>
  <si>
    <t>Chak No 509gb</t>
  </si>
  <si>
    <t>Muncpal CametyMamunkanjan</t>
  </si>
  <si>
    <t>GGPS CHAK 51/P</t>
  </si>
  <si>
    <t>Ch No 51/p</t>
  </si>
  <si>
    <t>GGPSChak 51/ P</t>
  </si>
  <si>
    <t>ChNo 51/p</t>
  </si>
  <si>
    <t>Shabana Tanveer</t>
  </si>
  <si>
    <t>GGPS CHAK 512 GB</t>
  </si>
  <si>
    <t>Chak no 512</t>
  </si>
  <si>
    <t>512 Gb</t>
  </si>
  <si>
    <t>189Gb</t>
  </si>
  <si>
    <t>Iqra Safdar</t>
  </si>
  <si>
    <t>GGPS CHAK 515 GB</t>
  </si>
  <si>
    <t>515GB</t>
  </si>
  <si>
    <t>Chak no.515 toba tek singh</t>
  </si>
  <si>
    <t>NADIA HASSAN</t>
  </si>
  <si>
    <t>GGPS CHAK 518 GB</t>
  </si>
  <si>
    <t>518 G B</t>
  </si>
  <si>
    <t>Chk# 518 G B</t>
  </si>
  <si>
    <t>161 GB</t>
  </si>
  <si>
    <t>GGPS CHAK 528 GB SAMUNDRI</t>
  </si>
  <si>
    <t>Jatiana</t>
  </si>
  <si>
    <t>528 GB jatiana</t>
  </si>
  <si>
    <t>528 GB 1</t>
  </si>
  <si>
    <t>138 GB</t>
  </si>
  <si>
    <t>Samia Naheed</t>
  </si>
  <si>
    <t>GGPS CHAK 53 GB BANGLA TARKHANI SAMUNDRI</t>
  </si>
  <si>
    <t>53 GB</t>
  </si>
  <si>
    <t>GGPS 53 GB Bangla tarkhani</t>
  </si>
  <si>
    <t>53 Gb Bangla Tarkhani</t>
  </si>
  <si>
    <t>228 GB</t>
  </si>
  <si>
    <t>Mnobia Khalid</t>
  </si>
  <si>
    <t>GGPS CHAK 534 GB JARANWLA</t>
  </si>
  <si>
    <t>Jahangir Ka Tubewell</t>
  </si>
  <si>
    <t>Chak No. 534 g.b. Tehseel Jaranwala District Faisalabad</t>
  </si>
  <si>
    <t>534 GB</t>
  </si>
  <si>
    <t>648 Mehdi Shah</t>
  </si>
  <si>
    <t>Shazia Shaikh</t>
  </si>
  <si>
    <t>GGPS CHAK 54 GB JARANWALA</t>
  </si>
  <si>
    <t>Dhewal Shankr</t>
  </si>
  <si>
    <t>chak no 54 gb</t>
  </si>
  <si>
    <t>54 GB</t>
  </si>
  <si>
    <t>tahira hafeez</t>
  </si>
  <si>
    <t>GGPS CHAK 54/1 TUKRA</t>
  </si>
  <si>
    <t>54/1 tukra</t>
  </si>
  <si>
    <t>chak 54/1 tukra</t>
  </si>
  <si>
    <t>54/1 tukrq</t>
  </si>
  <si>
    <t>Bairoon E Kamalia</t>
  </si>
  <si>
    <t>halima asif</t>
  </si>
  <si>
    <t>GGPS CHAK 55/4-R</t>
  </si>
  <si>
    <t>55 4/r</t>
  </si>
  <si>
    <t>GGPS CHAK 552 GB MAMUNKANJAN</t>
  </si>
  <si>
    <t>552 GB</t>
  </si>
  <si>
    <t>552 GB Mamunkanjan</t>
  </si>
  <si>
    <t>550gb</t>
  </si>
  <si>
    <t>GGPS CHAK 559 GB I EAST LUNDIANWALA</t>
  </si>
  <si>
    <t>559 gb east</t>
  </si>
  <si>
    <t>559 Gb</t>
  </si>
  <si>
    <t>562 Gb</t>
  </si>
  <si>
    <t>Shazia Parveen Akhater</t>
  </si>
  <si>
    <t>GGPS CHAK 559 GB II WEST LUNDIANWALA</t>
  </si>
  <si>
    <t>chak no 559 GB w teh jaranwala distt faisalabad</t>
  </si>
  <si>
    <t>559 GB w</t>
  </si>
  <si>
    <t>GGPS CHAK 56 GB JARANWALA</t>
  </si>
  <si>
    <t>56gb</t>
  </si>
  <si>
    <t>chak56g</t>
  </si>
  <si>
    <t>GGPS CHAK 56 HAIDER ABAD, TULAMBA</t>
  </si>
  <si>
    <t>ggps 56 haiderabad</t>
  </si>
  <si>
    <t>56 Haiderabad</t>
  </si>
  <si>
    <t>3/8 R</t>
  </si>
  <si>
    <t>GGPS CHAK 560 GB II WEST LUNDIANWALA</t>
  </si>
  <si>
    <t>Kahlon Khel</t>
  </si>
  <si>
    <t>chak no 560 gb west</t>
  </si>
  <si>
    <t>Chak No 560 Gb West</t>
  </si>
  <si>
    <t>Chak No 562 Gb</t>
  </si>
  <si>
    <t>Farkhanda Ramzan</t>
  </si>
  <si>
    <t>GGPS CHAK 563 B LUNDIANWALA</t>
  </si>
  <si>
    <t>563gb W</t>
  </si>
  <si>
    <t>chak no 563gb w</t>
  </si>
  <si>
    <t>Chak No 563</t>
  </si>
  <si>
    <t>Qurat Ul Ain Khalid</t>
  </si>
  <si>
    <t>GGPS CHAK 563 GB II LUNDIANWALA</t>
  </si>
  <si>
    <t>563GB11 Buggay mahal tehsil jrw</t>
  </si>
  <si>
    <t>563GB11 Buggay Mahal</t>
  </si>
  <si>
    <t>562/GB</t>
  </si>
  <si>
    <t>Ishrat Jabeen</t>
  </si>
  <si>
    <t>GGPS CHAK 566 GB LUNDIANWALA</t>
  </si>
  <si>
    <t>GGPS 566GB JARANWALA</t>
  </si>
  <si>
    <t>566gb</t>
  </si>
  <si>
    <t>Chak No 566gb</t>
  </si>
  <si>
    <t>GGPS CHAK 567 GB LUNDIANWALA JRN</t>
  </si>
  <si>
    <t>Pathan Chak</t>
  </si>
  <si>
    <t>chak no 567G B1</t>
  </si>
  <si>
    <t>567GB1</t>
  </si>
  <si>
    <t>566GB</t>
  </si>
  <si>
    <t>Saima Saif</t>
  </si>
  <si>
    <t>GGPS CHAK 568 GB LUNDIANWALA</t>
  </si>
  <si>
    <t>Ahmed Khanwala</t>
  </si>
  <si>
    <t>chak no 568 GB ahmed khanwala teh jaranwala faisalabad</t>
  </si>
  <si>
    <t>Ahmedkhanwala</t>
  </si>
  <si>
    <t>Abdullahkhanwala</t>
  </si>
  <si>
    <t>GGPS CHAK 57 GB JARANWALA</t>
  </si>
  <si>
    <t>57 G B</t>
  </si>
  <si>
    <t>GGPS 57 GB</t>
  </si>
  <si>
    <t>GGPS CHAK 57/3 TUKRA</t>
  </si>
  <si>
    <t>g g p s 57/3 tukra</t>
  </si>
  <si>
    <t>57/4 Tukra</t>
  </si>
  <si>
    <t>Bushra Chand</t>
  </si>
  <si>
    <t>GGPS CHAK 570 GB LUNDIANWALA</t>
  </si>
  <si>
    <t>chak no 570 GB Kundian</t>
  </si>
  <si>
    <t>644GB</t>
  </si>
  <si>
    <t>GGPS CHAK 571 GB LUNDIANWALA</t>
  </si>
  <si>
    <t>571gb</t>
  </si>
  <si>
    <t>GGPS CHAK 58/1 TUKRA</t>
  </si>
  <si>
    <t>58/1 tukra</t>
  </si>
  <si>
    <t>58 /1 tukra</t>
  </si>
  <si>
    <t>chak 737</t>
  </si>
  <si>
    <t>Sana Tehsen</t>
  </si>
  <si>
    <t>GGPS CHAK 583 GB LUNDIANWALA</t>
  </si>
  <si>
    <t>Danabaad</t>
  </si>
  <si>
    <t>chak num 583 gb jaranwala fsd</t>
  </si>
  <si>
    <t>Waseera Da Chak</t>
  </si>
  <si>
    <t>Waseera Da Chk</t>
  </si>
  <si>
    <t>Madiha M Hussain</t>
  </si>
  <si>
    <t>GGPS CHAK 586 GB LUNDIANWALA</t>
  </si>
  <si>
    <t>chak no 586 GB</t>
  </si>
  <si>
    <t>656/8</t>
  </si>
  <si>
    <t>Hayat Bibi</t>
  </si>
  <si>
    <t>GGPS CHAK 587 GB LUNDIANWALA</t>
  </si>
  <si>
    <t>Ningranwala</t>
  </si>
  <si>
    <t>chak no 587gb</t>
  </si>
  <si>
    <t>659gb</t>
  </si>
  <si>
    <t>Farzana Arshad</t>
  </si>
  <si>
    <t>GGPS CHAK 588 GB LUNDIANWALA</t>
  </si>
  <si>
    <t>588gb</t>
  </si>
  <si>
    <t>ch#588gb</t>
  </si>
  <si>
    <t>Saba Akhtar</t>
  </si>
  <si>
    <t>GGPS CHAK 6 JB WEST</t>
  </si>
  <si>
    <t>6 JB West Faisalabad</t>
  </si>
  <si>
    <t>6 JB West</t>
  </si>
  <si>
    <t>6 JB East</t>
  </si>
  <si>
    <t>GGPS CHAK 60 JB II AISA NAGRY</t>
  </si>
  <si>
    <t>60jb ll</t>
  </si>
  <si>
    <t>60jb-II,Aisa Nagri,Fsd.</t>
  </si>
  <si>
    <t>60jb-II Aisa Nagri</t>
  </si>
  <si>
    <t>Chaladay Wali</t>
  </si>
  <si>
    <t>Shamaila Murid</t>
  </si>
  <si>
    <t>GGPS CHAK 61 GB JARANWALA</t>
  </si>
  <si>
    <t>62 GB East</t>
  </si>
  <si>
    <t>61 GB</t>
  </si>
  <si>
    <t>MOHAMMAD SALEEM NASIR</t>
  </si>
  <si>
    <t>GGPS CHAK 610 GB TANDLIANWALA</t>
  </si>
  <si>
    <t>chak no 610 gb</t>
  </si>
  <si>
    <t>Chak No 610 Gb</t>
  </si>
  <si>
    <t>Chak No 617 Gb</t>
  </si>
  <si>
    <t>GGPS CHAK 62 RB KHURRIANWALA</t>
  </si>
  <si>
    <t>62 Rb</t>
  </si>
  <si>
    <t>GGPS 62rb</t>
  </si>
  <si>
    <t>Mall Chak Chotta Chak No 62rb</t>
  </si>
  <si>
    <t>Rata Joya 58rb</t>
  </si>
  <si>
    <t>Najma Ramzan</t>
  </si>
  <si>
    <t>GGPS CHAK 62/4-R AB</t>
  </si>
  <si>
    <t>62/ 4R AB</t>
  </si>
  <si>
    <t>62/ 4R (AB)</t>
  </si>
  <si>
    <t>62 / 4R</t>
  </si>
  <si>
    <t>62/ 4R</t>
  </si>
  <si>
    <t>GGPS CHAK 625 GB I JARANWALA</t>
  </si>
  <si>
    <t>Anwar khan Mahal</t>
  </si>
  <si>
    <t>mahal Anwar khan</t>
  </si>
  <si>
    <t>625gb</t>
  </si>
  <si>
    <t>235gb</t>
  </si>
  <si>
    <t>Afshana Abdul Aziz</t>
  </si>
  <si>
    <t>GGPS CHAK 628 GB LUNDIANWLAA</t>
  </si>
  <si>
    <t>628GB</t>
  </si>
  <si>
    <t>chack#628 GB lundianwala</t>
  </si>
  <si>
    <t>Baman Chack</t>
  </si>
  <si>
    <t>Daangali</t>
  </si>
  <si>
    <t>GGPS CHAK 629 GB LUNDIANWALA</t>
  </si>
  <si>
    <t>bagi dul</t>
  </si>
  <si>
    <t>chak no 629 gb lundinwala</t>
  </si>
  <si>
    <t>629gb</t>
  </si>
  <si>
    <t>Lubna Islam</t>
  </si>
  <si>
    <t>GGPS CHAK 63/4-R</t>
  </si>
  <si>
    <t>Qaisra Rani</t>
  </si>
  <si>
    <t>GGPS CHAK 63/A</t>
  </si>
  <si>
    <t>Chak 63</t>
  </si>
  <si>
    <t>chak63a</t>
  </si>
  <si>
    <t>Chak 63/a</t>
  </si>
  <si>
    <t>68a</t>
  </si>
  <si>
    <t>amna mushtaq</t>
  </si>
  <si>
    <t>GGPS CHAK 631 GB LUNDIANWALA</t>
  </si>
  <si>
    <t>Dangali</t>
  </si>
  <si>
    <t>chak no 631 gb jaranwala</t>
  </si>
  <si>
    <t>631 Gb</t>
  </si>
  <si>
    <t>Ghazala  Rafique</t>
  </si>
  <si>
    <t>GGPS CHAK 643 GB LUNDIANWALA</t>
  </si>
  <si>
    <t>643 G B</t>
  </si>
  <si>
    <t>chak no 643 g b</t>
  </si>
  <si>
    <t>Sattar Nagar</t>
  </si>
  <si>
    <t>644 G B</t>
  </si>
  <si>
    <t>Dure Shehwar</t>
  </si>
  <si>
    <t>GGPS CHAK 645 GB LUNDIANWALA</t>
  </si>
  <si>
    <t>nahry Da Chack</t>
  </si>
  <si>
    <t>chak no 645gb tehsil jaranwala district faslabad</t>
  </si>
  <si>
    <t>645gb</t>
  </si>
  <si>
    <t>Noreen Fatima</t>
  </si>
  <si>
    <t>GGPS CHAK 646 GB LUNDIANWALA</t>
  </si>
  <si>
    <t>646 Gb</t>
  </si>
  <si>
    <t>chak no 646 tehsil jaranwala faisalabad</t>
  </si>
  <si>
    <t>Chak No 647 Gb</t>
  </si>
  <si>
    <t>Fozia Akram</t>
  </si>
  <si>
    <t>GGPS CHAK 649 GB JARANWALA</t>
  </si>
  <si>
    <t>chak #649 gb</t>
  </si>
  <si>
    <t>649 Gb</t>
  </si>
  <si>
    <t>GGPS CHAK 65 JB N</t>
  </si>
  <si>
    <t>65 North</t>
  </si>
  <si>
    <t>chak 65 j.b north</t>
  </si>
  <si>
    <t>Chak 65 Jb North</t>
  </si>
  <si>
    <t>Robina Jamil</t>
  </si>
  <si>
    <t>GGPS CHAK 65 JB S</t>
  </si>
  <si>
    <t>65 Jb South</t>
  </si>
  <si>
    <t>Chak no 65 jb south</t>
  </si>
  <si>
    <t>Chak No 65 Jb South</t>
  </si>
  <si>
    <t>Chak No 64 Jb</t>
  </si>
  <si>
    <t>Shaista Tabassum</t>
  </si>
  <si>
    <t>GGPS CHAK 651 GB II LUNDIANWALA</t>
  </si>
  <si>
    <t>651/2gb</t>
  </si>
  <si>
    <t>Sahibzadi Bashir</t>
  </si>
  <si>
    <t>GGPS CHAK 654/5 GB LUNDIANWALA</t>
  </si>
  <si>
    <t>Chak 654/5</t>
  </si>
  <si>
    <t>chak 654/5</t>
  </si>
  <si>
    <t>Chak 650/1</t>
  </si>
  <si>
    <t>GGPS CHAK 655/6 GB JARANWALA</t>
  </si>
  <si>
    <t>655/6</t>
  </si>
  <si>
    <t>chak # 655/6 Gb</t>
  </si>
  <si>
    <t>Chak No 655/6</t>
  </si>
  <si>
    <t>Chak #591</t>
  </si>
  <si>
    <t>Saima Rehman</t>
  </si>
  <si>
    <t>GGPS CHAK 656/7 GB I JARANWALA</t>
  </si>
  <si>
    <t>Chak No 656/7GB</t>
  </si>
  <si>
    <t>Buchiana</t>
  </si>
  <si>
    <t>Chak No 657/8 GB</t>
  </si>
  <si>
    <t>zanib khatoon</t>
  </si>
  <si>
    <t>GGPS CHAK 657/8 GB JARANWALA</t>
  </si>
  <si>
    <t>Chak 657/8 G</t>
  </si>
  <si>
    <t>chak no 657/8 gb</t>
  </si>
  <si>
    <t>Chak 657/8GB</t>
  </si>
  <si>
    <t>Sana Afsheen</t>
  </si>
  <si>
    <t>GGPS CHAK 659 GB I CHUGAL PURA</t>
  </si>
  <si>
    <t>chak no 659 GB chugalpura</t>
  </si>
  <si>
    <t>659 Gb</t>
  </si>
  <si>
    <t>Aasma Zulfiqar</t>
  </si>
  <si>
    <t>GGPS CHAK 66 GB JARANWALA</t>
  </si>
  <si>
    <t>66-GB</t>
  </si>
  <si>
    <t>chak 66 GB</t>
  </si>
  <si>
    <t>Chak 66GB</t>
  </si>
  <si>
    <t>67/GB</t>
  </si>
  <si>
    <t>Tania Zubair</t>
  </si>
  <si>
    <t>GGPS CHAK 661/2 GB</t>
  </si>
  <si>
    <t>661/2</t>
  </si>
  <si>
    <t>GGPS 661/2 gb</t>
  </si>
  <si>
    <t>Chak no661/2 gb</t>
  </si>
  <si>
    <t>661/2 gb</t>
  </si>
  <si>
    <t>GGPS CHAK 668/9 GB</t>
  </si>
  <si>
    <t>GMPS CHAK NO 668/9 G B TEHSIL PIRMAHAL DISTRICT TOBA TEK SINGH</t>
  </si>
  <si>
    <t>CHAK NO 668/9 G B TEHSIL PIRMAHAL DISTRICT TOBA TE</t>
  </si>
  <si>
    <t>C PLOT</t>
  </si>
  <si>
    <t>GGPS CHAK 67/A JADEED</t>
  </si>
  <si>
    <t>Chak 67/A</t>
  </si>
  <si>
    <t>Chak 67/A Jadeed</t>
  </si>
  <si>
    <t>Chak  67/A Jadeed</t>
  </si>
  <si>
    <t>GGPS CHAK 675/16 GB</t>
  </si>
  <si>
    <t>Chak no 675/16gb</t>
  </si>
  <si>
    <t>675/16gb</t>
  </si>
  <si>
    <t>674/15gb</t>
  </si>
  <si>
    <t>Uzma Mukhtar</t>
  </si>
  <si>
    <t>GGPS CHAK 677/18 GB</t>
  </si>
  <si>
    <t>Chak No 677/18</t>
  </si>
  <si>
    <t>Chak no 677/18 Gb</t>
  </si>
  <si>
    <t>677/18 GB</t>
  </si>
  <si>
    <t>661/2 GB</t>
  </si>
  <si>
    <t>Khadija Tul Qubra</t>
  </si>
  <si>
    <t>GGPS CHAK 678/19 GB</t>
  </si>
  <si>
    <t>678/19 GB</t>
  </si>
  <si>
    <t>GGPS 678/19 GB</t>
  </si>
  <si>
    <t>Chak #678/19 GB</t>
  </si>
  <si>
    <t>Chak #670/11</t>
  </si>
  <si>
    <t>Samina Tanvir</t>
  </si>
  <si>
    <t>GGPS CHAK 679/20 GB</t>
  </si>
  <si>
    <t>679 /20 Chunean  Wali</t>
  </si>
  <si>
    <t>chak no 679/20</t>
  </si>
  <si>
    <t>679/20</t>
  </si>
  <si>
    <t>670/11</t>
  </si>
  <si>
    <t>Mona Maqsood</t>
  </si>
  <si>
    <t>GGPS CHAK 68 GB KUND JARANWLA</t>
  </si>
  <si>
    <t>68gb khurd</t>
  </si>
  <si>
    <t>chak no 68gb khurd, tensile jaranwala district fasilabad</t>
  </si>
  <si>
    <t>GGPS CHAK 69 GB JARANWALA</t>
  </si>
  <si>
    <t>69gb</t>
  </si>
  <si>
    <t>ggps 69 gb jaranwala fsd</t>
  </si>
  <si>
    <t>GGPS CHAK 69/A</t>
  </si>
  <si>
    <t>69/A</t>
  </si>
  <si>
    <t>chak 69/A</t>
  </si>
  <si>
    <t>GGPS CHAK 69/NP</t>
  </si>
  <si>
    <t>Chowk Soraily</t>
  </si>
  <si>
    <t>p/o Mao Mubarak R Y K</t>
  </si>
  <si>
    <t>69 Np</t>
  </si>
  <si>
    <t>Rukhsana Kouser</t>
  </si>
  <si>
    <t>GGPS CHAK 690/32 GB</t>
  </si>
  <si>
    <t>Chak no 690/32GB</t>
  </si>
  <si>
    <t>690/32</t>
  </si>
  <si>
    <t>GGPS CHAK 692/34 GB</t>
  </si>
  <si>
    <t>CK No 692/34GB</t>
  </si>
  <si>
    <t>GGPS 692/34 GB shorkot Cantt</t>
  </si>
  <si>
    <t>Chak No 692/34 GB</t>
  </si>
  <si>
    <t>GGPS CHAK 695/37 GB</t>
  </si>
  <si>
    <t>Chak No 695/37 Gb</t>
  </si>
  <si>
    <t>chak no 695/37 gb Tehsil Pir Mahal District Toba Tak Singh</t>
  </si>
  <si>
    <t>694/36 Gb</t>
  </si>
  <si>
    <t>GGPS CHAK 7 THAL</t>
  </si>
  <si>
    <t>Sattan Thal</t>
  </si>
  <si>
    <t>GGPS SATTAN THAL</t>
  </si>
  <si>
    <t>Chak1/10 Thal</t>
  </si>
  <si>
    <t>watercoolers</t>
  </si>
  <si>
    <t>GGPS CHAK 7/FW NOOR DIN WALA</t>
  </si>
  <si>
    <t>7 Fw</t>
  </si>
  <si>
    <t>Chak# 7fw Noor Din</t>
  </si>
  <si>
    <t>CHAK NO 7FW NOOR DIN</t>
  </si>
  <si>
    <t>GGPS CHAK 70 JB II</t>
  </si>
  <si>
    <t>70jbll Fsd</t>
  </si>
  <si>
    <t>70jbll</t>
  </si>
  <si>
    <t>70jb Mansooran</t>
  </si>
  <si>
    <t>Mumtaz Kouser</t>
  </si>
  <si>
    <t>GGPS CHAK 700/42 GB</t>
  </si>
  <si>
    <t>Chak No 700/42gb</t>
  </si>
  <si>
    <t>GGPS700/42gb</t>
  </si>
  <si>
    <t>Chak No 326gb</t>
  </si>
  <si>
    <t>SAFINA KOUSAR</t>
  </si>
  <si>
    <t>GGPS CHAK 703/45 GB</t>
  </si>
  <si>
    <t>shorkot cantt</t>
  </si>
  <si>
    <t>703/45gb</t>
  </si>
  <si>
    <t>326gb</t>
  </si>
  <si>
    <t>Fakhra Yasmeen</t>
  </si>
  <si>
    <t>GGPS CHAK 704/46 GB</t>
  </si>
  <si>
    <t>GGPS chak no 704/46GB</t>
  </si>
  <si>
    <t>Chak No 704/46 GB</t>
  </si>
  <si>
    <t>Chak No 694/36</t>
  </si>
  <si>
    <t>GGPS CHAK 707 GB</t>
  </si>
  <si>
    <t>707gb</t>
  </si>
  <si>
    <t>chak no 707g.b  tehsil kamalia district toba tek singh</t>
  </si>
  <si>
    <t>chak No 707 Gb</t>
  </si>
  <si>
    <t>Chak 715gb</t>
  </si>
  <si>
    <t>Imrana Riaz</t>
  </si>
  <si>
    <t>GGPS CHAK 708 GB</t>
  </si>
  <si>
    <t>Govt girls primary school 708 gb kamalia</t>
  </si>
  <si>
    <t>Baroon-e-kamalia</t>
  </si>
  <si>
    <t>Azra</t>
  </si>
  <si>
    <t>GGPS CHAK 710 GB II</t>
  </si>
  <si>
    <t>Shafi Wala</t>
  </si>
  <si>
    <t>moiza shafi wala</t>
  </si>
  <si>
    <t>710/2</t>
  </si>
  <si>
    <t>712 Gb</t>
  </si>
  <si>
    <t>Sadia Khizar</t>
  </si>
  <si>
    <t>GGPS CHAK 710 GB-I</t>
  </si>
  <si>
    <t>G GPS 710/1GB Kamalia</t>
  </si>
  <si>
    <t>Shahzadi Nighat Naseem</t>
  </si>
  <si>
    <t>GGPS CHAK 717 GB</t>
  </si>
  <si>
    <t>717gb</t>
  </si>
  <si>
    <t>chak no 717gb</t>
  </si>
  <si>
    <t>715gb</t>
  </si>
  <si>
    <t>ASMA  SIKANDAR</t>
  </si>
  <si>
    <t>GGPS CHAK 728 GB</t>
  </si>
  <si>
    <t>chak 728gb</t>
  </si>
  <si>
    <t>chak no 728 gb</t>
  </si>
  <si>
    <t>chak no 728gb</t>
  </si>
  <si>
    <t>chak no722 gb</t>
  </si>
  <si>
    <t>GGPS CHAK 733 GB II DARAY WALA</t>
  </si>
  <si>
    <t>733/2 daray wala</t>
  </si>
  <si>
    <t>Daray Wala</t>
  </si>
  <si>
    <t>GGPS CHAK 734 GB</t>
  </si>
  <si>
    <t>734gb</t>
  </si>
  <si>
    <t>chak no734gb kamalia</t>
  </si>
  <si>
    <t>58/4 Tukra</t>
  </si>
  <si>
    <t>GGPS CHAK 736 GB KALIRA</t>
  </si>
  <si>
    <t>Klera</t>
  </si>
  <si>
    <t>736gb</t>
  </si>
  <si>
    <t>GGPS CHAK 74 GB II SATIANA</t>
  </si>
  <si>
    <t>Ggps74gb#2</t>
  </si>
  <si>
    <t>74gb#2</t>
  </si>
  <si>
    <t>73gb</t>
  </si>
  <si>
    <t>SIDRA ASLAM</t>
  </si>
  <si>
    <t>GGPS CHAK 74/D</t>
  </si>
  <si>
    <t>74d</t>
  </si>
  <si>
    <t>ggps74d</t>
  </si>
  <si>
    <t>93d</t>
  </si>
  <si>
    <t>GGPS CHAK 740 GB-II</t>
  </si>
  <si>
    <t>jevan Verona</t>
  </si>
  <si>
    <t>mouza jevan Verona dak khana qadir buksh</t>
  </si>
  <si>
    <t>shakila batool</t>
  </si>
  <si>
    <t>GGPS CHAK 743 GB SUKHERY KAY</t>
  </si>
  <si>
    <t>743 Sukherey Key</t>
  </si>
  <si>
    <t>chak no 743 sukherey key</t>
  </si>
  <si>
    <t>Chak No 722</t>
  </si>
  <si>
    <t>Naseem noor ul ain</t>
  </si>
  <si>
    <t>GGPS CHAK 75/P</t>
  </si>
  <si>
    <t>Chak 75 East</t>
  </si>
  <si>
    <t>chak 75p east</t>
  </si>
  <si>
    <t>75 Chak East</t>
  </si>
  <si>
    <t>Mussarat Nazir</t>
  </si>
  <si>
    <t>GGPS CHAK 752 GB</t>
  </si>
  <si>
    <t>752GB</t>
  </si>
  <si>
    <t>Chak No. 752 GB</t>
  </si>
  <si>
    <t>752 GB</t>
  </si>
  <si>
    <t>Khurshida Abad</t>
  </si>
  <si>
    <t>Jamshaid Akhter</t>
  </si>
  <si>
    <t>GGPS CHAK 753 GB</t>
  </si>
  <si>
    <t>753gb</t>
  </si>
  <si>
    <t>chak no.753 gb</t>
  </si>
  <si>
    <t>Chak 753 gb</t>
  </si>
  <si>
    <t>Nawab Bhoti</t>
  </si>
  <si>
    <t>HUMA AMANAT</t>
  </si>
  <si>
    <t>GGPS CHAK 759 GB</t>
  </si>
  <si>
    <t>GGPS 759gb</t>
  </si>
  <si>
    <t>759 GB</t>
  </si>
  <si>
    <t>759 Khursheed Abad</t>
  </si>
  <si>
    <t>GGPS CHAK 76 TDA</t>
  </si>
  <si>
    <t>Jhercal</t>
  </si>
  <si>
    <t>Tehsil Karor Lal Ison Layyah P/O Chak No 90/ML &amp; Chak No 76/TDA</t>
  </si>
  <si>
    <t>Chak No 76/TDA</t>
  </si>
  <si>
    <t>Lubna Kalsoom</t>
  </si>
  <si>
    <t>GGPS CHAK 76/P</t>
  </si>
  <si>
    <t>Chana</t>
  </si>
  <si>
    <t>Chak76 /p</t>
  </si>
  <si>
    <t>Munira Rani</t>
  </si>
  <si>
    <t>GGPS CHAK 760 GB I</t>
  </si>
  <si>
    <t>govt.girls primary school 760 GB1</t>
  </si>
  <si>
    <t>Nawaz Kot</t>
  </si>
  <si>
    <t>Nasir Nager</t>
  </si>
  <si>
    <t>GGPS CHAK 761 GB</t>
  </si>
  <si>
    <t>chak no 761 gb</t>
  </si>
  <si>
    <t>761gb</t>
  </si>
  <si>
    <t>Gul Fhamida</t>
  </si>
  <si>
    <t>GGPS CHAK 764 GB</t>
  </si>
  <si>
    <t>Chak 764</t>
  </si>
  <si>
    <t>chak no 764 G.B</t>
  </si>
  <si>
    <t>Chak no 764 GB</t>
  </si>
  <si>
    <t>GGPS CHAK 765 GB</t>
  </si>
  <si>
    <t>Moza 765</t>
  </si>
  <si>
    <t>765GB</t>
  </si>
  <si>
    <t>Mehreen Raza Jafary</t>
  </si>
  <si>
    <t>GGPS CHAK 769 GB</t>
  </si>
  <si>
    <t>village 769 GB</t>
  </si>
  <si>
    <t>GGPS CHAK 770 GB</t>
  </si>
  <si>
    <t>770 GB</t>
  </si>
  <si>
    <t>Chak num 770 GB tehsil pirmahal</t>
  </si>
  <si>
    <t>694 GB</t>
  </si>
  <si>
    <t>GGPS CHAK 771 GB II</t>
  </si>
  <si>
    <t>Jati Bahader</t>
  </si>
  <si>
    <t>teh.pirmahal t.t.singh</t>
  </si>
  <si>
    <t>771gb</t>
  </si>
  <si>
    <t>Josa</t>
  </si>
  <si>
    <t>GGPS CHAK 78 GB W</t>
  </si>
  <si>
    <t>78GB West</t>
  </si>
  <si>
    <t>GGPS 78GB WEST FAISALABAD</t>
  </si>
  <si>
    <t>Chak 78 GB West</t>
  </si>
  <si>
    <t>Aneeqa Hassan</t>
  </si>
  <si>
    <t>GGPS CHAK 78/1-L</t>
  </si>
  <si>
    <t>78/1-l</t>
  </si>
  <si>
    <t>78/1-l tehsil Haroon Abad district bwn</t>
  </si>
  <si>
    <t>150/2-l</t>
  </si>
  <si>
    <t>GGPS CHAK 78/A</t>
  </si>
  <si>
    <t>78/a</t>
  </si>
  <si>
    <t>Chak78/a</t>
  </si>
  <si>
    <t>Chak 78/a</t>
  </si>
  <si>
    <t>68/a</t>
  </si>
  <si>
    <t>Asifa Perveen</t>
  </si>
  <si>
    <t>GGPS CHAK 79 GB NORTH</t>
  </si>
  <si>
    <t>ggps 79 G.B north</t>
  </si>
  <si>
    <t>79 GB</t>
  </si>
  <si>
    <t>Khuddian 237 Rb</t>
  </si>
  <si>
    <t>GGPS CHAK 8 KB</t>
  </si>
  <si>
    <t>8 KB</t>
  </si>
  <si>
    <t>Chak 8kb</t>
  </si>
  <si>
    <t>15 KB</t>
  </si>
  <si>
    <t>Safia Ali</t>
  </si>
  <si>
    <t>GGPS CHAK 82 WB</t>
  </si>
  <si>
    <t>82wb</t>
  </si>
  <si>
    <t>82 wb</t>
  </si>
  <si>
    <t>Munazza Mehwish</t>
  </si>
  <si>
    <t>GGPS CHAK 83/5-R</t>
  </si>
  <si>
    <t>Chak 83/5r</t>
  </si>
  <si>
    <t>Govt.Girls p/s 83/5r.</t>
  </si>
  <si>
    <t>83/5r</t>
  </si>
  <si>
    <t>GGPS CHAK 84/NP MOLVIAN</t>
  </si>
  <si>
    <t>CHAK 84 Np</t>
  </si>
  <si>
    <t>GGPS  chak 84np basti Molvian p.o tranda saway  khan ryk</t>
  </si>
  <si>
    <t>CHAK 84NP</t>
  </si>
  <si>
    <t>GGPS CHAK 85/5-R</t>
  </si>
  <si>
    <t>85  5 R</t>
  </si>
  <si>
    <t>Chak no 85-5r</t>
  </si>
  <si>
    <t>85-5r</t>
  </si>
  <si>
    <t>71/4-r</t>
  </si>
  <si>
    <t>Hameeda Nadir</t>
  </si>
  <si>
    <t>GGPS CHAK 85/P DERA NISAR</t>
  </si>
  <si>
    <t>85/p dera nisar</t>
  </si>
  <si>
    <t>85/p Dera Nisar</t>
  </si>
  <si>
    <t>Azhar Kousar</t>
  </si>
  <si>
    <t>GGPS CHAK 87 JB</t>
  </si>
  <si>
    <t>chk 87 j.b</t>
  </si>
  <si>
    <t>Chk 87 Jb</t>
  </si>
  <si>
    <t>Chk 88 Jb</t>
  </si>
  <si>
    <t>SHAKILA TARIQ</t>
  </si>
  <si>
    <t>GGPS CHAK 89 GB SATIANA</t>
  </si>
  <si>
    <t>89 Gb</t>
  </si>
  <si>
    <t>chak no 89 gb</t>
  </si>
  <si>
    <t>Chak No 89 Gb</t>
  </si>
  <si>
    <t>Manza bibi</t>
  </si>
  <si>
    <t>GGPS CHAK 89 JB RATUN</t>
  </si>
  <si>
    <t>Chak No 89jb Ratan</t>
  </si>
  <si>
    <t>chak no 89jb Ratan fsd</t>
  </si>
  <si>
    <t>Chak No 89/Jb Fsd</t>
  </si>
  <si>
    <t>Chak No 88 Jb Fsd</t>
  </si>
  <si>
    <t>GGPS CHAK 9 GB</t>
  </si>
  <si>
    <t>Chak No 9 GB</t>
  </si>
  <si>
    <t>Chak No 9 GB district Nankana Sahib</t>
  </si>
  <si>
    <t>Chak No 13</t>
  </si>
  <si>
    <t>GGPS CHAK 9/62</t>
  </si>
  <si>
    <t>Chak 9/62</t>
  </si>
  <si>
    <t>Rubina Kusar</t>
  </si>
  <si>
    <t>GGPS CHAK 90 JB II KEROWAL</t>
  </si>
  <si>
    <t>Chak no 90jb ll</t>
  </si>
  <si>
    <t>chak no 90jb ll</t>
  </si>
  <si>
    <t>Chak no 94 Jb</t>
  </si>
  <si>
    <t>SADAF NOREEN</t>
  </si>
  <si>
    <t>GGPS CHAK 92 GB CHIANA</t>
  </si>
  <si>
    <t>ggps92 gb cheena dijkot fsd</t>
  </si>
  <si>
    <t>92 Gb ii</t>
  </si>
  <si>
    <t>Ambreen Ilyas</t>
  </si>
  <si>
    <t>GGPS CHAK 92 JB</t>
  </si>
  <si>
    <t>92 Jb</t>
  </si>
  <si>
    <t>GGPS 92 j.b</t>
  </si>
  <si>
    <t>93 Jb</t>
  </si>
  <si>
    <t>GGPS CHAK 92 RB I KHURRIANWALA</t>
  </si>
  <si>
    <t>92 RB 1</t>
  </si>
  <si>
    <t>Chak no 92 RB 1 tehsil jaranwala District Faislabad</t>
  </si>
  <si>
    <t>Chak No 61</t>
  </si>
  <si>
    <t>GGPS CHAK 93 GB JARANWALA</t>
  </si>
  <si>
    <t>93gb</t>
  </si>
  <si>
    <t>ggps 93gb</t>
  </si>
  <si>
    <t>Kandoana</t>
  </si>
  <si>
    <t>Kung Miraj</t>
  </si>
  <si>
    <t>Shaheen Kausar</t>
  </si>
  <si>
    <t>GGPS CHAK 93 JB II PACCA ANNA</t>
  </si>
  <si>
    <t>Pacca Ana</t>
  </si>
  <si>
    <t>ggps 93 jb 2</t>
  </si>
  <si>
    <t>GGPS CHAK 94/P</t>
  </si>
  <si>
    <t>A bass Nager</t>
  </si>
  <si>
    <t>GGPS 94P Rahim Yar Khan</t>
  </si>
  <si>
    <t>94p</t>
  </si>
  <si>
    <t>Nafeesa Ashraf</t>
  </si>
  <si>
    <t>GGPS CHAK 95 RB KHURRIANWALA</t>
  </si>
  <si>
    <t>95 RB Dosanj</t>
  </si>
  <si>
    <t>95 RB Dosanja</t>
  </si>
  <si>
    <t>99 RB</t>
  </si>
  <si>
    <t>GGPS CHAK 95-98/P</t>
  </si>
  <si>
    <t>Chak 95/98p</t>
  </si>
  <si>
    <t>chak 95/98p post office chak 94p</t>
  </si>
  <si>
    <t>Chak 92p</t>
  </si>
  <si>
    <t>Sajida Pervern</t>
  </si>
  <si>
    <t>GGPS CHAK 96 GB JARANWALA</t>
  </si>
  <si>
    <t>Dufer-k</t>
  </si>
  <si>
    <t>96 G.B</t>
  </si>
  <si>
    <t>Safina Gulnaz</t>
  </si>
  <si>
    <t>GGPS CHAK 97 GB JARANWALA</t>
  </si>
  <si>
    <t>97gb</t>
  </si>
  <si>
    <t>chak no 97gb jaranwala</t>
  </si>
  <si>
    <t>GGPS CHAK 98 RB KHURRIANWALA</t>
  </si>
  <si>
    <t>98 RB</t>
  </si>
  <si>
    <t>chak no. 98 RB</t>
  </si>
  <si>
    <t>Chak No 97 RB</t>
  </si>
  <si>
    <t>Nabeela Kousar</t>
  </si>
  <si>
    <t>GGPS CHAK 98/6-R</t>
  </si>
  <si>
    <t>Chak no 98/6-R</t>
  </si>
  <si>
    <t>98/6-r</t>
  </si>
  <si>
    <t>Humira Nadia</t>
  </si>
  <si>
    <t>GGPS CHAK 99 GB JARANWALA</t>
  </si>
  <si>
    <t>nehang badala</t>
  </si>
  <si>
    <t>Chak # 99 GB</t>
  </si>
  <si>
    <t>99gb</t>
  </si>
  <si>
    <t>101 GB</t>
  </si>
  <si>
    <t>Musarrat Zia</t>
  </si>
  <si>
    <t>GGPS CHAK 99 JB</t>
  </si>
  <si>
    <t>Chak No99 Jb</t>
  </si>
  <si>
    <t>chak no 99jb gojra,t.t.singh</t>
  </si>
  <si>
    <t>99jb</t>
  </si>
  <si>
    <t>97jb</t>
  </si>
  <si>
    <t>farkhanda iftekhar</t>
  </si>
  <si>
    <t>GGPS CHAK 99/6-R AB</t>
  </si>
  <si>
    <t>99/6r-AB</t>
  </si>
  <si>
    <t>chak no 99/6r (AB) haroonabad bahawalnagar</t>
  </si>
  <si>
    <t>GGPS CHAK ABBAS</t>
  </si>
  <si>
    <t>Chak   Abbas</t>
  </si>
  <si>
    <t>GGPS   Chak   Abbas    Basti  Noor   Pur   Moza   Chak   Abbas</t>
  </si>
  <si>
    <t>Basti  Noor  Pur</t>
  </si>
  <si>
    <t>Bulaqi  Wali</t>
  </si>
  <si>
    <t>GGPS CHAK ABDUL KHALIQ</t>
  </si>
  <si>
    <t>village and p. o chak Abdul khaliq teh Dina district Jhelum</t>
  </si>
  <si>
    <t>Aqeela Parveen</t>
  </si>
  <si>
    <t>GGPS CHAK ADIL</t>
  </si>
  <si>
    <t>GGPS Chak adil</t>
  </si>
  <si>
    <t>Korpur</t>
  </si>
  <si>
    <t>GGPS CHAK AHMAD DAKHLI LAHI BALA</t>
  </si>
  <si>
    <t>Lahi Bala</t>
  </si>
  <si>
    <t>chak ahmad dakhli lahi bala</t>
  </si>
  <si>
    <t>Chak Ahmad Lahi Bala</t>
  </si>
  <si>
    <t>Shagufta Gull</t>
  </si>
  <si>
    <t>GGPS CHAK AHMED KHAN KHOKHAR</t>
  </si>
  <si>
    <t>Chak Ahmad Khan Khokhar</t>
  </si>
  <si>
    <t>ggpschak ahmad khan khokhar</t>
  </si>
  <si>
    <t>Chak Ahmad Khan  Khokhar</t>
  </si>
  <si>
    <t>Klasson Hamid</t>
  </si>
  <si>
    <t>Sobia Yaqub</t>
  </si>
  <si>
    <t>GGPS CHAK ALAH DIN CHISHTI</t>
  </si>
  <si>
    <t>CHAK ALADIN CHISTI</t>
  </si>
  <si>
    <t>GGPS CHAK ALADIN CHISTI</t>
  </si>
  <si>
    <t>MUHIB ALI OTAR</t>
  </si>
  <si>
    <t>NAHEED JAMAL</t>
  </si>
  <si>
    <t>GGPS CHAK ALAM SHAH</t>
  </si>
  <si>
    <t>Chak alam shah</t>
  </si>
  <si>
    <t>Chak Alam Shah</t>
  </si>
  <si>
    <t>Rehana Kasur</t>
  </si>
  <si>
    <t>GGPS CHAK ALLOUDIN</t>
  </si>
  <si>
    <t>Chak Alou Din</t>
  </si>
  <si>
    <t>chuk alou din p/o kali suba khan, tehsil kamoki, district gujranwala</t>
  </si>
  <si>
    <t>Iris Jabeen</t>
  </si>
  <si>
    <t>GGPS CHAK AMEER</t>
  </si>
  <si>
    <t>muredka</t>
  </si>
  <si>
    <t>sardar garh fateh kot.mandi sadiq ganj road</t>
  </si>
  <si>
    <t>sardar garh</t>
  </si>
  <si>
    <t>behkanwala</t>
  </si>
  <si>
    <t>Friha iqbal</t>
  </si>
  <si>
    <t>GGPS CHAK ANOKH SINGH</t>
  </si>
  <si>
    <t>chak nokh singh</t>
  </si>
  <si>
    <t>42/Sp  Samundri</t>
  </si>
  <si>
    <t>GGPS CHAK ARAIAN</t>
  </si>
  <si>
    <t>Chak Ariyan</t>
  </si>
  <si>
    <t>vpo pindi bago chak Araiyan teh pasrur dist sialkot</t>
  </si>
  <si>
    <t>GGPS CHAK ARAZAI DHAN SINGH TANDLIAN WALA</t>
  </si>
  <si>
    <t>Pindi Sheikh Mosa</t>
  </si>
  <si>
    <t>GGPS Arazi Dhan Sing</t>
  </si>
  <si>
    <t>Arazi dhan sing</t>
  </si>
  <si>
    <t>shahnaz noorin nargis</t>
  </si>
  <si>
    <t>GGPS CHAK ARJANI</t>
  </si>
  <si>
    <t>Chak Arjani</t>
  </si>
  <si>
    <t>GG p/s Chak Arjani</t>
  </si>
  <si>
    <t>Saira Sultan</t>
  </si>
  <si>
    <t>GGPS CHAK AROOP CHAND</t>
  </si>
  <si>
    <t>Aroop Chand</t>
  </si>
  <si>
    <t>Chak Aroop Chand Dak khana Ghakhar Mandi</t>
  </si>
  <si>
    <t>Chak Aroop Chand</t>
  </si>
  <si>
    <t>Tanzeela Iftikhar</t>
  </si>
  <si>
    <t>GGPS CHAK ASLAM ABAD</t>
  </si>
  <si>
    <t>Chak Aslam Abad</t>
  </si>
  <si>
    <t>Chak Aslam Abad Kotsamaba Teh Dist Rahim Yar Khan</t>
  </si>
  <si>
    <t>M C Kotsamaba</t>
  </si>
  <si>
    <t>GGPS CHAK ATLA</t>
  </si>
  <si>
    <t>Chak Atla</t>
  </si>
  <si>
    <t>ggps chak atla</t>
  </si>
  <si>
    <t>Fiza Arif</t>
  </si>
  <si>
    <t>GGPS CHAK ATMA RAM</t>
  </si>
  <si>
    <t>Chak Atma Ram</t>
  </si>
  <si>
    <t>district sialkot tehsil pasrur p/o bene sulehrian village chak atma ram</t>
  </si>
  <si>
    <t>Humera</t>
  </si>
  <si>
    <t>GGPS CHAK AZIZ</t>
  </si>
  <si>
    <t>Ghakkameter</t>
  </si>
  <si>
    <t>afifa rehmat</t>
  </si>
  <si>
    <t>GGPS CHAK AZMAT</t>
  </si>
  <si>
    <t>Chak Azmat</t>
  </si>
  <si>
    <t>GGPS CHAK BABUL</t>
  </si>
  <si>
    <t>government girls primary school chak Babul</t>
  </si>
  <si>
    <t>Farhat Sikandar</t>
  </si>
  <si>
    <t>GGPS CHAK BADLA DAKHLI SAIDU WANA</t>
  </si>
  <si>
    <t>Badla</t>
  </si>
  <si>
    <t>G. G. P. S Badla Dakhli Suaidwana Sargodha</t>
  </si>
  <si>
    <t>88 SB</t>
  </si>
  <si>
    <t>Maryam Manzoor</t>
  </si>
  <si>
    <t>GGPS CHAK BAIGA</t>
  </si>
  <si>
    <t>Chak Baiga</t>
  </si>
  <si>
    <t>nadia nosheen</t>
  </si>
  <si>
    <t>GGPS CHAK BAKHSHWAL PO SHEWALA KAHAR</t>
  </si>
  <si>
    <t>Chak Bakhshwal</t>
  </si>
  <si>
    <t>vpo sherewala kahar tehsil kallarkahar district chakwal</t>
  </si>
  <si>
    <t>Farhat Nisar</t>
  </si>
  <si>
    <t>GGPS CHAK BALYANA</t>
  </si>
  <si>
    <t>Chak Balyana</t>
  </si>
  <si>
    <t>chak balyana near havili natho vali ,qadi wind kasur</t>
  </si>
  <si>
    <t>Sahrish Saleem</t>
  </si>
  <si>
    <t>GGPS CHAK BANDI, NAWAN SHEHR</t>
  </si>
  <si>
    <t>CHAKBANDI</t>
  </si>
  <si>
    <t>GGP/S chakbandi markaz Nawan Shaher Kabirwala</t>
  </si>
  <si>
    <t>Thul Najeeb</t>
  </si>
  <si>
    <t>Bushra Munir</t>
  </si>
  <si>
    <t>GGPS CHAK BASAO</t>
  </si>
  <si>
    <t>Chak Basao</t>
  </si>
  <si>
    <t>chak basao p.o malkhanWala</t>
  </si>
  <si>
    <t>Tyyaba Bajwa</t>
  </si>
  <si>
    <t>GGPS CHAK BASSI</t>
  </si>
  <si>
    <t>Chak Basi</t>
  </si>
  <si>
    <t>G G P S chak basi shareen Walla tehsil mailsi destric vehari</t>
  </si>
  <si>
    <t>Chak Basi  Shareen Wala</t>
  </si>
  <si>
    <t>Aliwah</t>
  </si>
  <si>
    <t>Safia Fida</t>
  </si>
  <si>
    <t>GGPS CHAK BASTI WALA</t>
  </si>
  <si>
    <t>Darya Khan City</t>
  </si>
  <si>
    <t>mohla blochn wala darya khan</t>
  </si>
  <si>
    <t>GGPS CHAK BAZURG</t>
  </si>
  <si>
    <t>Chak bazurg</t>
  </si>
  <si>
    <t>chak bazurg</t>
  </si>
  <si>
    <t>Chak Bazurg</t>
  </si>
  <si>
    <t>Nosheen Maryam</t>
  </si>
  <si>
    <t>GGPS CHAK BEHLOL</t>
  </si>
  <si>
    <t>Chack Behlol</t>
  </si>
  <si>
    <t>chack behlol P/O Bhiri Khurd Tehsil Noshera Virkan District Gujranwala</t>
  </si>
  <si>
    <t>GGPS CHAK BHANOO</t>
  </si>
  <si>
    <t>Chak Bhanoo</t>
  </si>
  <si>
    <t>chak Bhanoo teh and distt vehari</t>
  </si>
  <si>
    <t>Bud Gulam</t>
  </si>
  <si>
    <t>Tanzila Siddique</t>
  </si>
  <si>
    <t>GGPS CHAK BHARAIN</t>
  </si>
  <si>
    <t>Chak Bharain</t>
  </si>
  <si>
    <t>GGPS chak bharain</t>
  </si>
  <si>
    <t>Summra Shaheen</t>
  </si>
  <si>
    <t>GGPS CHAK BILA NOCH</t>
  </si>
  <si>
    <t>Chak Bila Noch</t>
  </si>
  <si>
    <t>vill Chak bila noch P/O kotli Loharan sialkot</t>
  </si>
  <si>
    <t>GGPS CHAK BOOPA</t>
  </si>
  <si>
    <t>Chak Bhopa</t>
  </si>
  <si>
    <t>chak bhopa tehsil shakargarh</t>
  </si>
  <si>
    <t>Tayba Khanum</t>
  </si>
  <si>
    <t>GGPS CHAK BUDDO</t>
  </si>
  <si>
    <t>Chakbuddo</t>
  </si>
  <si>
    <t>Village Chakbuddo,P.O Gharmala,Teh &amp; District Jhelum</t>
  </si>
  <si>
    <t>Ambreen Mahmood</t>
  </si>
  <si>
    <t>GGPS CHAK BUKHTAWAR</t>
  </si>
  <si>
    <t>VPO Chak Bakhtawar Tehsil Kharian District Gujrat</t>
  </si>
  <si>
    <t>Guliyana</t>
  </si>
  <si>
    <t>GGPS CHAK CHAO</t>
  </si>
  <si>
    <t>Chak Chao Sialkot</t>
  </si>
  <si>
    <t>village chak Chao p/o kotli loharan teh district sialkot</t>
  </si>
  <si>
    <t>Chak Chao</t>
  </si>
  <si>
    <t>Nema Kumari</t>
  </si>
  <si>
    <t>GGPS CHAK CHOT</t>
  </si>
  <si>
    <t>chot dheeran tehsil malakwal district Mandi Bahauddin</t>
  </si>
  <si>
    <t>Sadia Yasin</t>
  </si>
  <si>
    <t>GGPS CHAK CHOUR SHAH</t>
  </si>
  <si>
    <t>Chak Chour Shah</t>
  </si>
  <si>
    <t>Khiarey Kalan</t>
  </si>
  <si>
    <t>Nazia Yaseen</t>
  </si>
  <si>
    <t>GGPS CHAK DABURJI</t>
  </si>
  <si>
    <t>Chack Duburji</t>
  </si>
  <si>
    <t>village chack duburji</t>
  </si>
  <si>
    <t>Klaswala</t>
  </si>
  <si>
    <t>Sumera Jakab</t>
  </si>
  <si>
    <t>GGPS CHAK DADAN BALA</t>
  </si>
  <si>
    <t>Chakdadan</t>
  </si>
  <si>
    <t>Ggps chak dadan baala near THQ Hospital malak wal</t>
  </si>
  <si>
    <t>Chak Dadan Baala</t>
  </si>
  <si>
    <t>Badshah Pur</t>
  </si>
  <si>
    <t>Syeda Rafia Khanam</t>
  </si>
  <si>
    <t>GGPS CHAK DAIDA</t>
  </si>
  <si>
    <t>Chak Daida</t>
  </si>
  <si>
    <t>Village Chak Deda, Tehsil and District Kasur.</t>
  </si>
  <si>
    <t>Afshan Kausar</t>
  </si>
  <si>
    <t>GGPS CHAK DALA</t>
  </si>
  <si>
    <t>Chak Dala</t>
  </si>
  <si>
    <t>govt girls primary school Chak dala</t>
  </si>
  <si>
    <t>Anwer Sultana</t>
  </si>
  <si>
    <t>GGPS CHAK DALAIL</t>
  </si>
  <si>
    <t>GPS chak Dalail markaz darahma</t>
  </si>
  <si>
    <t>GGPS CHAK DARA</t>
  </si>
  <si>
    <t>Dara</t>
  </si>
  <si>
    <t>basti haji sheral moza Dara post ofc chak naseer abad</t>
  </si>
  <si>
    <t>Basti Haji Sheral</t>
  </si>
  <si>
    <t>Sofia Jabbar</t>
  </si>
  <si>
    <t>GGPS CHAK DARULIHSAN</t>
  </si>
  <si>
    <t>Darul ehsan</t>
  </si>
  <si>
    <t>ggps darul ehsan</t>
  </si>
  <si>
    <t>126 Paharang</t>
  </si>
  <si>
    <t>AMRA NUZHAT</t>
  </si>
  <si>
    <t>GGPS CHAK DAULAT KHAN</t>
  </si>
  <si>
    <t>Chak Dolat Khan</t>
  </si>
  <si>
    <t>chak dolat khan</t>
  </si>
  <si>
    <t>GGPS CHAK DEWARKA</t>
  </si>
  <si>
    <t>Chakdewarka</t>
  </si>
  <si>
    <t>G G P/school chakdewarka 34620239</t>
  </si>
  <si>
    <t>GGPS CHAK DHERA</t>
  </si>
  <si>
    <t>Chack Dheera</t>
  </si>
  <si>
    <t>Ggps chack Dheera Lahore cantt</t>
  </si>
  <si>
    <t>water from village</t>
  </si>
  <si>
    <t>GGPS CHAK DILBAR</t>
  </si>
  <si>
    <t>Chak Dilbar</t>
  </si>
  <si>
    <t>banu form</t>
  </si>
  <si>
    <t>Banu Formm</t>
  </si>
  <si>
    <t>Shabana Mazari</t>
  </si>
  <si>
    <t>GGPS CHAK DILBAR KHAN</t>
  </si>
  <si>
    <t>patti zaman shah</t>
  </si>
  <si>
    <t>government primary school chak dilbar khan</t>
  </si>
  <si>
    <t>Shama Irshad</t>
  </si>
  <si>
    <t>GGPS CHAK DODHU</t>
  </si>
  <si>
    <t>CHAK DODHU</t>
  </si>
  <si>
    <t>GGPS CHAK DODHU Teh,.zafarwal Dist.Narowal</t>
  </si>
  <si>
    <t>CHAK DODHu</t>
  </si>
  <si>
    <t>Tehmina Rafaqat</t>
  </si>
  <si>
    <t>GGPS CHAK DOONI CHAND</t>
  </si>
  <si>
    <t>Moza chak duni chand</t>
  </si>
  <si>
    <t>GGPS Chak Duni chand Tehsil Nowshera Virkan</t>
  </si>
  <si>
    <t>Chak Dunichand</t>
  </si>
  <si>
    <t>Shazia Rauf</t>
  </si>
  <si>
    <t>GGPS CHAK FARAZI</t>
  </si>
  <si>
    <t>Chak Farazu</t>
  </si>
  <si>
    <t>basti jarayan wala mouza chak farazu</t>
  </si>
  <si>
    <t>Basti Jarayan Wala</t>
  </si>
  <si>
    <t>Shagufta Batool</t>
  </si>
  <si>
    <t>GGPS CHAK FATEH MUHAMMAD ARAIN</t>
  </si>
  <si>
    <t>Haroonbad</t>
  </si>
  <si>
    <t>moza haroonbad teh lqp distrct ryk</t>
  </si>
  <si>
    <t>Chak Fateh M Arain</t>
  </si>
  <si>
    <t>Nlla Musani</t>
  </si>
  <si>
    <t>Mubeen Fatima</t>
  </si>
  <si>
    <t>GGPS CHAK FATEH SHAH</t>
  </si>
  <si>
    <t>Chak Fateh Shah</t>
  </si>
  <si>
    <t>GGPS Chak Fateh Shah VPO Chak Fateh Shah Teh&amp;Distt M B Din</t>
  </si>
  <si>
    <t>Kot Baloch</t>
  </si>
  <si>
    <t>Zill-e-huma</t>
  </si>
  <si>
    <t>GGPS CHAK FATTO ANA</t>
  </si>
  <si>
    <t>Fattoana</t>
  </si>
  <si>
    <t>moza fattoana</t>
  </si>
  <si>
    <t>Hifza</t>
  </si>
  <si>
    <t>GGPS CHAK FAZAL WALA</t>
  </si>
  <si>
    <t>fazalwala</t>
  </si>
  <si>
    <t>fazalwala chcuchk reanla khurd okara</t>
  </si>
  <si>
    <t>GGPS CHAK FEROOZ</t>
  </si>
  <si>
    <t>Ferooz</t>
  </si>
  <si>
    <t>Moza Feroz PO Jabooka teh dist okara</t>
  </si>
  <si>
    <t>Khawar sultana</t>
  </si>
  <si>
    <t>GGPS CHAK GILLAN GHARBI</t>
  </si>
  <si>
    <t>Chak gillan gharbi</t>
  </si>
  <si>
    <t>chak gillan gharbi post office jailer jaiserwala daska</t>
  </si>
  <si>
    <t>Chak Gillan gharbi</t>
  </si>
  <si>
    <t>GGPS CHAK GILLAN SHARQI</t>
  </si>
  <si>
    <t>Chak Gilan Sharqi</t>
  </si>
  <si>
    <t>chak gillan sharqi p.o box glotian kalan</t>
  </si>
  <si>
    <t>Chak Gillan Sharqi</t>
  </si>
  <si>
    <t>glotian Kalan</t>
  </si>
  <si>
    <t>GGPS CHAK GODAR</t>
  </si>
  <si>
    <t>Chak Godar</t>
  </si>
  <si>
    <t>G.G.P.S Chak godar</t>
  </si>
  <si>
    <t>Waan Patafi</t>
  </si>
  <si>
    <t>GGPS CHAK GUJRA</t>
  </si>
  <si>
    <t>chak gujjar mouzs rawani p/o gaily wal tehsil lodhran district lodhran</t>
  </si>
  <si>
    <t>Chak Gujjar</t>
  </si>
  <si>
    <t>Shaheen Islam Ul  Din</t>
  </si>
  <si>
    <t>GGPS CHAK GUJRAN KHURD</t>
  </si>
  <si>
    <t>Chack Gujran Khurd</t>
  </si>
  <si>
    <t>chack Gujran Khurd Tehsil distt hafizabad</t>
  </si>
  <si>
    <t>Marium Naseer</t>
  </si>
  <si>
    <t>GGPS CHAK HAKIM</t>
  </si>
  <si>
    <t>Chak Hakeem</t>
  </si>
  <si>
    <t>chak Hakeem post office dhamthal teh Zafarwal district Narrowal</t>
  </si>
  <si>
    <t>Nazia Ishaq</t>
  </si>
  <si>
    <t>GGPS CHAK HAMEED</t>
  </si>
  <si>
    <t>Chak Hameed</t>
  </si>
  <si>
    <t>Chak Hameed P/O Nawanloke Tehsil P. D. Khan Distt. Jhelum</t>
  </si>
  <si>
    <t>GGPS CHAK HASSAN WALA</t>
  </si>
  <si>
    <t>kotla Gamon</t>
  </si>
  <si>
    <t>GGMPS  Chak Hassan wala markz Asni district Rajanpur</t>
  </si>
  <si>
    <t>Basti Miran</t>
  </si>
  <si>
    <t>Shaheen Bibi</t>
  </si>
  <si>
    <t>GGPS CHAK IKHLAS</t>
  </si>
  <si>
    <t>Chak Ikhlas</t>
  </si>
  <si>
    <t>GGPS Chak Ikhlas</t>
  </si>
  <si>
    <t>Zarina</t>
  </si>
  <si>
    <t>GGPS CHAK ISLAM ABAD</t>
  </si>
  <si>
    <t>chak Islamabad tehsil khairpur tamewali</t>
  </si>
  <si>
    <t>Chak Islamabad</t>
  </si>
  <si>
    <t>GGPS CHAK JAFFAR ALI SHAH</t>
  </si>
  <si>
    <t>Chak Jaffar Ali  Shah</t>
  </si>
  <si>
    <t>GGPS Jaffar Ali Shah</t>
  </si>
  <si>
    <t>Jaffar Ali Shah</t>
  </si>
  <si>
    <t>Amina Sadaf</t>
  </si>
  <si>
    <t>GGPS CHAK JAHAMAT</t>
  </si>
  <si>
    <t>Chak jhammat</t>
  </si>
  <si>
    <t>Near punjab college shujabad road jalal pur pir wala</t>
  </si>
  <si>
    <t>Ali Pur sadat</t>
  </si>
  <si>
    <t>Nafees Batool</t>
  </si>
  <si>
    <t>GGPS CHAK JALAL DIN</t>
  </si>
  <si>
    <t>chack jalal din</t>
  </si>
  <si>
    <t>CHACK JALAL DIN</t>
  </si>
  <si>
    <t>haveli shaikh raju</t>
  </si>
  <si>
    <t>GGPS CHAK JAMEL</t>
  </si>
  <si>
    <t>Chak Jaimel</t>
  </si>
  <si>
    <t>GGPS CHAK JAIMEL P/O Tarkhana Murida Tehsil Shakargarh Distt Narowal</t>
  </si>
  <si>
    <t>Nabeela Razzaq</t>
  </si>
  <si>
    <t>GGPS CHAK JANI KALAN</t>
  </si>
  <si>
    <t>chak jani</t>
  </si>
  <si>
    <t>GGPS CHAK JANO KHURD</t>
  </si>
  <si>
    <t>Chak Jano Khurd</t>
  </si>
  <si>
    <t>chak Jano Khurd tehsil phalia district mandi bhaudin,</t>
  </si>
  <si>
    <t>GGPS CHAK JANOOBI NO 2</t>
  </si>
  <si>
    <t>Chake Shamali</t>
  </si>
  <si>
    <t>chake janoobi no 2  chah nawab wala</t>
  </si>
  <si>
    <t>Nawab Shah</t>
  </si>
  <si>
    <t>Khadija Beghum</t>
  </si>
  <si>
    <t>GGPS CHAK JANTA</t>
  </si>
  <si>
    <t>Chak Janta</t>
  </si>
  <si>
    <t>Chak Jainta</t>
  </si>
  <si>
    <t>Fazeelat Kosar</t>
  </si>
  <si>
    <t>GGPS CHAK JASSOKEY KALASON</t>
  </si>
  <si>
    <t>Jessokey Kalason</t>
  </si>
  <si>
    <t>moza Jessokey Kalason p.o jaboka okara okara</t>
  </si>
  <si>
    <t>Mangun</t>
  </si>
  <si>
    <t>Ismat Saddique</t>
  </si>
  <si>
    <t>GGPS CHAK JHALLAR SHUJABAD</t>
  </si>
  <si>
    <t>Wahi Saway</t>
  </si>
  <si>
    <t>GGPS Chak Jhllar wahi sawaya zareef shaheed.</t>
  </si>
  <si>
    <t>Chak Jhllar</t>
  </si>
  <si>
    <t>Maribnoon</t>
  </si>
  <si>
    <t>AMINA ISMAIL</t>
  </si>
  <si>
    <t>near by filter pump</t>
  </si>
  <si>
    <t>GGPS CHAK JHANGAIL</t>
  </si>
  <si>
    <t>Chak Jhangail</t>
  </si>
  <si>
    <t>chah khoi wala mouza chak jhangail d g khan</t>
  </si>
  <si>
    <t>Fouzia Yasmin</t>
  </si>
  <si>
    <t>GGPS CHAK JODH</t>
  </si>
  <si>
    <t>GGPS CHAK JODH SARGODHA</t>
  </si>
  <si>
    <t>52 SB</t>
  </si>
  <si>
    <t>Madiha Ramay</t>
  </si>
  <si>
    <t>GGPS CHAK JOOTA/TARIQ ABAD</t>
  </si>
  <si>
    <t>GGPS Tariq abad Joota</t>
  </si>
  <si>
    <t>Misbah Ul Haq</t>
  </si>
  <si>
    <t>GGPS CHAK KAKAY ZAYIAN</t>
  </si>
  <si>
    <t>Chak kaky zaiyan</t>
  </si>
  <si>
    <t>G G p/s Chak kaky zaian</t>
  </si>
  <si>
    <t>Chak Kaky Zaian</t>
  </si>
  <si>
    <t>Habiba Khalid</t>
  </si>
  <si>
    <t>GGPS CHAK KALA</t>
  </si>
  <si>
    <t>village chak kala tehsil pasrur district sialkot</t>
  </si>
  <si>
    <t>GGPS CHAK KALOO WALI</t>
  </si>
  <si>
    <t>Chak Kaloo Wali</t>
  </si>
  <si>
    <t>basti mondy wala post office dewala M.garh</t>
  </si>
  <si>
    <t>Mondy Wala</t>
  </si>
  <si>
    <t>DURDANA</t>
  </si>
  <si>
    <t>GGPS CHAK KAMAIRIAN</t>
  </si>
  <si>
    <t>Kameerian</t>
  </si>
  <si>
    <t>GGPS kameerian</t>
  </si>
  <si>
    <t>Jagga Bloch</t>
  </si>
  <si>
    <t>Shukra Perveen</t>
  </si>
  <si>
    <t>GGPS CHAK KAMAL</t>
  </si>
  <si>
    <t>Chak Kamal post office Sehna Tehsil Kharian District Gujrat</t>
  </si>
  <si>
    <t>Madeeha Riaz</t>
  </si>
  <si>
    <t>GGPS CHAK KARIA</t>
  </si>
  <si>
    <t>Chak Karia</t>
  </si>
  <si>
    <t>GGPS CHAK KARIA basti Bijr Khan</t>
  </si>
  <si>
    <t>Basti Bijr Khan</t>
  </si>
  <si>
    <t>Rojhan Mc</t>
  </si>
  <si>
    <t>Shazia Inam</t>
  </si>
  <si>
    <t>buying</t>
  </si>
  <si>
    <t>GGPS CHAK KATORA</t>
  </si>
  <si>
    <t>chack katora</t>
  </si>
  <si>
    <t>GGPS CHAK KHAIRDIN</t>
  </si>
  <si>
    <t>chak khair din</t>
  </si>
  <si>
    <t>alam garh</t>
  </si>
  <si>
    <t>shazia kousar</t>
  </si>
  <si>
    <t>GGPS CHAK KHARAL</t>
  </si>
  <si>
    <t>chak kharl</t>
  </si>
  <si>
    <t>Kaliyan Wala</t>
  </si>
  <si>
    <t>Madiha Rasheed</t>
  </si>
  <si>
    <t>GGPS CHAK KHEENA</t>
  </si>
  <si>
    <t>Chak Kheena</t>
  </si>
  <si>
    <t>Chak Kheena p/o BhopalwalaTeh Sambrial Dist Sialkot</t>
  </si>
  <si>
    <t>Khafsa Aziz</t>
  </si>
  <si>
    <t>GGPS CHAK KHOJA</t>
  </si>
  <si>
    <t>Chakkhoja</t>
  </si>
  <si>
    <t>ckakkoja.  po.   phuklian.  TD.  Sialkot</t>
  </si>
  <si>
    <t>Yasmeen Gulzar</t>
  </si>
  <si>
    <t>GGPS CHAK KHOKHAR</t>
  </si>
  <si>
    <t>Chak Khokhar</t>
  </si>
  <si>
    <t>chak khokhar.</t>
  </si>
  <si>
    <t>Uncha Klan</t>
  </si>
  <si>
    <t>BUSHRA BEGUM</t>
  </si>
  <si>
    <t>GGPS CHAK KHUSH</t>
  </si>
  <si>
    <t>Khandua</t>
  </si>
  <si>
    <t>village chak khushi p/office kallar kahar tehsil kalmar kahar district chakwal\n</t>
  </si>
  <si>
    <t>Chak Khushi</t>
  </si>
  <si>
    <t>Fouzia Tehseen</t>
  </si>
  <si>
    <t>GGPS CHAK KOKA TEH CHAKWAL</t>
  </si>
  <si>
    <t>Chak Koka</t>
  </si>
  <si>
    <t>village chak koka p. o dullah</t>
  </si>
  <si>
    <t>Ashi Khanum</t>
  </si>
  <si>
    <t>GGPS CHAK KORA</t>
  </si>
  <si>
    <t>Chak Kora</t>
  </si>
  <si>
    <t>village chak kora post office Chak Amru Tehsil Shakar Garh diss. Narowal</t>
  </si>
  <si>
    <t>GGPS CHAK LAKHAN</t>
  </si>
  <si>
    <t>Chak Lakhan</t>
  </si>
  <si>
    <t>Chak lakhan P/O Bambanwala Teh Daska Dist Sialkot</t>
  </si>
  <si>
    <t>AQSA Saif  Ullah</t>
  </si>
  <si>
    <t>GGPS CHAK LAL KHAN WALA</t>
  </si>
  <si>
    <t>76/ml</t>
  </si>
  <si>
    <t>chah lal khan wala chak 76 ml</t>
  </si>
  <si>
    <t>Chah Lal Khan Wala</t>
  </si>
  <si>
    <t>60/61ML</t>
  </si>
  <si>
    <t>GGPS CHAK LALA</t>
  </si>
  <si>
    <t>Chak Lala</t>
  </si>
  <si>
    <t>district sialkot tehsil pasrur p/o chobara village chak lala</t>
  </si>
  <si>
    <t>Chobarah</t>
  </si>
  <si>
    <t>Riffat Saddique</t>
  </si>
  <si>
    <t>GGPS CHAK LANGAH</t>
  </si>
  <si>
    <t>Chak Langah</t>
  </si>
  <si>
    <t>chak Langah, chowk maitla, mailsi</t>
  </si>
  <si>
    <t>158w/b</t>
  </si>
  <si>
    <t>Ayesha Irshad</t>
  </si>
  <si>
    <t>GGPS CHAK LASSA</t>
  </si>
  <si>
    <t>basti azeem khan sohrani chak lassa fazilpur</t>
  </si>
  <si>
    <t>AZEEM KHAN SOHRANI</t>
  </si>
  <si>
    <t>Naheed Anjum</t>
  </si>
  <si>
    <t>GGPS CHAK LOHARAN</t>
  </si>
  <si>
    <t>Chak Loharan</t>
  </si>
  <si>
    <t>village Chak loharan post office wadianwala tehsil and district Sialkot</t>
  </si>
  <si>
    <t>GGPS CHAK MACHANA</t>
  </si>
  <si>
    <t>Chak Machana</t>
  </si>
  <si>
    <t>village chak machana post office chahoor</t>
  </si>
  <si>
    <t>GGPS CHAK MAHI</t>
  </si>
  <si>
    <t>Chak Mahi</t>
  </si>
  <si>
    <t>village chak mahi p/o ghakhar mandi teh.wazirabad disst. gujranwala</t>
  </si>
  <si>
    <t>Fazeelat Shahzadi</t>
  </si>
  <si>
    <t>GGPS CHAK MALOOKA</t>
  </si>
  <si>
    <t>Chak  malooka</t>
  </si>
  <si>
    <t>Chak Malooka</t>
  </si>
  <si>
    <t>Tayyaba Asghar</t>
  </si>
  <si>
    <t>masjid   Ki    intizamia     sy  link  Lia   haio</t>
  </si>
  <si>
    <t>GGPS CHAK MANIK</t>
  </si>
  <si>
    <t>GGPS CHAK MANIK p/o Kanjroor teh shakargarh narowal</t>
  </si>
  <si>
    <t>Chak Manik</t>
  </si>
  <si>
    <t>Kotli Bary Khan</t>
  </si>
  <si>
    <t>Shamila Maqbool</t>
  </si>
  <si>
    <t>GGPS CHAK MANJOU</t>
  </si>
  <si>
    <t>Chak Manjou</t>
  </si>
  <si>
    <t>villageChak manjou Tehsil and district gujrat</t>
  </si>
  <si>
    <t>GGPS CHAK MATU</t>
  </si>
  <si>
    <t>chak matu</t>
  </si>
  <si>
    <t>Chak Matu , chhichherwali</t>
  </si>
  <si>
    <t>Chak Matu</t>
  </si>
  <si>
    <t>Chhichherwali</t>
  </si>
  <si>
    <t>GGPS CHAK MEERDA</t>
  </si>
  <si>
    <t>Chak Meerda</t>
  </si>
  <si>
    <t>chak meerda</t>
  </si>
  <si>
    <t>Chak Dodho</t>
  </si>
  <si>
    <t>GGPS CHAK MEHMOOD</t>
  </si>
  <si>
    <t>Chak Mehmood</t>
  </si>
  <si>
    <t>Chak mehmood p.o khaas</t>
  </si>
  <si>
    <t>TAPIALA</t>
  </si>
  <si>
    <t>Tahziba Siddique</t>
  </si>
  <si>
    <t>GGPS CHAK MEHNAT DURSHAN</t>
  </si>
  <si>
    <t>Chak Mahanat Darshan</t>
  </si>
  <si>
    <t>Aneela Akram</t>
  </si>
  <si>
    <t>GGPS CHAK MIRDA</t>
  </si>
  <si>
    <t>Chak Mirda</t>
  </si>
  <si>
    <t>Chak Mirda p.o chobara teh pasrur dist sialkot</t>
  </si>
  <si>
    <t>Pundi Bhago</t>
  </si>
  <si>
    <t>GGPS CHAK MIRIK</t>
  </si>
  <si>
    <t>Chak Merak</t>
  </si>
  <si>
    <t>chak merak</t>
  </si>
  <si>
    <t>Dhol Ranjha</t>
  </si>
  <si>
    <t>GGPS CHAK MIRZA</t>
  </si>
  <si>
    <t>chak mirza jabbah</t>
  </si>
  <si>
    <t>Chak mirza Jabbah,p/o Dhammali,Dist Rwp</t>
  </si>
  <si>
    <t>Chak Mirza Jabbah</t>
  </si>
  <si>
    <t>Zanish Waqar</t>
  </si>
  <si>
    <t>GGPS CHAK MISRAN</t>
  </si>
  <si>
    <t>Chak Misran</t>
  </si>
  <si>
    <t>CHAK MISRAN</t>
  </si>
  <si>
    <t>GGPS CHAK MOBARAK</t>
  </si>
  <si>
    <t>village chak mubarak post office gujrat  district and tehseel gujrat</t>
  </si>
  <si>
    <t>Syeda Maria Sajid</t>
  </si>
  <si>
    <t>GGPS CHAK MOLU</t>
  </si>
  <si>
    <t>CHAK MOLU</t>
  </si>
  <si>
    <t>VILLAGE CHAK MOLU</t>
  </si>
  <si>
    <t>Ayesha Aslam</t>
  </si>
  <si>
    <t>GGPS CHAK MOODA</t>
  </si>
  <si>
    <t>Chak mooda</t>
  </si>
  <si>
    <t>Shahida Shaban</t>
  </si>
  <si>
    <t>GGPS CHAK MUNGARI</t>
  </si>
  <si>
    <t>Chak mungeri</t>
  </si>
  <si>
    <t>karimabad colony muhammad pur</t>
  </si>
  <si>
    <t>Muhammad pur 2</t>
  </si>
  <si>
    <t>Rahila Ijaz</t>
  </si>
  <si>
    <t>GGPS CHAK MURAD</t>
  </si>
  <si>
    <t>Chak Murad</t>
  </si>
  <si>
    <t>gg p/s chak murad</t>
  </si>
  <si>
    <t>Rohila Tajayka</t>
  </si>
  <si>
    <t>Naseem Siraj</t>
  </si>
  <si>
    <t>GGPS CHAK MUREED WALA 19 SAMUNDRI</t>
  </si>
  <si>
    <t>Mureedwala</t>
  </si>
  <si>
    <t>gojra road mureedwala</t>
  </si>
  <si>
    <t>Chak No 198 Gb</t>
  </si>
  <si>
    <t>Aisha Zahoor</t>
  </si>
  <si>
    <t>GGPS CHAK NAHI</t>
  </si>
  <si>
    <t>Nahi Wala</t>
  </si>
  <si>
    <t>basti chack nahi</t>
  </si>
  <si>
    <t>GGPS CHAK NALA</t>
  </si>
  <si>
    <t>Chak nala</t>
  </si>
  <si>
    <t>chak nala</t>
  </si>
  <si>
    <t>Pail Bany Khan</t>
  </si>
  <si>
    <t>Rubi Bi Bi</t>
  </si>
  <si>
    <t>GGPS CHAK NAO</t>
  </si>
  <si>
    <t>Chak Nao</t>
  </si>
  <si>
    <t>chk nao</t>
  </si>
  <si>
    <t>Kachimand</t>
  </si>
  <si>
    <t>GGPS CHAK NATHA</t>
  </si>
  <si>
    <t>CHAK NATHA</t>
  </si>
  <si>
    <t>Govt Girls primary school Chak natha</t>
  </si>
  <si>
    <t>Chak natha</t>
  </si>
  <si>
    <t>Khambi</t>
  </si>
  <si>
    <t>Uzma Sattar</t>
  </si>
  <si>
    <t>GGPS CHAK NAURANG NO. 1</t>
  </si>
  <si>
    <t>chak makhdoom</t>
  </si>
  <si>
    <t>Chak makhdoom</t>
  </si>
  <si>
    <t>Noshra Jadeed</t>
  </si>
  <si>
    <t>Samia fayaz</t>
  </si>
  <si>
    <t>GGPS CHAK NAURANG NO. 2</t>
  </si>
  <si>
    <t>Chak Nwrang</t>
  </si>
  <si>
    <t>basti marha pull farooq abaad</t>
  </si>
  <si>
    <t>Marha</t>
  </si>
  <si>
    <t>Nwshahra Jadeed</t>
  </si>
  <si>
    <t>Nadia Rafiq</t>
  </si>
  <si>
    <t>GGPS CHAK NIZAM</t>
  </si>
  <si>
    <t>Chak Nizam</t>
  </si>
  <si>
    <t>chak nizam village</t>
  </si>
  <si>
    <t>Misbah Akram</t>
  </si>
  <si>
    <t>GGPS CHAK NIZAM KHURD</t>
  </si>
  <si>
    <t>sadar sharqi 3</t>
  </si>
  <si>
    <t>chak nizam khurd P/O chak nizam kalan tehsil and district GRW</t>
  </si>
  <si>
    <t>chak nizam khurd</t>
  </si>
  <si>
    <t>mokhal sandhwan</t>
  </si>
  <si>
    <t>Farkhanda</t>
  </si>
  <si>
    <t>GGPS CHAK NO 1/3-L WAJHI</t>
  </si>
  <si>
    <t>Wihji</t>
  </si>
  <si>
    <t>GGPS 1/3L wihji</t>
  </si>
  <si>
    <t>Al-Fateh Abad</t>
  </si>
  <si>
    <t>Kapori</t>
  </si>
  <si>
    <t>zahida parveen</t>
  </si>
  <si>
    <t>GGPS CHAK NO 1/RD</t>
  </si>
  <si>
    <t>chak no 1rd</t>
  </si>
  <si>
    <t>1rd</t>
  </si>
  <si>
    <t>GGPS CHAK NO 101 MONIAN WALA</t>
  </si>
  <si>
    <t>monianwala</t>
  </si>
  <si>
    <t>Chak 101 monianwala</t>
  </si>
  <si>
    <t>RIFFAT PARVEEN</t>
  </si>
  <si>
    <t>GGPS CHAK NO 101/1-L</t>
  </si>
  <si>
    <t>101/L</t>
  </si>
  <si>
    <t>Chak no 101/1L P/B103/L tehsil khanpur distric rahimyar khan</t>
  </si>
  <si>
    <t>101/1L</t>
  </si>
  <si>
    <t>GGPS CHAK NO 102 TDA</t>
  </si>
  <si>
    <t>Daghr Sewag</t>
  </si>
  <si>
    <t>chak102 ganjiwala</t>
  </si>
  <si>
    <t>Chak102/t Ganjiwala</t>
  </si>
  <si>
    <t>Garry Wala</t>
  </si>
  <si>
    <t>GGPS CHAK NO 102/1-L</t>
  </si>
  <si>
    <t>102/1L</t>
  </si>
  <si>
    <t>Saima Tabassum</t>
  </si>
  <si>
    <t>GGPS CHAK NO 105/F BS</t>
  </si>
  <si>
    <t>105/F chishtian markaz 15</t>
  </si>
  <si>
    <t>Mahreen Anjum</t>
  </si>
  <si>
    <t>GGPS CHAK NO 106 RB</t>
  </si>
  <si>
    <t>Chak No 106 RB</t>
  </si>
  <si>
    <t>chak # 106 RB chaudhary wala..</t>
  </si>
  <si>
    <t>106 RB</t>
  </si>
  <si>
    <t>Chak#106 RB</t>
  </si>
  <si>
    <t>Maria Ayoob</t>
  </si>
  <si>
    <t>GGPS CHAK NO 106/1-L</t>
  </si>
  <si>
    <t>106/1L</t>
  </si>
  <si>
    <t>chak no 106/1.L</t>
  </si>
  <si>
    <t>GGPS CHAK NO 107/6-R</t>
  </si>
  <si>
    <t>Mk</t>
  </si>
  <si>
    <t>GGPS 107/6r mk tehsil hnd district  bahawalnagar</t>
  </si>
  <si>
    <t>107/6r</t>
  </si>
  <si>
    <t>Sana Mansoor</t>
  </si>
  <si>
    <t>GGPS CHAK NO 107/NP</t>
  </si>
  <si>
    <t>107np</t>
  </si>
  <si>
    <t>Ggps chak 107np</t>
  </si>
  <si>
    <t>Chak 107np</t>
  </si>
  <si>
    <t>Nasreen Hameed</t>
  </si>
  <si>
    <t>GGPS CHAK NO 109 ML PEER CHATTAR</t>
  </si>
  <si>
    <t>Peer Chatter</t>
  </si>
  <si>
    <t>GGPS 109 ml peer chatter</t>
  </si>
  <si>
    <t>Chak No109 Ml Peer Chatter</t>
  </si>
  <si>
    <t>Saima Muneer</t>
  </si>
  <si>
    <t>GGPS CHAK NO 109/6-R</t>
  </si>
  <si>
    <t>chak 109 /6 r</t>
  </si>
  <si>
    <t>109/6 R</t>
  </si>
  <si>
    <t>Nagina Anwer</t>
  </si>
  <si>
    <t>GGPS CHAK NO 11/1-R</t>
  </si>
  <si>
    <t>11/1R</t>
  </si>
  <si>
    <t>chak11/1.r,Tehsil:Haroonabad,Distt:BWN.</t>
  </si>
  <si>
    <t>Chak 11/1R</t>
  </si>
  <si>
    <t>Humara Nazli</t>
  </si>
  <si>
    <t>GGPS CHAK NO 111/ TDA</t>
  </si>
  <si>
    <t>chak no. 111TDA</t>
  </si>
  <si>
    <t>111TDA</t>
  </si>
  <si>
    <t>110TDA</t>
  </si>
  <si>
    <t>rabia yasmeen</t>
  </si>
  <si>
    <t>GGPS CHAK NO 113/6-R</t>
  </si>
  <si>
    <t>113/6R</t>
  </si>
  <si>
    <t>chak no 113/6.R</t>
  </si>
  <si>
    <t>GGPS CHAK NO 116 NB</t>
  </si>
  <si>
    <t>116 N B</t>
  </si>
  <si>
    <t>chak no. 116 n.b</t>
  </si>
  <si>
    <t>116 Nb</t>
  </si>
  <si>
    <t>118 Nb</t>
  </si>
  <si>
    <t>Sanya Kishwar</t>
  </si>
  <si>
    <t>GGPS CHAK NO 117/6-R</t>
  </si>
  <si>
    <t>117 6R</t>
  </si>
  <si>
    <t>Chak no 117 6.R</t>
  </si>
  <si>
    <t>118 6R</t>
  </si>
  <si>
    <t>Samia Afzal</t>
  </si>
  <si>
    <t>GGPS CHAK NO 12 THATHA KHARLAN</t>
  </si>
  <si>
    <t>Chak No 12 Thatha Kharlan</t>
  </si>
  <si>
    <t>chak no 12 thatha kharlan</t>
  </si>
  <si>
    <t>Sarr Wala</t>
  </si>
  <si>
    <t>Huma Zaidi</t>
  </si>
  <si>
    <t>GGPS CHAK NO 12/68</t>
  </si>
  <si>
    <t>Chak No 12/68</t>
  </si>
  <si>
    <t>Chak no 12\68 marks syedwala e nns</t>
  </si>
  <si>
    <t>GGPS CHAK NO 12/P-II</t>
  </si>
  <si>
    <t>Gullan Galkala</t>
  </si>
  <si>
    <t>ggps 12/p-II dera 12P khanpur</t>
  </si>
  <si>
    <t>Chak 12P</t>
  </si>
  <si>
    <t>Afifa Hashmi</t>
  </si>
  <si>
    <t>GGPS CHAK NO 120/6-R B</t>
  </si>
  <si>
    <t>120 6R AB</t>
  </si>
  <si>
    <t>GGPS 120 6r</t>
  </si>
  <si>
    <t>120 6R</t>
  </si>
  <si>
    <t>faqirwali</t>
  </si>
  <si>
    <t>Nasreen Azez</t>
  </si>
  <si>
    <t>GGPS CHAK NO 121/6-R</t>
  </si>
  <si>
    <t>Chuk Number 121/6r</t>
  </si>
  <si>
    <t>chuk number 121/6r</t>
  </si>
  <si>
    <t>GGPS CHAK NO 123 TDA AZHAR WALA</t>
  </si>
  <si>
    <t>Basti Noor Faqir</t>
  </si>
  <si>
    <t>Chak no 122b/tda basti noor faqeer</t>
  </si>
  <si>
    <t>Akhter Bibi</t>
  </si>
  <si>
    <t>GGPS CHAK NO 123/6-R</t>
  </si>
  <si>
    <t>123/6R</t>
  </si>
  <si>
    <t>chak #123/6R faqirwali teh. haroonabad</t>
  </si>
  <si>
    <t>142/6R</t>
  </si>
  <si>
    <t>Saba Munir</t>
  </si>
  <si>
    <t>GGPS CHAK NO 124/6-R</t>
  </si>
  <si>
    <t>124/6R</t>
  </si>
  <si>
    <t>124.6.r</t>
  </si>
  <si>
    <t>1246r</t>
  </si>
  <si>
    <t>Ummara Nargis</t>
  </si>
  <si>
    <t>GGPS CHAK NO 127 ML</t>
  </si>
  <si>
    <t>127/ML</t>
  </si>
  <si>
    <t>127ml</t>
  </si>
  <si>
    <t>Jameela Ibrahim</t>
  </si>
  <si>
    <t>GGPS CHAK NO 127 MURAD</t>
  </si>
  <si>
    <t>CTN</t>
  </si>
  <si>
    <t>Chak #127/M(b), dak khana129/M, Chishtian</t>
  </si>
  <si>
    <t>127murad</t>
  </si>
  <si>
    <t>128murad</t>
  </si>
  <si>
    <t>Riaz Bibi</t>
  </si>
  <si>
    <t>GGPS CHAK NO 127/6-R W</t>
  </si>
  <si>
    <t>127/6R  W</t>
  </si>
  <si>
    <t>Chak 127/6R (W)</t>
  </si>
  <si>
    <t>132/6r</t>
  </si>
  <si>
    <t>Furkhanda Yasmeen</t>
  </si>
  <si>
    <t>GGPS CHAK NO 128/6-R</t>
  </si>
  <si>
    <t>128/6r</t>
  </si>
  <si>
    <t>Chak no 128/6r</t>
  </si>
  <si>
    <t>GGPS CHAK NO 13 NOOR KAY</t>
  </si>
  <si>
    <t>noorka</t>
  </si>
  <si>
    <t>CHAK NO.13 JB NOORKA</t>
  </si>
  <si>
    <t>Noorka CHAK No 13JB</t>
  </si>
  <si>
    <t>CHAK No13Jb Sarwala</t>
  </si>
  <si>
    <t>Kosar Batool</t>
  </si>
  <si>
    <t>GGPS CHAK NO 13/3-L</t>
  </si>
  <si>
    <t>chak 13/3 L</t>
  </si>
  <si>
    <t>chak no 13/3L teh ahmed pur sial distt jhang</t>
  </si>
  <si>
    <t>Chak 13/3L</t>
  </si>
  <si>
    <t>sultan bhu</t>
  </si>
  <si>
    <t>Mudasra Noreen</t>
  </si>
  <si>
    <t>GGPS CHAK NO 130/6-R AB</t>
  </si>
  <si>
    <t>130/6-R</t>
  </si>
  <si>
    <t>130/6r haroonabad distt; bWN</t>
  </si>
  <si>
    <t>qaisra riffat</t>
  </si>
  <si>
    <t>GGPS CHAK NO 131 JB EAST</t>
  </si>
  <si>
    <t>Chak No 131jb/E Sharki</t>
  </si>
  <si>
    <t>chak no 131 jb east</t>
  </si>
  <si>
    <t>Chak No 131 Sharki</t>
  </si>
  <si>
    <t>SHAMAILA Hameeed</t>
  </si>
  <si>
    <t>GGPS CHAK NO 131 MURAD</t>
  </si>
  <si>
    <t>131/m</t>
  </si>
  <si>
    <t>chak no.131/m</t>
  </si>
  <si>
    <t>Alia Sattar</t>
  </si>
  <si>
    <t>GGPS CHAK NO 131/6-R EAST</t>
  </si>
  <si>
    <t>131/6r</t>
  </si>
  <si>
    <t>chack no 131/6r tesil haroonabad district bwn</t>
  </si>
  <si>
    <t>131/6r East</t>
  </si>
  <si>
    <t>Samina Ramzan</t>
  </si>
  <si>
    <t>GGPS CHAK NO 13-14 MB</t>
  </si>
  <si>
    <t>13/14MB</t>
  </si>
  <si>
    <t>13/14mb</t>
  </si>
  <si>
    <t>14mb</t>
  </si>
  <si>
    <t>Asia Ashraf</t>
  </si>
  <si>
    <t>GGPS CHAK NO 132 RB 2</t>
  </si>
  <si>
    <t>Chak No 132 RB</t>
  </si>
  <si>
    <t>Chak no.132 R.B 2</t>
  </si>
  <si>
    <t>Abadi Muhammad Khan</t>
  </si>
  <si>
    <t>Bahlol Pur</t>
  </si>
  <si>
    <t>Kainaat Arif</t>
  </si>
  <si>
    <t>GGPS CHAK NO 132 RB I</t>
  </si>
  <si>
    <t>132/rb</t>
  </si>
  <si>
    <t>Salarwala</t>
  </si>
  <si>
    <t>Balorpor</t>
  </si>
  <si>
    <t>GGPS CHAK NO 133 JB BAHADARI</t>
  </si>
  <si>
    <t>Bahadriwala</t>
  </si>
  <si>
    <t>chak # 133 jb bahadriwala tehsil nd district chiniot</t>
  </si>
  <si>
    <t>Bahadrlwala</t>
  </si>
  <si>
    <t>Chak # 146 Jb Bukhri Jhok</t>
  </si>
  <si>
    <t>Sughra Safdar</t>
  </si>
  <si>
    <t>GGPS CHAK NO 133/6-R (E)</t>
  </si>
  <si>
    <t>133/6-r</t>
  </si>
  <si>
    <t>chak no 133/6-r azafi basti</t>
  </si>
  <si>
    <t>iqra Basharat</t>
  </si>
  <si>
    <t>GGPS CHAK NO 134/1-L</t>
  </si>
  <si>
    <t>134 /1L</t>
  </si>
  <si>
    <t>GGPS134/1L</t>
  </si>
  <si>
    <t>134/1L</t>
  </si>
  <si>
    <t>sheikha Bhatta</t>
  </si>
  <si>
    <t>GGPS CHAK NO 136 JB RAJOKA</t>
  </si>
  <si>
    <t>Rajokay</t>
  </si>
  <si>
    <t>chak no 136 JB Rajokay</t>
  </si>
  <si>
    <t>Chak 136rajokay</t>
  </si>
  <si>
    <t>Bhukrri Jhok</t>
  </si>
  <si>
    <t>Asyia Batool</t>
  </si>
  <si>
    <t>GGPS CHAK NO 137 JB MACHIAN WALA</t>
  </si>
  <si>
    <t>Chak 137</t>
  </si>
  <si>
    <t>ggp/s 137 J. b</t>
  </si>
  <si>
    <t>Bhukri Jhok</t>
  </si>
  <si>
    <t>GGPS CHAK NO 137 RB 11</t>
  </si>
  <si>
    <t>chak#137rb ii</t>
  </si>
  <si>
    <t>chak #137rb ii uddu datta</t>
  </si>
  <si>
    <t>137Rb ii uddu data</t>
  </si>
  <si>
    <t>Rafaqat Tahira</t>
  </si>
  <si>
    <t>GGPS CHAK NO 137/6-R AB</t>
  </si>
  <si>
    <t>Chak No 142 6-R</t>
  </si>
  <si>
    <t>Chak No 137 6-R p/o Faqirwali</t>
  </si>
  <si>
    <t>Chak No 137 6-R</t>
  </si>
  <si>
    <t>GGPS CHAK NO 138/6-R</t>
  </si>
  <si>
    <t>GGPS CHAK NO 14/GB</t>
  </si>
  <si>
    <t>GGPS 14/G.B</t>
  </si>
  <si>
    <t>14/GB</t>
  </si>
  <si>
    <t>CTN Urban-IV</t>
  </si>
  <si>
    <t>Ayesha Mehmood</t>
  </si>
  <si>
    <t>GGPS CHAK NO 140 RB</t>
  </si>
  <si>
    <t>Muthyanwala</t>
  </si>
  <si>
    <t>140rb muthyanwala chk jhumra faisalabad</t>
  </si>
  <si>
    <t>ishrat naz</t>
  </si>
  <si>
    <t>GGPS CHAK NO 143 RB</t>
  </si>
  <si>
    <t>Chalk No 143 RB</t>
  </si>
  <si>
    <t>Chalk No 143 RB Matiani Distt. Faisalabad</t>
  </si>
  <si>
    <t>Matiani</t>
  </si>
  <si>
    <t>139 RB</t>
  </si>
  <si>
    <t>GGPS CHAK NO 143 RB II</t>
  </si>
  <si>
    <t>143 RB</t>
  </si>
  <si>
    <t>143 Rb Matiani</t>
  </si>
  <si>
    <t>GGPS CHAK NO 144 JB</t>
  </si>
  <si>
    <t>Chak No 144JB</t>
  </si>
  <si>
    <t>Chak No 144</t>
  </si>
  <si>
    <t>Gatti Sayada</t>
  </si>
  <si>
    <t>Ambreen Akhtar</t>
  </si>
  <si>
    <t>GGPS CHAK NO 144/A</t>
  </si>
  <si>
    <t>Chak # 144/5R</t>
  </si>
  <si>
    <t>Govt Girls Primary School Chak # 144/5R cholistan</t>
  </si>
  <si>
    <t>144/5R</t>
  </si>
  <si>
    <t>GGPS CHAK NO 144/ML</t>
  </si>
  <si>
    <t>Chack No 144/ML</t>
  </si>
  <si>
    <t>chack no 144/ML tehsil kotadu district muzaffargarh</t>
  </si>
  <si>
    <t>Chack No 518/TDA</t>
  </si>
  <si>
    <t>GGPS CHAK NO 145 A TDA</t>
  </si>
  <si>
    <t>Chah Dhodhay Wala</t>
  </si>
  <si>
    <t>Chak no 145A/TDA layyah</t>
  </si>
  <si>
    <t>Chak No 145A/TDA</t>
  </si>
  <si>
    <t>GGPS CHAK NO 145 RB 111</t>
  </si>
  <si>
    <t>Ward Pur</t>
  </si>
  <si>
    <t>chak #145 rb ward pur tehsil Jhumra district Fsd</t>
  </si>
  <si>
    <t>145 RB</t>
  </si>
  <si>
    <t>GGPS CHAK NO 145 RB II</t>
  </si>
  <si>
    <t>Kala Singh</t>
  </si>
  <si>
    <t>Chak no 145 rb ii</t>
  </si>
  <si>
    <t>Ishrat Shahzadi</t>
  </si>
  <si>
    <t>GGPS CHAK NO 145-/TDA NAWAN SIDDIQUE WALA</t>
  </si>
  <si>
    <t>Saddiq wala</t>
  </si>
  <si>
    <t>145 TDA Nawa Saddiq wala</t>
  </si>
  <si>
    <t>Saddiq Wala</t>
  </si>
  <si>
    <t>Asma Ishfaq</t>
  </si>
  <si>
    <t>GGPS CHAK NO 145/TDA YOUSAF WALA</t>
  </si>
  <si>
    <t>GGPS 145 yousaf wala layyah</t>
  </si>
  <si>
    <t>145 chah yousafwala</t>
  </si>
  <si>
    <t>Rabiya Anwer</t>
  </si>
  <si>
    <t>GGPS CHAK NO 147 RB</t>
  </si>
  <si>
    <t>147/RB</t>
  </si>
  <si>
    <t>Churi</t>
  </si>
  <si>
    <t>Shagufta Bilal</t>
  </si>
  <si>
    <t>GGPS CHAK NO 15 AABAS PURA</t>
  </si>
  <si>
    <t>GGPS CHAK NO 15</t>
  </si>
  <si>
    <t>Chak No 15 Jb Moniawala</t>
  </si>
  <si>
    <t>Iram Faiz</t>
  </si>
  <si>
    <t>GGPS CHAK NO 150 TDA CHAH WAZIFI WALA</t>
  </si>
  <si>
    <t>150 TDA</t>
  </si>
  <si>
    <t>150 TDA chah Wazfi</t>
  </si>
  <si>
    <t>Chah Wazifi Wala</t>
  </si>
  <si>
    <t>GGPS CHAK NO 150/2-L A</t>
  </si>
  <si>
    <t>150/2LA</t>
  </si>
  <si>
    <t>Govt Girls primary school 150/2LA</t>
  </si>
  <si>
    <t>GGPS CHAK NO 154 RB</t>
  </si>
  <si>
    <t>154RB</t>
  </si>
  <si>
    <t>GGPS 154 RB</t>
  </si>
  <si>
    <t>154RB Bighyrra</t>
  </si>
  <si>
    <t>Subia Nawaz</t>
  </si>
  <si>
    <t>GGPS CHAK NO 154/EB P.O. BUREWALA</t>
  </si>
  <si>
    <t>154 EB</t>
  </si>
  <si>
    <t>chak no 154/EB P.O. Burewala</t>
  </si>
  <si>
    <t>zhahida parveen</t>
  </si>
  <si>
    <t>GGPS CHAK NO 159 TDA</t>
  </si>
  <si>
    <t>Dadhu Wala</t>
  </si>
  <si>
    <t>chak no159/tda p/o jaman shah layyah</t>
  </si>
  <si>
    <t>159/tda</t>
  </si>
  <si>
    <t>GGPS CHAK NO 16 JB</t>
  </si>
  <si>
    <t>Panah  Kay</t>
  </si>
  <si>
    <t>chak no 16jb1</t>
  </si>
  <si>
    <t>Chak No 16 JB</t>
  </si>
  <si>
    <t>Qadarkay</t>
  </si>
  <si>
    <t>Rahila Ajmal</t>
  </si>
  <si>
    <t>GGPS CHAK NO 160 A TDA PO JAMAN SHAH</t>
  </si>
  <si>
    <t>chak 160a</t>
  </si>
  <si>
    <t>Basti M Haji</t>
  </si>
  <si>
    <t>GGPS CHAK NO 160 BUNGSI SIAL</t>
  </si>
  <si>
    <t>Bungsi Sial</t>
  </si>
  <si>
    <t>chak no 160 Bangsi sial jhang</t>
  </si>
  <si>
    <t>Chak no 160 Bangsi sial</t>
  </si>
  <si>
    <t>Chak Sipra</t>
  </si>
  <si>
    <t>Samina Ahmad</t>
  </si>
  <si>
    <t>GGPS CHAK NO 160 JB KODHAN</t>
  </si>
  <si>
    <t>Chak No160 Kodhan</t>
  </si>
  <si>
    <t>chak no 160,kodhan</t>
  </si>
  <si>
    <t>160 Kodhan</t>
  </si>
  <si>
    <t>159 sipra</t>
  </si>
  <si>
    <t>GGPS CHAK NO 160 JB SIAL PATHAN</t>
  </si>
  <si>
    <t>160 Sial Pathan</t>
  </si>
  <si>
    <t>160 sial Pathan,jhang</t>
  </si>
  <si>
    <t>160 Sial</t>
  </si>
  <si>
    <t>159 Sipra</t>
  </si>
  <si>
    <t>Wafa Kaleem Akhtar</t>
  </si>
  <si>
    <t>GGPS CHAK NO 160 RB I BANGA CHAK</t>
  </si>
  <si>
    <t>160 RB-1,Bange Chak ,chak Jhumra Faisalabad</t>
  </si>
  <si>
    <t>Jaweria Ishfaq</t>
  </si>
  <si>
    <t>GGPS CHAK NO 161 A TDA PO JAMAN SHAH</t>
  </si>
  <si>
    <t>chk num 161.A  langr wala</t>
  </si>
  <si>
    <t>161 A</t>
  </si>
  <si>
    <t>GGPS CHAK NO 161 B TDA PO 162 TDA</t>
  </si>
  <si>
    <t>GGPS 161-B</t>
  </si>
  <si>
    <t>161-B</t>
  </si>
  <si>
    <t>Qamara Yasmeen</t>
  </si>
  <si>
    <t>GGPS CHAK NO 161 JB GUNIANA</t>
  </si>
  <si>
    <t>Guniana</t>
  </si>
  <si>
    <t>chak161 Guniana</t>
  </si>
  <si>
    <t>Sipra</t>
  </si>
  <si>
    <t>Rehana Zafar</t>
  </si>
  <si>
    <t>GGPS CHAK NO 161/M</t>
  </si>
  <si>
    <t>161 M</t>
  </si>
  <si>
    <t>GGPS 161/M</t>
  </si>
  <si>
    <t>188/ M</t>
  </si>
  <si>
    <t>najma kousar</t>
  </si>
  <si>
    <t>GGPS CHAK NO 163 JB</t>
  </si>
  <si>
    <t>Dubba</t>
  </si>
  <si>
    <t>chak no 163 dubba jhang</t>
  </si>
  <si>
    <t>GGPS CHAK NO 164 EB</t>
  </si>
  <si>
    <t>164/eb</t>
  </si>
  <si>
    <t>g.g p/s 164/eb.teh&amp;dist.vehari</t>
  </si>
  <si>
    <t>166/eb</t>
  </si>
  <si>
    <t>GGPS CHAK NO 164-B TDA PO PEER JAGGI</t>
  </si>
  <si>
    <t>Chak No 164b/tda</t>
  </si>
  <si>
    <t>chak no 281 chowk azam</t>
  </si>
  <si>
    <t>Chak No 164b Tda</t>
  </si>
  <si>
    <t>164a Tda</t>
  </si>
  <si>
    <t>bushra parveen</t>
  </si>
  <si>
    <t>GGPS CHAK NO 165 JB</t>
  </si>
  <si>
    <t>Gandy Wala</t>
  </si>
  <si>
    <t>chak 165jhang</t>
  </si>
  <si>
    <t>Rasoolpur Chak 165</t>
  </si>
  <si>
    <t>Pakhrasultan</t>
  </si>
  <si>
    <t>Mehnaz Fatima</t>
  </si>
  <si>
    <t>GGPS CHAK NO 165 JB III</t>
  </si>
  <si>
    <t>Ganday Wala</t>
  </si>
  <si>
    <t>ggps chak 165 jBIII</t>
  </si>
  <si>
    <t>Pakhra Sultan</t>
  </si>
  <si>
    <t>Robina Noor</t>
  </si>
  <si>
    <t>GGPS CHAK NO 165/7-R</t>
  </si>
  <si>
    <t>165/7-r</t>
  </si>
  <si>
    <t>Chak no 165/7-r teh:fts distt :bwn</t>
  </si>
  <si>
    <t>167/7-r</t>
  </si>
  <si>
    <t>GGPS CHAK NO 166 NIKAY DUB</t>
  </si>
  <si>
    <t>Chak No169 jb</t>
  </si>
  <si>
    <t>chak no.166 nikkay dub</t>
  </si>
  <si>
    <t>Chak No166 Nikay Dub</t>
  </si>
  <si>
    <t>Chak No169 Jb</t>
  </si>
  <si>
    <t>GGPS CHAK NO 166/7-R</t>
  </si>
  <si>
    <t>chak.166/7R tehsil fortabbas</t>
  </si>
  <si>
    <t>166/7R</t>
  </si>
  <si>
    <t>167/7R</t>
  </si>
  <si>
    <t>GGPS CHAK NO 167 TDA PO PEER JAGGI LAYYAH</t>
  </si>
  <si>
    <t>GGPS167tda</t>
  </si>
  <si>
    <t>Hafsa Sohail</t>
  </si>
  <si>
    <t>GGPS CHAK NO 167/1</t>
  </si>
  <si>
    <t>Chak No169</t>
  </si>
  <si>
    <t>chak 167</t>
  </si>
  <si>
    <t>Mahnian Bhojian</t>
  </si>
  <si>
    <t>Gerwah</t>
  </si>
  <si>
    <t>Aisha Kanwal</t>
  </si>
  <si>
    <t>GGPS CHAK NO 167/7-R E</t>
  </si>
  <si>
    <t>167/7.r east</t>
  </si>
  <si>
    <t>167/7r East</t>
  </si>
  <si>
    <t>GGPS CHAK NO 169 JB GHARBI</t>
  </si>
  <si>
    <t>Garwah</t>
  </si>
  <si>
    <t>chak no 169 garwh p/o chak no 214 jhang</t>
  </si>
  <si>
    <t>Chak No 169 Garwah</t>
  </si>
  <si>
    <t>PERVEEN AKHTER</t>
  </si>
  <si>
    <t>GGPS CHAK NO 17 MB</t>
  </si>
  <si>
    <t>Chak No 17mb</t>
  </si>
  <si>
    <t>g.g.p/s chak no 17mb tehsil noor pur thal distt khushab</t>
  </si>
  <si>
    <t>GGPS CHAK NO 17 WB</t>
  </si>
  <si>
    <t>17/wb</t>
  </si>
  <si>
    <t>Chak no 17/wb, vehari</t>
  </si>
  <si>
    <t>Chak no 17/wb</t>
  </si>
  <si>
    <t>15/wb</t>
  </si>
  <si>
    <t>Sehrish Nisar</t>
  </si>
  <si>
    <t>GGPS CHAK NO 170 MURAD B</t>
  </si>
  <si>
    <t>170 M</t>
  </si>
  <si>
    <t>G.G.P.School170/M.B</t>
  </si>
  <si>
    <t>170M</t>
  </si>
  <si>
    <t>169M</t>
  </si>
  <si>
    <t>GGPS CHAK NO 170/172 NB</t>
  </si>
  <si>
    <t>170/172 Nb</t>
  </si>
  <si>
    <t>chak 170/172 nb</t>
  </si>
  <si>
    <t>169 Nb</t>
  </si>
  <si>
    <t>GGPS CHAK NO 170/M (A)</t>
  </si>
  <si>
    <t>170 Murad</t>
  </si>
  <si>
    <t>jaja town dahranwala</t>
  </si>
  <si>
    <t>170 M  A</t>
  </si>
  <si>
    <t>169 M</t>
  </si>
  <si>
    <t>GGPS CHAK NO 171 JB MANGANI</t>
  </si>
  <si>
    <t>Mangani</t>
  </si>
  <si>
    <t>chak 171mangani</t>
  </si>
  <si>
    <t>Chao 171 Mangani</t>
  </si>
  <si>
    <t>GGPS CHAK NO 171/7-R (COLONY)</t>
  </si>
  <si>
    <t>171/7r colony tehsil fort Abbas  district bahawalnagar</t>
  </si>
  <si>
    <t>171/7r Colony</t>
  </si>
  <si>
    <t>RAZIA BAGAM</t>
  </si>
  <si>
    <t>GGPS CHAK NO 171/7-R N</t>
  </si>
  <si>
    <t>171/7r</t>
  </si>
  <si>
    <t>chalk 426/6r  dist bwn</t>
  </si>
  <si>
    <t>Type 171/7r N</t>
  </si>
  <si>
    <t>185/7r</t>
  </si>
  <si>
    <t>Rahila Tabassum</t>
  </si>
  <si>
    <t>GGPS CHAK NO 171/7-R SOUTH</t>
  </si>
  <si>
    <t>171/7r South</t>
  </si>
  <si>
    <t>171/7r south</t>
  </si>
  <si>
    <t>GGPS CHAK NO 172 II</t>
  </si>
  <si>
    <t>172/2</t>
  </si>
  <si>
    <t>Chak 172/2  jhang</t>
  </si>
  <si>
    <t>GGPS CHAK NO 173/7-R E</t>
  </si>
  <si>
    <t>BWN</t>
  </si>
  <si>
    <t>chak no 173/7r</t>
  </si>
  <si>
    <t>173/7r</t>
  </si>
  <si>
    <t>NAEEM AKHTAR</t>
  </si>
  <si>
    <t>GGPS CHAK NO 174/7-R</t>
  </si>
  <si>
    <t>174/7-R</t>
  </si>
  <si>
    <t>chak no 174/7-R district bahawalnagr</t>
  </si>
  <si>
    <t>176/7-R</t>
  </si>
  <si>
    <t>Fazeelat Afzala</t>
  </si>
  <si>
    <t>GGPS CHAK NO 175 JB ABAS NAGAR</t>
  </si>
  <si>
    <t>Chk175</t>
  </si>
  <si>
    <t>chk175'</t>
  </si>
  <si>
    <t>Chk175jb</t>
  </si>
  <si>
    <t>GGPS CHAK NO 175/7-R</t>
  </si>
  <si>
    <t>175/7r</t>
  </si>
  <si>
    <t>chak no.175/7r tehsil fortabbas distt.bwn</t>
  </si>
  <si>
    <t>GGPS CHAK NO 176 JB II</t>
  </si>
  <si>
    <t>Jopoo</t>
  </si>
  <si>
    <t>chak no l76/2</t>
  </si>
  <si>
    <t>176/jb</t>
  </si>
  <si>
    <t>Chak 450</t>
  </si>
  <si>
    <t>Najma Akhter</t>
  </si>
  <si>
    <t>GGPS CHAK NO 177/7-R</t>
  </si>
  <si>
    <t>177 7r</t>
  </si>
  <si>
    <t>177 7R</t>
  </si>
  <si>
    <t>Chack  176 7r</t>
  </si>
  <si>
    <t>Sajida parveen</t>
  </si>
  <si>
    <t>GGPS CHAK NO 179/7-R</t>
  </si>
  <si>
    <t>179/7r</t>
  </si>
  <si>
    <t>Chak no. 179/7R Tehsil. Fort Abbas. Distt. Bahawalnagar</t>
  </si>
  <si>
    <t>179/7R</t>
  </si>
  <si>
    <t>FAKHRA PERVEEN</t>
  </si>
  <si>
    <t>GGPS CHAK NO 180 TDA</t>
  </si>
  <si>
    <t>Dagar Rhtas</t>
  </si>
  <si>
    <t>chak no 180tda</t>
  </si>
  <si>
    <t>Rukhsana begum</t>
  </si>
  <si>
    <t>GGPS CHAK NO 181 TDA</t>
  </si>
  <si>
    <t>Daggar rehtas</t>
  </si>
  <si>
    <t>GGPS Chak No 181 Tda</t>
  </si>
  <si>
    <t>Chak 181 TDA</t>
  </si>
  <si>
    <t>183-184</t>
  </si>
  <si>
    <t>Tasleem Chaudhry</t>
  </si>
  <si>
    <t>GGPS CHAK NO 181/7-R (EAST)</t>
  </si>
  <si>
    <t>chak no 181/7-R (E) p.o 213/9-R Fortabbas</t>
  </si>
  <si>
    <t>181/7-R E</t>
  </si>
  <si>
    <t>213/9-R</t>
  </si>
  <si>
    <t>Shabina Tufail</t>
  </si>
  <si>
    <t>GGPS CHAK NO 182</t>
  </si>
  <si>
    <t>GGPS chak 182 /1</t>
  </si>
  <si>
    <t>Chak 182</t>
  </si>
  <si>
    <t>Chak No 182 Mochiwala</t>
  </si>
  <si>
    <t>Nighat Rasool</t>
  </si>
  <si>
    <t>GGPS CHAK NO 183/7-R N</t>
  </si>
  <si>
    <t>183 7 R N</t>
  </si>
  <si>
    <t>183 7 r n tehsil fortabbas</t>
  </si>
  <si>
    <t>GGPS CHAK NO 184 TDA</t>
  </si>
  <si>
    <t>184tda</t>
  </si>
  <si>
    <t>Chak no 184 tda bhakkar</t>
  </si>
  <si>
    <t>183 184 Tda</t>
  </si>
  <si>
    <t>GGPS CHAK NO 184/7-R</t>
  </si>
  <si>
    <t>184/7r</t>
  </si>
  <si>
    <t>Chak No. 184/7.r</t>
  </si>
  <si>
    <t>MUSSRAT BANO</t>
  </si>
  <si>
    <t>GGPS CHAK NO 184/P JADEED</t>
  </si>
  <si>
    <t>184p Jadeed</t>
  </si>
  <si>
    <t>Chak no.184/p jadeed sdk</t>
  </si>
  <si>
    <t>Chak No184p Jadeed</t>
  </si>
  <si>
    <t>GGPS CHAK NO 185 JB</t>
  </si>
  <si>
    <t>Bhuttay</t>
  </si>
  <si>
    <t>Chak no 185 jb bhuttay</t>
  </si>
  <si>
    <t>Chak no 185 jb</t>
  </si>
  <si>
    <t>184 Sial</t>
  </si>
  <si>
    <t>Noor Jahan</t>
  </si>
  <si>
    <t>GGPS CHAK NO 185 TDA</t>
  </si>
  <si>
    <t>185/TDA</t>
  </si>
  <si>
    <t>GGPS CHAK no 185/TDA BHAKKAR</t>
  </si>
  <si>
    <t>Chah Roda</t>
  </si>
  <si>
    <t>GGPS CHAK NO 186/7-R</t>
  </si>
  <si>
    <t>chak no 186 7r west, P/o khichi wala,Tehsil FortAbbas,Dist Bahawal Nagar</t>
  </si>
  <si>
    <t>186 7r West</t>
  </si>
  <si>
    <t>GGPS CHAK NO 186/7-R E</t>
  </si>
  <si>
    <t>186/7R East</t>
  </si>
  <si>
    <t>chak no 186/7R East</t>
  </si>
  <si>
    <t>GGPS CHAK NO 187 RB 1</t>
  </si>
  <si>
    <t>Kacha jhumra</t>
  </si>
  <si>
    <t>Ggps187rb_1,Kacha jhumra faisalabad</t>
  </si>
  <si>
    <t>187rb-1 Kacha   Kacha Jhumra</t>
  </si>
  <si>
    <t>Dogra wala186</t>
  </si>
  <si>
    <t>Najma Farzand</t>
  </si>
  <si>
    <t>GGPS CHAK NO 188 JB</t>
  </si>
  <si>
    <t>chak no 188</t>
  </si>
  <si>
    <t>GGPS CHAK NO 188 RB</t>
  </si>
  <si>
    <t>188 Rb</t>
  </si>
  <si>
    <t>188Rb lakarwala teh jhumra dist Faisalabad</t>
  </si>
  <si>
    <t>Lakarwala</t>
  </si>
  <si>
    <t>Attia Tariq</t>
  </si>
  <si>
    <t>GGPS CHAK NO 188/7-R E</t>
  </si>
  <si>
    <t>188 7r East</t>
  </si>
  <si>
    <t>chak No. 188 7R/E, Tehsil Fort Abbas</t>
  </si>
  <si>
    <t>188 7.R/E</t>
  </si>
  <si>
    <t>UC-187</t>
  </si>
  <si>
    <t>GGPS CHAK NO 188/7-R W</t>
  </si>
  <si>
    <t>188/7Rw</t>
  </si>
  <si>
    <t>188/7R(w)</t>
  </si>
  <si>
    <t>GGPS CHAK NO 189/7-R W</t>
  </si>
  <si>
    <t>189 7R</t>
  </si>
  <si>
    <t>189 7R( w ) Teh: Fort Abbas. Distt: Bahawal Nagar.</t>
  </si>
  <si>
    <t>187 7R</t>
  </si>
  <si>
    <t>GGPS CHAK NO 190 JB</t>
  </si>
  <si>
    <t>Chak No 190</t>
  </si>
  <si>
    <t>Chak no 190</t>
  </si>
  <si>
    <t>Aarbi</t>
  </si>
  <si>
    <t>Shaher Bano</t>
  </si>
  <si>
    <t>GGPS CHAK NO 190 RB</t>
  </si>
  <si>
    <t>Karari Khurd</t>
  </si>
  <si>
    <t>GGPS 190 R.B khurd faisalabad</t>
  </si>
  <si>
    <t>Chak No190RB</t>
  </si>
  <si>
    <t>ChakNo191</t>
  </si>
  <si>
    <t>GGPS CHAK NO 191 JB</t>
  </si>
  <si>
    <t>Khokhranwala</t>
  </si>
  <si>
    <t>chak no 191j/b bhowana</t>
  </si>
  <si>
    <t>191 J/B</t>
  </si>
  <si>
    <t>Arbiyan</t>
  </si>
  <si>
    <t>Sajida Anwar</t>
  </si>
  <si>
    <t>GGPS CHAK NO 191/7-R NO 1</t>
  </si>
  <si>
    <t>191 7r   E</t>
  </si>
  <si>
    <t>191 7r e</t>
  </si>
  <si>
    <t>191 7r E</t>
  </si>
  <si>
    <t>167 7r</t>
  </si>
  <si>
    <t>GGPS CHAK NO 191/7-R NO. 2</t>
  </si>
  <si>
    <t>191/7R m</t>
  </si>
  <si>
    <t>Amtul Alia</t>
  </si>
  <si>
    <t>GGPS CHAK NO 194 JB</t>
  </si>
  <si>
    <t>Sial Wala</t>
  </si>
  <si>
    <t>SIAL WALA CHAK NO# 194 TEH. BHAWANA</t>
  </si>
  <si>
    <t>SIAL WALA</t>
  </si>
  <si>
    <t>BHULLO</t>
  </si>
  <si>
    <t>ADEELA KHATOON</t>
  </si>
  <si>
    <t>GGPS CHAK NO 196 JB KARAM SHAH WALA</t>
  </si>
  <si>
    <t>chak no 196 karam shah</t>
  </si>
  <si>
    <t>Chak No 196 Karam Shah</t>
  </si>
  <si>
    <t>Bhalo</t>
  </si>
  <si>
    <t>Syeda Shahnaz Akhtar</t>
  </si>
  <si>
    <t>GGPS CHAK NO 196 TDA</t>
  </si>
  <si>
    <t>196 tda</t>
  </si>
  <si>
    <t>196 Tda</t>
  </si>
  <si>
    <t>GGPS CHAK NO 197 JB</t>
  </si>
  <si>
    <t>Chak no 197jb</t>
  </si>
  <si>
    <t>Chak No 197jb</t>
  </si>
  <si>
    <t>Chak No 200</t>
  </si>
  <si>
    <t>GGPS CHAK NO 197 RB II</t>
  </si>
  <si>
    <t>Bagewal</t>
  </si>
  <si>
    <t>chak no. 197 RB</t>
  </si>
  <si>
    <t>197 RB</t>
  </si>
  <si>
    <t>Ambreen Ali</t>
  </si>
  <si>
    <t>GGPS CHAK NO 198 8R</t>
  </si>
  <si>
    <t>198/8R</t>
  </si>
  <si>
    <t>Chaka NO 198/8R</t>
  </si>
  <si>
    <t>Chak NO 198/8R</t>
  </si>
  <si>
    <t>Chak NO 204/9R</t>
  </si>
  <si>
    <t>MASSARAT JABEEN</t>
  </si>
  <si>
    <t>GGPS CHAK NO 198 JB WEST</t>
  </si>
  <si>
    <t>Marzi Pura</t>
  </si>
  <si>
    <t>GGPS CHAK NO 198JB TEHSIL BHOWANA DISTRICT CHINIOT</t>
  </si>
  <si>
    <t>Chak no 198jb</t>
  </si>
  <si>
    <t>210 jb Tarar</t>
  </si>
  <si>
    <t>Asia Sarwat</t>
  </si>
  <si>
    <t>GGPS CHAK NO 2 TDA</t>
  </si>
  <si>
    <t>2TDA</t>
  </si>
  <si>
    <t>GGPS CHAK # 2 TDA</t>
  </si>
  <si>
    <t>Sughra Jabbar</t>
  </si>
  <si>
    <t>GGPS CHAK NO 20 MB</t>
  </si>
  <si>
    <t>GGPS  chak no 20mb Teh Noorpur Dis. khushab</t>
  </si>
  <si>
    <t>Jameela Ifra</t>
  </si>
  <si>
    <t>GGPS CHAK NO 200/8-R EAST</t>
  </si>
  <si>
    <t>200/8r East</t>
  </si>
  <si>
    <t>200/8.r east</t>
  </si>
  <si>
    <t>Samra Sharif</t>
  </si>
  <si>
    <t>GGPS CHAK NO 200/8-R W</t>
  </si>
  <si>
    <t>Chak No 200/8r W</t>
  </si>
  <si>
    <t>Fozia Mushtaq</t>
  </si>
  <si>
    <t>GGPS CHAK NO 201 RB II</t>
  </si>
  <si>
    <t>201 rb II</t>
  </si>
  <si>
    <t>G.G .P. School 201 rb II</t>
  </si>
  <si>
    <t>201rb II</t>
  </si>
  <si>
    <t>195 Rb</t>
  </si>
  <si>
    <t>Shabana Nahid</t>
  </si>
  <si>
    <t>GGPS CHAK NO 201/P</t>
  </si>
  <si>
    <t>201/p</t>
  </si>
  <si>
    <t>chak no 201/p</t>
  </si>
  <si>
    <t>264/p</t>
  </si>
  <si>
    <t>Sobia Ikram</t>
  </si>
  <si>
    <t>GGPS CHAK NO 202/8-R WEST</t>
  </si>
  <si>
    <t>202/8rw</t>
  </si>
  <si>
    <t>202/8r w tehsil fortabbas district bwn</t>
  </si>
  <si>
    <t>202/8r W</t>
  </si>
  <si>
    <t>GGPS CHAK NO 203/8-R</t>
  </si>
  <si>
    <t>203 /8-R</t>
  </si>
  <si>
    <t>203/8-R</t>
  </si>
  <si>
    <t>Zareefa Muqaddas</t>
  </si>
  <si>
    <t>GGPS CHAK NO 204 HB</t>
  </si>
  <si>
    <t>204/hb</t>
  </si>
  <si>
    <t>GGPS204HB</t>
  </si>
  <si>
    <t>204hb</t>
  </si>
  <si>
    <t>204/9r</t>
  </si>
  <si>
    <t>SAIMA RAUF</t>
  </si>
  <si>
    <t>GGPS CHAK NO 205 JB</t>
  </si>
  <si>
    <t>Galotranwali</t>
  </si>
  <si>
    <t>chak no 205jb Tehsil Bhowana District Chiniot</t>
  </si>
  <si>
    <t>Chak No 210 Jb Tarar</t>
  </si>
  <si>
    <t>Sidra farheen</t>
  </si>
  <si>
    <t>GGPS CHAK NO 206 RB III</t>
  </si>
  <si>
    <t>Havalian</t>
  </si>
  <si>
    <t>GGPS 206 RB III</t>
  </si>
  <si>
    <t>206 Havalian</t>
  </si>
  <si>
    <t>GGPS CHAK NO 206/9-R</t>
  </si>
  <si>
    <t>206/9r</t>
  </si>
  <si>
    <t>199/8r</t>
  </si>
  <si>
    <t>Anees Akhter</t>
  </si>
  <si>
    <t>GGPS CHAK NO 209 JB EAST</t>
  </si>
  <si>
    <t>Chak No 209 Jb</t>
  </si>
  <si>
    <t>Govt.Girls Primary School Chak No 209 JB East</t>
  </si>
  <si>
    <t>Chak  209 JB East</t>
  </si>
  <si>
    <t>Chak No 210 JB</t>
  </si>
  <si>
    <t>GGPS CHAK NO 209/9-R EAST</t>
  </si>
  <si>
    <t>209/9 R E</t>
  </si>
  <si>
    <t>Chak no 209/9.R(E)</t>
  </si>
  <si>
    <t>209/9R E</t>
  </si>
  <si>
    <t>Asifa Irshad</t>
  </si>
  <si>
    <t>GGPS CHAK NO 209/R WEST</t>
  </si>
  <si>
    <t>209/9r W</t>
  </si>
  <si>
    <t>209/9rwest</t>
  </si>
  <si>
    <t>Mahar Un Nisa</t>
  </si>
  <si>
    <t>GGPS CHAK NO 21</t>
  </si>
  <si>
    <t>Chak 21</t>
  </si>
  <si>
    <t>Chak 21 Sharaqpur</t>
  </si>
  <si>
    <t>GGPS CHAK NO 21 MB</t>
  </si>
  <si>
    <t>21 Mb</t>
  </si>
  <si>
    <t>post office 22 mb</t>
  </si>
  <si>
    <t>Kulsoom Shahnawaz</t>
  </si>
  <si>
    <t>GGPS CHAK NO 21 ML</t>
  </si>
  <si>
    <t>Rakh Ghulaman</t>
  </si>
  <si>
    <t>Chak No. 21 ML, Tehsil Kallur kot, district Bhakkar</t>
  </si>
  <si>
    <t>Chak No 21 ML</t>
  </si>
  <si>
    <t>Daily Naamdar</t>
  </si>
  <si>
    <t>Mujeeba Anam</t>
  </si>
  <si>
    <t>GGPS CHAK NO 213/P</t>
  </si>
  <si>
    <t>chak#213/p</t>
  </si>
  <si>
    <t>213/p</t>
  </si>
  <si>
    <t>Aisha Shabir</t>
  </si>
  <si>
    <t>GGPS CHAK NO 214 GUJAR</t>
  </si>
  <si>
    <t>ggps 214 gujar</t>
  </si>
  <si>
    <t>Chak 214 Gujjar</t>
  </si>
  <si>
    <t>Rabia Perveen</t>
  </si>
  <si>
    <t>GGPS CHAK NO 214 RB HIMMAT PURA</t>
  </si>
  <si>
    <t>214/RB II</t>
  </si>
  <si>
    <t>Chak No 214/ R.B Himmat pura Fsd</t>
  </si>
  <si>
    <t>Farhat rizwana naz</t>
  </si>
  <si>
    <t>GGPS CHAK NO 214 RB I</t>
  </si>
  <si>
    <t>Dhuddi Wala</t>
  </si>
  <si>
    <t>214 RB 1 Dhuddhi wala Faisalabad</t>
  </si>
  <si>
    <t>Kahkashan Colony</t>
  </si>
  <si>
    <t>Saima Nazir</t>
  </si>
  <si>
    <t>cane water</t>
  </si>
  <si>
    <t>GGPS CHAK NO 214/9-R</t>
  </si>
  <si>
    <t>Chak No 214/9r</t>
  </si>
  <si>
    <t>chak no 214 / 9R tensile fort abbas district BWN</t>
  </si>
  <si>
    <t>Chak No214/ 9r</t>
  </si>
  <si>
    <t>Chak No213 / 9r</t>
  </si>
  <si>
    <t>GGPS CHAK NO 215/9-R</t>
  </si>
  <si>
    <t>215/9r</t>
  </si>
  <si>
    <t>chak 215/9r</t>
  </si>
  <si>
    <t>213/9r</t>
  </si>
  <si>
    <t>GGPS CHAK NO 217 RB ACHKERA</t>
  </si>
  <si>
    <t>Achkera</t>
  </si>
  <si>
    <t>CHAK NO 217 RB achkera</t>
  </si>
  <si>
    <t>217 RB ACHKERA</t>
  </si>
  <si>
    <t>GGPS CHAK NO 217/9-R G</t>
  </si>
  <si>
    <t>217/9-r</t>
  </si>
  <si>
    <t>Sana Jabbar</t>
  </si>
  <si>
    <t>GGPS CHAK NO 219 JB</t>
  </si>
  <si>
    <t>Chak No 219/JB</t>
  </si>
  <si>
    <t>Chak No.219/JB Tehsil &amp; Disrict Jang</t>
  </si>
  <si>
    <t>Chak No 265/JB</t>
  </si>
  <si>
    <t>RUKHSANA  TUBBSUM</t>
  </si>
  <si>
    <t>GGPS CHAK NO 219 TDA</t>
  </si>
  <si>
    <t>mojgarh</t>
  </si>
  <si>
    <t>GGPS CHAK NO 219 A/TDA AKBAR JAG WALA KAROR LAL EASON DISTRICT LAYYAH</t>
  </si>
  <si>
    <t>akbar jag wala</t>
  </si>
  <si>
    <t>Shahnaz akhtar</t>
  </si>
  <si>
    <t>GGPS CHAK NO 22 MB</t>
  </si>
  <si>
    <t>22mb</t>
  </si>
  <si>
    <t>chak no 22 mb</t>
  </si>
  <si>
    <t>Saleha Ghaffar</t>
  </si>
  <si>
    <t>GGPS CHAK NO 22/A</t>
  </si>
  <si>
    <t>22/A</t>
  </si>
  <si>
    <t>GGPS 22/A</t>
  </si>
  <si>
    <t>GGPS CHAK NO 220 RB 11</t>
  </si>
  <si>
    <t>220RBPathanwala</t>
  </si>
  <si>
    <t>govt girls primry school 220 RB ll pathanwala</t>
  </si>
  <si>
    <t>GGPS CHAK NO 220 RB LATIF PARK</t>
  </si>
  <si>
    <t>GGPS 220/RB lateef park</t>
  </si>
  <si>
    <t>Chak 220 RBlateef park</t>
  </si>
  <si>
    <t>GGPS CHAK NO 220 TDA</t>
  </si>
  <si>
    <t>Mog Ghar</t>
  </si>
  <si>
    <t>GGPS220TDA</t>
  </si>
  <si>
    <t>Chawk No 220 TDA</t>
  </si>
  <si>
    <t>93-ML</t>
  </si>
  <si>
    <t>RASHIDA YASMEEN</t>
  </si>
  <si>
    <t>GGPS CHAK NO 221 RB PIND PURANA</t>
  </si>
  <si>
    <t>Risala#15</t>
  </si>
  <si>
    <t>221/RB,Pind Purana</t>
  </si>
  <si>
    <t>Pind Purana</t>
  </si>
  <si>
    <t>222/RBSitara Colony</t>
  </si>
  <si>
    <t>Nazish</t>
  </si>
  <si>
    <t>GGPS CHAK NO 221 TDA</t>
  </si>
  <si>
    <t>Moj Grh</t>
  </si>
  <si>
    <t>Chak no 221/tda tehsil kror district layyah</t>
  </si>
  <si>
    <t>221/TDA</t>
  </si>
  <si>
    <t>GGPS CHAK NO 223 RB CHUNGI 15</t>
  </si>
  <si>
    <t>murad colony st# 1 samundri road fsd</t>
  </si>
  <si>
    <t>chungi NO 15 fsd</t>
  </si>
  <si>
    <t>SIndhu town</t>
  </si>
  <si>
    <t>fozia kabeer</t>
  </si>
  <si>
    <t>GGPS CHAK NO 224/9-R (S)</t>
  </si>
  <si>
    <t>Chak 224-9R S 224-9R</t>
  </si>
  <si>
    <t>Chak Number 224-9/R teh. Fort Abbas</t>
  </si>
  <si>
    <t>224-9/R</t>
  </si>
  <si>
    <t>226-9R</t>
  </si>
  <si>
    <t>GGPS CHAK NO 225 JB</t>
  </si>
  <si>
    <t>chak  no.225 jb.Bhowana Disstrict Chiniot</t>
  </si>
  <si>
    <t>Shazia Almas</t>
  </si>
  <si>
    <t>GGPS CHAK NO 226 EB</t>
  </si>
  <si>
    <t>Chak no 226EB vehari</t>
  </si>
  <si>
    <t>226/EB</t>
  </si>
  <si>
    <t>Hafsa Niaz</t>
  </si>
  <si>
    <t>GGPS CHAK NO 226 TDA</t>
  </si>
  <si>
    <t>Chak No 226 TDA</t>
  </si>
  <si>
    <t>Chak No 226 TDA Tehsil Karor District Layyah</t>
  </si>
  <si>
    <t>Shoukat abad</t>
  </si>
  <si>
    <t>Imtiaz Bano</t>
  </si>
  <si>
    <t>GGPS CHAK NO 226/9-R</t>
  </si>
  <si>
    <t>226/9R</t>
  </si>
  <si>
    <t>chak 226-9R, Tehsil Fort Abbas, District Bhawalnagar</t>
  </si>
  <si>
    <t>GGPS CHAK NO 229 TDA</t>
  </si>
  <si>
    <t>GGPS 229/TDA, Tehsil Karor District Layyah</t>
  </si>
  <si>
    <t>Chak No 229/TDA</t>
  </si>
  <si>
    <t>Fateh Pur  Rural</t>
  </si>
  <si>
    <t>Bano Akhtar</t>
  </si>
  <si>
    <t>GGPS CHAK NO 23/A</t>
  </si>
  <si>
    <t>Ch#23/A</t>
  </si>
  <si>
    <t>ch#23/A.liaquatpur</t>
  </si>
  <si>
    <t>32A</t>
  </si>
  <si>
    <t>Rafia Nazli</t>
  </si>
  <si>
    <t>GGPS CHAK NO 230 A TDA</t>
  </si>
  <si>
    <t>Chak No 230A/TDA</t>
  </si>
  <si>
    <t>GGPS chak no. 230-A/TDA Peeran wala,tehsil karor district layyah</t>
  </si>
  <si>
    <t>Chak No. 230-A/TDA</t>
  </si>
  <si>
    <t>Shahzana Shaheen</t>
  </si>
  <si>
    <t>GGPS CHAK NO 230 JB</t>
  </si>
  <si>
    <t>Chak No 230 JB</t>
  </si>
  <si>
    <t>Chak No. 230 JB</t>
  </si>
  <si>
    <t>Chak No 159/JB</t>
  </si>
  <si>
    <t>Rafia Parveen</t>
  </si>
  <si>
    <t>GGPS CHAK NO 231 JB</t>
  </si>
  <si>
    <t>kamokah</t>
  </si>
  <si>
    <t>ck #231 teh.&amp;dist.jhang</t>
  </si>
  <si>
    <t>Kamokah</t>
  </si>
  <si>
    <t>Ck Sipra 159</t>
  </si>
  <si>
    <t>GGPS CHAK NO 231/TDA</t>
  </si>
  <si>
    <t>chak no.231/TDA</t>
  </si>
  <si>
    <t>chak#231/TDA</t>
  </si>
  <si>
    <t>mehar khatoon</t>
  </si>
  <si>
    <t>GGPS CHAK NO 232/9-R S</t>
  </si>
  <si>
    <t>Chak 232/9r S</t>
  </si>
  <si>
    <t>chak no 232/9r(s)tahsil fort Abbas distic bwn</t>
  </si>
  <si>
    <t>232/9r</t>
  </si>
  <si>
    <t>GGPS CHAK NO 234 B/ TDA</t>
  </si>
  <si>
    <t>chak no.234.b</t>
  </si>
  <si>
    <t>chak no.234.B</t>
  </si>
  <si>
    <t>shoukt Abad</t>
  </si>
  <si>
    <t>GGPS CHAK NO 236 TDA</t>
  </si>
  <si>
    <t>Chalk No. 236/TDA</t>
  </si>
  <si>
    <t>236/TDA</t>
  </si>
  <si>
    <t>Shaukat  Abad</t>
  </si>
  <si>
    <t>Ishrat Bibi</t>
  </si>
  <si>
    <t>GGPS CHAK NO 237 JB WEST</t>
  </si>
  <si>
    <t>Langrana</t>
  </si>
  <si>
    <t>GGPS 237w langrana Tehsil Bhowana dist chiniot</t>
  </si>
  <si>
    <t>Langrana 237w</t>
  </si>
  <si>
    <t>GGPS CHAK NO 239 RB II</t>
  </si>
  <si>
    <t>Harlan</t>
  </si>
  <si>
    <t>239 rb II harlhan</t>
  </si>
  <si>
    <t>239 Rb II Harlan</t>
  </si>
  <si>
    <t>Fatima Nisar</t>
  </si>
  <si>
    <t>GGPS CHAK NO 24 MB</t>
  </si>
  <si>
    <t>chak 24 mb</t>
  </si>
  <si>
    <t>chak no 24 mb</t>
  </si>
  <si>
    <t>chak 24mb</t>
  </si>
  <si>
    <t>Saba Fatima</t>
  </si>
  <si>
    <t>GGPS CHAK NO 240 JB WEST HINDLANA</t>
  </si>
  <si>
    <t>240 Handlana</t>
  </si>
  <si>
    <t>chak no 240 west handlana tehsil bhowana distt chiniot</t>
  </si>
  <si>
    <t>240 West</t>
  </si>
  <si>
    <t>Sahamal 208</t>
  </si>
  <si>
    <t>saba shabbir</t>
  </si>
  <si>
    <t>GGPS CHAK NO 242 A TDA</t>
  </si>
  <si>
    <t>chak no.242A.tda</t>
  </si>
  <si>
    <t>rurl fateh pur</t>
  </si>
  <si>
    <t>GGPS CHAK NO 243 JB WEST</t>
  </si>
  <si>
    <t>Chak 243</t>
  </si>
  <si>
    <t>GGPS 243 JB west , tehsil bhowana</t>
  </si>
  <si>
    <t>243 Channad</t>
  </si>
  <si>
    <t>GGPS CHAK NO 244 JB</t>
  </si>
  <si>
    <t>Chak No 244 Deoka</t>
  </si>
  <si>
    <t>chak no 244 deoka</t>
  </si>
  <si>
    <t>244 Deoka</t>
  </si>
  <si>
    <t>Chak No 210 Tarar</t>
  </si>
  <si>
    <t>GGPS CHAK NO 244 TDA</t>
  </si>
  <si>
    <t>244/tda</t>
  </si>
  <si>
    <t>chak # 244 TDA</t>
  </si>
  <si>
    <t>GGPS CHAK NO 245 JB SAGAL</t>
  </si>
  <si>
    <t>Saggal</t>
  </si>
  <si>
    <t>chak 245sagal tehsil bhuwana district chiniot</t>
  </si>
  <si>
    <t>CHak 245 Sgal</t>
  </si>
  <si>
    <t>Memona Ali</t>
  </si>
  <si>
    <t>GGPS CHAK NO 246A TDA</t>
  </si>
  <si>
    <t>Chak No 246A TDA</t>
  </si>
  <si>
    <t>GGPS chak no 246A TDA.</t>
  </si>
  <si>
    <t>Chak No 246A/tda</t>
  </si>
  <si>
    <t>Olakh  Thal Kalan</t>
  </si>
  <si>
    <t>GGPS CHAK NO 247 RB MIANI</t>
  </si>
  <si>
    <t>chak no 247/rb</t>
  </si>
  <si>
    <t>247/rb</t>
  </si>
  <si>
    <t>Sabida Tabassum</t>
  </si>
  <si>
    <t>GGPS CHAK NO 252 TDA</t>
  </si>
  <si>
    <t>Chak No 252/TDA</t>
  </si>
  <si>
    <t>GGPS Chak No. 252/TDA, Tehsil Karor District Layyah</t>
  </si>
  <si>
    <t>GGPS CHAK NO 253 RB  II</t>
  </si>
  <si>
    <t>253Rb Jahangir Kalan</t>
  </si>
  <si>
    <t>253rbii islam nagar</t>
  </si>
  <si>
    <t>Shehnila Parveen</t>
  </si>
  <si>
    <t>GGPS CHAK NO 253 TDA</t>
  </si>
  <si>
    <t>253/tda</t>
  </si>
  <si>
    <t>chak no.253tda</t>
  </si>
  <si>
    <t>Chak No253tda</t>
  </si>
  <si>
    <t>GGPS CHAK NO 254 I</t>
  </si>
  <si>
    <t>Chak 254</t>
  </si>
  <si>
    <t>chak 254</t>
  </si>
  <si>
    <t>Nangey Imrany</t>
  </si>
  <si>
    <t>Naz Naseer</t>
  </si>
  <si>
    <t>GGPS CHAK NO 254 TDA</t>
  </si>
  <si>
    <t>254tda</t>
  </si>
  <si>
    <t>chak no 254tda teh.karor dist.layyah</t>
  </si>
  <si>
    <t>Shahida Siddique</t>
  </si>
  <si>
    <t>GGPS CHAK NO 255 TDA</t>
  </si>
  <si>
    <t>255/tda</t>
  </si>
  <si>
    <t>Chak No 255/tda</t>
  </si>
  <si>
    <t>Chak No 255/TDA</t>
  </si>
  <si>
    <t>110/tda</t>
  </si>
  <si>
    <t>Samina Firdous</t>
  </si>
  <si>
    <t>GGPS CHAK NO 256/HR</t>
  </si>
  <si>
    <t>256/HL</t>
  </si>
  <si>
    <t>chak No.256/HL</t>
  </si>
  <si>
    <t>133 Chak No260-HR</t>
  </si>
  <si>
    <t>Fouzia Andleeb</t>
  </si>
  <si>
    <t>GGPS CHAK NO 257 RB</t>
  </si>
  <si>
    <t>Bogan</t>
  </si>
  <si>
    <t>chak.no.257 RB Bogan Faisalabad</t>
  </si>
  <si>
    <t>Rubanoureen</t>
  </si>
  <si>
    <t>GGPS CHAK NO 257 TDA</t>
  </si>
  <si>
    <t>GGPS 257/TDA</t>
  </si>
  <si>
    <t>Chak NO 257 T/D/A</t>
  </si>
  <si>
    <t>Chak No 110 T/D/A</t>
  </si>
  <si>
    <t>ishrat perveen</t>
  </si>
  <si>
    <t>GGPS CHAK NO 258 TDA</t>
  </si>
  <si>
    <t>Aulakh</t>
  </si>
  <si>
    <t>chak no 258tda</t>
  </si>
  <si>
    <t>258 Tda</t>
  </si>
  <si>
    <t>iqbal  bagum</t>
  </si>
  <si>
    <t>GGPS CHAK NO 259 HEER DA AHATA</t>
  </si>
  <si>
    <t>chak259Heer DaHatta</t>
  </si>
  <si>
    <t>Heer Da Hatta</t>
  </si>
  <si>
    <t>GGPS CHAK NO 259 PATOANA</t>
  </si>
  <si>
    <t>259 Patoana</t>
  </si>
  <si>
    <t>GGPS chak no 259 patoana</t>
  </si>
  <si>
    <t>Hina Maryam</t>
  </si>
  <si>
    <t>GGPS CHAK NO 259 TDA</t>
  </si>
  <si>
    <t>259/tda</t>
  </si>
  <si>
    <t>ggps 259/tda</t>
  </si>
  <si>
    <t>Chak no 259/tda</t>
  </si>
  <si>
    <t>Rukhsana Firdose</t>
  </si>
  <si>
    <t>GGPS CHAK NO 259/HL</t>
  </si>
  <si>
    <t>259/Hl</t>
  </si>
  <si>
    <t>Chak 259/Hl teh fort Abbas dist bahawalnagar</t>
  </si>
  <si>
    <t>sumera naz</t>
  </si>
  <si>
    <t>GGPS CHAK NO 260 TDA</t>
  </si>
  <si>
    <t>Qaziabad</t>
  </si>
  <si>
    <t>chack no.260/tda</t>
  </si>
  <si>
    <t>260/tda</t>
  </si>
  <si>
    <t>Saira Kanwel</t>
  </si>
  <si>
    <t>GGPS CHAK NO 262 TDA</t>
  </si>
  <si>
    <t>262/TDA</t>
  </si>
  <si>
    <t>262tda tehsil karor distt layyah</t>
  </si>
  <si>
    <t>Rabia Shahzad</t>
  </si>
  <si>
    <t>GGPS CHAK NO 264 JB</t>
  </si>
  <si>
    <t>chak no 264 nasira abad road jhang</t>
  </si>
  <si>
    <t>Chak No 264</t>
  </si>
  <si>
    <t>GGPS CHAK NO 264 TDA</t>
  </si>
  <si>
    <t>264tda</t>
  </si>
  <si>
    <t>chak no 264tda tehsil karor distt layyah</t>
  </si>
  <si>
    <t>Khadija Rani</t>
  </si>
  <si>
    <t>GGPS CHAK NO 265 HR</t>
  </si>
  <si>
    <t>Village 265 Hr</t>
  </si>
  <si>
    <t>GGPS265HR</t>
  </si>
  <si>
    <t>265 Hr</t>
  </si>
  <si>
    <t>264hr</t>
  </si>
  <si>
    <t>Nazia Aslam</t>
  </si>
  <si>
    <t>GGPS CHAK NO 265 TDA</t>
  </si>
  <si>
    <t>Chak No 265/tda</t>
  </si>
  <si>
    <t>chak no 265/tda</t>
  </si>
  <si>
    <t>Chak No 306/TDA</t>
  </si>
  <si>
    <t>GGPS CHAK NO 266 EAST</t>
  </si>
  <si>
    <t>Ameeery Wala</t>
  </si>
  <si>
    <t>chak no 266 east jhang</t>
  </si>
  <si>
    <t>Ameery Wali Abadi</t>
  </si>
  <si>
    <t>Chak No265</t>
  </si>
  <si>
    <t>Sidra Naz</t>
  </si>
  <si>
    <t>GGPS CHAK NO 266 RB III</t>
  </si>
  <si>
    <t>G.G.P.S. 266R.B. SABUANA</t>
  </si>
  <si>
    <t>266rb sabuana</t>
  </si>
  <si>
    <t>Khurrianwala No 1</t>
  </si>
  <si>
    <t>Saima noreen</t>
  </si>
  <si>
    <t>GGPS CHAK NO 266 WEST</t>
  </si>
  <si>
    <t>Mighyana</t>
  </si>
  <si>
    <t>266 west</t>
  </si>
  <si>
    <t>266 West</t>
  </si>
  <si>
    <t>Gawans</t>
  </si>
  <si>
    <t>Ijaz Akhtar Sial</t>
  </si>
  <si>
    <t>water kular</t>
  </si>
  <si>
    <t>GGPS CHAK NO 267 TDA</t>
  </si>
  <si>
    <t>GGPS Chak No. 267/TDA, Tehsil Karor District Layyah</t>
  </si>
  <si>
    <t>Chak No. 267/TDA</t>
  </si>
  <si>
    <t>Asma Tasleem</t>
  </si>
  <si>
    <t>GGPS CHAK NO 268 HR</t>
  </si>
  <si>
    <t>268/HR</t>
  </si>
  <si>
    <t>GGps 268/HR Tehsil Fort Abbas</t>
  </si>
  <si>
    <t>268/Hr</t>
  </si>
  <si>
    <t>Summera Kousar</t>
  </si>
  <si>
    <t>GGPS CHAK NO 268 HR PUL BASTI</t>
  </si>
  <si>
    <t>268 Hr Pul</t>
  </si>
  <si>
    <t>268 hr</t>
  </si>
  <si>
    <t>268 Hr Ab</t>
  </si>
  <si>
    <t>Shazia    Noreen</t>
  </si>
  <si>
    <t>GGPS CHAK NO 27 MB</t>
  </si>
  <si>
    <t>27mb</t>
  </si>
  <si>
    <t>GGPS chak number 27 MB</t>
  </si>
  <si>
    <t>27 MB</t>
  </si>
  <si>
    <t>Chak No 14MB</t>
  </si>
  <si>
    <t>Anum Manzoor</t>
  </si>
  <si>
    <t>GGPS CHAK NO 270 HR (TIBBA)</t>
  </si>
  <si>
    <t>tibba alamgir 270/hr fort abbas</t>
  </si>
  <si>
    <t>Tibba Alamgir 270/hr</t>
  </si>
  <si>
    <t>Uzma Urooj</t>
  </si>
  <si>
    <t>GGPS CHAK NO 270/TDA</t>
  </si>
  <si>
    <t>270/TDA</t>
  </si>
  <si>
    <t>chak #270tda</t>
  </si>
  <si>
    <t>270/TDa</t>
  </si>
  <si>
    <t>Mona Sarapheen</t>
  </si>
  <si>
    <t>GGPS CHAK NO 271 HR W</t>
  </si>
  <si>
    <t>271/HR W</t>
  </si>
  <si>
    <t>GGPS CHAK NO 271 TDA</t>
  </si>
  <si>
    <t>Chak No 271/ Tda</t>
  </si>
  <si>
    <t>Chak no 271 /TDA karor Layyah</t>
  </si>
  <si>
    <t>Chak No 271/TDA</t>
  </si>
  <si>
    <t>Sadia Azam</t>
  </si>
  <si>
    <t>GGPS CHAK NO 272 HR</t>
  </si>
  <si>
    <t>272 Hr</t>
  </si>
  <si>
    <t>272 hr</t>
  </si>
  <si>
    <t>Sobia Rashid</t>
  </si>
  <si>
    <t>GGPS CHAK NO 273 HR</t>
  </si>
  <si>
    <t>Chak No 273 Hr</t>
  </si>
  <si>
    <t>GGPS Chak No 273 HR</t>
  </si>
  <si>
    <t>Chak No273 Hr</t>
  </si>
  <si>
    <t>Chak No281 Hr</t>
  </si>
  <si>
    <t>GGPS CHAK NO 276 TDA</t>
  </si>
  <si>
    <t>Chak No. 276/TDA layyah</t>
  </si>
  <si>
    <t>Chak No 276</t>
  </si>
  <si>
    <t>GGPS CHAK NO 277 HR (E)</t>
  </si>
  <si>
    <t>277/hrE</t>
  </si>
  <si>
    <t>277/hr. E</t>
  </si>
  <si>
    <t>277/hr  E</t>
  </si>
  <si>
    <t>281 hr</t>
  </si>
  <si>
    <t>GGPS CHAK NO 278 HR E</t>
  </si>
  <si>
    <t>278 Hr e</t>
  </si>
  <si>
    <t>ggp/s chak # 278 HR E</t>
  </si>
  <si>
    <t>278H/R E</t>
  </si>
  <si>
    <t>281 HR</t>
  </si>
  <si>
    <t>Nida Mehboob</t>
  </si>
  <si>
    <t>GGPS CHAK NO 278 HR W</t>
  </si>
  <si>
    <t>278/HR W</t>
  </si>
  <si>
    <t>chak 278/hr p/o 279/hr</t>
  </si>
  <si>
    <t>281-HR</t>
  </si>
  <si>
    <t>GGPS CHAK NO 28 MB</t>
  </si>
  <si>
    <t>28mb</t>
  </si>
  <si>
    <t>Chak no 28mb</t>
  </si>
  <si>
    <t>Chak No 28 Mb</t>
  </si>
  <si>
    <t>Huma Akram</t>
  </si>
  <si>
    <t>GGPS CHAK NO 280 HR</t>
  </si>
  <si>
    <t>280/HR</t>
  </si>
  <si>
    <t>Chak No.280/H.R</t>
  </si>
  <si>
    <t>Chak No281/HR</t>
  </si>
  <si>
    <t>Irum Javied</t>
  </si>
  <si>
    <t>GGPS CHAK NO 284 HR</t>
  </si>
  <si>
    <t>284/HR</t>
  </si>
  <si>
    <t>Chack no 28,4/HR fort abbas</t>
  </si>
  <si>
    <t>Nazia  Kousar</t>
  </si>
  <si>
    <t>GGPS CHAK NO 286 HR</t>
  </si>
  <si>
    <t>286hr</t>
  </si>
  <si>
    <t>286/hr colony teh:for abbas Dict: BWN</t>
  </si>
  <si>
    <t>286/hr</t>
  </si>
  <si>
    <t>GGPS CHAK NO 287 HR</t>
  </si>
  <si>
    <t>287/HR</t>
  </si>
  <si>
    <t>Chak No 287/HR</t>
  </si>
  <si>
    <t>289 Mir Garh</t>
  </si>
  <si>
    <t>Sobia Maher</t>
  </si>
  <si>
    <t>GGPS CHAK NO 288 HR</t>
  </si>
  <si>
    <t>chak no.288/H..R post.297/H.R Fortabbas Bahawalnagar</t>
  </si>
  <si>
    <t>Chak 288/HR</t>
  </si>
  <si>
    <t>289/HR Mergarh</t>
  </si>
  <si>
    <t>Shazia Hussain</t>
  </si>
  <si>
    <t>GGPS CHAK NO 289 HR</t>
  </si>
  <si>
    <t>289/HR</t>
  </si>
  <si>
    <t>Chak No. 289/HR</t>
  </si>
  <si>
    <t>Chak No289/H</t>
  </si>
  <si>
    <t>GGPS CHAK NO 29 MB</t>
  </si>
  <si>
    <t>29 MB</t>
  </si>
  <si>
    <t>29MB</t>
  </si>
  <si>
    <t>GGPS CHAK NO 291 HR</t>
  </si>
  <si>
    <t>291/hr</t>
  </si>
  <si>
    <t>chk no#291 Hr</t>
  </si>
  <si>
    <t>Shahnaz Kosar</t>
  </si>
  <si>
    <t>GGPS CHAK NO 291 TDA</t>
  </si>
  <si>
    <t>291/TDA</t>
  </si>
  <si>
    <t>chak no 291/TDA</t>
  </si>
  <si>
    <t>Hina Arshad</t>
  </si>
  <si>
    <t>GGPS CHAK NO 292 TDA</t>
  </si>
  <si>
    <t>292 Tda</t>
  </si>
  <si>
    <t>chak 292/tda district layyah tehsil karor</t>
  </si>
  <si>
    <t>292/tda</t>
  </si>
  <si>
    <t>306/TDA</t>
  </si>
  <si>
    <t>Rashida Saleem</t>
  </si>
  <si>
    <t>GGPS CHAK NO 292/HR</t>
  </si>
  <si>
    <t>292 HR</t>
  </si>
  <si>
    <t>chak no 292HR fort abbas</t>
  </si>
  <si>
    <t>292hr</t>
  </si>
  <si>
    <t>289 HR Kila Meel Ghar</t>
  </si>
  <si>
    <t>Memona Raheel</t>
  </si>
  <si>
    <t>GGPS CHAK NO 295 TDA</t>
  </si>
  <si>
    <t>Chak No. 295/TDA</t>
  </si>
  <si>
    <t>GGPS Chak no 295/TDA Tehsil Karor District Layyah</t>
  </si>
  <si>
    <t>chak no 295/TDA</t>
  </si>
  <si>
    <t>Chak No. 306/TDA</t>
  </si>
  <si>
    <t>GGPS CHAK NO 296 TDA</t>
  </si>
  <si>
    <t>Athri Form</t>
  </si>
  <si>
    <t>GGPS Chak No. 296/TDA, Tehsil Karor District Layyah</t>
  </si>
  <si>
    <t>Chak No. 296/TDA</t>
  </si>
  <si>
    <t>Isba Nawaz</t>
  </si>
  <si>
    <t>GGPS CHAK NO 297 TDA</t>
  </si>
  <si>
    <t>Chak No 297/TDA</t>
  </si>
  <si>
    <t>GGPS chak no. 297/TDA tehsil karor district layyah</t>
  </si>
  <si>
    <t>Chak No. 297/TDA</t>
  </si>
  <si>
    <t>GGPS CHAK NO 298 TDA</t>
  </si>
  <si>
    <t>ch#298 tda p/o fateh pur tehsil choubara layyah</t>
  </si>
  <si>
    <t>Chk 298 Tda</t>
  </si>
  <si>
    <t>Afshan Anwar</t>
  </si>
  <si>
    <t>GGPS CHAK NO 299 TDA</t>
  </si>
  <si>
    <t>Chak No 299 TDA</t>
  </si>
  <si>
    <t>GGPS chak no 299 TDA</t>
  </si>
  <si>
    <t>Naghma Azeem</t>
  </si>
  <si>
    <t>GGPS CHAK NO 3 GHAGH</t>
  </si>
  <si>
    <t>3 Ghagh</t>
  </si>
  <si>
    <t>sadia Nazar</t>
  </si>
  <si>
    <t>GGPS CHAK NO 3 TDA</t>
  </si>
  <si>
    <t>post ofice 4td chk no3tda tehsil and district khushb</t>
  </si>
  <si>
    <t>3tda</t>
  </si>
  <si>
    <t>GGPS CHAK NO 3/4L FAIZ ABAD</t>
  </si>
  <si>
    <t>chak no 3 4 l a p sail jhang</t>
  </si>
  <si>
    <t>3 4 L</t>
  </si>
  <si>
    <t>Samandowna</t>
  </si>
  <si>
    <t>GGPS CHAK NO 300 TDA</t>
  </si>
  <si>
    <t>Chak No 300/TDA</t>
  </si>
  <si>
    <t>chak no 300/tda</t>
  </si>
  <si>
    <t>300/TDA</t>
  </si>
  <si>
    <t>Habiba Zain</t>
  </si>
  <si>
    <t>GGPS CHAK NO 302 TDA</t>
  </si>
  <si>
    <t>chak 302</t>
  </si>
  <si>
    <t>Chak302</t>
  </si>
  <si>
    <t>Aoulakh Thal Kalan2</t>
  </si>
  <si>
    <t>Aysha Ramzan</t>
  </si>
  <si>
    <t>GGPS CHAK NO 304 HR</t>
  </si>
  <si>
    <t>304hr</t>
  </si>
  <si>
    <t>Uzma Nureen</t>
  </si>
  <si>
    <t>GGPS CHAK NO 304 TDA</t>
  </si>
  <si>
    <t>304/TDA</t>
  </si>
  <si>
    <t>GGPS Chak No. 304/TDA, Tehsil Karor District Layyah</t>
  </si>
  <si>
    <t>Chak No. 304/TDA</t>
  </si>
  <si>
    <t>GGPS CHAK NO 305 TDA</t>
  </si>
  <si>
    <t>305 Tda</t>
  </si>
  <si>
    <t>chak no 305 tda</t>
  </si>
  <si>
    <t>Chak No 305 Tda</t>
  </si>
  <si>
    <t>Nosherathal Kalan</t>
  </si>
  <si>
    <t>RUQIA BANO</t>
  </si>
  <si>
    <t>GGPS CHAK NO 308 TDA</t>
  </si>
  <si>
    <t>308 Tda</t>
  </si>
  <si>
    <t>308 tda tehsil Karor district lyyah</t>
  </si>
  <si>
    <t>NOSHEHRA THAL KALAN</t>
  </si>
  <si>
    <t>Farzana Haydir</t>
  </si>
  <si>
    <t>GGPS CHAK NO 309 TDA</t>
  </si>
  <si>
    <t>309/TDA</t>
  </si>
  <si>
    <t>Chak # 309/TDA</t>
  </si>
  <si>
    <t>AULAKH THAL KLAN</t>
  </si>
  <si>
    <t>Shabnam  Gulzar</t>
  </si>
  <si>
    <t>GGPS CHAK NO 31 MB</t>
  </si>
  <si>
    <t>31mb</t>
  </si>
  <si>
    <t>31mb teh quaid abad</t>
  </si>
  <si>
    <t>GGPS CHAK NO 31 WB</t>
  </si>
  <si>
    <t>Chak No31wb</t>
  </si>
  <si>
    <t>chak no 31 wb</t>
  </si>
  <si>
    <t>31wb</t>
  </si>
  <si>
    <t>GGPS CHAK NO 310 TDA</t>
  </si>
  <si>
    <t>chak 310</t>
  </si>
  <si>
    <t>GGPS chak 310/TDA Choubara</t>
  </si>
  <si>
    <t>310/TDA</t>
  </si>
  <si>
    <t>Aulakh Thal kalan</t>
  </si>
  <si>
    <t>Nighat Gul</t>
  </si>
  <si>
    <t>GGPS CHAK NO 312 TDA</t>
  </si>
  <si>
    <t>Chak No 312 Tda</t>
  </si>
  <si>
    <t>ward no 1 mohala jahan shah layyah</t>
  </si>
  <si>
    <t>Kishwir Sultana</t>
  </si>
  <si>
    <t>GGPS CHAK NO 318 TDA</t>
  </si>
  <si>
    <t>318/tda</t>
  </si>
  <si>
    <t>chack no 318/TDA</t>
  </si>
  <si>
    <t>318/TDA</t>
  </si>
  <si>
    <t>GGPS CHAK NO 32 3R</t>
  </si>
  <si>
    <t>32  3/r</t>
  </si>
  <si>
    <t>GGPS 32  3/r tehsil  haroonabad  Distt Bahawalnagar</t>
  </si>
  <si>
    <t>33   3/r</t>
  </si>
  <si>
    <t>Erum Imtiaz</t>
  </si>
  <si>
    <t>GGPS CHAK NO 32 TDA</t>
  </si>
  <si>
    <t>chak no 32 tda</t>
  </si>
  <si>
    <t>Chak No 32tda</t>
  </si>
  <si>
    <t>Aneeqa Aslam</t>
  </si>
  <si>
    <t>GGPS CHAK NO 32/P</t>
  </si>
  <si>
    <t>Bacho Bahar</t>
  </si>
  <si>
    <t>32p</t>
  </si>
  <si>
    <t>GGP/S Chak No 32/P</t>
  </si>
  <si>
    <t>GGPS CHAK NO 320 TDA</t>
  </si>
  <si>
    <t>CHAK NO 320 t.d.a p/o Chok Azam</t>
  </si>
  <si>
    <t>320 T D A</t>
  </si>
  <si>
    <t>ShamimAkhtar</t>
  </si>
  <si>
    <t>GGPS CHAK NO 322 TDA</t>
  </si>
  <si>
    <t>Chak No 322/ Tda</t>
  </si>
  <si>
    <t>chak no 322/tda</t>
  </si>
  <si>
    <t>Chak No 322/tda</t>
  </si>
  <si>
    <t>Shama Tahira</t>
  </si>
  <si>
    <t>GGPS CHAK NO 323 TDA</t>
  </si>
  <si>
    <t>Chalk No 323</t>
  </si>
  <si>
    <t>GGPS chalk no323/TDA ada Jamal chappri</t>
  </si>
  <si>
    <t>Chalk No 323/TDA</t>
  </si>
  <si>
    <t>Jamal Chappri</t>
  </si>
  <si>
    <t>GGPS CHAK NO 324 TDA</t>
  </si>
  <si>
    <t>GMPS 324/tda jamal chapri ,chobara</t>
  </si>
  <si>
    <t>Khadija Malak</t>
  </si>
  <si>
    <t>GGPS CHAK NO 33/3-R AB</t>
  </si>
  <si>
    <t>33/3R A B</t>
  </si>
  <si>
    <t>chakk no. 33/3R A. B tehsil haroonabad district Bahwalnagar</t>
  </si>
  <si>
    <t>Chakk No  33/3R A B</t>
  </si>
  <si>
    <t>GGPS CHAK NO 331 TDA</t>
  </si>
  <si>
    <t>331/tda</t>
  </si>
  <si>
    <t>331tda</t>
  </si>
  <si>
    <t>Najma Tasleem</t>
  </si>
  <si>
    <t>GGPS CHAK NO 337 HR W</t>
  </si>
  <si>
    <t>337/hr west</t>
  </si>
  <si>
    <t>337/hr thsil fort abbs district BWN</t>
  </si>
  <si>
    <t>337/hr</t>
  </si>
  <si>
    <t>GGPS CHAK NO 34 ML</t>
  </si>
  <si>
    <t>34ml</t>
  </si>
  <si>
    <t>34ml dakh khana 33ml</t>
  </si>
  <si>
    <t>Ruby Arshad</t>
  </si>
  <si>
    <t>GGPS CHAK NO 34/3-R AB</t>
  </si>
  <si>
    <t>34/3R AB</t>
  </si>
  <si>
    <t>34/3.R AB</t>
  </si>
  <si>
    <t>33/3R</t>
  </si>
  <si>
    <t>Atiqa Yousaf</t>
  </si>
  <si>
    <t>GGPS CHAK NO 343 TDA</t>
  </si>
  <si>
    <t>chak no 343/tda tehsil choubara layyah</t>
  </si>
  <si>
    <t>Chak No 343/ TDA</t>
  </si>
  <si>
    <t>Samara Qamar</t>
  </si>
  <si>
    <t>GGPS CHAK NO 348 TDA</t>
  </si>
  <si>
    <t>chak no 348 tda.tehsil chobara,distt.layyah</t>
  </si>
  <si>
    <t>Chak No 348 Tda</t>
  </si>
  <si>
    <t>Munazzah Muzaffer</t>
  </si>
  <si>
    <t>GGPS CHAK NO 349 TDA</t>
  </si>
  <si>
    <t>Chak  No 349</t>
  </si>
  <si>
    <t>chak no 349 Tehsil choubara DIstrict layyah</t>
  </si>
  <si>
    <t>Chak No 349</t>
  </si>
  <si>
    <t>Fozia Malik</t>
  </si>
  <si>
    <t>GGPS CHAK NO 351 TDA</t>
  </si>
  <si>
    <t>CHAK 351 TDA</t>
  </si>
  <si>
    <t>CHAK NO 351 TDA</t>
  </si>
  <si>
    <t>RAFIQ ABAD</t>
  </si>
  <si>
    <t>GGPS CHAK NO 36/P</t>
  </si>
  <si>
    <t>chak 36 /P</t>
  </si>
  <si>
    <t>36/P</t>
  </si>
  <si>
    <t>Tayyba Shafiqa</t>
  </si>
  <si>
    <t>GGPS CHAK NO 365 GB</t>
  </si>
  <si>
    <t>chak no.365GB</t>
  </si>
  <si>
    <t>365gb</t>
  </si>
  <si>
    <t>GGPS CHAK NO 368 TDA</t>
  </si>
  <si>
    <t>Chak No 368/tda</t>
  </si>
  <si>
    <t>chak no 368/tda tehseel chubara dis layyah</t>
  </si>
  <si>
    <t>368/tda</t>
  </si>
  <si>
    <t>Adila Ishaq</t>
  </si>
  <si>
    <t>GGPS CHAK NO 369 TDA</t>
  </si>
  <si>
    <t>369tda</t>
  </si>
  <si>
    <t>chak number 369tda dak khana rafiqan abad</t>
  </si>
  <si>
    <t>GGPS CHAK NO 37 ML</t>
  </si>
  <si>
    <t>chak no 37 ML p.o jandanwala tehsil kallur kot dist. Bhakkar</t>
  </si>
  <si>
    <t>chak mo 37 ML</t>
  </si>
  <si>
    <t>chak no 40 ML</t>
  </si>
  <si>
    <t>Zaitoon Bibi</t>
  </si>
  <si>
    <t>GGPS CHAK NO 37/WB</t>
  </si>
  <si>
    <t>Gehli</t>
  </si>
  <si>
    <t>37 WB vehari</t>
  </si>
  <si>
    <t>37 WB Vehari</t>
  </si>
  <si>
    <t>Fozia Nazar</t>
  </si>
  <si>
    <t>GGPS CHAK NO 38/P</t>
  </si>
  <si>
    <t>Chak 38/</t>
  </si>
  <si>
    <t>ggps 38/p</t>
  </si>
  <si>
    <t>38/p</t>
  </si>
  <si>
    <t>Musarat Naseem</t>
  </si>
  <si>
    <t>GGPS CHAK NO 4 GHAGH</t>
  </si>
  <si>
    <t>4 Ghagh</t>
  </si>
  <si>
    <t>GGPS 4 ghagh</t>
  </si>
  <si>
    <t>ishrat sultana</t>
  </si>
  <si>
    <t>GGPS CHAK NO 4 TDA</t>
  </si>
  <si>
    <t>4tda</t>
  </si>
  <si>
    <t>ggps 4tda tehsil quaidabad district khushab</t>
  </si>
  <si>
    <t>14MB</t>
  </si>
  <si>
    <t>Fazeela Bano</t>
  </si>
  <si>
    <t>GGPS CHAK NO 4/4-L  NO.2</t>
  </si>
  <si>
    <t>chak 4/4L Ahmad pur sial Jhang</t>
  </si>
  <si>
    <t>Chak 4/4L</t>
  </si>
  <si>
    <t>Samandawana</t>
  </si>
  <si>
    <t>Shakela Khanam</t>
  </si>
  <si>
    <t>GGPS CHAK NO 4/P</t>
  </si>
  <si>
    <t>GGPS CHAK 4/P FARM</t>
  </si>
  <si>
    <t>Chak 4/farm</t>
  </si>
  <si>
    <t>Neel GARH</t>
  </si>
  <si>
    <t>Aqsa Abu Bakar</t>
  </si>
  <si>
    <t>GGPS CHAK NO 403 TDA</t>
  </si>
  <si>
    <t>Chak no. 403/TDA Tehsil Choubara District Layyah</t>
  </si>
  <si>
    <t>Chak No 403/TDA</t>
  </si>
  <si>
    <t>Safia Akhter</t>
  </si>
  <si>
    <t>GGPS CHAK NO 405 TDA</t>
  </si>
  <si>
    <t>GGPS405 TDA</t>
  </si>
  <si>
    <t>GGPS CHAK NO 406 TDA</t>
  </si>
  <si>
    <t>Chk no 406 TDA tehsil choubra District layyah</t>
  </si>
  <si>
    <t>406 TDA</t>
  </si>
  <si>
    <t>Town Committee Choubara</t>
  </si>
  <si>
    <t>GGPS CHAK NO 406/JB MUSLIYNA WALA</t>
  </si>
  <si>
    <t>waryam wala</t>
  </si>
  <si>
    <t>ch#406 JB tehsil shorkot district jhang</t>
  </si>
  <si>
    <t>ch#406 jb</t>
  </si>
  <si>
    <t>ch#493 jb batian wala</t>
  </si>
  <si>
    <t>GGPS CHAK NO 412 JB CHEEMIAN WALA</t>
  </si>
  <si>
    <t>Chak NO #412JB Chak NO 412jb</t>
  </si>
  <si>
    <t>Chak NO 412jJB P/Office Shorkot Cantt Tehsil Shorkot District Jhang</t>
  </si>
  <si>
    <t>CHAK #412JB</t>
  </si>
  <si>
    <t>Chak No497jb</t>
  </si>
  <si>
    <t>Farhat</t>
  </si>
  <si>
    <t>GGPS CHAK NO 412 TDA</t>
  </si>
  <si>
    <t>GGPS412/TDA TEH CHOUBARA DISTRCT LYYAH</t>
  </si>
  <si>
    <t>Chak No 412TDA</t>
  </si>
  <si>
    <t>CHAK NO 452TDA</t>
  </si>
  <si>
    <t>GGPS CHAK NO 42 JB I</t>
  </si>
  <si>
    <t>42 Jb 1</t>
  </si>
  <si>
    <t>Chak no 42 jb 1 matmal</t>
  </si>
  <si>
    <t>Matmal</t>
  </si>
  <si>
    <t>GGPS CHAK NO 42 MB</t>
  </si>
  <si>
    <t>Chak No 42 M B</t>
  </si>
  <si>
    <t>chak no 42 mb</t>
  </si>
  <si>
    <t>GGPS CHAK NO 43 MB</t>
  </si>
  <si>
    <t>CHAK No 43MB</t>
  </si>
  <si>
    <t>CHAK NO 43 MB KHUSHAB</t>
  </si>
  <si>
    <t>Chak No 43 M.B</t>
  </si>
  <si>
    <t>BOTALA</t>
  </si>
  <si>
    <t>SHAZIA IQBAL</t>
  </si>
  <si>
    <t>GGPS CHAK NO 43/3-R</t>
  </si>
  <si>
    <t>43/3R</t>
  </si>
  <si>
    <t>chak no 43/r(E) Tesil haroonabad disst bwn</t>
  </si>
  <si>
    <t>Chak No 43/3R E</t>
  </si>
  <si>
    <t>GGPS CHAK NO 43/3-R W</t>
  </si>
  <si>
    <t>43/3rw</t>
  </si>
  <si>
    <t>chak no 43/3r(w)</t>
  </si>
  <si>
    <t>43/3r W</t>
  </si>
  <si>
    <t>Reehana Bibi</t>
  </si>
  <si>
    <t>GGPS CHAK NO 432/6-R</t>
  </si>
  <si>
    <t>chak no. 432/6R east</t>
  </si>
  <si>
    <t>Chak No. 432/6R East tehsil haroon abad district bahawalnagar</t>
  </si>
  <si>
    <t>Chak No. 432/6R East</t>
  </si>
  <si>
    <t>432/6R west</t>
  </si>
  <si>
    <t>Samira Naseem</t>
  </si>
  <si>
    <t>GGPS CHAK NO 435/6R</t>
  </si>
  <si>
    <t>435/6r</t>
  </si>
  <si>
    <t>chak no 435/6-r</t>
  </si>
  <si>
    <t>435/6-r</t>
  </si>
  <si>
    <t>438/6-r</t>
  </si>
  <si>
    <t>Saira Ghafoor</t>
  </si>
  <si>
    <t>GGPS CHAK NO 436/6-R</t>
  </si>
  <si>
    <t>436/6r</t>
  </si>
  <si>
    <t>chak no 436/6r teh HND dist.BWN</t>
  </si>
  <si>
    <t>436/6/r</t>
  </si>
  <si>
    <t>Mussart parveen</t>
  </si>
  <si>
    <t>GGPS CHAK NO 438/6-R (WEST)</t>
  </si>
  <si>
    <t>GOVT. GIRLS PRIMARY SCHOOL 438/6R (W)</t>
  </si>
  <si>
    <t>438/6R(W)</t>
  </si>
  <si>
    <t>438/6R</t>
  </si>
  <si>
    <t>GGPS CHAK NO 447 JB MARATH</t>
  </si>
  <si>
    <t>Chak No 447JB</t>
  </si>
  <si>
    <t>GGPS Chak No 447JB Marath</t>
  </si>
  <si>
    <t>Munawar Shaheen</t>
  </si>
  <si>
    <t>GGPS CHAK NO 447 TDA</t>
  </si>
  <si>
    <t>447 TDA</t>
  </si>
  <si>
    <t>chak no.447</t>
  </si>
  <si>
    <t>Chao No447TDA</t>
  </si>
  <si>
    <t>MC Choubara</t>
  </si>
  <si>
    <t>Sobia kiran</t>
  </si>
  <si>
    <t>GGPS CHAK NO 448 JB II</t>
  </si>
  <si>
    <t>Abadi Shakoor Abad</t>
  </si>
  <si>
    <t>GGPS Chak No 448 JB</t>
  </si>
  <si>
    <t>Chak No 448 JB</t>
  </si>
  <si>
    <t>Chak No 450 JB</t>
  </si>
  <si>
    <t>shahnaz bugam</t>
  </si>
  <si>
    <t>GGPS CHAK NO 449 JB</t>
  </si>
  <si>
    <t>chak no 449</t>
  </si>
  <si>
    <t>GGPS CHAK NO 450 JB II</t>
  </si>
  <si>
    <t>Chak450/2</t>
  </si>
  <si>
    <t>chak 450/2jb</t>
  </si>
  <si>
    <t>Chak 450/2</t>
  </si>
  <si>
    <t>Anbareen Salam</t>
  </si>
  <si>
    <t>GGPS CHAK NO 454 TDA</t>
  </si>
  <si>
    <t>chak no.454tda</t>
  </si>
  <si>
    <t>Chak No 454/tda No454tdaNo454tda</t>
  </si>
  <si>
    <t>Sahraan</t>
  </si>
  <si>
    <t>Rukhshanda Jabeen</t>
  </si>
  <si>
    <t>GGPS CHAK NO 46 MB</t>
  </si>
  <si>
    <t>46MB</t>
  </si>
  <si>
    <t>Shahnaz Umer</t>
  </si>
  <si>
    <t>GGPS CHAK NO 464 MEHRAN WALA</t>
  </si>
  <si>
    <t>Mehran Vala</t>
  </si>
  <si>
    <t>GGPS chak 464 mehran vala</t>
  </si>
  <si>
    <t>Chak 464 Mehran Vala</t>
  </si>
  <si>
    <t>Surraya Begum</t>
  </si>
  <si>
    <t>GGPS CHAK NO 465 JB</t>
  </si>
  <si>
    <t>Chak 465</t>
  </si>
  <si>
    <t>chak 465</t>
  </si>
  <si>
    <t>Jhalari</t>
  </si>
  <si>
    <t>Sar Wala</t>
  </si>
  <si>
    <t>GGPS CHAK NO 473 TDA</t>
  </si>
  <si>
    <t>Chak No 473TDA</t>
  </si>
  <si>
    <t>chak no 473tda tehsil chobara district layyah</t>
  </si>
  <si>
    <t>GGPS CHAK NO 474</t>
  </si>
  <si>
    <t>Chak 474</t>
  </si>
  <si>
    <t>Bader Ali</t>
  </si>
  <si>
    <t>GGPS CHAK NO 474 TDA</t>
  </si>
  <si>
    <t>Sher Ghar</t>
  </si>
  <si>
    <t>ggps 474 tda</t>
  </si>
  <si>
    <t>474tda</t>
  </si>
  <si>
    <t>Saharn</t>
  </si>
  <si>
    <t>GGPS CHAK NO 476 GB</t>
  </si>
  <si>
    <t>476 bazurgwal</t>
  </si>
  <si>
    <t>Chak no 476 gb</t>
  </si>
  <si>
    <t>Chak No 476</t>
  </si>
  <si>
    <t>Chak No 475gb</t>
  </si>
  <si>
    <t>Iqbal Bano</t>
  </si>
  <si>
    <t>GGPS CHAK NO 477 TDA</t>
  </si>
  <si>
    <t>477/TDA</t>
  </si>
  <si>
    <t>Ggps 477/TDA</t>
  </si>
  <si>
    <t>Zakia Mubeen</t>
  </si>
  <si>
    <t>GGPS CHAK NO 479 KHAKHAN WALI</t>
  </si>
  <si>
    <t>Chak No 479/jb</t>
  </si>
  <si>
    <t>Chak No 479/jb khas teh shorkot district jhang</t>
  </si>
  <si>
    <t>Chak No 478/ Jb</t>
  </si>
  <si>
    <t>NASIRA FAIZ</t>
  </si>
  <si>
    <t>GGPS CHAK NO 48 MB</t>
  </si>
  <si>
    <t>Chak 48mb</t>
  </si>
  <si>
    <t>ggps 48mb district khushab</t>
  </si>
  <si>
    <t>Fadia Aslam</t>
  </si>
  <si>
    <t>GGPS CHAK NO 48/3-R</t>
  </si>
  <si>
    <t>chak no 48/ 3r Haroon abad</t>
  </si>
  <si>
    <t>GGPS CHAK NO 480 JB</t>
  </si>
  <si>
    <t>Chak No 480 Jb</t>
  </si>
  <si>
    <t>Chak no 480</t>
  </si>
  <si>
    <t>Chak No 480</t>
  </si>
  <si>
    <t>Sobia Aziz</t>
  </si>
  <si>
    <t>GGPS CHAK NO 482 JB DARBAR SAIDAN</t>
  </si>
  <si>
    <t>482jb</t>
  </si>
  <si>
    <t>chak no 482 j.b</t>
  </si>
  <si>
    <t>Chak No 482jb Tehsil Shorkot district Jhang</t>
  </si>
  <si>
    <t>Chak no 478jb</t>
  </si>
  <si>
    <t>Anwar Naheed</t>
  </si>
  <si>
    <t>GGPS CHAK NO 482 KOT BLOCHAN</t>
  </si>
  <si>
    <t>chak no 482 JB Kot Balochan</t>
  </si>
  <si>
    <t>Chak No 482 Jb</t>
  </si>
  <si>
    <t>Chak No 478 Jb</t>
  </si>
  <si>
    <t>GGPS CHAK NO 483/JB BASTI ARSHID SHAHEED</t>
  </si>
  <si>
    <t>Chack No 483 jb</t>
  </si>
  <si>
    <t>Chack No 483 Jb</t>
  </si>
  <si>
    <t>Chack No 478 Jb</t>
  </si>
  <si>
    <t>Hafiza Akhtar</t>
  </si>
  <si>
    <t>GGPS CHAK NO 484 JB SHUMALI</t>
  </si>
  <si>
    <t>Chak No 484north</t>
  </si>
  <si>
    <t>chak no 484 north</t>
  </si>
  <si>
    <t>Chak No 484 North</t>
  </si>
  <si>
    <t>Chayian No</t>
  </si>
  <si>
    <t>Sadia Sultan</t>
  </si>
  <si>
    <t>GGPS CHAK NO 484/JB JANOBI</t>
  </si>
  <si>
    <t>Chak no 484 janoobi</t>
  </si>
  <si>
    <t>Chak No 484 Janoobi</t>
  </si>
  <si>
    <t>Chayian Wala</t>
  </si>
  <si>
    <t>Sabahat Jabbar</t>
  </si>
  <si>
    <t>GGPS CHAK NO 49 MB</t>
  </si>
  <si>
    <t>49mb</t>
  </si>
  <si>
    <t>50mb</t>
  </si>
  <si>
    <t>Nasim Ahmed Kanwal</t>
  </si>
  <si>
    <t>GGPS CHAK NO 490 JB</t>
  </si>
  <si>
    <t>chak490</t>
  </si>
  <si>
    <t>490south</t>
  </si>
  <si>
    <t>Iram Mustafa</t>
  </si>
  <si>
    <t>GGPS CHAK NO 491 JB BASTI JANJUA ABADI</t>
  </si>
  <si>
    <t>chak no 491 janjua abadi</t>
  </si>
  <si>
    <t>Chainwala</t>
  </si>
  <si>
    <t>Erum Akram</t>
  </si>
  <si>
    <t>GGPS CHAK NO 491 JB KASHMIRIAN</t>
  </si>
  <si>
    <t>Chak #491</t>
  </si>
  <si>
    <t>chak#491jb Tehsil shorkot district jhang</t>
  </si>
  <si>
    <t>Chak#491</t>
  </si>
  <si>
    <t>Chayain Wala</t>
  </si>
  <si>
    <t>GGPS CHAK NO 494 JB</t>
  </si>
  <si>
    <t>Kaluwala</t>
  </si>
  <si>
    <t>chak no.496 j b tehsil shorkot District Jhang</t>
  </si>
  <si>
    <t>GGPS CHAK NO 495 JB</t>
  </si>
  <si>
    <t>GGPS495</t>
  </si>
  <si>
    <t>495jb</t>
  </si>
  <si>
    <t>Shah Sadiq Nehanh</t>
  </si>
  <si>
    <t>KHADIJA KHALIL</t>
  </si>
  <si>
    <t>GGPS CHAK NO 497 TDA</t>
  </si>
  <si>
    <t>497/TDA</t>
  </si>
  <si>
    <t>Chak No 497/TDA</t>
  </si>
  <si>
    <t>Sumreen Faisal</t>
  </si>
  <si>
    <t>GGPS CHAK NO 498 TDA</t>
  </si>
  <si>
    <t>govt girls primary school 498/TDA</t>
  </si>
  <si>
    <t>498/TDA</t>
  </si>
  <si>
    <t>GGPS CHAK NO 5 GHAGH</t>
  </si>
  <si>
    <t>GGPS chak no 5 Ghagh</t>
  </si>
  <si>
    <t>5 Ghagh</t>
  </si>
  <si>
    <t>GGPS CHAK NO 5. RMK</t>
  </si>
  <si>
    <t>5RMK</t>
  </si>
  <si>
    <t>Chak  No 5 RMK</t>
  </si>
  <si>
    <t>Chak No 5 RMK</t>
  </si>
  <si>
    <t>GGPS CHAK NO 500 JB FRANCIS ABAD</t>
  </si>
  <si>
    <t>Padrian Wala</t>
  </si>
  <si>
    <t>chak 500 Francis a bad teh shorkot distt jhang</t>
  </si>
  <si>
    <t>500 Francis Abad</t>
  </si>
  <si>
    <t>Saneeia Sadiq</t>
  </si>
  <si>
    <t>GGPS CHAK NO 501 MAHBOB SHAH</t>
  </si>
  <si>
    <t>chak 501 Mehboob shah</t>
  </si>
  <si>
    <t>Chak497</t>
  </si>
  <si>
    <t>Sadia noureen</t>
  </si>
  <si>
    <t>GGPS CHAK NO 52 MB</t>
  </si>
  <si>
    <t>52 MB</t>
  </si>
  <si>
    <t>Chak No 52 MB</t>
  </si>
  <si>
    <t>GGPS CHAK NO 52 RB</t>
  </si>
  <si>
    <t>GG PS 52 R B</t>
  </si>
  <si>
    <t>52 RB</t>
  </si>
  <si>
    <t>58 RB</t>
  </si>
  <si>
    <t>GGPS CHAK NO 52 WB EAST</t>
  </si>
  <si>
    <t>52 East</t>
  </si>
  <si>
    <t>chalk no 52 wb east tehsil district vehari</t>
  </si>
  <si>
    <t>52 Wb</t>
  </si>
  <si>
    <t>Sadaf Huma</t>
  </si>
  <si>
    <t>GGPS CHAK NO 53 RB I</t>
  </si>
  <si>
    <t>53 rb I</t>
  </si>
  <si>
    <t>53 Rb1</t>
  </si>
  <si>
    <t>GGPS CHAK NO 54 RB</t>
  </si>
  <si>
    <t>54 rb</t>
  </si>
  <si>
    <t>54 Rb</t>
  </si>
  <si>
    <t>54 Rb Sarali</t>
  </si>
  <si>
    <t>Nusrat Sultana</t>
  </si>
  <si>
    <t>GGPS CHAK NO 557 EB</t>
  </si>
  <si>
    <t>557/EB</t>
  </si>
  <si>
    <t>GGPS CHAK NO 563 EB</t>
  </si>
  <si>
    <t>563/eb</t>
  </si>
  <si>
    <t>Chak no 563/eb vehari</t>
  </si>
  <si>
    <t>563/eb Vehari</t>
  </si>
  <si>
    <t>561/eb Vehari</t>
  </si>
  <si>
    <t>GGPS CHAK NO 57 RB I</t>
  </si>
  <si>
    <t>chack no 57 rb 1</t>
  </si>
  <si>
    <t>Rajewala</t>
  </si>
  <si>
    <t>Abeera Yaqoob</t>
  </si>
  <si>
    <t>GGPS CHAK NO 58/P</t>
  </si>
  <si>
    <t>ggps58p</t>
  </si>
  <si>
    <t>Chak58p</t>
  </si>
  <si>
    <t>Deen Pur Shareef</t>
  </si>
  <si>
    <t>GGPS CHAK NO 6 RMK</t>
  </si>
  <si>
    <t>6 RMK</t>
  </si>
  <si>
    <t>Chak no 6 RMk</t>
  </si>
  <si>
    <t>6RMK</t>
  </si>
  <si>
    <t>Anila Shafique</t>
  </si>
  <si>
    <t>GGPS CHAK NO 6/3-L JANOBI</t>
  </si>
  <si>
    <t>Kulachi</t>
  </si>
  <si>
    <t>Ggps 6/3 l janubi9</t>
  </si>
  <si>
    <t>GGPS CHAK NO 60/P</t>
  </si>
  <si>
    <t>CHAK 60.p Khanpur.RYK</t>
  </si>
  <si>
    <t>CHAK 60p60p</t>
  </si>
  <si>
    <t>Din pur</t>
  </si>
  <si>
    <t>Naseem Ayub</t>
  </si>
  <si>
    <t>GGPS CHAK NO 61/P</t>
  </si>
  <si>
    <t>Chak No 61/p</t>
  </si>
  <si>
    <t>chak No 61/p khanpur</t>
  </si>
  <si>
    <t>Khalida Hameed</t>
  </si>
  <si>
    <t>GGPS CHAK NO 627 GB</t>
  </si>
  <si>
    <t>See Ka</t>
  </si>
  <si>
    <t>ggps627gb</t>
  </si>
  <si>
    <t>627 See ChAk</t>
  </si>
  <si>
    <t>GGPS CHAK NO 63 RB I</t>
  </si>
  <si>
    <t>Nihaloana</t>
  </si>
  <si>
    <t>chak no 63 RB I</t>
  </si>
  <si>
    <t>58RB</t>
  </si>
  <si>
    <t>Afra Naz</t>
  </si>
  <si>
    <t>GGPS CHAK NO 63 RB II</t>
  </si>
  <si>
    <t>Qaima</t>
  </si>
  <si>
    <t>GGPS 63 RB II</t>
  </si>
  <si>
    <t>Chak 63 RB II</t>
  </si>
  <si>
    <t>Chak 58 Rata Joya</t>
  </si>
  <si>
    <t>Sumra Shahzadi</t>
  </si>
  <si>
    <t>GGPS CHAK NO 64/4-R</t>
  </si>
  <si>
    <t>64/4-R</t>
  </si>
  <si>
    <t>chak 64/4-R tehsil haroonabad</t>
  </si>
  <si>
    <t>64-4-R</t>
  </si>
  <si>
    <t>62/4-R</t>
  </si>
  <si>
    <t>Iqra Hidayat</t>
  </si>
  <si>
    <t>GGPS CHAK NO 651 TDA</t>
  </si>
  <si>
    <t>chak#651TDA</t>
  </si>
  <si>
    <t>651TDA</t>
  </si>
  <si>
    <t>Mahrzadi Shahreen Shahi</t>
  </si>
  <si>
    <t>GGPS CHAK NO 67/4-R</t>
  </si>
  <si>
    <t>67/4r</t>
  </si>
  <si>
    <t>67/4.r</t>
  </si>
  <si>
    <t>Misbah Firdous</t>
  </si>
  <si>
    <t>GGPS CHAK NO 67/P</t>
  </si>
  <si>
    <t>Chak 67P UC Latki</t>
  </si>
  <si>
    <t>67p</t>
  </si>
  <si>
    <t>Musarat Mukhtar</t>
  </si>
  <si>
    <t>GGPS CHAK NO 69</t>
  </si>
  <si>
    <t>Chak 69 Sarkot</t>
  </si>
  <si>
    <t>chak no 69 tehsil pattoki dist Kasur.</t>
  </si>
  <si>
    <t>Chak No 69</t>
  </si>
  <si>
    <t>Dohlan Chak 27</t>
  </si>
  <si>
    <t>Nazia Mukhtar</t>
  </si>
  <si>
    <t>GGPS CHAK NO 69 RB-II</t>
  </si>
  <si>
    <t>ghaseet pura</t>
  </si>
  <si>
    <t>69 rB -II jaranwala faisalabad</t>
  </si>
  <si>
    <t>chota ghaseet pura</t>
  </si>
  <si>
    <t>70 chak</t>
  </si>
  <si>
    <t>GGPS CHAK NO 7 GHAGH</t>
  </si>
  <si>
    <t>7Ghagh</t>
  </si>
  <si>
    <t>govt girls primary schol 7ghagh shorkot city</t>
  </si>
  <si>
    <t>Kotla Zaref Khan</t>
  </si>
  <si>
    <t>HUMAIRA NAWAZ</t>
  </si>
  <si>
    <t>GGPS CHAK NO 7 GHAGH  BANGLA DESH</t>
  </si>
  <si>
    <t>Colony bangladesh, 7Ghag</t>
  </si>
  <si>
    <t>Bangadesh</t>
  </si>
  <si>
    <t>Kotla zareef khan</t>
  </si>
  <si>
    <t>Shabana majeed</t>
  </si>
  <si>
    <t>GGPS CHAK NO 7 RMK</t>
  </si>
  <si>
    <t>bhakar</t>
  </si>
  <si>
    <t>Chack No 7rmk</t>
  </si>
  <si>
    <t>GGPS CHAK NO 70/4-R</t>
  </si>
  <si>
    <t>70/4R</t>
  </si>
  <si>
    <t>G. G. P. S. 70/4r</t>
  </si>
  <si>
    <t>70/4r</t>
  </si>
  <si>
    <t>58/4R</t>
  </si>
  <si>
    <t>Nosheen Mushtaq</t>
  </si>
  <si>
    <t>GGPS CHAK NO 71 RB</t>
  </si>
  <si>
    <t>Bandala 71 RB</t>
  </si>
  <si>
    <t>GGPS 71 RB</t>
  </si>
  <si>
    <t>71 RB</t>
  </si>
  <si>
    <t>GGPS CHAK NO 72/4-R</t>
  </si>
  <si>
    <t>72/4r</t>
  </si>
  <si>
    <t>72/4r post office haronabad tehsil haronabad dist bahawalnsgar</t>
  </si>
  <si>
    <t>GGPS CHAK NO 72/P</t>
  </si>
  <si>
    <t>72/p</t>
  </si>
  <si>
    <t>chak 72/p</t>
  </si>
  <si>
    <t>Chak 72/p</t>
  </si>
  <si>
    <t>Noor Samina</t>
  </si>
  <si>
    <t>GGPS CHAK NO 74 JB II</t>
  </si>
  <si>
    <t>Thikriwala</t>
  </si>
  <si>
    <t>chak no.  74 jbII thikriwala</t>
  </si>
  <si>
    <t>Rabia Khaliq</t>
  </si>
  <si>
    <t>GGPS CHAK NO 74 ML</t>
  </si>
  <si>
    <t>74ml</t>
  </si>
  <si>
    <t>chak No 74ml Tehsil Mankera District Bhakkar</t>
  </si>
  <si>
    <t>Riffat Zahoor Bibi</t>
  </si>
  <si>
    <t>GGPS CHAK NO 74/A</t>
  </si>
  <si>
    <t>chak 74</t>
  </si>
  <si>
    <t>chak74A near feroza tehsil kpr</t>
  </si>
  <si>
    <t>amir pur</t>
  </si>
  <si>
    <t>Naila shahzadi</t>
  </si>
  <si>
    <t>GGPS CHAK NO 75 GB I</t>
  </si>
  <si>
    <t>75GB</t>
  </si>
  <si>
    <t>75GB khanuana FSD</t>
  </si>
  <si>
    <t>75GB Khanuana</t>
  </si>
  <si>
    <t>Khudian Wraich</t>
  </si>
  <si>
    <t>Nosheen Akram</t>
  </si>
  <si>
    <t>GGPS CHAK NO 75 RB II</t>
  </si>
  <si>
    <t>75 RB NEW ABADI</t>
  </si>
  <si>
    <t>CHAK NO. 75 RB NEW ABADI JARANWALA FAISALABAD</t>
  </si>
  <si>
    <t>75 RB</t>
  </si>
  <si>
    <t>103 RB</t>
  </si>
  <si>
    <t>Abeeda Ashraf</t>
  </si>
  <si>
    <t>GGPS CHAK NO 77 TDA</t>
  </si>
  <si>
    <t>77/Tda</t>
  </si>
  <si>
    <t>GGPS 77/tda Karor layyah</t>
  </si>
  <si>
    <t>90/Ml</t>
  </si>
  <si>
    <t>samina chohan</t>
  </si>
  <si>
    <t>GGPS CHAK NO 77/F</t>
  </si>
  <si>
    <t>77/f</t>
  </si>
  <si>
    <t>chk no.77/f hasil pur</t>
  </si>
  <si>
    <t>Chk No 71/f</t>
  </si>
  <si>
    <t>GGPS CHAK NO 79 JB</t>
  </si>
  <si>
    <t>govt girls primary school 79 jb faisalabad</t>
  </si>
  <si>
    <t>79 Jb</t>
  </si>
  <si>
    <t>78 Jb Jawadi</t>
  </si>
  <si>
    <t>Mussart Jabeen</t>
  </si>
  <si>
    <t>GGPS CHAK NO 79 WB</t>
  </si>
  <si>
    <t>79/wb</t>
  </si>
  <si>
    <t>chak no 79/wb vehari</t>
  </si>
  <si>
    <t>Chak No 79/wb</t>
  </si>
  <si>
    <t>75/wb</t>
  </si>
  <si>
    <t>GGPS CHAK NO 79/TDA</t>
  </si>
  <si>
    <t>chak no. 79/TDA, basti ganjar, tehsil karor lal e san district layyah.</t>
  </si>
  <si>
    <t>basti ganjar</t>
  </si>
  <si>
    <t>IQRA YASMEEN</t>
  </si>
  <si>
    <t>GGPS CHAK NO 8 GAGH</t>
  </si>
  <si>
    <t>chak# 8 ghagh.teh.shorkot</t>
  </si>
  <si>
    <t>chak no 8ghagh</t>
  </si>
  <si>
    <t>kotla zareef khan</t>
  </si>
  <si>
    <t>shazia ijaz</t>
  </si>
  <si>
    <t>GGPS CHAK NO 8/3 L SHUMALI</t>
  </si>
  <si>
    <t>GGPS Chak NO. 8/3PL</t>
  </si>
  <si>
    <t>Chak No 8/3L</t>
  </si>
  <si>
    <t>GGPS CHAK NO 80 TDA</t>
  </si>
  <si>
    <t>80/TDA</t>
  </si>
  <si>
    <t>CHAK NO. 80/TDA, TEHSIL KAROR LAL EASON DISTRICT LAYYAH</t>
  </si>
  <si>
    <t>fazilat behum</t>
  </si>
  <si>
    <t>GGPS CHAK NO 81 A</t>
  </si>
  <si>
    <t>81/A</t>
  </si>
  <si>
    <t>Chak 81/a  liaquat pur</t>
  </si>
  <si>
    <t>GGPS CHAK NO 82 JB I</t>
  </si>
  <si>
    <t>82jb Jagat Pur</t>
  </si>
  <si>
    <t>Ggps 82 jb jagat pur</t>
  </si>
  <si>
    <t>82 JB</t>
  </si>
  <si>
    <t>Farzana Anjum</t>
  </si>
  <si>
    <t>GGPS CHAK NO 83 GB</t>
  </si>
  <si>
    <t>Malomnwa</t>
  </si>
  <si>
    <t>ggps83gb Malomnwa</t>
  </si>
  <si>
    <t>83gb</t>
  </si>
  <si>
    <t>Jagutpoor</t>
  </si>
  <si>
    <t>Nazia Shaheen</t>
  </si>
  <si>
    <t>GGPS CHAK NO 83/TDA</t>
  </si>
  <si>
    <t>83/TDA</t>
  </si>
  <si>
    <t>GGPS Chak No 83/TDA</t>
  </si>
  <si>
    <t>83 TDA</t>
  </si>
  <si>
    <t>zahida sultan</t>
  </si>
  <si>
    <t>GGPS CHAK NO 84 GB</t>
  </si>
  <si>
    <t>GGPS 84gb</t>
  </si>
  <si>
    <t>Ggps chak no 84 gb</t>
  </si>
  <si>
    <t>84 GB</t>
  </si>
  <si>
    <t>GGPS CHAK NO 86 GB</t>
  </si>
  <si>
    <t>Garalla</t>
  </si>
  <si>
    <t>chak no 86 gb garalla</t>
  </si>
  <si>
    <t>Alia Rehman</t>
  </si>
  <si>
    <t>GGPS CHAK NO 86 TDA</t>
  </si>
  <si>
    <t>86/Tda</t>
  </si>
  <si>
    <t>CHAK NO. 86/TDA, TEHSIL KAROR LAL EASON DISTRICT LAYYAH</t>
  </si>
  <si>
    <t>86/tDA</t>
  </si>
  <si>
    <t>kashifa naz</t>
  </si>
  <si>
    <t>GGPS CHAK NO 86/5-R BHAGSAR</t>
  </si>
  <si>
    <t>86/5r Bhagsar</t>
  </si>
  <si>
    <t>govt.girls primary school 86/5r BHS</t>
  </si>
  <si>
    <t>86/5r bhagsar</t>
  </si>
  <si>
    <t>Sajida Noureen</t>
  </si>
  <si>
    <t>GGPS CHAK NO 88 JB</t>
  </si>
  <si>
    <t>Govt Girls Primary school 88jb tehsile saddar district faisalabad</t>
  </si>
  <si>
    <t>88jb</t>
  </si>
  <si>
    <t>Kashmala Semmer</t>
  </si>
  <si>
    <t>GGPS CHAK NO 89 TDA</t>
  </si>
  <si>
    <t>Chak No 89tda</t>
  </si>
  <si>
    <t>chak no 89tda teh karor dist layyah</t>
  </si>
  <si>
    <t>shazia parveen</t>
  </si>
  <si>
    <t>GGPS CHAK NO 89/5-R</t>
  </si>
  <si>
    <t>Sarang Wala</t>
  </si>
  <si>
    <t>chak No 89/5r</t>
  </si>
  <si>
    <t>Chak No 89/5-r</t>
  </si>
  <si>
    <t>Nasreen Akhter Noor</t>
  </si>
  <si>
    <t>GGPS CHAK NO 89/A</t>
  </si>
  <si>
    <t>CHAK NO 89/A</t>
  </si>
  <si>
    <t>GGPS CHAK NO 89/A TEHSIL LIAQUAT PUR DISTRICT RAHIM YAR KHAN</t>
  </si>
  <si>
    <t>CHAK NO 42/A</t>
  </si>
  <si>
    <t>GGPS CHAK NO 9/FW JATANA WALA</t>
  </si>
  <si>
    <t>Bukshan Khan</t>
  </si>
  <si>
    <t>chack#9/fw jattanwala</t>
  </si>
  <si>
    <t>9/fw jattanwala</t>
  </si>
  <si>
    <t>GGPS CHAK NO 90 GB</t>
  </si>
  <si>
    <t>90 g.b Ali Abad</t>
  </si>
  <si>
    <t>91 Jagat Pur</t>
  </si>
  <si>
    <t>Isma Gul</t>
  </si>
  <si>
    <t>GGPS CHAK NO 90/5-R</t>
  </si>
  <si>
    <t>90 5r</t>
  </si>
  <si>
    <t>90/5r ch</t>
  </si>
  <si>
    <t>90/5r Ch</t>
  </si>
  <si>
    <t>150/2l</t>
  </si>
  <si>
    <t>shakila yasmeen</t>
  </si>
  <si>
    <t>GGPS CHAK NO 91 GB</t>
  </si>
  <si>
    <t>Jagatpur</t>
  </si>
  <si>
    <t>Chak no 91GB</t>
  </si>
  <si>
    <t>Sadia Sharif</t>
  </si>
  <si>
    <t>GGPS CHAK NO 91/1-L</t>
  </si>
  <si>
    <t>Chak 91 1-L</t>
  </si>
  <si>
    <t>chak no 91 1L tehsil Khanpur distt rahim yar Khan</t>
  </si>
  <si>
    <t>91 1L</t>
  </si>
  <si>
    <t>Sheikhan Bhutan</t>
  </si>
  <si>
    <t>Samina yasmen</t>
  </si>
  <si>
    <t>GGPS CHAK NO 91/6-R</t>
  </si>
  <si>
    <t>Chk 91/6r</t>
  </si>
  <si>
    <t>91/6.r main wala bngla thsil Haroonabad district BWN</t>
  </si>
  <si>
    <t>91/6r</t>
  </si>
  <si>
    <t>GGPS CHAK NO 97 NP</t>
  </si>
  <si>
    <t>97 np</t>
  </si>
  <si>
    <t>ggps chak 97np</t>
  </si>
  <si>
    <t>SEHAR YASEEN</t>
  </si>
  <si>
    <t>GGPS CHAK NO 98 WB</t>
  </si>
  <si>
    <t>98/wb</t>
  </si>
  <si>
    <t>ggps98/wb</t>
  </si>
  <si>
    <t>98/Wb</t>
  </si>
  <si>
    <t>100/wb</t>
  </si>
  <si>
    <t>Ameena Bibi</t>
  </si>
  <si>
    <t>GGPS CHAK NO 99-B TDA BASTI KHARAL</t>
  </si>
  <si>
    <t>daggar sawag</t>
  </si>
  <si>
    <t>GGPS 99 B/TDA BASTI KHARRAL KAROR LAL EASON DISTRICT LAYYAH</t>
  </si>
  <si>
    <t>basti kharral 99 b/tda</t>
  </si>
  <si>
    <t>shagufta shaheen</t>
  </si>
  <si>
    <t>GGPS CHAK NO 99TDA DERA HAQ NAWAZ</t>
  </si>
  <si>
    <t>Sargani</t>
  </si>
  <si>
    <t>Dera Haqnawaz Chack no 99A/TDA</t>
  </si>
  <si>
    <t>Dera haqnawaz</t>
  </si>
  <si>
    <t>Saifal BIBI</t>
  </si>
  <si>
    <t>GGPS CHAK NO. 1 GHAGH</t>
  </si>
  <si>
    <t>1ghagh</t>
  </si>
  <si>
    <t>ggps 1ghagh</t>
  </si>
  <si>
    <t>1  Ghagh</t>
  </si>
  <si>
    <t>Kohsar Perveen</t>
  </si>
  <si>
    <t>GGPS CHAK NO. 1 MB</t>
  </si>
  <si>
    <t>1 MB</t>
  </si>
  <si>
    <t>chak no.1 mb dakkhana chak no.32 db
Tehsil &amp; District Mianwali</t>
  </si>
  <si>
    <t>GGPS CHAK NO. 1 RMK</t>
  </si>
  <si>
    <t>Chak No1rmk</t>
  </si>
  <si>
    <t>GGPS.1rmk</t>
  </si>
  <si>
    <t>Samia Hanif</t>
  </si>
  <si>
    <t>GGPS CHAK NO. 1 UCC</t>
  </si>
  <si>
    <t>Chak No 1ucc</t>
  </si>
  <si>
    <t>chak no 1ucc,markaz mangtawala</t>
  </si>
  <si>
    <t>Saleem Pur Paka</t>
  </si>
  <si>
    <t>Bushra Manzoor</t>
  </si>
  <si>
    <t>GGPS CHAK NO. 1/10 THAL</t>
  </si>
  <si>
    <t>1/10 Thal</t>
  </si>
  <si>
    <t>1/10 thal</t>
  </si>
  <si>
    <t>Rabia Tabassum</t>
  </si>
  <si>
    <t>GGPS CHAK NO. 1/1-L</t>
  </si>
  <si>
    <t>1/1-L</t>
  </si>
  <si>
    <t>1/1-L Tehsil Renala Khurd District Okara</t>
  </si>
  <si>
    <t>Zahida Khaliq</t>
  </si>
  <si>
    <t>GGPS CHAK NO. 1/51</t>
  </si>
  <si>
    <t>Chak no1/51</t>
  </si>
  <si>
    <t>GGPS CHAK NO. 10/1-R</t>
  </si>
  <si>
    <t>10/1R E</t>
  </si>
  <si>
    <t>Chak no 10\1R E Post office 25\3R</t>
  </si>
  <si>
    <t>Saba Kanwal</t>
  </si>
  <si>
    <t>GGPS CHAK NO. 100/6-R AB</t>
  </si>
  <si>
    <t>100/6R AB</t>
  </si>
  <si>
    <t>CHAK NO 100/6R AB PO SAME</t>
  </si>
  <si>
    <t>Chak No 101/6R</t>
  </si>
  <si>
    <t>Samra Sardar</t>
  </si>
  <si>
    <t>GGPS CHAK NO. 100-B/TDA RAJAN SHAH DARBAR</t>
  </si>
  <si>
    <t>GGPS 100-B/T RAJAN SHAH, TEH KAROR, DISTT LAYYAH</t>
  </si>
  <si>
    <t>itrat tahira</t>
  </si>
  <si>
    <t>GGPS CHAK NO. 101/6-R</t>
  </si>
  <si>
    <t>101/6R</t>
  </si>
  <si>
    <t>chak 101/6-R post office 100/6-R haroonabad</t>
  </si>
  <si>
    <t>101/6-R</t>
  </si>
  <si>
    <t>Madiha Ahmad</t>
  </si>
  <si>
    <t>GGPS CHAK NO. 102 6R</t>
  </si>
  <si>
    <t>102/6R</t>
  </si>
  <si>
    <t>chak no 102/6r</t>
  </si>
  <si>
    <t>Chak No 102/6R</t>
  </si>
  <si>
    <t>Alia Jan</t>
  </si>
  <si>
    <t>GGPS CHAK NO. 103/P</t>
  </si>
  <si>
    <t>abu dhahbi road rahim yar khan</t>
  </si>
  <si>
    <t>Chak 103 P</t>
  </si>
  <si>
    <t>Ghazala Tabassum</t>
  </si>
  <si>
    <t>GGPS CHAK NO. 104/DNB (NORTH)</t>
  </si>
  <si>
    <t>104DNB N</t>
  </si>
  <si>
    <t>104/DNB(N)</t>
  </si>
  <si>
    <t>47DNB</t>
  </si>
  <si>
    <t>Nazia Noor</t>
  </si>
  <si>
    <t>GGPS CHAK NO. 105/6-R AB</t>
  </si>
  <si>
    <t>105/6r Ab</t>
  </si>
  <si>
    <t>105/6r ab</t>
  </si>
  <si>
    <t>Sohaila Kousar</t>
  </si>
  <si>
    <t>GGPS CHAK NO. 105/P</t>
  </si>
  <si>
    <t>GGPS 105/p</t>
  </si>
  <si>
    <t>Samina Majeed</t>
  </si>
  <si>
    <t>GGPS CHAK NO. 106 NP</t>
  </si>
  <si>
    <t>g.g p/s chak 106 np.</t>
  </si>
  <si>
    <t>106 Np</t>
  </si>
  <si>
    <t>Nwan Arayen</t>
  </si>
  <si>
    <t>Mahmooda Riaz</t>
  </si>
  <si>
    <t>GGPS CHAK NO. 107/TDA CHAH KARORREE WALA</t>
  </si>
  <si>
    <t>Khokhar Isra Thal</t>
  </si>
  <si>
    <t>chak # 107/TDA karori wala</t>
  </si>
  <si>
    <t>107/ Tea karori wala</t>
  </si>
  <si>
    <t>Garay wala</t>
  </si>
  <si>
    <t>farzana sami</t>
  </si>
  <si>
    <t>GGPS CHAK NO. 108/P</t>
  </si>
  <si>
    <t>chak No 108 P</t>
  </si>
  <si>
    <t>Chak no 108 p RYK</t>
  </si>
  <si>
    <t>Chak No 108 P RYK</t>
  </si>
  <si>
    <t>Chak 105p</t>
  </si>
  <si>
    <t>Shamsa Kousar</t>
  </si>
  <si>
    <t>GGPS CHAK NO. 11 MB</t>
  </si>
  <si>
    <t>11MB</t>
  </si>
  <si>
    <t>chak no 11 MB Tahsil Quaidabad district khushab</t>
  </si>
  <si>
    <t>14 MB</t>
  </si>
  <si>
    <t>GGPS CHAK NO. 11/3-L</t>
  </si>
  <si>
    <t>Rafi Abad</t>
  </si>
  <si>
    <t>chak no 11/3-l tehsil Ahmad pur Sial district jhang</t>
  </si>
  <si>
    <t>Chak No 11/3-l</t>
  </si>
  <si>
    <t>GGPS CHAK NO. 110/1-L</t>
  </si>
  <si>
    <t>110/1L</t>
  </si>
  <si>
    <t>GGPS CHAK NO. 112 MURAD</t>
  </si>
  <si>
    <t>112/m</t>
  </si>
  <si>
    <t>chak no.112/m,tehsil chishtian,district bhawalnaget</t>
  </si>
  <si>
    <t>Chak No112/m</t>
  </si>
  <si>
    <t>112 /m</t>
  </si>
  <si>
    <t>Tabinda Javeed</t>
  </si>
  <si>
    <t>GGPS CHAK NO. 112/NP</t>
  </si>
  <si>
    <t>PS 112 np</t>
  </si>
  <si>
    <t>Dera Abdul Majeed</t>
  </si>
  <si>
    <t>Musrat Bano</t>
  </si>
  <si>
    <t>GGPS CHAK NO. 112/TDA</t>
  </si>
  <si>
    <t>112 tda</t>
  </si>
  <si>
    <t>CHAK NO 112/TDA KAROR LAL EASON DISTRICT LAYYAH</t>
  </si>
  <si>
    <t>chak no.112 tda</t>
  </si>
  <si>
    <t>110/TDA KAROR LALEASON</t>
  </si>
  <si>
    <t>GGPS CHAK NO. 113 ML</t>
  </si>
  <si>
    <t>chk no ,113/ml</t>
  </si>
  <si>
    <t>113/ml</t>
  </si>
  <si>
    <t>112/ml</t>
  </si>
  <si>
    <t>Farhana Jabeen</t>
  </si>
  <si>
    <t>GGPS CHAK NO. 114 NP</t>
  </si>
  <si>
    <t>chak 114 np</t>
  </si>
  <si>
    <t>114np</t>
  </si>
  <si>
    <t>GGPS CHAK NO. 114/6-R</t>
  </si>
  <si>
    <t>114/6R</t>
  </si>
  <si>
    <t>Chak no 114/6.R</t>
  </si>
  <si>
    <t>Fardous Yasmeen</t>
  </si>
  <si>
    <t>GGPS CHAK NO. 115 TDA</t>
  </si>
  <si>
    <t>Aoulakh</t>
  </si>
  <si>
    <t>chak number 115 tda</t>
  </si>
  <si>
    <t>115 TDA</t>
  </si>
  <si>
    <t>Perveen akhtar</t>
  </si>
  <si>
    <t>GGPS CHAK NO. 115/6-R</t>
  </si>
  <si>
    <t>Chack 115/6R</t>
  </si>
  <si>
    <t>chack no. 115/6R</t>
  </si>
  <si>
    <t>Chak 115/6R</t>
  </si>
  <si>
    <t>Gulnar Abbas</t>
  </si>
  <si>
    <t>GGPS CHAK NO. 115/NP</t>
  </si>
  <si>
    <t>basti  jam Munir lar said pur</t>
  </si>
  <si>
    <t>Jam Munir Lar</t>
  </si>
  <si>
    <t>Bahar Khakhi</t>
  </si>
  <si>
    <t>GGPS CHAK NO. 115-A/TDA</t>
  </si>
  <si>
    <t>115-A TDA</t>
  </si>
  <si>
    <t>CHAK NO. 115-A TDA</t>
  </si>
  <si>
    <t>NARIA PUL</t>
  </si>
  <si>
    <t>ALI RAJAN</t>
  </si>
  <si>
    <t>QURAT UL AIN HAIDER</t>
  </si>
  <si>
    <t>GGPS CHAK NO. 116 ML</t>
  </si>
  <si>
    <t>116ml</t>
  </si>
  <si>
    <t>chak no 116 ml kot adu</t>
  </si>
  <si>
    <t>Chak 116ml</t>
  </si>
  <si>
    <t>518 Tda</t>
  </si>
  <si>
    <t>Qurat ul ain Chishti</t>
  </si>
  <si>
    <t>GGPS CHAK NO. 116/6-R</t>
  </si>
  <si>
    <t>116-6R</t>
  </si>
  <si>
    <t>chak no. 116/6R</t>
  </si>
  <si>
    <t>116/6R</t>
  </si>
  <si>
    <t>Syeda Shamaila Ihsan</t>
  </si>
  <si>
    <t>GGPS CHAK NO. 116/TDA</t>
  </si>
  <si>
    <t>olakh</t>
  </si>
  <si>
    <t>GGPS 116/TDA karor lal eason district layyah</t>
  </si>
  <si>
    <t>116/tDA</t>
  </si>
  <si>
    <t>GHULAM ZAHRA</t>
  </si>
  <si>
    <t>GGPS CHAK NO. 117 MURAD</t>
  </si>
  <si>
    <t>117/M</t>
  </si>
  <si>
    <t>GGPS117/m</t>
  </si>
  <si>
    <t>GGPS CHAK NO. 118 MURAD</t>
  </si>
  <si>
    <t>FAROOQ COLONY CTN</t>
  </si>
  <si>
    <t>CHAK 118/M</t>
  </si>
  <si>
    <t>CHAK NO 118/M</t>
  </si>
  <si>
    <t>SHAKEELA BIBI</t>
  </si>
  <si>
    <t>GGPS CHAK NO. 12 MB</t>
  </si>
  <si>
    <t>12mb</t>
  </si>
  <si>
    <t>govt.girl primary school chak 12mb</t>
  </si>
  <si>
    <t>Zahida  Parveen</t>
  </si>
  <si>
    <t>GGPS CHAK NO. 12 SLOTRIAN WALA</t>
  </si>
  <si>
    <t>Muradwala</t>
  </si>
  <si>
    <t>Chak no 12 slotrianwala</t>
  </si>
  <si>
    <t>Slotrianwala</t>
  </si>
  <si>
    <t>Rasoolan Bibi</t>
  </si>
  <si>
    <t>GGPS CHAK NO. 12/3-L A</t>
  </si>
  <si>
    <t>Daraj Sial</t>
  </si>
  <si>
    <t>Chak # 12/3-L (A)</t>
  </si>
  <si>
    <t>12/3-L A</t>
  </si>
  <si>
    <t>Ismat Perveen</t>
  </si>
  <si>
    <t>GGPS CHAK NO. 12/TDA</t>
  </si>
  <si>
    <t>12 TDA</t>
  </si>
  <si>
    <t>GGPS CHAK NO. 12 TDA</t>
  </si>
  <si>
    <t>6 Tda</t>
  </si>
  <si>
    <t>Sajida Yasin</t>
  </si>
  <si>
    <t>GGPS CHAK NO. 121 RB DOGREE</t>
  </si>
  <si>
    <t>Chack No121 121dogree</t>
  </si>
  <si>
    <t>Ggps dogree121</t>
  </si>
  <si>
    <t>Dogree121</t>
  </si>
  <si>
    <t>Aamna Irfan</t>
  </si>
  <si>
    <t>GGPS CHAK NO. 123 TDA YOUSAF ABAD</t>
  </si>
  <si>
    <t>mohalah yousafabad  chak no 123 tda layyah</t>
  </si>
  <si>
    <t>Mandi Twon</t>
  </si>
  <si>
    <t>GGPS CHAK NO. 123/1-L</t>
  </si>
  <si>
    <t>Chak 123 1L</t>
  </si>
  <si>
    <t>Ggpschak 1231.L bagh-o-bahar</t>
  </si>
  <si>
    <t>Bagh-o-bahar</t>
  </si>
  <si>
    <t>Yasmeen Rasheed</t>
  </si>
  <si>
    <t>GGPS CHAK NO. 125/WB NORTH</t>
  </si>
  <si>
    <t>125wb</t>
  </si>
  <si>
    <t>125wb North</t>
  </si>
  <si>
    <t>GGPS CHAK NO. 128/M DARBAR</t>
  </si>
  <si>
    <t>128 m basti darbar</t>
  </si>
  <si>
    <t>GGPS CHAK NO. 128-A TDA ABAID DEHAH</t>
  </si>
  <si>
    <t>128A/TDA abadi dahi Teh &amp; Distt Layyah</t>
  </si>
  <si>
    <t>128A/TDA</t>
  </si>
  <si>
    <t>Mandi town</t>
  </si>
  <si>
    <t>FATIMA FAREED</t>
  </si>
  <si>
    <t>GGPS CHAK NO. 129/TDA</t>
  </si>
  <si>
    <t>129 thal kalan</t>
  </si>
  <si>
    <t>Chack# 129tda lalazar</t>
  </si>
  <si>
    <t>133 rural chowk azam</t>
  </si>
  <si>
    <t>GGPS CHAK NO. 132 NB</t>
  </si>
  <si>
    <t>Chak No 132 Nb</t>
  </si>
  <si>
    <t>Chak No No 132 Nb</t>
  </si>
  <si>
    <t>Ckak No 131 Nb</t>
  </si>
  <si>
    <t>razia khatoon</t>
  </si>
  <si>
    <t>GGPS CHAK NO. 132/P</t>
  </si>
  <si>
    <t>132p</t>
  </si>
  <si>
    <t>chak no 132p post office bangla manthar</t>
  </si>
  <si>
    <t>Ayesha Jabbar</t>
  </si>
  <si>
    <t>GGPS CHAK NO. 134/16-L MOHSINWAL</t>
  </si>
  <si>
    <t>134/16-L</t>
  </si>
  <si>
    <t>GGPS134/16-L,Mohsinwal</t>
  </si>
  <si>
    <t>134/16-L-Mohsinwal</t>
  </si>
  <si>
    <t>Adeeba Namat</t>
  </si>
  <si>
    <t>GGPS CHAK NO. 137/6-R</t>
  </si>
  <si>
    <t>137/6-R   AB</t>
  </si>
  <si>
    <t>Govt.Girls primery school 137/6-R AB</t>
  </si>
  <si>
    <t>142/6-R</t>
  </si>
  <si>
    <t>MUSRRAT Parveen</t>
  </si>
  <si>
    <t>GGPS CHAK NO. 138/ML</t>
  </si>
  <si>
    <t>138ml</t>
  </si>
  <si>
    <t>ggps Chak no.138ml tehsil kot addu district muzzafargarh</t>
  </si>
  <si>
    <t>Chak No138 Ml</t>
  </si>
  <si>
    <t>Zukfikarabad</t>
  </si>
  <si>
    <t>Saba Arfat</t>
  </si>
  <si>
    <t>GGPS CHAK NO. 138/P DHANDA</t>
  </si>
  <si>
    <t>Wah Faqira</t>
  </si>
  <si>
    <t>138/p Dhanda</t>
  </si>
  <si>
    <t>138/P Dhanda</t>
  </si>
  <si>
    <t>Sabahat Iqbal</t>
  </si>
  <si>
    <t>GGPS CHAK NO. 13-A/1-R</t>
  </si>
  <si>
    <t>13A/1R</t>
  </si>
  <si>
    <t>GGPS 13A/1R</t>
  </si>
  <si>
    <t>Shazia Tabbisam</t>
  </si>
  <si>
    <t>GGPS CHAK NO. 141 RB II</t>
  </si>
  <si>
    <t>141rbii Sadarwala</t>
  </si>
  <si>
    <t>Sadarwala 141rbii</t>
  </si>
  <si>
    <t>156rb</t>
  </si>
  <si>
    <t>GGPS CHAK NO. 141/ML</t>
  </si>
  <si>
    <t>141ml</t>
  </si>
  <si>
    <t>chak no 141/ml tehsil kotadu dit m.garh</t>
  </si>
  <si>
    <t>Chak No 141/ml</t>
  </si>
  <si>
    <t>Murrawat Rubab</t>
  </si>
  <si>
    <t>GGPS CHAK NO. 142 JB AHEER</t>
  </si>
  <si>
    <t>Chak No 142Aheer</t>
  </si>
  <si>
    <t>chak no. 142jb aheer</t>
  </si>
  <si>
    <t>chak no. 140jb</t>
  </si>
  <si>
    <t>GGPS CHAK NO. 142 JB BURHAN PUR</t>
  </si>
  <si>
    <t>Chak No 142 Burhan</t>
  </si>
  <si>
    <t>chak 142 burhan pur chiniot</t>
  </si>
  <si>
    <t>Chak No 140</t>
  </si>
  <si>
    <t>Maryum Shazadi</t>
  </si>
  <si>
    <t>GGPS CHAK NO. 142/6-R A.B</t>
  </si>
  <si>
    <t>142/6 Ab</t>
  </si>
  <si>
    <t>Chak no 142/6r azafi bsti</t>
  </si>
  <si>
    <t>142/6r Ab</t>
  </si>
  <si>
    <t>shabeena naheed</t>
  </si>
  <si>
    <t>GGPS CHAK NO. 145/6-R</t>
  </si>
  <si>
    <t>145/6r</t>
  </si>
  <si>
    <t>CHAK no. 145/6.r</t>
  </si>
  <si>
    <t>Sakhia Khalid</t>
  </si>
  <si>
    <t>GGPS CHAK NO. 145-A/TDA ABADI DEH</t>
  </si>
  <si>
    <t>G.G.p/s 145 Aabadi Dehi</t>
  </si>
  <si>
    <t>Chak 145</t>
  </si>
  <si>
    <t>Shahneela Majeed</t>
  </si>
  <si>
    <t>GGPS CHAK NO. 145-B/TDA</t>
  </si>
  <si>
    <t>Govt. Girls Primary School Chack # 145-B TDA</t>
  </si>
  <si>
    <t>Sidra Bashir</t>
  </si>
  <si>
    <t>GGPS CHAK NO. 147 JB</t>
  </si>
  <si>
    <t>chak no 147</t>
  </si>
  <si>
    <t>Chak No 146jb</t>
  </si>
  <si>
    <t>Mumtaz Muhammad Ali</t>
  </si>
  <si>
    <t>GGPS CHAK NO. 147/6-R W</t>
  </si>
  <si>
    <t>Chak No 147 /6r</t>
  </si>
  <si>
    <t>Chak no 147 /6r p/o146/6r Haroon Abad</t>
  </si>
  <si>
    <t>147 /6R</t>
  </si>
  <si>
    <t>Chak No 98/6r</t>
  </si>
  <si>
    <t>GGPS CHAK NO. 148/TDA BASTI SIAL</t>
  </si>
  <si>
    <t>Lohanch Nashib</t>
  </si>
  <si>
    <t>148a tda basti sial</t>
  </si>
  <si>
    <t>Basti sial</t>
  </si>
  <si>
    <t>hand pump+ Tap</t>
  </si>
  <si>
    <t>GGPS CHAK NO. 149/TDA</t>
  </si>
  <si>
    <t>Gut Nashaib</t>
  </si>
  <si>
    <t>GGPS149/TDA</t>
  </si>
  <si>
    <t>Kamaii Wala</t>
  </si>
  <si>
    <t>Jamman SHAH</t>
  </si>
  <si>
    <t>Shakeela fazal</t>
  </si>
  <si>
    <t>GGPS CHAK NO. 149-B/TDA AZIZ FARM</t>
  </si>
  <si>
    <t>Govt. girls primary school 149B Aziz form</t>
  </si>
  <si>
    <t>149B</t>
  </si>
  <si>
    <t>GGPS CHAK NO. 15/1-R</t>
  </si>
  <si>
    <t>chak no. 15\1.R</t>
  </si>
  <si>
    <t>Riffat Sajida</t>
  </si>
  <si>
    <t>GGPS CHAK NO. 15/A</t>
  </si>
  <si>
    <t>chak 15A</t>
  </si>
  <si>
    <t>chak 15 A</t>
  </si>
  <si>
    <t>chak 10 A</t>
  </si>
  <si>
    <t>GGPS CHAK NO. 15/P</t>
  </si>
  <si>
    <t>15p</t>
  </si>
  <si>
    <t>Chack #15p Tehsil khan pur Distt Rahimyarkhan</t>
  </si>
  <si>
    <t>Chack #15p</t>
  </si>
  <si>
    <t>Rukhsana Rashid</t>
  </si>
  <si>
    <t>GGPS CHAK NO. 150-B/TDA NEW LEYYAH</t>
  </si>
  <si>
    <t>150B</t>
  </si>
  <si>
    <t>chak no 150 b New</t>
  </si>
  <si>
    <t>najma un nissa</t>
  </si>
  <si>
    <t>GGPS CHAK NO. 151/A</t>
  </si>
  <si>
    <t>Chak No151/A</t>
  </si>
  <si>
    <t>chak no .151/A lqp</t>
  </si>
  <si>
    <t>Chak No 151/A</t>
  </si>
  <si>
    <t>42/A</t>
  </si>
  <si>
    <t>Shazia perveen</t>
  </si>
  <si>
    <t>GGPS CHAK NO. 151/TDA DERA SADIQ</t>
  </si>
  <si>
    <t>151/tda</t>
  </si>
  <si>
    <t>chak no 151 tda dera sadiq ly</t>
  </si>
  <si>
    <t>Shanawar Gul</t>
  </si>
  <si>
    <t>GGPS CHAK NO. 153 ML</t>
  </si>
  <si>
    <t>Chak No 153 ML</t>
  </si>
  <si>
    <t>Chak no 153ml kot addu</t>
  </si>
  <si>
    <t>Chak no 153ml</t>
  </si>
  <si>
    <t>Noor shah</t>
  </si>
  <si>
    <t>GGPS CHAK NO. 153 RB I BHROKEY</t>
  </si>
  <si>
    <t>153 RB</t>
  </si>
  <si>
    <t>Chak no 153rb bharoky</t>
  </si>
  <si>
    <t>Bharoky</t>
  </si>
  <si>
    <t>146/RB Dao Wala</t>
  </si>
  <si>
    <t>GGPS CHAK NO. 153 RB II</t>
  </si>
  <si>
    <t>GOVT GIRLS PRIMARY SCHOOL 153 RB II DASKA CHAK JHUMRA</t>
  </si>
  <si>
    <t>Chak No 153 Rb II DASKA</t>
  </si>
  <si>
    <t>146 Rb Dao Wala</t>
  </si>
  <si>
    <t>GGPS CHAK NO. 154/TDA</t>
  </si>
  <si>
    <t>chak no 154</t>
  </si>
  <si>
    <t>GGPS CHAK no. 154</t>
  </si>
  <si>
    <t>chak no154</t>
  </si>
  <si>
    <t>GGPS CHAK NO. 155 JB</t>
  </si>
  <si>
    <t>Chak 155jb</t>
  </si>
  <si>
    <t>Chak no 155</t>
  </si>
  <si>
    <t>Yasmin Tahir</t>
  </si>
  <si>
    <t>GGPS CHAK NO. 156 JB KHOKHAR</t>
  </si>
  <si>
    <t>Chak 156 Khokhar</t>
  </si>
  <si>
    <t>chak no.156 khokhar</t>
  </si>
  <si>
    <t>156 Khokhar</t>
  </si>
  <si>
    <t>NAHEED Akhter</t>
  </si>
  <si>
    <t>GGPS CHAK NO. 158 TDA</t>
  </si>
  <si>
    <t>159TDA</t>
  </si>
  <si>
    <t>Chak No.158TDA,P/O Ladhana,Layyah</t>
  </si>
  <si>
    <t>158/TDA</t>
  </si>
  <si>
    <t>Bushra Sarfraz</t>
  </si>
  <si>
    <t>GGPS CHAK NO. 16/1-R TEHSILDAR WALA</t>
  </si>
  <si>
    <t>chak no.16\1.R  Tehsildarwala</t>
  </si>
  <si>
    <t>161r Tehsildarwala</t>
  </si>
  <si>
    <t>151R</t>
  </si>
  <si>
    <t>GGPS CHAK NO. 163/TDA</t>
  </si>
  <si>
    <t>Chak No163 Tda</t>
  </si>
  <si>
    <t>Chak no 163/TDA markz ladhana</t>
  </si>
  <si>
    <t>163/TDA</t>
  </si>
  <si>
    <t>Nishat  Fatima</t>
  </si>
  <si>
    <t>GGPS CHAK NO. 168 JB I</t>
  </si>
  <si>
    <t>Smore</t>
  </si>
  <si>
    <t>chak no.168smore</t>
  </si>
  <si>
    <t>168smore</t>
  </si>
  <si>
    <t>169garwa</t>
  </si>
  <si>
    <t>GGPS CHAK NO. 168/7-R E</t>
  </si>
  <si>
    <t>Chak 168/7R E</t>
  </si>
  <si>
    <t>Chak 168/7.R E P/O 192/7.R Tehsil Fortabbas</t>
  </si>
  <si>
    <t>168/7R E</t>
  </si>
  <si>
    <t>Chak 167/7R W</t>
  </si>
  <si>
    <t>Shamila Naz</t>
  </si>
  <si>
    <t>GGPS CHAK NO. 168/7-R MIDDLE</t>
  </si>
  <si>
    <t>168/7R</t>
  </si>
  <si>
    <t>168/7R M</t>
  </si>
  <si>
    <t>Balqees AKhter</t>
  </si>
  <si>
    <t>GGPS CHAK NO. 169/WB</t>
  </si>
  <si>
    <t>Kasi Wala</t>
  </si>
  <si>
    <t>chak No 169 wb</t>
  </si>
  <si>
    <t>169 Wb</t>
  </si>
  <si>
    <t>Nazish Nazir</t>
  </si>
  <si>
    <t>GGPS CHAK NO. 17</t>
  </si>
  <si>
    <t>Chak No 17</t>
  </si>
  <si>
    <t>chak no 17</t>
  </si>
  <si>
    <t>Nazia Yasmeen</t>
  </si>
  <si>
    <t>GGPS CHAK NO. 17 NP</t>
  </si>
  <si>
    <t>GGPS Chak 17/NP</t>
  </si>
  <si>
    <t>17/NP</t>
  </si>
  <si>
    <t>GGPS CHAK NO. 17/1-R</t>
  </si>
  <si>
    <t>17/1R</t>
  </si>
  <si>
    <t>chak no 17/1R tehsil &amp;distt okara</t>
  </si>
  <si>
    <t>Bushra Rafiq</t>
  </si>
  <si>
    <t>GGPS CHAK NO. 171/MURAD (C)</t>
  </si>
  <si>
    <t>ggps171mc</t>
  </si>
  <si>
    <t>171mc</t>
  </si>
  <si>
    <t>173m</t>
  </si>
  <si>
    <t>GGPS CHAK NO. 171/P</t>
  </si>
  <si>
    <t>Jafar Pur</t>
  </si>
  <si>
    <t>chak171 p sdk</t>
  </si>
  <si>
    <t>Chak171 P</t>
  </si>
  <si>
    <t>Asma Munir</t>
  </si>
  <si>
    <t>GGPS CHAK NO. 174 MC</t>
  </si>
  <si>
    <t>174 M C</t>
  </si>
  <si>
    <t>chak no 174 m c</t>
  </si>
  <si>
    <t>173 M</t>
  </si>
  <si>
    <t>Anam Ali</t>
  </si>
  <si>
    <t>GGPS CHAK NO. 174/MB</t>
  </si>
  <si>
    <t>Chak Number 174MB</t>
  </si>
  <si>
    <t>173 Murad</t>
  </si>
  <si>
    <t>GGPS CHAK NO. 176/WB RAM PURA</t>
  </si>
  <si>
    <t>Chak No 176/WB Rampura</t>
  </si>
  <si>
    <t>chak no 176/WB Ram Pura  district Vehari (Mailsi)</t>
  </si>
  <si>
    <t>176/WB Rampura</t>
  </si>
  <si>
    <t>GGPS CHAK NO. 178/EB VEHARI</t>
  </si>
  <si>
    <t>178/EB</t>
  </si>
  <si>
    <t>CHAK NO. 178/EB TEHSIL &amp; DISTRICT VEHARI</t>
  </si>
  <si>
    <t>Chak No. 166 EB</t>
  </si>
  <si>
    <t>GGPS CHAK NO. 178/M A</t>
  </si>
  <si>
    <t>chak no178m</t>
  </si>
  <si>
    <t>178m</t>
  </si>
  <si>
    <t>GGPS CHAK NO. 18/1-R</t>
  </si>
  <si>
    <t>chak no 18-1R Tehsil Okara District Okara</t>
  </si>
  <si>
    <t>18-1R</t>
  </si>
  <si>
    <t>GGPS CHAK NO. 181 EB</t>
  </si>
  <si>
    <t>181 EB</t>
  </si>
  <si>
    <t>chak no 181 eb burewala dist vhari</t>
  </si>
  <si>
    <t>181EB</t>
  </si>
  <si>
    <t>173 EB</t>
  </si>
  <si>
    <t>Sajida Majeed</t>
  </si>
  <si>
    <t>GGPS CHAK NO. 182/EB VEHARI</t>
  </si>
  <si>
    <t>chak no 182/EB Vehari</t>
  </si>
  <si>
    <t>Raheela Aslam</t>
  </si>
  <si>
    <t>GGPS CHAK NO. 183 II CHAH WATTAY WALA</t>
  </si>
  <si>
    <t>chak no 183/2 chah watty wala Mochiwala</t>
  </si>
  <si>
    <t>Chah Watty Wala</t>
  </si>
  <si>
    <t>Shabnam Nayab</t>
  </si>
  <si>
    <t>GGPS CHAK NO. 184/WB EAST</t>
  </si>
  <si>
    <t>184/wb</t>
  </si>
  <si>
    <t>chak number 184/w.b east dak khana mitru tehsile mailsi district vehari</t>
  </si>
  <si>
    <t>GGPS CHAK NO. 184/WB WEST</t>
  </si>
  <si>
    <t>184 Wb</t>
  </si>
  <si>
    <t>chak number 184 wb west</t>
  </si>
  <si>
    <t>184 Wb West</t>
  </si>
  <si>
    <t>88 Wb</t>
  </si>
  <si>
    <t>Shaista Siddique</t>
  </si>
  <si>
    <t>GGPS CHAK NO. 19 DB PIPLAN</t>
  </si>
  <si>
    <t>Chak No 19 DB</t>
  </si>
  <si>
    <t>chak no 19 db tehsil piplan</t>
  </si>
  <si>
    <t>Chak No 19 Db</t>
  </si>
  <si>
    <t>Nazia Anwar</t>
  </si>
  <si>
    <t>GGPS CHAK NO. 19/1-AL</t>
  </si>
  <si>
    <t>19/1AL</t>
  </si>
  <si>
    <t>Chak No. 19/1.A.L P.O Akhtarabad Tehsil Renela Khurd</t>
  </si>
  <si>
    <t>Rozina Sultan</t>
  </si>
  <si>
    <t>GGPS CHAK NO. 19/G (B)</t>
  </si>
  <si>
    <t>Basti Josar</t>
  </si>
  <si>
    <t>basti Josar near sugar mill ctn</t>
  </si>
  <si>
    <t>Sufia Latif</t>
  </si>
  <si>
    <t>GGPS CHAK NO. 192/7-R</t>
  </si>
  <si>
    <t>192 7r</t>
  </si>
  <si>
    <t>Chak 1927r</t>
  </si>
  <si>
    <t>164 7r</t>
  </si>
  <si>
    <t>GGPS CHAK NO. 194/P EAST</t>
  </si>
  <si>
    <t>Ggps 194 p east sadiq abad</t>
  </si>
  <si>
    <t>chak 194 p east</t>
  </si>
  <si>
    <t>173 p</t>
  </si>
  <si>
    <t>automaticaly</t>
  </si>
  <si>
    <t>GGPS CHAK NO. 194/P WEST</t>
  </si>
  <si>
    <t>194/pw</t>
  </si>
  <si>
    <t>GGPS Chak No 194/p west</t>
  </si>
  <si>
    <t>Chak No194/pw</t>
  </si>
  <si>
    <t>GGPS CHAK NO. 2/1-R</t>
  </si>
  <si>
    <t>2/1r</t>
  </si>
  <si>
    <t>chak no 2\1r</t>
  </si>
  <si>
    <t>21r</t>
  </si>
  <si>
    <t>Mariam Javed</t>
  </si>
  <si>
    <t>GGPS CHAK NO. 2/4-R</t>
  </si>
  <si>
    <t>GGPS chak  no 2/4r Ahmad pur sial  district jhang</t>
  </si>
  <si>
    <t>2/4R</t>
  </si>
  <si>
    <t>Nafeesa Abid</t>
  </si>
  <si>
    <t>GGPS CHAK NO. 2/P</t>
  </si>
  <si>
    <t>Chak 2/p</t>
  </si>
  <si>
    <t>Tehsil khanpur dist ryk ggps chak no 2/   p</t>
  </si>
  <si>
    <t>1/p</t>
  </si>
  <si>
    <t>GGPS CHAK NO. 20 GB</t>
  </si>
  <si>
    <t>20 chak</t>
  </si>
  <si>
    <t>Chak no 20 tehsil &amp; district nns</t>
  </si>
  <si>
    <t>20 Chak</t>
  </si>
  <si>
    <t>12 Chak</t>
  </si>
  <si>
    <t>shahida tabussum</t>
  </si>
  <si>
    <t>GGPS CHAK NO. 20 GHAGH SANDHIWALI</t>
  </si>
  <si>
    <t>20 Ghagh</t>
  </si>
  <si>
    <t>chak # 20 ghagh basti sindhianwaali, shorkot</t>
  </si>
  <si>
    <t>20 Ghagh Basti Sindhianwaali Shorkot</t>
  </si>
  <si>
    <t>Kaki Nou Soim</t>
  </si>
  <si>
    <t>Rabia Jamil</t>
  </si>
  <si>
    <t>GGPS CHAK NO. 20 SHARQPUR</t>
  </si>
  <si>
    <t>chak no 20 ucc</t>
  </si>
  <si>
    <t>Chak # 20 Ucc</t>
  </si>
  <si>
    <t>Nazar Labana</t>
  </si>
  <si>
    <t>MR Muhammad Younas</t>
  </si>
  <si>
    <t>GGPS CHAK NO. 20/1-RB</t>
  </si>
  <si>
    <t>chak 20 1.r.b</t>
  </si>
  <si>
    <t>20 1rb20 1rb</t>
  </si>
  <si>
    <t>Surrya Jabeen</t>
  </si>
  <si>
    <t>GGPS CHAK NO. 20/3-R</t>
  </si>
  <si>
    <t>20/3r</t>
  </si>
  <si>
    <t>Zarina Baggum</t>
  </si>
  <si>
    <t>GGPS CHAK NO. 20/3-R (F.C)</t>
  </si>
  <si>
    <t>Gulshan Colony 20 I Gulshan Colony</t>
  </si>
  <si>
    <t>Gulshan Colony 20/3r FC</t>
  </si>
  <si>
    <t>2o/3rFC</t>
  </si>
  <si>
    <t>15 /1r</t>
  </si>
  <si>
    <t>GGPS CHAK NO. 20/3-R AB</t>
  </si>
  <si>
    <t>20/3-r</t>
  </si>
  <si>
    <t>Gulshan Colony Tehsil Hnd District Bwn</t>
  </si>
  <si>
    <t>Ghulam Batool</t>
  </si>
  <si>
    <t>GGPS CHAK NO. 200/P</t>
  </si>
  <si>
    <t>Chak 200/p</t>
  </si>
  <si>
    <t>Chak no.200/p sadiq abad</t>
  </si>
  <si>
    <t>Chak No 200/p</t>
  </si>
  <si>
    <t>GGPS CHAK NO. 201/1-L</t>
  </si>
  <si>
    <t>25a Jinnah Abadi</t>
  </si>
  <si>
    <t>25a Jinnah abadi</t>
  </si>
  <si>
    <t>noureen akhtar</t>
  </si>
  <si>
    <t>GGPS CHAK NO. 201/M</t>
  </si>
  <si>
    <t>GGPS CHAK NO 201.M</t>
  </si>
  <si>
    <t>Khalida Perveen Anjum</t>
  </si>
  <si>
    <t>GGPS CHAK NO. 202 P</t>
  </si>
  <si>
    <t>Chak No 202p</t>
  </si>
  <si>
    <t>Ggps 202p</t>
  </si>
  <si>
    <t>202p</t>
  </si>
  <si>
    <t>Bindor Abassian</t>
  </si>
  <si>
    <t>Iqra Shafiq</t>
  </si>
  <si>
    <t>GGPS CHAK NO. 203/P</t>
  </si>
  <si>
    <t>203/p</t>
  </si>
  <si>
    <t>chak203/p,daak Khana 199/p.tillu road.sadiq abad</t>
  </si>
  <si>
    <t>Chak 203/p</t>
  </si>
  <si>
    <t>264/P</t>
  </si>
  <si>
    <t>Farzeen Chaudhry</t>
  </si>
  <si>
    <t>GGPS CHAK NO. 204/9-R</t>
  </si>
  <si>
    <t>Chak No 204 //9 R</t>
  </si>
  <si>
    <t>Chak no 204 /9 r FORT ABBAS BAHAWAL NAGAR</t>
  </si>
  <si>
    <t>Chak  No 204 /9 R</t>
  </si>
  <si>
    <t>Chak No 204/  /9 R</t>
  </si>
  <si>
    <t>Sajida Ghafoor</t>
  </si>
  <si>
    <t>GGPS CHAK NO. 206/P BASTI KHALTI</t>
  </si>
  <si>
    <t>206/p basti khalti</t>
  </si>
  <si>
    <t>206/p</t>
  </si>
  <si>
    <t>Dhandhi</t>
  </si>
  <si>
    <t>Madiha Rashid</t>
  </si>
  <si>
    <t>GGPS CHAK NO. 209/TDA</t>
  </si>
  <si>
    <t>chak no 209 tda distt bhakkar</t>
  </si>
  <si>
    <t>Chak No 209 Tda</t>
  </si>
  <si>
    <t>60 61 Ml</t>
  </si>
  <si>
    <t>Rabia Bassri</t>
  </si>
  <si>
    <t>GGPS CHAK NO. 21/3-R (AB)</t>
  </si>
  <si>
    <t>Chak No 21 /3 R</t>
  </si>
  <si>
    <t>Chak No  21 3r AB</t>
  </si>
  <si>
    <t>Chak No 21 /3 R  AB</t>
  </si>
  <si>
    <t>Chak No  1/1r</t>
  </si>
  <si>
    <t>Shakeela Kousar</t>
  </si>
  <si>
    <t>GGPS CHAK NO. 210/9-R</t>
  </si>
  <si>
    <t>210/9r</t>
  </si>
  <si>
    <t>210/9R</t>
  </si>
  <si>
    <t>GGPS CHAK NO. 213/FB</t>
  </si>
  <si>
    <t>213fb</t>
  </si>
  <si>
    <t>Chak No.213 fb</t>
  </si>
  <si>
    <t>213 Fb</t>
  </si>
  <si>
    <t>95F A</t>
  </si>
  <si>
    <t>GGPS CHAK NO. 216 RB III</t>
  </si>
  <si>
    <t>GGPS 216 RB III Chota Muhammad wala</t>
  </si>
  <si>
    <t>GGPS CHAK NO. 217 /EB</t>
  </si>
  <si>
    <t>217/B</t>
  </si>
  <si>
    <t>chak no 217/eb</t>
  </si>
  <si>
    <t>217/Eb</t>
  </si>
  <si>
    <t>215/Eb</t>
  </si>
  <si>
    <t>GGPS CHAK NO. 219/EB</t>
  </si>
  <si>
    <t>219/EB</t>
  </si>
  <si>
    <t>Chak No 219/E.B. Post Office Gaggoo Tehsil Burewala District Vehari</t>
  </si>
  <si>
    <t>Chak No 219/E.B.</t>
  </si>
  <si>
    <t>Wajeeha Unber</t>
  </si>
  <si>
    <t>GGPS CHAK NO. 22</t>
  </si>
  <si>
    <t>Chak No 22</t>
  </si>
  <si>
    <t>chak no 22</t>
  </si>
  <si>
    <t>Chak No22</t>
  </si>
  <si>
    <t>Umm E Ruman</t>
  </si>
  <si>
    <t>GGPS CHAK NO. 22 TDA</t>
  </si>
  <si>
    <t>Kohawer Kalan</t>
  </si>
  <si>
    <t>GGPS chak no  22 TDA</t>
  </si>
  <si>
    <t>22TDA</t>
  </si>
  <si>
    <t>Pathano Mai</t>
  </si>
  <si>
    <t>GGPS CHAK NO. 22/1-RB</t>
  </si>
  <si>
    <t>22/1rb</t>
  </si>
  <si>
    <t>bismillah photo state ghala mandi renala khurd</t>
  </si>
  <si>
    <t>Chak No 22/1rb</t>
  </si>
  <si>
    <t>5/1ra</t>
  </si>
  <si>
    <t>Asima Jabbar</t>
  </si>
  <si>
    <t>GGPS CHAK NO. 22/3-R (AB)</t>
  </si>
  <si>
    <t>22/3R AB</t>
  </si>
  <si>
    <t>Chak 22 3R ab</t>
  </si>
  <si>
    <t>22 3Rab</t>
  </si>
  <si>
    <t>20 3R</t>
  </si>
  <si>
    <t>SAFIA TABASUM</t>
  </si>
  <si>
    <t>GGPS CHAK NO. 220 EB</t>
  </si>
  <si>
    <t>chak 220 e.b vehari</t>
  </si>
  <si>
    <t>220 Eb</t>
  </si>
  <si>
    <t>Mashta Perveen</t>
  </si>
  <si>
    <t>GGPS CHAK NO. 220/JB</t>
  </si>
  <si>
    <t>chak no 220jhangra</t>
  </si>
  <si>
    <t>Nadia Khalid</t>
  </si>
  <si>
    <t>GGPS CHAK NO. 221 JB</t>
  </si>
  <si>
    <t>221 Doghra</t>
  </si>
  <si>
    <t>GGPS CHAK NO 221 JB</t>
  </si>
  <si>
    <t>Chak 221 Jb Doghra</t>
  </si>
  <si>
    <t>Aarbian</t>
  </si>
  <si>
    <t>GGPS CHAK NO. 222/P</t>
  </si>
  <si>
    <t>222/p</t>
  </si>
  <si>
    <t>chak222/p teh&amp;District rahim yar khan</t>
  </si>
  <si>
    <t>222p</t>
  </si>
  <si>
    <t>GGPS CHAK NO. 223/TDA (NEW)</t>
  </si>
  <si>
    <t>Chak No 223/TDA Fateh pur, Tehsil karor, District Layyah</t>
  </si>
  <si>
    <t>Chak No 223/TDA</t>
  </si>
  <si>
    <t>Robia Ramzan</t>
  </si>
  <si>
    <t>GGPS CHAK NO. 228 RB BAR</t>
  </si>
  <si>
    <t>228 RB Bar Makkuana fsd</t>
  </si>
  <si>
    <t>228 RB Bar</t>
  </si>
  <si>
    <t>227 RB CHADDAR</t>
  </si>
  <si>
    <t>Farhana Parveen</t>
  </si>
  <si>
    <t>GGPS CHAK NO. 229/P</t>
  </si>
  <si>
    <t>229/p</t>
  </si>
  <si>
    <t>GGPS 229/p post box 140/P tehsil Rahim Yar Khan</t>
  </si>
  <si>
    <t>Chak No 93/P</t>
  </si>
  <si>
    <t>Samina munir</t>
  </si>
  <si>
    <t>GGPS CHAK NO. 23 TDA</t>
  </si>
  <si>
    <t>Chak No 23 Tda</t>
  </si>
  <si>
    <t>Ggps chak no 23.tda p/o kohawar kalan tehsil darya khan distt bhakkar
.</t>
  </si>
  <si>
    <t>Chak Mo 23 Tda</t>
  </si>
  <si>
    <t>Kohawar Kalan</t>
  </si>
  <si>
    <t>Tahira Shameem</t>
  </si>
  <si>
    <t>GGPS CHAK NO. 23 TDA DERA SADAAT</t>
  </si>
  <si>
    <t>Kohawar kalan</t>
  </si>
  <si>
    <t>GG PS 23 TDA Dera Sadat</t>
  </si>
  <si>
    <t>Uzma Kiran</t>
  </si>
  <si>
    <t>GGPS CHAK NO. 23/1-RB</t>
  </si>
  <si>
    <t>23/1rb</t>
  </si>
  <si>
    <t>Ggps23/1rb</t>
  </si>
  <si>
    <t>GGPS CHAK NO. 234/P</t>
  </si>
  <si>
    <t>234/p</t>
  </si>
  <si>
    <t>chak 234/p post office Bangla Manthar Tehsil Sadiq Abad district Ryk</t>
  </si>
  <si>
    <t>Chak 234/p</t>
  </si>
  <si>
    <t>GGPS CHAK NO. 235 JB</t>
  </si>
  <si>
    <t>Chak No 235 JB</t>
  </si>
  <si>
    <t>Chak No 235 Jb</t>
  </si>
  <si>
    <t>Shagufta Nawaz</t>
  </si>
  <si>
    <t>GGPS CHAK NO. 235 TDA</t>
  </si>
  <si>
    <t>ggmps chak 235tda</t>
  </si>
  <si>
    <t>235 tda</t>
  </si>
  <si>
    <t>shokt abad</t>
  </si>
  <si>
    <t>Gulnaz Akhtar Umar</t>
  </si>
  <si>
    <t>GGPS CHAK NO. 235/9-R</t>
  </si>
  <si>
    <t>235/9R</t>
  </si>
  <si>
    <t>chak  No  235/9R</t>
  </si>
  <si>
    <t>Chak  No 235/9R</t>
  </si>
  <si>
    <t>GGPS CHAK NO. 237 / EB</t>
  </si>
  <si>
    <t>237/E.B</t>
  </si>
  <si>
    <t>237/EB</t>
  </si>
  <si>
    <t>GGPS Chak No. 239/P</t>
  </si>
  <si>
    <t>239/P</t>
  </si>
  <si>
    <t>chak no 239/P</t>
  </si>
  <si>
    <t>Chak No 239/P</t>
  </si>
  <si>
    <t>samina iram</t>
  </si>
  <si>
    <t>GGPS CHAK NO. 239-A / TDA</t>
  </si>
  <si>
    <t>239A TDA</t>
  </si>
  <si>
    <t>239A TDA Tehsil karor district Layyah</t>
  </si>
  <si>
    <t>Nargis Naseem</t>
  </si>
  <si>
    <t>GGPS CHAK NO. 241 TDA</t>
  </si>
  <si>
    <t>moj guard</t>
  </si>
  <si>
    <t>Fateh pur Layyah</t>
  </si>
  <si>
    <t>chak no 241 TDA</t>
  </si>
  <si>
    <t>GGPS CHAK NO. 246/TDA</t>
  </si>
  <si>
    <t>Chak No 246/TDA</t>
  </si>
  <si>
    <t>GGPS Chak No. 246/TDA, Tehsil Karor District Layyah</t>
  </si>
  <si>
    <t>GGPS CHAK NO. 247 TDA (NEW)</t>
  </si>
  <si>
    <t>Chak No. 247/TDA</t>
  </si>
  <si>
    <t>GGPS Chak No. 247/TDA Tehsil Karor District Layyah</t>
  </si>
  <si>
    <t>Yasmeen Shoukat</t>
  </si>
  <si>
    <t>GGPS CHAK NO. 249/P</t>
  </si>
  <si>
    <t>GGPS 249/P Near commerce college basti pursan</t>
  </si>
  <si>
    <t>Kot Kamu Shaa</t>
  </si>
  <si>
    <t>Bushra Kalim</t>
  </si>
  <si>
    <t>GGPS CHAK NO. 25/BC (NEW)</t>
  </si>
  <si>
    <t>Maria scheme 25 BC kpt</t>
  </si>
  <si>
    <t>25/Bc</t>
  </si>
  <si>
    <t>GGPS CHAK NO. 250 NAGAY UMRANAY</t>
  </si>
  <si>
    <t>Nangey Amrany</t>
  </si>
  <si>
    <t>chak no 250 nange amrane jhang</t>
  </si>
  <si>
    <t>Nange Amrane</t>
  </si>
  <si>
    <t>Sadeeqa Bibi</t>
  </si>
  <si>
    <t>GGPS CHAK NO. 251 JB I</t>
  </si>
  <si>
    <t>Chak No251</t>
  </si>
  <si>
    <t>Chak No. 251</t>
  </si>
  <si>
    <t>Chak No 251</t>
  </si>
  <si>
    <t>Fozia</t>
  </si>
  <si>
    <t>GGPS CHAK NO. 252 III</t>
  </si>
  <si>
    <t>Jaroly</t>
  </si>
  <si>
    <t>chak jaroley 252 jhang</t>
  </si>
  <si>
    <t>jaroly</t>
  </si>
  <si>
    <t>nangy amrany</t>
  </si>
  <si>
    <t>Shehnaz BiBi</t>
  </si>
  <si>
    <t>GGPS CHAK NO. 253 RB III</t>
  </si>
  <si>
    <t>Jahanger Kalan</t>
  </si>
  <si>
    <t>253RB3Fsd</t>
  </si>
  <si>
    <t>Sabahat Shamim</t>
  </si>
  <si>
    <t>GGPS CHAK NO. 254 III</t>
  </si>
  <si>
    <t>254/3</t>
  </si>
  <si>
    <t>Imam Kot 254/3 Chimranwali jhang</t>
  </si>
  <si>
    <t>Imam Kot</t>
  </si>
  <si>
    <t>CHAK NO 250</t>
  </si>
  <si>
    <t>Tallat Tahira</t>
  </si>
  <si>
    <t>GGPS CHAK NO. 26 TDA</t>
  </si>
  <si>
    <t>DAGGAR AUlKH</t>
  </si>
  <si>
    <t>CHAH RAZI CHAK NO 26TDA P\O DAYA MURAD</t>
  </si>
  <si>
    <t>Shahida Shabnam</t>
  </si>
  <si>
    <t>GGPS CHAK NO. 26/ B</t>
  </si>
  <si>
    <t>46/F</t>
  </si>
  <si>
    <t>46/F 26/GB TEH Chishtian District Bahawalnagar</t>
  </si>
  <si>
    <t>46/F  26/GB</t>
  </si>
  <si>
    <t>M Committee</t>
  </si>
  <si>
    <t>GGPS CHAK NO. 26/3-R (AB)</t>
  </si>
  <si>
    <t>26/3 R Ab</t>
  </si>
  <si>
    <t>chack no 26/3r ab near ada doshaka p. o 38/3r tehsil haronabad distric bahawalnagar</t>
  </si>
  <si>
    <t>26/3r Ab</t>
  </si>
  <si>
    <t>Rafia Sattar</t>
  </si>
  <si>
    <t>GGPS CHAK NO. 26/NP</t>
  </si>
  <si>
    <t>Govt Girls Primary School 26/np Dak khana Khas  24/np</t>
  </si>
  <si>
    <t>26/NP</t>
  </si>
  <si>
    <t>GGPS CHAK NO. 26/P</t>
  </si>
  <si>
    <t>Has so Wala</t>
  </si>
  <si>
    <t>chao no 26p bagho bhar</t>
  </si>
  <si>
    <t>Chak No 26p</t>
  </si>
  <si>
    <t>Mare Allha Bachia</t>
  </si>
  <si>
    <t>Nazia Siddique</t>
  </si>
  <si>
    <t>GGPS CHAK NO. 261 HR</t>
  </si>
  <si>
    <t>Chak 261-HR</t>
  </si>
  <si>
    <t>chak # 261/HR Fort Abbas</t>
  </si>
  <si>
    <t>Chak # 261/HR Fort Abbas</t>
  </si>
  <si>
    <t>260/HR</t>
  </si>
  <si>
    <t>Sadia Rafique</t>
  </si>
  <si>
    <t>GGPS CHAK NO. 261 RB</t>
  </si>
  <si>
    <t>Chak No 261 rb Bhagowal</t>
  </si>
  <si>
    <t>chak no 261 rb bhagowal</t>
  </si>
  <si>
    <t>Wahela Kallan</t>
  </si>
  <si>
    <t>Shakeela Perveen</t>
  </si>
  <si>
    <t>GGPS CHAK NO. 261 TDA</t>
  </si>
  <si>
    <t>Chak No 261/tda</t>
  </si>
  <si>
    <t>chak no 261/tda</t>
  </si>
  <si>
    <t>Chak No 112/ml</t>
  </si>
  <si>
    <t>Mukhtiaran Bibi</t>
  </si>
  <si>
    <t>GGPS CHAK NO. 262 AMEER WALA</t>
  </si>
  <si>
    <t>ggps chak no 262 ameer wala</t>
  </si>
  <si>
    <t>Marina Shafi</t>
  </si>
  <si>
    <t>GGPS CHAK NO. 262 RB I</t>
  </si>
  <si>
    <t>Kacha Raya</t>
  </si>
  <si>
    <t>262rb</t>
  </si>
  <si>
    <t>Kacha Rayya Xx No</t>
  </si>
  <si>
    <t>Quraishain Wala</t>
  </si>
  <si>
    <t>Uzma Parveen</t>
  </si>
  <si>
    <t>GGPS CHAK NO. 263 HR</t>
  </si>
  <si>
    <t>263/HR</t>
  </si>
  <si>
    <t>chak#263/HR Tehsil Fort Abbas Distic Bahawalnagar</t>
  </si>
  <si>
    <t>Chak#260/HR</t>
  </si>
  <si>
    <t>GGPS CHAK NO. 264 HR W</t>
  </si>
  <si>
    <t>Chak No 264 HR East</t>
  </si>
  <si>
    <t>Chak no 264 H R East</t>
  </si>
  <si>
    <t>264 H R East</t>
  </si>
  <si>
    <t>264 H R</t>
  </si>
  <si>
    <t>Iqra gull</t>
  </si>
  <si>
    <t>GGPS CHAK NO. 265 WB</t>
  </si>
  <si>
    <t>265Wb</t>
  </si>
  <si>
    <t>265 wb</t>
  </si>
  <si>
    <t>265 Wb</t>
  </si>
  <si>
    <t>335 Wb</t>
  </si>
  <si>
    <t>Rafia kosar</t>
  </si>
  <si>
    <t>GGPS CHAK NO. 27 D</t>
  </si>
  <si>
    <t>27 D</t>
  </si>
  <si>
    <t>chak no 27 D</t>
  </si>
  <si>
    <t>Sadia Baqir</t>
  </si>
  <si>
    <t>GGPS CHAK NO. 27/1-AL</t>
  </si>
  <si>
    <t>27/1al</t>
  </si>
  <si>
    <t>chak number 27 1al tehsile renala khurd shergarh</t>
  </si>
  <si>
    <t>27 1al</t>
  </si>
  <si>
    <t>25/1al</t>
  </si>
  <si>
    <t>Balkees Akhtar</t>
  </si>
  <si>
    <t>GGPS CHAK NO. 27/3-R</t>
  </si>
  <si>
    <t>27/3r</t>
  </si>
  <si>
    <t>chak no 27/3R district BWN</t>
  </si>
  <si>
    <t>27/3R</t>
  </si>
  <si>
    <t>GGPS CHAK NO. 27/4-L</t>
  </si>
  <si>
    <t>chak 27/4,L shahbore</t>
  </si>
  <si>
    <t>GGPS CHAK NO. 270/HR-Q</t>
  </si>
  <si>
    <t>GGPS 270/HR QT</t>
  </si>
  <si>
    <t>chak no. 270/  H.R Q.T</t>
  </si>
  <si>
    <t>270/HR QT</t>
  </si>
  <si>
    <t>Pholra</t>
  </si>
  <si>
    <t>Amira Noreen</t>
  </si>
  <si>
    <t>GGPS CHAK NO. 270/HR-W</t>
  </si>
  <si>
    <t>270 /HR W</t>
  </si>
  <si>
    <t>CHAK NO 270 /HR W Tehsile Fort Abbas District Bahawal Nagar Punjab Pakistan</t>
  </si>
  <si>
    <t>272 /HR Fts</t>
  </si>
  <si>
    <t>GGPS CHAK NO. 273/TDA</t>
  </si>
  <si>
    <t>chak no 119/tda tehsil and distict layyah</t>
  </si>
  <si>
    <t>Chak No 273/tda</t>
  </si>
  <si>
    <t>Shakila Akhter</t>
  </si>
  <si>
    <t>GGPS CHAK NO. 274/HR (NEW)</t>
  </si>
  <si>
    <t>274/ HR New</t>
  </si>
  <si>
    <t>GGps274HRnew</t>
  </si>
  <si>
    <t>274HR New</t>
  </si>
  <si>
    <t>MC-I</t>
  </si>
  <si>
    <t>Shaukat Fiaz</t>
  </si>
  <si>
    <t>GGPS CHAK NO. 274/TDA</t>
  </si>
  <si>
    <t>Kury Wala</t>
  </si>
  <si>
    <t>Chak no 274</t>
  </si>
  <si>
    <t>Rubina Haider</t>
  </si>
  <si>
    <t>GGPS CHAK NO. 276 JB I</t>
  </si>
  <si>
    <t>276jb</t>
  </si>
  <si>
    <t>GGPS276JB</t>
  </si>
  <si>
    <t>Dandewal</t>
  </si>
  <si>
    <t>Painsra</t>
  </si>
  <si>
    <t>GGPS CHAK NO. 28 TDA</t>
  </si>
  <si>
    <t>28tda</t>
  </si>
  <si>
    <t>28tda thesil &amp; district bhakkar</t>
  </si>
  <si>
    <t>Imtiaz Shaheen Awan</t>
  </si>
  <si>
    <t>GGPS CHAK NO. 28/4-L</t>
  </si>
  <si>
    <t>28/4L</t>
  </si>
  <si>
    <t>28/4.l thana shabore</t>
  </si>
  <si>
    <t>28/4 L</t>
  </si>
  <si>
    <t>Shagufta Naaz Kiyani</t>
  </si>
  <si>
    <t>GGPS CHAK NO. 280/TDA (MADINA TOWN)</t>
  </si>
  <si>
    <t>Chak No 281/tda</t>
  </si>
  <si>
    <t>chak no 280/tda madina town</t>
  </si>
  <si>
    <t>Basti Habib Arain</t>
  </si>
  <si>
    <t>GGPS CHAK NO. 288 TDA</t>
  </si>
  <si>
    <t>Sumra thal kalan</t>
  </si>
  <si>
    <t>Chak no. 288 TDA</t>
  </si>
  <si>
    <t>288 TDA</t>
  </si>
  <si>
    <t>GGPS CHAK NO. 28-A/4.L</t>
  </si>
  <si>
    <t>South</t>
  </si>
  <si>
    <t>chk no 28A/4L okara</t>
  </si>
  <si>
    <t>28A/4L</t>
  </si>
  <si>
    <t>Ammara Abbas</t>
  </si>
  <si>
    <t>GGPS CHAK NO. 29/3-R</t>
  </si>
  <si>
    <t>29/3R</t>
  </si>
  <si>
    <t>chak no.29/3R.Tehsil Haroonabad.Dist BWN</t>
  </si>
  <si>
    <t>GGPS CHAK NO. 299/HR</t>
  </si>
  <si>
    <t>Chak 299 Hr</t>
  </si>
  <si>
    <t>Govt Girls Primary school Chak no 299 hr</t>
  </si>
  <si>
    <t>Chak no 299 HR</t>
  </si>
  <si>
    <t>304 Hr</t>
  </si>
  <si>
    <t>Aisha Ayoub</t>
  </si>
  <si>
    <t>GGPS CHAK NO. 3/3-L</t>
  </si>
  <si>
    <t>chak num 3/3 L</t>
  </si>
  <si>
    <t>Chak 3/3 L</t>
  </si>
  <si>
    <t>Hassena Nisa</t>
  </si>
  <si>
    <t>GGPS CHAK NO. 3/A TOOR NAGAR</t>
  </si>
  <si>
    <t>Chak 3/A</t>
  </si>
  <si>
    <t>GGPS Chak 3/A Toor Nagar</t>
  </si>
  <si>
    <t>Chak 3/A Toor Nagar</t>
  </si>
  <si>
    <t>Shaista Jamil</t>
  </si>
  <si>
    <t>GGPS CHAK NO. 3/NP</t>
  </si>
  <si>
    <t>3 NP</t>
  </si>
  <si>
    <t>Chak no 3 NP, Muhammad pur Lamma</t>
  </si>
  <si>
    <t>3/NP</t>
  </si>
  <si>
    <t>GGPS CHAK NO. 303 TDA</t>
  </si>
  <si>
    <t>303/TDA</t>
  </si>
  <si>
    <t>GGps chak no 303/TDA</t>
  </si>
  <si>
    <t>Aoulakh Thal Kalan</t>
  </si>
  <si>
    <t>Sidra Kiran</t>
  </si>
  <si>
    <t>GGPS CHAK NO. 303/HR</t>
  </si>
  <si>
    <t>Chak No 303/HR</t>
  </si>
  <si>
    <t>Chak No 303/HR ,Tehsile: Fortabbas, District: Bahawalnagar</t>
  </si>
  <si>
    <t>GGPS CHAK NO. 309/ EB  (OLD)</t>
  </si>
  <si>
    <t>Chack no 309/e.b</t>
  </si>
  <si>
    <t>309/eb</t>
  </si>
  <si>
    <t>305/eb</t>
  </si>
  <si>
    <t>iqra batool</t>
  </si>
  <si>
    <t>GGPS CHAK NO. 31 DB</t>
  </si>
  <si>
    <t>31 DB</t>
  </si>
  <si>
    <t>Chak No 31 DB Tehsil &amp; District Mianwali</t>
  </si>
  <si>
    <t>Shakila Bano</t>
  </si>
  <si>
    <t>GGPS CHAK NO. 31/A JADEED</t>
  </si>
  <si>
    <t>Chak 31/A Jadeed</t>
  </si>
  <si>
    <t>chak 31/A JADEED tehsil liaquatpur</t>
  </si>
  <si>
    <t>Chak 31/A JADEED</t>
  </si>
  <si>
    <t>Chak 32/A</t>
  </si>
  <si>
    <t>GGPS CHAK NO. 311 EB BURE WALA</t>
  </si>
  <si>
    <t>311 EB</t>
  </si>
  <si>
    <t>Chak No. 311 EB</t>
  </si>
  <si>
    <t>317  EB Dewan Sahib</t>
  </si>
  <si>
    <t>Hafiza Narmeen Zulfiqar</t>
  </si>
  <si>
    <t>GGPS CHAK NO. 312 HR</t>
  </si>
  <si>
    <t>chak no 312 HR teh.fortabbas District. BWN</t>
  </si>
  <si>
    <t>312hr</t>
  </si>
  <si>
    <t>311 HR</t>
  </si>
  <si>
    <t>Samar Tanveer</t>
  </si>
  <si>
    <t>GGPS CHAK NO. 313/ EB</t>
  </si>
  <si>
    <t>313/EB</t>
  </si>
  <si>
    <t>chak No 313/EB</t>
  </si>
  <si>
    <t>Dewan Sahb</t>
  </si>
  <si>
    <t>Sumaira Ashraf</t>
  </si>
  <si>
    <t>GGPS CHAK NO. 317 TDA</t>
  </si>
  <si>
    <t>317 TDA</t>
  </si>
  <si>
    <t>Saima Gulzar</t>
  </si>
  <si>
    <t>GGPS CHAK NO. 317/ EB JANUBI</t>
  </si>
  <si>
    <t>317/E.B Dewan sahib</t>
  </si>
  <si>
    <t>317/EB Dewan Sahib</t>
  </si>
  <si>
    <t>Azim Javaid</t>
  </si>
  <si>
    <t>GGPS CHAK NO. 317/ EB, DEEWAN SAHIB</t>
  </si>
  <si>
    <t>chak no317 E.B deewan sahib</t>
  </si>
  <si>
    <t>317 Deewan</t>
  </si>
  <si>
    <t>Chak No 317/EB</t>
  </si>
  <si>
    <t>Iqra baby</t>
  </si>
  <si>
    <t>GGPS CHAK NO. 32 MB</t>
  </si>
  <si>
    <t>32mb</t>
  </si>
  <si>
    <t>32mb teh quaidabad district khushab</t>
  </si>
  <si>
    <t>Khadija Tahira</t>
  </si>
  <si>
    <t>GGPS CHAK NO. 32/ML</t>
  </si>
  <si>
    <t>chak# 32ml tehsil kallurkot district bhakkar</t>
  </si>
  <si>
    <t>Chk # 32ml</t>
  </si>
  <si>
    <t>GGPS CHAK NO. 321/EB</t>
  </si>
  <si>
    <t>321 EB</t>
  </si>
  <si>
    <t>327 EB</t>
  </si>
  <si>
    <t>Shagufta Anwar</t>
  </si>
  <si>
    <t>GGPS CHAK NO. 327/TDA</t>
  </si>
  <si>
    <t>Chak No 327TDA</t>
  </si>
  <si>
    <t>Chak No 327TDA Tehsil Choubara Distt Layyah</t>
  </si>
  <si>
    <t>Saleem Bibi</t>
  </si>
  <si>
    <t>GGPS CHAK NO. 328 HR (E)</t>
  </si>
  <si>
    <t>328/hr E</t>
  </si>
  <si>
    <t>chak no 328/hr E</t>
  </si>
  <si>
    <t>327/hr</t>
  </si>
  <si>
    <t>Naheed Anwar</t>
  </si>
  <si>
    <t>GGPS CHAK NO. 328 HR WEST</t>
  </si>
  <si>
    <t>Marrot</t>
  </si>
  <si>
    <t>chack 328/HR (West) Tehsil Fortabbas District Bahawalnagar</t>
  </si>
  <si>
    <t>328/HR</t>
  </si>
  <si>
    <t>Hanfa Zafar</t>
  </si>
  <si>
    <t>GGPS CHAK NO. 330/WB</t>
  </si>
  <si>
    <t>Chak No 330 Wb</t>
  </si>
  <si>
    <t>chak no 330 wb</t>
  </si>
  <si>
    <t>330 Wb</t>
  </si>
  <si>
    <t>Umaira Mujahid</t>
  </si>
  <si>
    <t>GGPS CHAK NO. 332/TDA</t>
  </si>
  <si>
    <t>ÙØªØ­ Ù¾ÙˆØ± Ø±ÙˆÚˆ Ø§ÚˆØ§ Ù†ÙˆØ± ÙˆØ§Ù„Ø§ Ú†Ú© Ù†Ù…Ø¨Ø± 332 ØªØ­ØµÛŒÙ„ Ùˆ Ø¶Ù„Ø¹ Ù„ÛŒÛ</t>
  </si>
  <si>
    <t>GGPS CHAK NO. 345 TDA (NEW)</t>
  </si>
  <si>
    <t>Chak N0 345/TDA tehsil choubara District Layyah</t>
  </si>
  <si>
    <t>Chak No 345/TDA</t>
  </si>
  <si>
    <t>GGPS CHAK NO. 34-A TDA</t>
  </si>
  <si>
    <t>34A</t>
  </si>
  <si>
    <t>govt. girls primary school 34 tda</t>
  </si>
  <si>
    <t>34TDA</t>
  </si>
  <si>
    <t>Mumtaz Fatima</t>
  </si>
  <si>
    <t>GGPS CHAK NO. 35</t>
  </si>
  <si>
    <t>Chak No.35.Teh.kharian District Gujrat P/O Dinga</t>
  </si>
  <si>
    <t>Chak No 35</t>
  </si>
  <si>
    <t>Ammra Kalan</t>
  </si>
  <si>
    <t>GGPS CHAK NO. 35/2-RA GHOGHIAN WALA</t>
  </si>
  <si>
    <t>South City</t>
  </si>
  <si>
    <t>35/2 ra goghian wala</t>
  </si>
  <si>
    <t>35/2ra Goghian Wala</t>
  </si>
  <si>
    <t>38/2ra</t>
  </si>
  <si>
    <t>GGPS CHAK NO. 36/3-R</t>
  </si>
  <si>
    <t>36/3r</t>
  </si>
  <si>
    <t>chak #36/3r</t>
  </si>
  <si>
    <t>Chak # 36/3R</t>
  </si>
  <si>
    <t>GGPS CHAK NO. 363 TDA</t>
  </si>
  <si>
    <t>ggps363tda chak 363chubara road chowk azam</t>
  </si>
  <si>
    <t>Chak  363</t>
  </si>
  <si>
    <t>Ayesha Rasool</t>
  </si>
  <si>
    <t>GGPS CHAK NO. 37</t>
  </si>
  <si>
    <t>Chak 37</t>
  </si>
  <si>
    <t>GGPS Chak 37. M.B.Din</t>
  </si>
  <si>
    <t>Nighat Anyat</t>
  </si>
  <si>
    <t>GGPS CHAK NO. 37/3-R</t>
  </si>
  <si>
    <t>37/3.r hnd distt bwn</t>
  </si>
  <si>
    <t>37/ 3R</t>
  </si>
  <si>
    <t>GGPS CHAK NO. 37/FA</t>
  </si>
  <si>
    <t>ggps 37/F-A</t>
  </si>
  <si>
    <t>38f</t>
  </si>
  <si>
    <t>GGPS CHAK NO. 370-A/TDA (NIAMAT GILL WALA)</t>
  </si>
  <si>
    <t>370A/TDA</t>
  </si>
  <si>
    <t>GGP/S 370A/TDA Niamat gill Wala. post Office Rafiq Abad Tehsil Choubara District Layyah</t>
  </si>
  <si>
    <t>Sumaira Yasmin</t>
  </si>
  <si>
    <t>GGPS CHAK NO. 370-B/TDA</t>
  </si>
  <si>
    <t>370B/TDA</t>
  </si>
  <si>
    <t>chalk no 370B/TDA</t>
  </si>
  <si>
    <t>Rushda Sana</t>
  </si>
  <si>
    <t>GGPS CHAK NO. 375 TDA</t>
  </si>
  <si>
    <t>chak no375/tdatehsil Choubara layyah</t>
  </si>
  <si>
    <t>Chak no 375/tda</t>
  </si>
  <si>
    <t>GGPS CHAK NO. 379/TDA</t>
  </si>
  <si>
    <t>Chak No 379 TDA</t>
  </si>
  <si>
    <t>Chak No. 379 TDA TEHSIL CHOUBARA DISTRICT LAYYAH</t>
  </si>
  <si>
    <t>Chak No 379/TDA</t>
  </si>
  <si>
    <t>Saharn452/TDA</t>
  </si>
  <si>
    <t>GGPS CHAK NO. 38</t>
  </si>
  <si>
    <t>Chak 38</t>
  </si>
  <si>
    <t>chak 38 kala shah kakuI</t>
  </si>
  <si>
    <t>GGPS CHAK NO. 380/TDA</t>
  </si>
  <si>
    <t>CHAK NO 380 TDA TEHSIL CHOUBARA DISTRICT LAYYAH</t>
  </si>
  <si>
    <t>Chak No 380 TDA</t>
  </si>
  <si>
    <t>Maliha Hafeez</t>
  </si>
  <si>
    <t>GGPS CHAK NO. 384 TDA</t>
  </si>
  <si>
    <t>ward no 9 Chowk azam district Layyah</t>
  </si>
  <si>
    <t>384 TDA</t>
  </si>
  <si>
    <t>sadaf saddique</t>
  </si>
  <si>
    <t>GGPS CHAK NO. 39/4-L</t>
  </si>
  <si>
    <t>39/4l</t>
  </si>
  <si>
    <t>37/4l</t>
  </si>
  <si>
    <t>Shaista Shafqat</t>
  </si>
  <si>
    <t>GGPS CHAK NO. 397/TDA</t>
  </si>
  <si>
    <t>Chak No 397</t>
  </si>
  <si>
    <t>CHAK NO 397/TDA</t>
  </si>
  <si>
    <t>Chak 397/ TDA</t>
  </si>
  <si>
    <t>Shazia mustafa</t>
  </si>
  <si>
    <t>GGPS CHAK NO. 4/3-L</t>
  </si>
  <si>
    <t>basti sadqabad</t>
  </si>
  <si>
    <t>Sadqabad</t>
  </si>
  <si>
    <t>Naseem Zahra</t>
  </si>
  <si>
    <t>GGPS CHAK NO. 4/4-L</t>
  </si>
  <si>
    <t>Samndwana</t>
  </si>
  <si>
    <t>4/4L1</t>
  </si>
  <si>
    <t>4/4-L 1</t>
  </si>
  <si>
    <t>Samandwana</t>
  </si>
  <si>
    <t>GGPS CHAK NO. 40</t>
  </si>
  <si>
    <t>chak no 40</t>
  </si>
  <si>
    <t>Khurshida Jabeen</t>
  </si>
  <si>
    <t>GGPS CHAK NO. 40 MB</t>
  </si>
  <si>
    <t>Chak # 40mb</t>
  </si>
  <si>
    <t>chak # 40 Mb tahsil &amp; dist khushab</t>
  </si>
  <si>
    <t>Chak # 40 Mb</t>
  </si>
  <si>
    <t>GGPS CHAK NO. 40/4-L</t>
  </si>
  <si>
    <t>40/4-L</t>
  </si>
  <si>
    <t>chak no 40/4-L Tehsil &amp; District Okara</t>
  </si>
  <si>
    <t>Sialawala</t>
  </si>
  <si>
    <t>40-A/4-L</t>
  </si>
  <si>
    <t>GGPS CHAK NO. 411/EB DERA KHUSHI MUHMMAD</t>
  </si>
  <si>
    <t>411/eb</t>
  </si>
  <si>
    <t>chak no 411/eb dera khushi</t>
  </si>
  <si>
    <t>411/eb Dera Khushi</t>
  </si>
  <si>
    <t>GGPS CHAK NO. 417 EB</t>
  </si>
  <si>
    <t>chack no 417EB Burewala</t>
  </si>
  <si>
    <t>Arifa Maryam</t>
  </si>
  <si>
    <t>GGPS CHAK NO. 419/ EB</t>
  </si>
  <si>
    <t>GGPS419/E.B tehsil Burewala district vehari</t>
  </si>
  <si>
    <t>419/EB</t>
  </si>
  <si>
    <t>425/EB</t>
  </si>
  <si>
    <t>Naila Batool</t>
  </si>
  <si>
    <t>GGPS CHAK NO. 42/DB</t>
  </si>
  <si>
    <t>Chk No 42db</t>
  </si>
  <si>
    <t>rangpur baghoor</t>
  </si>
  <si>
    <t>GGPS CHAK NO. 42/P</t>
  </si>
  <si>
    <t>chak 42/p tehsil Khan pur district Rahimyarkhan</t>
  </si>
  <si>
    <t>Chak 42/p</t>
  </si>
  <si>
    <t>Shamaila Afroz Majeed</t>
  </si>
  <si>
    <t>GGPS CHAK NO. 420/TDA</t>
  </si>
  <si>
    <t>GGPS chak 420</t>
  </si>
  <si>
    <t>Chak no 420</t>
  </si>
  <si>
    <t>MIRHAN</t>
  </si>
  <si>
    <t>Sumaira Akhtar</t>
  </si>
  <si>
    <t>GGPS CHAK NO. 422/2-GB</t>
  </si>
  <si>
    <t>GGPS 422/2 GB</t>
  </si>
  <si>
    <t>Chak No 422 GB</t>
  </si>
  <si>
    <t>yasmin akhtar</t>
  </si>
  <si>
    <t>GGPS CHAK NO. 424-A/TDA</t>
  </si>
  <si>
    <t>Chak No. 424-A,/TDA Layyah</t>
  </si>
  <si>
    <t>Chak No 424-A TDA</t>
  </si>
  <si>
    <t>GGPS CHAK NO. 426-A TDA</t>
  </si>
  <si>
    <t>Chak number 426-A</t>
  </si>
  <si>
    <t>Chak#426-A</t>
  </si>
  <si>
    <t>GGPS CHAK NO. 428/6-R AB</t>
  </si>
  <si>
    <t>428/6R</t>
  </si>
  <si>
    <t>chak no 428/6R P/O same Tehsil Haroonabad District Bahawalnagar</t>
  </si>
  <si>
    <t>428/6R AB</t>
  </si>
  <si>
    <t>432/6R</t>
  </si>
  <si>
    <t>Khalida  Perveen</t>
  </si>
  <si>
    <t>GGPS CHAK NO. 428/TDA</t>
  </si>
  <si>
    <t>GGPS CHAK NO .428 TDA</t>
  </si>
  <si>
    <t>Chak  428/tda</t>
  </si>
  <si>
    <t>Ayesha BiBi</t>
  </si>
  <si>
    <t>GGPS CHAK NO. 429/6-R (w)</t>
  </si>
  <si>
    <t>429/6-r</t>
  </si>
  <si>
    <t>chak no 429/6-r teh HND dist BWN</t>
  </si>
  <si>
    <t>432/6-r</t>
  </si>
  <si>
    <t>Zobia Iram</t>
  </si>
  <si>
    <t>GGPS CHAK NO. 43</t>
  </si>
  <si>
    <t>Chak 43</t>
  </si>
  <si>
    <t>ggps Chak 43 p/o Chak 44 tehsil ferozwala district sheikhupura</t>
  </si>
  <si>
    <t>Chak43</t>
  </si>
  <si>
    <t>Chak No 44</t>
  </si>
  <si>
    <t>Warda Shahbaz</t>
  </si>
  <si>
    <t>GGPS CHAK NO. 434 TDA</t>
  </si>
  <si>
    <t>142 /TDA</t>
  </si>
  <si>
    <t>GGPS434/142 /Tda</t>
  </si>
  <si>
    <t>142/TDA</t>
  </si>
  <si>
    <t>Musharaf Naseem</t>
  </si>
  <si>
    <t>GGPS CHAK NO. 435/EB  BUREWALA</t>
  </si>
  <si>
    <t>435 Eb</t>
  </si>
  <si>
    <t>chak # 435 eb</t>
  </si>
  <si>
    <t>Yasmin Kosar</t>
  </si>
  <si>
    <t>GGPS CHAK NO. 439/TDA</t>
  </si>
  <si>
    <t>CHAK NO 439 TDA TEHSIL CHOUBARA DISTRICT LAYYAH</t>
  </si>
  <si>
    <t>CHAK NO 439 TDA</t>
  </si>
  <si>
    <t>SAHRAN 452 TDA</t>
  </si>
  <si>
    <t>Arim Hafeez</t>
  </si>
  <si>
    <t>GGPS CHAK NO. 440/6R</t>
  </si>
  <si>
    <t>440 6/R</t>
  </si>
  <si>
    <t>440 6/r haroonabad ( bwn)</t>
  </si>
  <si>
    <t>GGPS CHAK NO. 441/6-R</t>
  </si>
  <si>
    <t>441/6-R</t>
  </si>
  <si>
    <t>chak no 441/6-R Teh Harona abad Dist BWN</t>
  </si>
  <si>
    <t>432/ 6-R</t>
  </si>
  <si>
    <t>Sameena Noreen</t>
  </si>
  <si>
    <t>GGPS CHAK NO. 442/6-R</t>
  </si>
  <si>
    <t>Chak No 442/6R</t>
  </si>
  <si>
    <t>Chak No 442/6R Haroonabad</t>
  </si>
  <si>
    <t>GGPS CHAK NO. 443 TDA (NEW)</t>
  </si>
  <si>
    <t>Chak No 443/TDA</t>
  </si>
  <si>
    <t>GGPS chak No 443/TDA choubara Layyah</t>
  </si>
  <si>
    <t>saharan</t>
  </si>
  <si>
    <t>ASMAT FATIMA</t>
  </si>
  <si>
    <t>GGPS CHAK NO. 445 JB</t>
  </si>
  <si>
    <t>Chak No 445</t>
  </si>
  <si>
    <t>GGPS Chak 445 j/b</t>
  </si>
  <si>
    <t>Chak 445 J/b</t>
  </si>
  <si>
    <t>Attya parveen</t>
  </si>
  <si>
    <t>GGPS CHAK NO. 45 TDA</t>
  </si>
  <si>
    <t>45TDA</t>
  </si>
  <si>
    <t>chak no. 45TDA tahsil Bhakkar District Bhakkar</t>
  </si>
  <si>
    <t>Rubina Shahzadi</t>
  </si>
  <si>
    <t>GGPS CHAK NO. 451/TDA</t>
  </si>
  <si>
    <t>Chak 451 TDA</t>
  </si>
  <si>
    <t>GGPS 451 TDA TEHSIL CHOUBARA</t>
  </si>
  <si>
    <t>Chak No 451 TDA</t>
  </si>
  <si>
    <t>452/TDA</t>
  </si>
  <si>
    <t>Nazia</t>
  </si>
  <si>
    <t>GGPS CHAK NO. 45-A/MB  NATIONAL COLONY JAUHARABAD</t>
  </si>
  <si>
    <t>National Colony</t>
  </si>
  <si>
    <t>G G P School 45A/ MB no.2</t>
  </si>
  <si>
    <t>45 A/ MB</t>
  </si>
  <si>
    <t>50 /mb</t>
  </si>
  <si>
    <t>Rahat Islam</t>
  </si>
  <si>
    <t>GGPS CHAK NO. 46</t>
  </si>
  <si>
    <t>chak no 46 tehsil malakwal district mandibahauddin</t>
  </si>
  <si>
    <t>Chak No 46</t>
  </si>
  <si>
    <t>Iram Shahzad</t>
  </si>
  <si>
    <t>GGPS CHAK NO. 46 WB</t>
  </si>
  <si>
    <t>Chak No 46 Wb</t>
  </si>
  <si>
    <t>Chak No. 46 WB Vehari</t>
  </si>
  <si>
    <t>46 WB</t>
  </si>
  <si>
    <t>52 WB</t>
  </si>
  <si>
    <t>GGPS CHAK NO. 46/3R AB</t>
  </si>
  <si>
    <t>46/3r</t>
  </si>
  <si>
    <t>GGPS 46/3r HND district BWN</t>
  </si>
  <si>
    <t>23-24/3r</t>
  </si>
  <si>
    <t>Aisha Tahir</t>
  </si>
  <si>
    <t>GGPS CHAK NO. 467 T</t>
  </si>
  <si>
    <t>GGPS Chak no 467/tda</t>
  </si>
  <si>
    <t>GGPS CHAK NO. 47/DB BHATTA COLONY</t>
  </si>
  <si>
    <t>47/DB</t>
  </si>
  <si>
    <t>Chak No 47DB Bhatta Colony Yazman</t>
  </si>
  <si>
    <t>Saima Zulfiqar</t>
  </si>
  <si>
    <t>GGPS CHAK NO. 48</t>
  </si>
  <si>
    <t>Chak 48</t>
  </si>
  <si>
    <t>chak 48 tehsil muridke skp</t>
  </si>
  <si>
    <t>Shaheen Kouser</t>
  </si>
  <si>
    <t>GGPS CHAK NO. 48/NP</t>
  </si>
  <si>
    <t>Kotla Miran</t>
  </si>
  <si>
    <t>Main Street Madina Town Khanpur</t>
  </si>
  <si>
    <t>GGPS CHAK NO. 481/JB BOOTAY WALI (De-consolidated April-2016)</t>
  </si>
  <si>
    <t>chak No. 481 jb Teh.shorkot Distt.jhang</t>
  </si>
  <si>
    <t>Chak No481 Jb</t>
  </si>
  <si>
    <t>Chak No478jb</t>
  </si>
  <si>
    <t>Shabana Nazar</t>
  </si>
  <si>
    <t>GGPS CHAK NO. 485 JB SOUTH</t>
  </si>
  <si>
    <t>Chak 485south</t>
  </si>
  <si>
    <t>chak no 485 south Waryam Wala Tehsil shorkot Jhang</t>
  </si>
  <si>
    <t>Janah Colony</t>
  </si>
  <si>
    <t>Samina Umbreen</t>
  </si>
  <si>
    <t>GGPS CHAK NO. 489 JB NARROL</t>
  </si>
  <si>
    <t>chak no 489 jb narool</t>
  </si>
  <si>
    <t>493jb</t>
  </si>
  <si>
    <t>Batian wala</t>
  </si>
  <si>
    <t>GGPS CHAK NO. 49/DB</t>
  </si>
  <si>
    <t>49db</t>
  </si>
  <si>
    <t>chak no. 49db teh. noorpur distt. khushab</t>
  </si>
  <si>
    <t>Chak N 49db</t>
  </si>
  <si>
    <t>Rangpur Baghoor</t>
  </si>
  <si>
    <t>GGPS CHAK NO. 5/3 L</t>
  </si>
  <si>
    <t>chak no 5/3l tehseel Ahmad Pur Sial jhang</t>
  </si>
  <si>
    <t>Chak No 5/3l</t>
  </si>
  <si>
    <t>Memoona Jabeen</t>
  </si>
  <si>
    <t>GGPS CHAK NO. 5/4 R</t>
  </si>
  <si>
    <t>Chak Number 5/4R</t>
  </si>
  <si>
    <t>chak number 5/4R rangpur muzafrgarh</t>
  </si>
  <si>
    <t>Sumaira Rafeeq</t>
  </si>
  <si>
    <t>GGPS CHAK NO. 5/DNB</t>
  </si>
  <si>
    <t>Chak 5/DNB</t>
  </si>
  <si>
    <t>chak no.5/DNB.p/o  Headrajkan  yazman   bwp</t>
  </si>
  <si>
    <t>chak 5/DNB</t>
  </si>
  <si>
    <t>chak 6/DNB</t>
  </si>
  <si>
    <t>GGPS CHAK NO. 50 JB II</t>
  </si>
  <si>
    <t>Boreywal</t>
  </si>
  <si>
    <t>50 jb II boreywal Faisalabad</t>
  </si>
  <si>
    <t>50 Jb II</t>
  </si>
  <si>
    <t>SADIA BASHIR</t>
  </si>
  <si>
    <t>GGPS CHAK NO. 510 TDA</t>
  </si>
  <si>
    <t>510/tda</t>
  </si>
  <si>
    <t>chak # 510/tda</t>
  </si>
  <si>
    <t>Shaheen nazar</t>
  </si>
  <si>
    <t>GGPS CHAK NO. 511 TDA</t>
  </si>
  <si>
    <t>511/TDA</t>
  </si>
  <si>
    <t>chack no 511/TDA</t>
  </si>
  <si>
    <t>518/TDA</t>
  </si>
  <si>
    <t>Madiha Ashraf</t>
  </si>
  <si>
    <t>GGPS CHAK NO. 512 TDA</t>
  </si>
  <si>
    <t>512/TDA</t>
  </si>
  <si>
    <t>chak#512/TDA kot adu M Gar</t>
  </si>
  <si>
    <t>Chak#512TDA</t>
  </si>
  <si>
    <t>Mirpur Bhagal</t>
  </si>
  <si>
    <t>GGPS CHAK NO. 514 TDA</t>
  </si>
  <si>
    <t>Chak No 514   TDA</t>
  </si>
  <si>
    <t>chak No 514 tda</t>
  </si>
  <si>
    <t>Chak No 514 TDA</t>
  </si>
  <si>
    <t>MIRPUR BHAGAL</t>
  </si>
  <si>
    <t>Gulshan Perveen</t>
  </si>
  <si>
    <t>GGPS CHAK NO. 515 TDA</t>
  </si>
  <si>
    <t>515 Tda</t>
  </si>
  <si>
    <t>chak 515 tda uc 518 tda kot adu</t>
  </si>
  <si>
    <t>Chak No 518</t>
  </si>
  <si>
    <t>Madiha Anum</t>
  </si>
  <si>
    <t>GGPS CHAK NO. 517/TDA</t>
  </si>
  <si>
    <t>517TDA</t>
  </si>
  <si>
    <t>GGPS CHAK NO. 52 SB</t>
  </si>
  <si>
    <t>Ggps 52 Sb Sgd</t>
  </si>
  <si>
    <t>GGPS 52 sb SGD</t>
  </si>
  <si>
    <t>Chak No 52 Sb</t>
  </si>
  <si>
    <t>Sadia Ghaffar</t>
  </si>
  <si>
    <t>GGPS CHAK NO. 52/F MASOOD ABAD, CHISHTIAN</t>
  </si>
  <si>
    <t>54/f</t>
  </si>
  <si>
    <t>52/f Masood Abad</t>
  </si>
  <si>
    <t>Javairia Ilyas</t>
  </si>
  <si>
    <t>GGPS CHAK NO. 52/NP</t>
  </si>
  <si>
    <t>Fifty Two Np</t>
  </si>
  <si>
    <t>chak 52 np Rahim Yar Khan near chowk bahadar pur</t>
  </si>
  <si>
    <t>Tasleem Akram</t>
  </si>
  <si>
    <t>GGPS CHAK NO. 520 TDA</t>
  </si>
  <si>
    <t>Chak 520/TDA</t>
  </si>
  <si>
    <t>chak No 520/TDA</t>
  </si>
  <si>
    <t>Noor SHAH</t>
  </si>
  <si>
    <t>Saima Riaz</t>
  </si>
  <si>
    <t>GGPS CHAK NO. 522 TDA</t>
  </si>
  <si>
    <t>522TDA</t>
  </si>
  <si>
    <t>chak no 522TDA</t>
  </si>
  <si>
    <t>Syeda Urooj Fatima</t>
  </si>
  <si>
    <t>GGPS CHAK NO. 523 TDA</t>
  </si>
  <si>
    <t>Chak No 523/TDA</t>
  </si>
  <si>
    <t>GGPS chao no 523TDA</t>
  </si>
  <si>
    <t>Chak No 523 /TDA</t>
  </si>
  <si>
    <t>Nor Shah</t>
  </si>
  <si>
    <t>GGPS CHAK NO. 53 DB</t>
  </si>
  <si>
    <t>Chak No 53DB</t>
  </si>
  <si>
    <t>village chak no 53DB p/o rangpur tehsil noor pur district khushab</t>
  </si>
  <si>
    <t>Mussrat Bibi</t>
  </si>
  <si>
    <t>GGPS CHAK NO. 53 MB</t>
  </si>
  <si>
    <t>53mb chak</t>
  </si>
  <si>
    <t>GGPS CHAK NO. 53MB</t>
  </si>
  <si>
    <t>Chak53mb</t>
  </si>
  <si>
    <t>Aisha Rashid</t>
  </si>
  <si>
    <t>GGPS CHAK NO. 53/4-R</t>
  </si>
  <si>
    <t>Haroon Abad</t>
  </si>
  <si>
    <t>G . G .P / School 53 /4r</t>
  </si>
  <si>
    <t>53/ 4r</t>
  </si>
  <si>
    <t>Kamyti Town</t>
  </si>
  <si>
    <t>NAHEED AKHTAR</t>
  </si>
  <si>
    <t>GGPS CHAK NO. 53/A (NEW)</t>
  </si>
  <si>
    <t>Chak No 55</t>
  </si>
  <si>
    <t>G/GPS 53/new liaqat pur district Rahim yar khan</t>
  </si>
  <si>
    <t>Chak No 55 /a</t>
  </si>
  <si>
    <t>10/a</t>
  </si>
  <si>
    <t>Shumaila Erum</t>
  </si>
  <si>
    <t>GGPS CHAK NO. 532 TDA</t>
  </si>
  <si>
    <t>chak no 532 T.d.a p/o riaz abad tehsil kotadu</t>
  </si>
  <si>
    <t>chak no 532</t>
  </si>
  <si>
    <t>riaz abad</t>
  </si>
  <si>
    <t>SAIMA PARVEEN</t>
  </si>
  <si>
    <t>GGPS CHAK NO. 536 TDA</t>
  </si>
  <si>
    <t>chak536</t>
  </si>
  <si>
    <t>chak 536/TDA</t>
  </si>
  <si>
    <t>536/TDA</t>
  </si>
  <si>
    <t>GGPS CHAK NO. 537 TDA</t>
  </si>
  <si>
    <t>537/tda</t>
  </si>
  <si>
    <t>chak no 537/tda</t>
  </si>
  <si>
    <t>Chak No 537/tda</t>
  </si>
  <si>
    <t>632/tda</t>
  </si>
  <si>
    <t>GGPS CHAK NO. 538 TDA</t>
  </si>
  <si>
    <t>538  Tda</t>
  </si>
  <si>
    <t>Chak number 538 tda</t>
  </si>
  <si>
    <t>Chak Number 538</t>
  </si>
  <si>
    <t>Sajida Shafiq</t>
  </si>
  <si>
    <t>GGPS CHAK NO. 54/DB</t>
  </si>
  <si>
    <t>Check No 54DB</t>
  </si>
  <si>
    <t>check no 54db village rahdari teh noor pur thal khushab</t>
  </si>
  <si>
    <t>GGPS CHAK NO. 54/M</t>
  </si>
  <si>
    <t>54m</t>
  </si>
  <si>
    <t>Tehmina Fatima</t>
  </si>
  <si>
    <t>GGPS CHAK NO. 540/TDA</t>
  </si>
  <si>
    <t>Chak No 540/TDA</t>
  </si>
  <si>
    <t>GGPS 540/TDA</t>
  </si>
  <si>
    <t>540 /TDA</t>
  </si>
  <si>
    <t>Um e Sadiqa</t>
  </si>
  <si>
    <t>GGPS CHAK NO. 541 TDA</t>
  </si>
  <si>
    <t>ARAIN GHARBI</t>
  </si>
  <si>
    <t>CHAK NO 541 TDA</t>
  </si>
  <si>
    <t>CHAK NO 632 TDA</t>
  </si>
  <si>
    <t>Ismat Shaheen</t>
  </si>
  <si>
    <t>GGPS CHAK NO. 543 TDA</t>
  </si>
  <si>
    <t>Arain Gharbi</t>
  </si>
  <si>
    <t>chak No 543/TDA</t>
  </si>
  <si>
    <t>Chak 543/TDA</t>
  </si>
  <si>
    <t>Bushira Bashir</t>
  </si>
  <si>
    <t>GGPS CHAK NO. 544/TDA</t>
  </si>
  <si>
    <t>CHAK NO 544TDA</t>
  </si>
  <si>
    <t>CHAK NO 632TDA</t>
  </si>
  <si>
    <t>Humaira BiBi</t>
  </si>
  <si>
    <t>GGPS CHAK NO. 546 TDA</t>
  </si>
  <si>
    <t>546TDA</t>
  </si>
  <si>
    <t>546tda</t>
  </si>
  <si>
    <t>GGPS CHAK NO. 55 RB II</t>
  </si>
  <si>
    <t>nawa Pind</t>
  </si>
  <si>
    <t>55 RB II</t>
  </si>
  <si>
    <t>55RB II</t>
  </si>
  <si>
    <t>54 Sarhali</t>
  </si>
  <si>
    <t>Sadia Rani</t>
  </si>
  <si>
    <t>GGPS CHAK NO. 55 SP</t>
  </si>
  <si>
    <t>55 Sp</t>
  </si>
  <si>
    <t>chak no 55 sp pakpattan</t>
  </si>
  <si>
    <t>Yasmin Chawla</t>
  </si>
  <si>
    <t>GGPS CHAK NO. 55/NP</t>
  </si>
  <si>
    <t>chak55np</t>
  </si>
  <si>
    <t>doulatpur</t>
  </si>
  <si>
    <t>GGPS CHAK NO. 550 TDA</t>
  </si>
  <si>
    <t>550 /TDA</t>
  </si>
  <si>
    <t>Chak no. 550 /tda</t>
  </si>
  <si>
    <t>567 /TDA</t>
  </si>
  <si>
    <t>Maimona</t>
  </si>
  <si>
    <t>GGPS CHAK NO. 557 TDA</t>
  </si>
  <si>
    <t>557TDA</t>
  </si>
  <si>
    <t>557TDA,Tehsil Kot Adu ,District Muzaffar Garh</t>
  </si>
  <si>
    <t>567TDA</t>
  </si>
  <si>
    <t>Shafia Kousar</t>
  </si>
  <si>
    <t>GGPS CHAK NO. 558 TDA</t>
  </si>
  <si>
    <t>558/TDA</t>
  </si>
  <si>
    <t>chak no 558/TDA</t>
  </si>
  <si>
    <t>GGPS CHAK NO. 559 TDA</t>
  </si>
  <si>
    <t>Puttal Munda</t>
  </si>
  <si>
    <t>chak no 559 tda</t>
  </si>
  <si>
    <t>Chak 559</t>
  </si>
  <si>
    <t>Chak 567</t>
  </si>
  <si>
    <t>Anam Abdullah</t>
  </si>
  <si>
    <t>GGPS CHAK NO. 56/4-R DERA KHUSHI</t>
  </si>
  <si>
    <t>56/4R</t>
  </si>
  <si>
    <t>chak no 56/4-r Dera kushi mohamd Haroon Abad district BWN</t>
  </si>
  <si>
    <t>56/-4r</t>
  </si>
  <si>
    <t>58/4-r</t>
  </si>
  <si>
    <t>GGPS CHAK NO. 56/NP</t>
  </si>
  <si>
    <t>GGPS 56/NP,ryk</t>
  </si>
  <si>
    <t>Chak 56/NP</t>
  </si>
  <si>
    <t>Lubna Anam</t>
  </si>
  <si>
    <t>GGPS CHAK NO. 560/TDA (AZIZ ABAD)</t>
  </si>
  <si>
    <t>Patal Munda Darmyani</t>
  </si>
  <si>
    <t>GGPS 560TDA</t>
  </si>
  <si>
    <t>560TDA</t>
  </si>
  <si>
    <t>Sadia Abbas</t>
  </si>
  <si>
    <t>GGPS CHAK NO. 562/ TDA</t>
  </si>
  <si>
    <t>Chack#562/TDA</t>
  </si>
  <si>
    <t>chack#562/TDA</t>
  </si>
  <si>
    <t>567/TDA</t>
  </si>
  <si>
    <t>GGPS CHAK NO. 563 TDA</t>
  </si>
  <si>
    <t>Chak No 563/TDA</t>
  </si>
  <si>
    <t>chak no 563/TDA tehsil kot adu district m.garh</t>
  </si>
  <si>
    <t>Meer Pur Bhagl</t>
  </si>
  <si>
    <t>Aneela Ejaz</t>
  </si>
  <si>
    <t>GGPS CHAK NO. 565/TDA</t>
  </si>
  <si>
    <t>565 tda</t>
  </si>
  <si>
    <t>chack no 565tda</t>
  </si>
  <si>
    <t>mir pur bhagal</t>
  </si>
  <si>
    <t>Sehrish Iram</t>
  </si>
  <si>
    <t>GGPS CHAK NO. 568/TDA</t>
  </si>
  <si>
    <t>568/TDA</t>
  </si>
  <si>
    <t>GGPS 568/TDA markaz Chowk Sarwar Shaheed</t>
  </si>
  <si>
    <t>GGPS CHAK NO. 569/TDA</t>
  </si>
  <si>
    <t>Chak No 569/TDA</t>
  </si>
  <si>
    <t>GGPS chak no 569 /TDA.(chowk sarwar shaheed)</t>
  </si>
  <si>
    <t>MC Chowk Sarwar Shaheed</t>
  </si>
  <si>
    <t>GGPS CHAK NO. 57 MB</t>
  </si>
  <si>
    <t>57mb</t>
  </si>
  <si>
    <t>G G P/S 57 MB khb</t>
  </si>
  <si>
    <t>Chao No 57mb</t>
  </si>
  <si>
    <t>63 Mb</t>
  </si>
  <si>
    <t>Ghulam Ayesha</t>
  </si>
  <si>
    <t>GGPS CHAK NO. 571 TDA</t>
  </si>
  <si>
    <t>chak No 571/tda,chowk Sarwar shaheed</t>
  </si>
  <si>
    <t>Sajida Hanif</t>
  </si>
  <si>
    <t>GGPS CHAK NO. 572 TDA</t>
  </si>
  <si>
    <t>Chak No 572/TDA</t>
  </si>
  <si>
    <t>chak no 572TDA</t>
  </si>
  <si>
    <t>MC chowk sarwar shaheed</t>
  </si>
  <si>
    <t>GGPS CHAK NO. 577/TDA</t>
  </si>
  <si>
    <t>577/tda</t>
  </si>
  <si>
    <t>chak no 577/tda</t>
  </si>
  <si>
    <t>Chak No 577/tda</t>
  </si>
  <si>
    <t>Meer Pur Bhagal</t>
  </si>
  <si>
    <t>GGPS CHAK NO. 578 TDA</t>
  </si>
  <si>
    <t>578/tda</t>
  </si>
  <si>
    <t>ggps578nazmabad</t>
  </si>
  <si>
    <t>Mira Pur Bhagal</t>
  </si>
  <si>
    <t>GGPS CHAK NO. 58 MB</t>
  </si>
  <si>
    <t>58mb</t>
  </si>
  <si>
    <t>chak no 58mb</t>
  </si>
  <si>
    <t>GGPS CHAK NO. 58/4-R AB</t>
  </si>
  <si>
    <t>chak 58/4r ab</t>
  </si>
  <si>
    <t>58/4r AB</t>
  </si>
  <si>
    <t>SHAISTA NASREEN</t>
  </si>
  <si>
    <t>GGPS CHAK NO. 58/D BUNGA HAYAT</t>
  </si>
  <si>
    <t>58/D</t>
  </si>
  <si>
    <t>Chak  58d</t>
  </si>
  <si>
    <t>Chak 58/d</t>
  </si>
  <si>
    <t>Muqaddas Naz</t>
  </si>
  <si>
    <t>GGPS CHAK NO. 58/F COLONY</t>
  </si>
  <si>
    <t>Tail Fathe</t>
  </si>
  <si>
    <t>Government girls primary school 58/f</t>
  </si>
  <si>
    <t>Muquddas Mushtaq</t>
  </si>
  <si>
    <t>GGPS CHAK NO. 58/TDA</t>
  </si>
  <si>
    <t>57 Tda</t>
  </si>
  <si>
    <t>chak no 58 tda bhakkar</t>
  </si>
  <si>
    <t>58 Tda</t>
  </si>
  <si>
    <t>GGPS CHAK NO. 582/TDA</t>
  </si>
  <si>
    <t>582/tda</t>
  </si>
  <si>
    <t>chak no 582/tda</t>
  </si>
  <si>
    <t>Chak No 582/tda</t>
  </si>
  <si>
    <t>GGPS CHAK NO. 59 MB</t>
  </si>
  <si>
    <t>chak 59 mb</t>
  </si>
  <si>
    <t>GGPS CHAK NO.59 MB</t>
  </si>
  <si>
    <t>63 m b</t>
  </si>
  <si>
    <t>Afshan Naz</t>
  </si>
  <si>
    <t>GGPS CHAK NO. 59 RB II</t>
  </si>
  <si>
    <t>Gandi Wend</t>
  </si>
  <si>
    <t>59 RB II</t>
  </si>
  <si>
    <t>58/RB Ratta Joya</t>
  </si>
  <si>
    <t>Amina Tabasum</t>
  </si>
  <si>
    <t>GGPS CHAK NO. 59/4-R (AB)</t>
  </si>
  <si>
    <t>Chak No 59/4r AB</t>
  </si>
  <si>
    <t>chak no 59/4r (AB)</t>
  </si>
  <si>
    <t>Cha No 59/4r AB</t>
  </si>
  <si>
    <t>GGPS CHAK NO. 590 TDA</t>
  </si>
  <si>
    <t>chak no 590/TDA</t>
  </si>
  <si>
    <t>GGPS 590/TDA</t>
  </si>
  <si>
    <t>590/TDA</t>
  </si>
  <si>
    <t>wander</t>
  </si>
  <si>
    <t>Nasira Kausar</t>
  </si>
  <si>
    <t>GGPS CHAK NO. 593 TDA</t>
  </si>
  <si>
    <t>Chak No 593 TDA</t>
  </si>
  <si>
    <t>chak no 593/TDA,CHOWK SARWAR SHAHEED,TEHSILKOTADU,DISTT MUZAFFARGARH</t>
  </si>
  <si>
    <t>Chak No 593/TDA</t>
  </si>
  <si>
    <t>Zakia Shamshad</t>
  </si>
  <si>
    <t>GGPS CHAK NO. 596 TDA (NEW)</t>
  </si>
  <si>
    <t>chak 596</t>
  </si>
  <si>
    <t>Salma Yasin</t>
  </si>
  <si>
    <t>GGPS CHAK NO. 596/ TDA</t>
  </si>
  <si>
    <t>597TDA</t>
  </si>
  <si>
    <t>Wandhar</t>
  </si>
  <si>
    <t>GGPS CHAK NO. 6</t>
  </si>
  <si>
    <t>Chack No6</t>
  </si>
  <si>
    <t>G.G.P.School chak no 6</t>
  </si>
  <si>
    <t>Hariya</t>
  </si>
  <si>
    <t>GGPS CHAK NO. 6 TDA</t>
  </si>
  <si>
    <t>qureshian wala</t>
  </si>
  <si>
    <t>chak no 6tda darya khan</t>
  </si>
  <si>
    <t>chak no 6tda</t>
  </si>
  <si>
    <t>Ayesha Shafique</t>
  </si>
  <si>
    <t>GGPS CHAK NO. 6/1-L</t>
  </si>
  <si>
    <t>6 /1L</t>
  </si>
  <si>
    <t>6/1.L Renala khurd</t>
  </si>
  <si>
    <t>Faiza Aqil</t>
  </si>
  <si>
    <t>GGPS CHAK NO. 6/FW ROOMI WALA</t>
  </si>
  <si>
    <t>6fw</t>
  </si>
  <si>
    <t>chk 6fw romiwala ctn</t>
  </si>
  <si>
    <t>6fw Romiwala</t>
  </si>
  <si>
    <t>Zahida Malik</t>
  </si>
  <si>
    <t>GGPS CHAK NO. 6/MR</t>
  </si>
  <si>
    <t>Chak no 6mr</t>
  </si>
  <si>
    <t>Chak no 6mr post office khanpur marral</t>
  </si>
  <si>
    <t>Khanpur Marral</t>
  </si>
  <si>
    <t>Khadijah Ameen</t>
  </si>
  <si>
    <t>GGPS CHAK NO. 6/RD</t>
  </si>
  <si>
    <t>Rular Dulle Wala</t>
  </si>
  <si>
    <t>Chak 6 RD Dulle Wala ,Darya Khan,Bhakkar</t>
  </si>
  <si>
    <t>Chak 6 RD Dulle Wala</t>
  </si>
  <si>
    <t>SOBIA NAZIR</t>
  </si>
  <si>
    <t>GGPS CHAK NO. 60/4-R AB</t>
  </si>
  <si>
    <t>CHAK NO 60/4-R</t>
  </si>
  <si>
    <t>CHAK NO 60/4_R TEH HND MARKAZ 3</t>
  </si>
  <si>
    <t>CHAK NO 23/3R</t>
  </si>
  <si>
    <t>Erum Fafima</t>
  </si>
  <si>
    <t>students take their water themselves</t>
  </si>
  <si>
    <t>GGPS CHAK NO. 60/D</t>
  </si>
  <si>
    <t>60d</t>
  </si>
  <si>
    <t>Hella Watoowa</t>
  </si>
  <si>
    <t>Ammara</t>
  </si>
  <si>
    <t>GGPS CHAK NO. 601/TDA</t>
  </si>
  <si>
    <t>601/tda</t>
  </si>
  <si>
    <t>chak no 601 /tda</t>
  </si>
  <si>
    <t>601 /tda</t>
  </si>
  <si>
    <t>HINA FAROOQ</t>
  </si>
  <si>
    <t>GGPS CHAK NO. 604 TDA</t>
  </si>
  <si>
    <t>Chak no 604</t>
  </si>
  <si>
    <t>Chak No 604</t>
  </si>
  <si>
    <t>GGPS CHAK NO. 61/4-R (W)</t>
  </si>
  <si>
    <t>chak no 61/4r ab</t>
  </si>
  <si>
    <t>61/4r Ab</t>
  </si>
  <si>
    <t>GGPS CHAK NO. 61/SP</t>
  </si>
  <si>
    <t>61/SP</t>
  </si>
  <si>
    <t>ggps61sp, post office malka hans</t>
  </si>
  <si>
    <t>61sp</t>
  </si>
  <si>
    <t>GGPS CHAK NO. 616 TDA</t>
  </si>
  <si>
    <t>Patti Sultan Mehmood</t>
  </si>
  <si>
    <t>Near Balu Morr Chak No. 616 TDA</t>
  </si>
  <si>
    <t>Chak No. 616 TDA</t>
  </si>
  <si>
    <t>Zulfiqarabad</t>
  </si>
  <si>
    <t>Asma Gashkori</t>
  </si>
  <si>
    <t>coolers etc</t>
  </si>
  <si>
    <t>GGPS CHAK NO. 618 TDA</t>
  </si>
  <si>
    <t>chak no 618 tda</t>
  </si>
  <si>
    <t>Chak#618tda</t>
  </si>
  <si>
    <t>GGPS CHAK NO. 62 MB</t>
  </si>
  <si>
    <t>Chak 62MB</t>
  </si>
  <si>
    <t>GGPS 62MB JBD</t>
  </si>
  <si>
    <t>62MB</t>
  </si>
  <si>
    <t>Rubina Ijaz</t>
  </si>
  <si>
    <t>GGPS CHAK NO. 62/D</t>
  </si>
  <si>
    <t>62d</t>
  </si>
  <si>
    <t>Shahen Roniq</t>
  </si>
  <si>
    <t>GGPS CHAK NO. 623 TDA</t>
  </si>
  <si>
    <t>Chak No 623 Tda</t>
  </si>
  <si>
    <t>gps chak no 623 tda</t>
  </si>
  <si>
    <t>Gps Chak No 623 Tda</t>
  </si>
  <si>
    <t>GGPS CHAK NO. 625 TDA</t>
  </si>
  <si>
    <t>Dhoon</t>
  </si>
  <si>
    <t>chak no 625 TDA</t>
  </si>
  <si>
    <t>Chak No 625 TDA</t>
  </si>
  <si>
    <t>GGPS CHAK NO. 626 TDA</t>
  </si>
  <si>
    <t>chak no 626TDA</t>
  </si>
  <si>
    <t>Chak 626</t>
  </si>
  <si>
    <t>Nazia Naseer</t>
  </si>
  <si>
    <t>GGPS CHAK NO. 631/TDA</t>
  </si>
  <si>
    <t>Arain Sharkeey</t>
  </si>
  <si>
    <t>ggps chk no 631/tda</t>
  </si>
  <si>
    <t>Chak No 631/tda</t>
  </si>
  <si>
    <t>Chk No 632/tda</t>
  </si>
  <si>
    <t>Iffat Jabeen</t>
  </si>
  <si>
    <t>GGPS CHAK NO. 632 TDA</t>
  </si>
  <si>
    <t>Chak Patal Shumali</t>
  </si>
  <si>
    <t>chak no 632/tda</t>
  </si>
  <si>
    <t>Mudasra Kousar</t>
  </si>
  <si>
    <t>GGPS CHAK NO. 634 TDA</t>
  </si>
  <si>
    <t>Jhoorar  Sharqi</t>
  </si>
  <si>
    <t>G.G.P/ S  Chak  No  634/ TDA</t>
  </si>
  <si>
    <t>634/TDA</t>
  </si>
  <si>
    <t>Sadiq  Abad</t>
  </si>
  <si>
    <t>Sajida  Parveen</t>
  </si>
  <si>
    <t>GGPS CHAK NO. 635/TDA</t>
  </si>
  <si>
    <t>arain sharqee</t>
  </si>
  <si>
    <t>chk.no 635/TDA tehsil kotadu district M.Garh</t>
  </si>
  <si>
    <t>635/TDA</t>
  </si>
  <si>
    <t>Samra Ramzan</t>
  </si>
  <si>
    <t>GGPS CHAK NO. 649 TDA</t>
  </si>
  <si>
    <t>Chak No 649/tda</t>
  </si>
  <si>
    <t>chak no 649/tda</t>
  </si>
  <si>
    <t>Sadaq Abad</t>
  </si>
  <si>
    <t>GGPS CHAK NO. 65/4-R</t>
  </si>
  <si>
    <t>65/4r</t>
  </si>
  <si>
    <t>chak no 65/4r</t>
  </si>
  <si>
    <t>Ammara Khushi</t>
  </si>
  <si>
    <t>GGPS CHAK NO. 652/TDA</t>
  </si>
  <si>
    <t>Shabira Abad</t>
  </si>
  <si>
    <t>Ggps 652 TDA shabira abad teh:kotaddu distric:muzaffargarh</t>
  </si>
  <si>
    <t>Check No 652</t>
  </si>
  <si>
    <t>Sadiqa Abad</t>
  </si>
  <si>
    <t>asia</t>
  </si>
  <si>
    <t>GGPS CHAK NO. 66/P</t>
  </si>
  <si>
    <t>Duniapur</t>
  </si>
  <si>
    <t>chak 66/p ,post office sahja</t>
  </si>
  <si>
    <t>GGPS CHAK NO. 67/M TEH. JALALPUR PIRWALA</t>
  </si>
  <si>
    <t>67m</t>
  </si>
  <si>
    <t>government girls primary school ch 67m</t>
  </si>
  <si>
    <t>Mian Pur Belay</t>
  </si>
  <si>
    <t>Hajra Manzoor</t>
  </si>
  <si>
    <t>GGPS CHAK NO. 67-A/NB</t>
  </si>
  <si>
    <t>67Anb</t>
  </si>
  <si>
    <t>67A nb sgd</t>
  </si>
  <si>
    <t>67A NB Sgd</t>
  </si>
  <si>
    <t>Asifa Shaheen</t>
  </si>
  <si>
    <t>GGPS CHAK NO. 69/P</t>
  </si>
  <si>
    <t>69/p</t>
  </si>
  <si>
    <t>Chak 69/p</t>
  </si>
  <si>
    <t>GGPS CHAK NO. 7 KB</t>
  </si>
  <si>
    <t>7 K B</t>
  </si>
  <si>
    <t>govt girls primary school chak 7 k b  tehsil &amp; district pakpattan</t>
  </si>
  <si>
    <t>Chak 7 kb</t>
  </si>
  <si>
    <t>15kb</t>
  </si>
  <si>
    <t>Anam Fatema Niazi</t>
  </si>
  <si>
    <t>GGPS CHAK NO. 7/1-R</t>
  </si>
  <si>
    <t>7/1-R</t>
  </si>
  <si>
    <t>chak no 7/1-R</t>
  </si>
  <si>
    <t>30/3-R</t>
  </si>
  <si>
    <t>Ayesha Tahseen</t>
  </si>
  <si>
    <t>GGPS CHAK NO. 7/3-L FARM</t>
  </si>
  <si>
    <t>Chak No 7/3L</t>
  </si>
  <si>
    <t>Chak No 7/3-L</t>
  </si>
  <si>
    <t>Chak No 7//3L</t>
  </si>
  <si>
    <t>Shazia basheer</t>
  </si>
  <si>
    <t>GGPS CHAK NO. 7/FW BHATIAN WALA</t>
  </si>
  <si>
    <t>7 f.w abaadi</t>
  </si>
  <si>
    <t>7 Fw Abaadi</t>
  </si>
  <si>
    <t>GGPS CHAK NO. 7/FW MAGHI WALA</t>
  </si>
  <si>
    <t>GGPS 7/FW Maghi wala</t>
  </si>
  <si>
    <t>Maghi Wala</t>
  </si>
  <si>
    <t>5/FW</t>
  </si>
  <si>
    <t>Ammara Yasmeen</t>
  </si>
  <si>
    <t>GGPS CHAK NO. 70/F</t>
  </si>
  <si>
    <t>chak no 71/f a</t>
  </si>
  <si>
    <t>70/fa</t>
  </si>
  <si>
    <t>Sumaia Rasheed</t>
  </si>
  <si>
    <t>GGPS CHAK NO. 70/P</t>
  </si>
  <si>
    <t>GGPS Chak 70/P, Tehsil Khan Pur, District Rahim Yar Khan</t>
  </si>
  <si>
    <t>70p</t>
  </si>
  <si>
    <t>GGPS CHAK NO. 70/TDA</t>
  </si>
  <si>
    <t>70/tda</t>
  </si>
  <si>
    <t>chak #70/tda, markaz behal,tehsil o dostrict bhakkar</t>
  </si>
  <si>
    <t>70/tds</t>
  </si>
  <si>
    <t>Humara Amin</t>
  </si>
  <si>
    <t>GGPS CHAK NO. 701/596 SHORKOT CANTT</t>
  </si>
  <si>
    <t>Cant  Area</t>
  </si>
  <si>
    <t>base  road</t>
  </si>
  <si>
    <t>Chak  No  701/596</t>
  </si>
  <si>
    <t>Kaneez  Narjis  Khatoon</t>
  </si>
  <si>
    <t>GGPS CHAK NO. 71/F</t>
  </si>
  <si>
    <t>Basti Bohard</t>
  </si>
  <si>
    <t>chak no 71F Basti Bohard Hasilpur Bahawalpur</t>
  </si>
  <si>
    <t>Chak no 71F</t>
  </si>
  <si>
    <t>GGPS CHAK NO. 71/NP</t>
  </si>
  <si>
    <t>basti Rana liaquat Ali chak 71np</t>
  </si>
  <si>
    <t>Basti Rana Liaquat Ali</t>
  </si>
  <si>
    <t>GGPS CHAK NO. 71/P</t>
  </si>
  <si>
    <t>CHAK 71-P</t>
  </si>
  <si>
    <t>CHAK 71-P, P.O. SAHJA</t>
  </si>
  <si>
    <t>GGPS CHAK NO. 76/EB (NEW)</t>
  </si>
  <si>
    <t>76 Eb</t>
  </si>
  <si>
    <t>chak no. 76 e.b</t>
  </si>
  <si>
    <t>66 Eb</t>
  </si>
  <si>
    <t>GGPS CHAK NO. 77/NP</t>
  </si>
  <si>
    <t>Chak77NP</t>
  </si>
  <si>
    <t>ggpschak77NP</t>
  </si>
  <si>
    <t>Mubarka Nuzhat</t>
  </si>
  <si>
    <t>GGPS CHAK NO. 79/M</t>
  </si>
  <si>
    <t>Chak 79/M</t>
  </si>
  <si>
    <t>Government Girls primary school chak 79/M Tehsil jalal Pur Pir wala</t>
  </si>
  <si>
    <t>Miami Pur Belay Wala</t>
  </si>
  <si>
    <t>GGPS CHAK NO. 79/NP</t>
  </si>
  <si>
    <t>Chak 79np</t>
  </si>
  <si>
    <t>chak 79np near laal garh</t>
  </si>
  <si>
    <t>79np</t>
  </si>
  <si>
    <t>Ayesha Komal</t>
  </si>
  <si>
    <t>GGPS CHAK NO. 79/P</t>
  </si>
  <si>
    <t>ggps chak 79p tranda siway khan ryk</t>
  </si>
  <si>
    <t>Chak 79p</t>
  </si>
  <si>
    <t>Tranda Siway Khan</t>
  </si>
  <si>
    <t>Shehla Abbasi</t>
  </si>
  <si>
    <t>GGPS CHAK NO. 8</t>
  </si>
  <si>
    <t>chak no 8 youns abad</t>
  </si>
  <si>
    <t>GGPS CHAK NO. 8 FW JATTAN WALA</t>
  </si>
  <si>
    <t>Chak 8/fw  Jattan Wala</t>
  </si>
  <si>
    <t>chak no 8/fw</t>
  </si>
  <si>
    <t>Chak 8/fw</t>
  </si>
  <si>
    <t>9/fw Jattan Wala</t>
  </si>
  <si>
    <t>GGPS CHAK NO. 8 TDA</t>
  </si>
  <si>
    <t>8 TDA</t>
  </si>
  <si>
    <t>GGPS 8 TDA</t>
  </si>
  <si>
    <t>GGPS CHAK NO. 80/A</t>
  </si>
  <si>
    <t>80A</t>
  </si>
  <si>
    <t>chak  80 /A liaquatpur</t>
  </si>
  <si>
    <t>80/A</t>
  </si>
  <si>
    <t>Robeena Kousar</t>
  </si>
  <si>
    <t>outside from the school,hand pump</t>
  </si>
  <si>
    <t>GGPS CHAK NO. 80/F</t>
  </si>
  <si>
    <t>80/f</t>
  </si>
  <si>
    <t>sidra majeed</t>
  </si>
  <si>
    <t>GGPS CHAK NO. 80/ML</t>
  </si>
  <si>
    <t>Chak No 80ML</t>
  </si>
  <si>
    <t>chak No 80ML</t>
  </si>
  <si>
    <t>78ML</t>
  </si>
  <si>
    <t>GGPS CHAK NO. 81/ML</t>
  </si>
  <si>
    <t>chak no 81 m/l Behal Bhakkar</t>
  </si>
  <si>
    <t>Chak No 81 M/l</t>
  </si>
  <si>
    <t>Chak no78 M/l</t>
  </si>
  <si>
    <t>GGPS CHAK NO. 81/P</t>
  </si>
  <si>
    <t>Bagwar</t>
  </si>
  <si>
    <t>GGPS  Chak 81/p Markaz Ab e Hayat RYK</t>
  </si>
  <si>
    <t>Chak 81/p</t>
  </si>
  <si>
    <t>Sara Malik</t>
  </si>
  <si>
    <t>GGPS CHAK NO. 82 / M</t>
  </si>
  <si>
    <t>82/M</t>
  </si>
  <si>
    <t>govt girls primary school chak 82 m</t>
  </si>
  <si>
    <t>Mian Pur Bailey Wala</t>
  </si>
  <si>
    <t>Nazia Karim</t>
  </si>
  <si>
    <t>GGPS CHAK NO. 82/NP</t>
  </si>
  <si>
    <t>82NP</t>
  </si>
  <si>
    <t>GGPS 82NP</t>
  </si>
  <si>
    <t>GGPS CHAK NO. 83/M</t>
  </si>
  <si>
    <t>Chak83m</t>
  </si>
  <si>
    <t>islam pura colony chak 83m</t>
  </si>
  <si>
    <t>Islam Pura Colony</t>
  </si>
  <si>
    <t>Jalal Pur City</t>
  </si>
  <si>
    <t>Zarina Batool</t>
  </si>
  <si>
    <t>GGPS CHAK NO. 83/P NEW</t>
  </si>
  <si>
    <t>Chak 83p New</t>
  </si>
  <si>
    <t>chak 83p New sunny pull Rahim Yar khan</t>
  </si>
  <si>
    <t>Naseem Akther</t>
  </si>
  <si>
    <t>GGPS CHAK NO. 85/NP</t>
  </si>
  <si>
    <t>85/NP</t>
  </si>
  <si>
    <t>Chack 85/NP</t>
  </si>
  <si>
    <t>Tibbi Gull</t>
  </si>
  <si>
    <t>Amjad Naseem</t>
  </si>
  <si>
    <t>GGPS CHAK NO. 85/P</t>
  </si>
  <si>
    <t>85p</t>
  </si>
  <si>
    <t>abu dahbi road 85p RYK</t>
  </si>
  <si>
    <t>Suriya Kousar</t>
  </si>
  <si>
    <t>GGPS CHAK NO. 86/5 R</t>
  </si>
  <si>
    <t>chak no 86/5r</t>
  </si>
  <si>
    <t>GGPS CHAK NO. 86/A</t>
  </si>
  <si>
    <t>Chak NO86 /A</t>
  </si>
  <si>
    <t>chak no 86/A lqp</t>
  </si>
  <si>
    <t>Chak No 86/A</t>
  </si>
  <si>
    <t>Rukhsana Hassan</t>
  </si>
  <si>
    <t>GGPS CHAK NO. 88/5-R</t>
  </si>
  <si>
    <t>88/5r</t>
  </si>
  <si>
    <t>g.g.p.s /88/5r</t>
  </si>
  <si>
    <t>Sadia Habib</t>
  </si>
  <si>
    <t>GGPS CHAK NO. 88/A JADEED</t>
  </si>
  <si>
    <t>chack no 88 jadeed</t>
  </si>
  <si>
    <t>88jadeed</t>
  </si>
  <si>
    <t>Naghmana Sarwar</t>
  </si>
  <si>
    <t>GGPS CHAK NO. 89/M</t>
  </si>
  <si>
    <t>Khanwan Khanwa Khanwa Ghalwan</t>
  </si>
  <si>
    <t>89/m</t>
  </si>
  <si>
    <t>89m</t>
  </si>
  <si>
    <t>Salma Taskeen</t>
  </si>
  <si>
    <t>GGPS CHAK NO. 9 SHUMALI ABADI</t>
  </si>
  <si>
    <t>Chak No 9 Shumali</t>
  </si>
  <si>
    <t>chak no9 shumali tehsil malakwal. district mbdin</t>
  </si>
  <si>
    <t>GGPS CHAK NO. 9/A</t>
  </si>
  <si>
    <t>Chak 9A</t>
  </si>
  <si>
    <t>chak 9A tehsil liaquat pur</t>
  </si>
  <si>
    <t>Chak 9/A</t>
  </si>
  <si>
    <t>GGPS CHAK NO. 90/5-R AB</t>
  </si>
  <si>
    <t>90/5R AB, Haroonabad, dist. Bahawalnagar</t>
  </si>
  <si>
    <t>90-5 R Cw</t>
  </si>
  <si>
    <t>150-2L</t>
  </si>
  <si>
    <t>Anwer Sattar</t>
  </si>
  <si>
    <t>GGPS CHAK NO. 90/M</t>
  </si>
  <si>
    <t>Chak No 90/M</t>
  </si>
  <si>
    <t>Chak No. 90/M</t>
  </si>
  <si>
    <t>CHAMB KALYAR</t>
  </si>
  <si>
    <t>Syeda Kaneez Fatima</t>
  </si>
  <si>
    <t>GGPS CHAK NO. 90/NP</t>
  </si>
  <si>
    <t>chak 90 np</t>
  </si>
  <si>
    <t>gehna lar</t>
  </si>
  <si>
    <t>GGPS CHAK NO. 91 D</t>
  </si>
  <si>
    <t>91/D</t>
  </si>
  <si>
    <t>GGPS 91/D</t>
  </si>
  <si>
    <t>Zainab Akhtar</t>
  </si>
  <si>
    <t>Water Pump and Hand Pump</t>
  </si>
  <si>
    <t>GGPS CHAK NO. 91/M</t>
  </si>
  <si>
    <t>Chanmb Kulyar</t>
  </si>
  <si>
    <t>91m lodhran</t>
  </si>
  <si>
    <t>91m</t>
  </si>
  <si>
    <t>Hameeda Akhtar</t>
  </si>
  <si>
    <t>GGPS CHAK NO. 91/P  (JDW Road)</t>
  </si>
  <si>
    <t>ggps 91/p</t>
  </si>
  <si>
    <t>Basti Ghulam muhammad jhulan Muhammad Jhulan</t>
  </si>
  <si>
    <t>Qura Tul Ain Khalid</t>
  </si>
  <si>
    <t>GGPS CHAK NO. 91/P ELAHI BUX</t>
  </si>
  <si>
    <t>91/p</t>
  </si>
  <si>
    <t>Ggps 91/p elahi bux Ryk</t>
  </si>
  <si>
    <t>91/p Eahi Bux</t>
  </si>
  <si>
    <t>Maqsood Akhter</t>
  </si>
  <si>
    <t>GGPS CHAK NO. 91-9D</t>
  </si>
  <si>
    <t>Tube Well Moqbool Ahmad</t>
  </si>
  <si>
    <t>tube well moqbool Ahmad</t>
  </si>
  <si>
    <t>Tubwell Maqbool Ahmad</t>
  </si>
  <si>
    <t>GGPS CHAK NO. 92/NP</t>
  </si>
  <si>
    <t>Jungi</t>
  </si>
  <si>
    <t>GGPS chak 92/ NP</t>
  </si>
  <si>
    <t>Chak 92/NP</t>
  </si>
  <si>
    <t>Farhat Shahnaz</t>
  </si>
  <si>
    <t>GGPS CHAK NO. 96/FB</t>
  </si>
  <si>
    <t>96F</t>
  </si>
  <si>
    <t>96FB</t>
  </si>
  <si>
    <t>98F</t>
  </si>
  <si>
    <t>iqra choudhary</t>
  </si>
  <si>
    <t>GGPS CHAK NO. 99 TDA (TOPI WALA)</t>
  </si>
  <si>
    <t>Topi Wala</t>
  </si>
  <si>
    <t>chak no 99/TDA peer swag solang karor lal eason</t>
  </si>
  <si>
    <t>chak no 99/TDA</t>
  </si>
  <si>
    <t>Gray wala</t>
  </si>
  <si>
    <t>Javaria Parween</t>
  </si>
  <si>
    <t>GGPS CHAK NO.1</t>
  </si>
  <si>
    <t>chalianwala</t>
  </si>
  <si>
    <t>chalianwala station Chak no 1</t>
  </si>
  <si>
    <t>chak No 1</t>
  </si>
  <si>
    <t>siviya</t>
  </si>
  <si>
    <t>GGPS CHAK NO.1 DB</t>
  </si>
  <si>
    <t>CHAK NO 4DB</t>
  </si>
  <si>
    <t>GGPS 1DB</t>
  </si>
  <si>
    <t>CHAK NO 1DB</t>
  </si>
  <si>
    <t>4 DB</t>
  </si>
  <si>
    <t>Attia Khanum</t>
  </si>
  <si>
    <t>GGPS CHAK NO.1 NB GHAKRA</t>
  </si>
  <si>
    <t>Ghakra</t>
  </si>
  <si>
    <t>GGPS chak no 1NB ghakra</t>
  </si>
  <si>
    <t>Sadia Ijaz</t>
  </si>
  <si>
    <t>GGPS CHAK NO.1 PAIGAH</t>
  </si>
  <si>
    <t>basti taravani paigah chak no.1 tehsil district DG Khan</t>
  </si>
  <si>
    <t>Basti Tarawani</t>
  </si>
  <si>
    <t>GGPS CHAK NO.1 RAKH DHAREMA</t>
  </si>
  <si>
    <t>chak1 rakh dharema</t>
  </si>
  <si>
    <t>Chak1 Rakh Dharema</t>
  </si>
  <si>
    <t>58NB</t>
  </si>
  <si>
    <t>Tayyaba Manzoor</t>
  </si>
  <si>
    <t>GGPS CHAK NO.1 REMOUNT DEPOT</t>
  </si>
  <si>
    <t>Sawar Mande Rd Sgd</t>
  </si>
  <si>
    <t>chak no 1 rd sgd</t>
  </si>
  <si>
    <t>Chak No 1 Rd</t>
  </si>
  <si>
    <t>6/7 Rd</t>
  </si>
  <si>
    <t>Sagufta Khanam</t>
  </si>
  <si>
    <t>GGPS CHAK NO.1/GD DARBAR GUL</t>
  </si>
  <si>
    <t>Chak No 1gd</t>
  </si>
  <si>
    <t>ggps 1gd darbargil</t>
  </si>
  <si>
    <t>GHAZALA  YASMEEN</t>
  </si>
  <si>
    <t>GGPS CHAK NO.10/1-R</t>
  </si>
  <si>
    <t>10/1R</t>
  </si>
  <si>
    <t>10/1R tehsil renala khurd</t>
  </si>
  <si>
    <t>4 G/D</t>
  </si>
  <si>
    <t>Nabila Parveen</t>
  </si>
  <si>
    <t>GGPS CHAK NO.10/85 REMOUNT DEPOT</t>
  </si>
  <si>
    <t>Chak #10/85 RD</t>
  </si>
  <si>
    <t>ggps chak no 10/85 rd sargodha</t>
  </si>
  <si>
    <t>Chak No 10/85 RD</t>
  </si>
  <si>
    <t>Bari Mandi RD</t>
  </si>
  <si>
    <t>Noor Un Nisa</t>
  </si>
  <si>
    <t>GGPS CHAK NO.10/GD JORA</t>
  </si>
  <si>
    <t>10 Gd Jora</t>
  </si>
  <si>
    <t>GGPS 10 gd jora</t>
  </si>
  <si>
    <t>maqboola MUSHTAQ</t>
  </si>
  <si>
    <t>GGPS CHAK NO.10/GD TAJA</t>
  </si>
  <si>
    <t>10gd Teja</t>
  </si>
  <si>
    <t>10 gd Teja po kohla</t>
  </si>
  <si>
    <t>10gd teja</t>
  </si>
  <si>
    <t>GGPS CHAK NO.100/1.L</t>
  </si>
  <si>
    <t>chak 100/1l khanpur</t>
  </si>
  <si>
    <t>Chak 100/1l</t>
  </si>
  <si>
    <t>Rabia Shoukat</t>
  </si>
  <si>
    <t>GGPS CHAK NO.100/DB NEW</t>
  </si>
  <si>
    <t>100 Db New</t>
  </si>
  <si>
    <t>100 db new</t>
  </si>
  <si>
    <t>GGPS CHAK NO.100/DB OLD</t>
  </si>
  <si>
    <t>100db Old</t>
  </si>
  <si>
    <t>chak100db old.</t>
  </si>
  <si>
    <t>Rafiqa Naseem</t>
  </si>
  <si>
    <t>GGPS CHAK NO.100-A/TDA</t>
  </si>
  <si>
    <t>chack no 100 A/ TDA station rajan shah</t>
  </si>
  <si>
    <t>Chack No 100A/TDA</t>
  </si>
  <si>
    <t>ZAIBA HANIF</t>
  </si>
  <si>
    <t>GGPS CHAK NO.101 ASSIAN WALA BADLA</t>
  </si>
  <si>
    <t>Assianwala</t>
  </si>
  <si>
    <t>GGPS Chak No. 101 Badla Assianwala</t>
  </si>
  <si>
    <t>Badla Assianwala</t>
  </si>
  <si>
    <t>50NB</t>
  </si>
  <si>
    <t>Maria Bashir</t>
  </si>
  <si>
    <t>GGPS CHAK NO.101 NB NEW ABADI</t>
  </si>
  <si>
    <t>101nb New Abadi</t>
  </si>
  <si>
    <t>GGPS 101nb new Abadi Sargodha</t>
  </si>
  <si>
    <t>101nb</t>
  </si>
  <si>
    <t>97 Nb</t>
  </si>
  <si>
    <t>Shagufta Jalal</t>
  </si>
  <si>
    <t>GGPS CHAK NO.101/DNB</t>
  </si>
  <si>
    <t>101dnb</t>
  </si>
  <si>
    <t>GGPS CHAK NO.102/DB (N)</t>
  </si>
  <si>
    <t>102 dB-n</t>
  </si>
  <si>
    <t>102 Db N</t>
  </si>
  <si>
    <t>Tahseen Anjum</t>
  </si>
  <si>
    <t>GGPS CHAK NO.102/DB (S)</t>
  </si>
  <si>
    <t>102/DB South</t>
  </si>
  <si>
    <t>chak no 102/DB South</t>
  </si>
  <si>
    <t>Chak No 102/DB South</t>
  </si>
  <si>
    <t>City Yazman</t>
  </si>
  <si>
    <t>Sakeena Akram</t>
  </si>
  <si>
    <t>GGPS CHAK NO.102/DNB</t>
  </si>
  <si>
    <t>ggps102dnb</t>
  </si>
  <si>
    <t>102 Dnb</t>
  </si>
  <si>
    <t>GGPS CHAK NO.103 A-NB</t>
  </si>
  <si>
    <t>103 A NB</t>
  </si>
  <si>
    <t>GGPS 103 A NB</t>
  </si>
  <si>
    <t>103 NB</t>
  </si>
  <si>
    <t>GGPS CHAK NO.103 TDA</t>
  </si>
  <si>
    <t>ggps 103/tda tehsil Karor district layyay</t>
  </si>
  <si>
    <t>103/tda</t>
  </si>
  <si>
    <t>Sumara Yasin</t>
  </si>
  <si>
    <t>GGPS CHAK NO.103/DB</t>
  </si>
  <si>
    <t>chak No103/D.B Tehsil Yazman District Bahawalpur</t>
  </si>
  <si>
    <t>Chak No 103/DB</t>
  </si>
  <si>
    <t>Areeba Anum</t>
  </si>
  <si>
    <t>GGPS CHAK NO.104 NB</t>
  </si>
  <si>
    <t>chak no 104 nb</t>
  </si>
  <si>
    <t>Chak No 104 Nb</t>
  </si>
  <si>
    <t>GGPS CHAK NO.104 SB</t>
  </si>
  <si>
    <t>Chak 104 SB</t>
  </si>
  <si>
    <t>GGPS 104 SB sargodha</t>
  </si>
  <si>
    <t>Chak 109 SB</t>
  </si>
  <si>
    <t>Tayyaba Rustum</t>
  </si>
  <si>
    <t>GGPS CHAK NO.104/1-L</t>
  </si>
  <si>
    <t>104/1l</t>
  </si>
  <si>
    <t>chak no 104/ 1.l</t>
  </si>
  <si>
    <t>Samina Shoukat</t>
  </si>
  <si>
    <t>GGPS CHAK NO.104/DB</t>
  </si>
  <si>
    <t>chack 104</t>
  </si>
  <si>
    <t>GGPS CHAK NO.104/DNB</t>
  </si>
  <si>
    <t>104DNB</t>
  </si>
  <si>
    <t>chak no. 104/dnb tehsil yazman district bwp</t>
  </si>
  <si>
    <t>Chak 104/dnb</t>
  </si>
  <si>
    <t>GGPS CHAK NO.104/NP-I</t>
  </si>
  <si>
    <t>chak 104 NP I Teh khanpur</t>
  </si>
  <si>
    <t>Chak 104 NP 1</t>
  </si>
  <si>
    <t>Nadia Mehmood</t>
  </si>
  <si>
    <t>GGPS CHAK NO.104/NP-II</t>
  </si>
  <si>
    <t>104 np</t>
  </si>
  <si>
    <t>104 np 2</t>
  </si>
  <si>
    <t>basti gulam nabi</t>
  </si>
  <si>
    <t>nwankot</t>
  </si>
  <si>
    <t>saima yasmeen</t>
  </si>
  <si>
    <t>GGPS CHAK NO.104/TDA</t>
  </si>
  <si>
    <t>Chak No104/TDA</t>
  </si>
  <si>
    <t>Chak No 104/TDA P/O Chak No 110/TDA</t>
  </si>
  <si>
    <t>Chak No 110/TDA</t>
  </si>
  <si>
    <t>Tahmina Ameen</t>
  </si>
  <si>
    <t>GGPS CHAK NO.105 NB</t>
  </si>
  <si>
    <t>Godhawalla</t>
  </si>
  <si>
    <t>Chak 105 NB</t>
  </si>
  <si>
    <t>105NB</t>
  </si>
  <si>
    <t>CHAK 104 NB</t>
  </si>
  <si>
    <t>GGPS CHAK NO.106/TDA</t>
  </si>
  <si>
    <t>106/TDA</t>
  </si>
  <si>
    <t>asia bano shaheen</t>
  </si>
  <si>
    <t>GGPS CHAK NO.107 SB DERA SONI DIN DAR</t>
  </si>
  <si>
    <t>Dera Soni Dindar</t>
  </si>
  <si>
    <t>Dera sony chakno 107 sb</t>
  </si>
  <si>
    <t>Chak No 107  Sb Soni Dindar</t>
  </si>
  <si>
    <t>Chak No 107 Sb</t>
  </si>
  <si>
    <t>Nabila Chaudhry</t>
  </si>
  <si>
    <t>GGPS CHAK NO.107 SB MEHAR ABAD</t>
  </si>
  <si>
    <t>107sb</t>
  </si>
  <si>
    <t>Chak no 107 SB Meharabad</t>
  </si>
  <si>
    <t>107SB</t>
  </si>
  <si>
    <t>Bini Begum</t>
  </si>
  <si>
    <t>GGPS CHAK NO.107/6-R</t>
  </si>
  <si>
    <t>Chak No 107/6r</t>
  </si>
  <si>
    <t>chak no 107/6r haroonabad dist bhawalnagar</t>
  </si>
  <si>
    <t>Shahida Praveen</t>
  </si>
  <si>
    <t>GGPS CHAK NO.107/DNB (E)</t>
  </si>
  <si>
    <t>107 dnb</t>
  </si>
  <si>
    <t>107 /dnb east</t>
  </si>
  <si>
    <t>107 /Dnb East</t>
  </si>
  <si>
    <t>47 Dnb</t>
  </si>
  <si>
    <t>Sabeen Nazli</t>
  </si>
  <si>
    <t>GGPS CHAK NO.107/DNB (WEST)</t>
  </si>
  <si>
    <t>109/DNB Colony</t>
  </si>
  <si>
    <t>Chak 107/DNB(W)</t>
  </si>
  <si>
    <t>107/DNB</t>
  </si>
  <si>
    <t>GGPS CHAK NO.108 TDA</t>
  </si>
  <si>
    <t>khokhar israBASTI SIBANI</t>
  </si>
  <si>
    <t>CHAK NUMBER 108 TDA BASTI SIBANI</t>
  </si>
  <si>
    <t>BASTI SIBANI</t>
  </si>
  <si>
    <t>GARAY WALA</t>
  </si>
  <si>
    <t>stara parveen</t>
  </si>
  <si>
    <t>GGPS CHAK NO.109/DB</t>
  </si>
  <si>
    <t>chak number 109 db</t>
  </si>
  <si>
    <t>109db</t>
  </si>
  <si>
    <t>Tehmina Kousar</t>
  </si>
  <si>
    <t>GGPS CHAK NO.11/A</t>
  </si>
  <si>
    <t>GGPS CHAK NO 11/A</t>
  </si>
  <si>
    <t>CHAK NO 11/A</t>
  </si>
  <si>
    <t>CHAK NO 10/A</t>
  </si>
  <si>
    <t>Iram Fatima</t>
  </si>
  <si>
    <t>GGPS CHAK NO.11/FW BASTI ABDUL GHAFOOR</t>
  </si>
  <si>
    <t>basti Abdul gaffor 11 fw Abdul gaffor</t>
  </si>
  <si>
    <t>11 Fw Abdul Gaffor</t>
  </si>
  <si>
    <t>Mumtaz Noureen</t>
  </si>
  <si>
    <t>GGPS CHAK NO.11/GD BUDHAY WALA</t>
  </si>
  <si>
    <t>GGPS 11/GD BUDDHAY WALA</t>
  </si>
  <si>
    <t>Chuck no 11/ gd Budget Wala</t>
  </si>
  <si>
    <t>11/Gd Budha Wala</t>
  </si>
  <si>
    <t>14/Gd</t>
  </si>
  <si>
    <t>Sajida Yousf</t>
  </si>
  <si>
    <t>GGPS CHAK NO.110 SB AHALI RAWANA</t>
  </si>
  <si>
    <t>110sb Ahali Rawan</t>
  </si>
  <si>
    <t>110sb Ahali rawan</t>
  </si>
  <si>
    <t>111sb</t>
  </si>
  <si>
    <t>Tahira Rafique</t>
  </si>
  <si>
    <t>GGPS CHAK NO.110/DB (NEW) JADEED</t>
  </si>
  <si>
    <t>chak 110 DB jinah  Abadi</t>
  </si>
  <si>
    <t>110 Db Jinnah Abadi</t>
  </si>
  <si>
    <t>108 DB</t>
  </si>
  <si>
    <t>Tehmina Ashraf</t>
  </si>
  <si>
    <t>GGPS CHAK NO.110/F (C)</t>
  </si>
  <si>
    <t>110/F C</t>
  </si>
  <si>
    <t>GGPS 110/F c CTN ,BWN</t>
  </si>
  <si>
    <t>GGPS CHAK NO.111 NB</t>
  </si>
  <si>
    <t>chk 111 n.b.</t>
  </si>
  <si>
    <t>Chak 111 Nb</t>
  </si>
  <si>
    <t>Sadia Ehsan</t>
  </si>
  <si>
    <t>GGPS CHAK NO.111/1-L</t>
  </si>
  <si>
    <t>chak no 111/1-L khan pur</t>
  </si>
  <si>
    <t>111/1-L Khanpur</t>
  </si>
  <si>
    <t>GGPS CHAK NO.112/1-L</t>
  </si>
  <si>
    <t>112/1L</t>
  </si>
  <si>
    <t>Ggps112/1L</t>
  </si>
  <si>
    <t>GGPS CHAK NO.112/TDA (DERA RAZA)</t>
  </si>
  <si>
    <t>GGPS 112/TDA DERA RAZA KAROR LAL EASON DISTRICT LAYYAH</t>
  </si>
  <si>
    <t>dera raza</t>
  </si>
  <si>
    <t>SUMAIRA AUNBER</t>
  </si>
  <si>
    <t>GGPS CHAK NO.113 NB</t>
  </si>
  <si>
    <t>Chak 113 Nb</t>
  </si>
  <si>
    <t>GGPS CHAK NO.113 TDA (SHAH HUSSAIN)</t>
  </si>
  <si>
    <t>GGPS 113 TDA SHAH HUSSAIN</t>
  </si>
  <si>
    <t>SYEDA GHULAM RUQIA</t>
  </si>
  <si>
    <t>GGPS CHAK NO.113/DB (EAST)</t>
  </si>
  <si>
    <t>chak no 113DB(E)</t>
  </si>
  <si>
    <t>113DB</t>
  </si>
  <si>
    <t>108DB</t>
  </si>
  <si>
    <t>GGPS CHAK NO.114 NB</t>
  </si>
  <si>
    <t>114 NB</t>
  </si>
  <si>
    <t>Chak # 114 NB</t>
  </si>
  <si>
    <t>Asma Afzal</t>
  </si>
  <si>
    <t>GGPS CHAK NO.114 SB</t>
  </si>
  <si>
    <t>Chak 114 SB</t>
  </si>
  <si>
    <t>chak no 114 S.B</t>
  </si>
  <si>
    <t>114SB</t>
  </si>
  <si>
    <t>113SB</t>
  </si>
  <si>
    <t>Shazia Unbreen</t>
  </si>
  <si>
    <t>GGPS CHAK NO.114 SB NEW ABADI</t>
  </si>
  <si>
    <t>chak 114 SB New Abadi</t>
  </si>
  <si>
    <t>114 Sb New Abadi</t>
  </si>
  <si>
    <t>113 Sb</t>
  </si>
  <si>
    <t>GGPS CHAK NO.114 TDA</t>
  </si>
  <si>
    <t>Docharkha</t>
  </si>
  <si>
    <t>114 b Basti Mian</t>
  </si>
  <si>
    <t>BastiMian</t>
  </si>
  <si>
    <t>farha saleem</t>
  </si>
  <si>
    <t>GGPS CHAK NO.114 TDA (BAHADAR WALA)</t>
  </si>
  <si>
    <t>AOULAK</t>
  </si>
  <si>
    <t>CHAK NO. 114-A TDA BAHADAR WALA TEHSIL AND DISTRICT LAYYAH</t>
  </si>
  <si>
    <t>BAHADAR WALA</t>
  </si>
  <si>
    <t>TAIL INDUS</t>
  </si>
  <si>
    <t>GGPS CHAK NO.114 TDA (HUSSAN SHER)</t>
  </si>
  <si>
    <t>GMPS HASSAN SHER CHAK NO 114/TDA  KAROR LAL EASON DISTRICT LAYYAH</t>
  </si>
  <si>
    <t>hassan sher</t>
  </si>
  <si>
    <t>MUBEEN AKHTAR</t>
  </si>
  <si>
    <t>GGPS CHAK NO.114/DNB</t>
  </si>
  <si>
    <t>Chak no. 114 DNB</t>
  </si>
  <si>
    <t>114 DNB</t>
  </si>
  <si>
    <t>Sahrish Munawar</t>
  </si>
  <si>
    <t>GGPS CHAK NO.115 NB NAI ABADI</t>
  </si>
  <si>
    <t>Chak No 115 Nb</t>
  </si>
  <si>
    <t>chak no 115 nb nai abadi</t>
  </si>
  <si>
    <t>Chak No115nb Nai Abadi</t>
  </si>
  <si>
    <t>125sb</t>
  </si>
  <si>
    <t>Shugufta</t>
  </si>
  <si>
    <t>GGPS CHAK NO.115 SB NEW ABADI</t>
  </si>
  <si>
    <t>115 SB</t>
  </si>
  <si>
    <t>ggps115sb(na)</t>
  </si>
  <si>
    <t>58 SB Q</t>
  </si>
  <si>
    <t>Sajida Sarwar</t>
  </si>
  <si>
    <t>GGPS CHAK NO.115/DB (W)</t>
  </si>
  <si>
    <t>115 Db West</t>
  </si>
  <si>
    <t>chak no 115 db west tehsil yazman distt.bahawalpur</t>
  </si>
  <si>
    <t>67 Db</t>
  </si>
  <si>
    <t>Mubeen Mustafa</t>
  </si>
  <si>
    <t>GGPS CHAK NO.115/NP</t>
  </si>
  <si>
    <t>KACHI Jamal</t>
  </si>
  <si>
    <t>GGPS 115/NP tehsil Khanpur distt Rahim yar khan</t>
  </si>
  <si>
    <t>115 /NP</t>
  </si>
  <si>
    <t>Din pur Shareef</t>
  </si>
  <si>
    <t>GGPS CHAK NO.116/1-L</t>
  </si>
  <si>
    <t>chak no116/1Lkhan pur</t>
  </si>
  <si>
    <t>116/1Lkhan Pur</t>
  </si>
  <si>
    <t>Imelda Thomas</t>
  </si>
  <si>
    <t>GGPS CHAK NO.116/DB</t>
  </si>
  <si>
    <t>chak. no 116/db tehsil yazman district bwp</t>
  </si>
  <si>
    <t>116/db</t>
  </si>
  <si>
    <t>108/ Db</t>
  </si>
  <si>
    <t>Huma Shakir</t>
  </si>
  <si>
    <t>GGPS CHAK NO.116/DNB</t>
  </si>
  <si>
    <t>116 Dnb</t>
  </si>
  <si>
    <t>district BWP  Tehsil yazman   chak 116   dnb</t>
  </si>
  <si>
    <t>116 DNB</t>
  </si>
  <si>
    <t>Mamoona Shahzadi</t>
  </si>
  <si>
    <t>GGPS CHAK NO.116-C TDA</t>
  </si>
  <si>
    <t>116-C/TDA langrial wala</t>
  </si>
  <si>
    <t>langrial wala</t>
  </si>
  <si>
    <t>HASEENA MAI</t>
  </si>
  <si>
    <t>GGPS CHAK NO.117 NB</t>
  </si>
  <si>
    <t>Chak 117 NB</t>
  </si>
  <si>
    <t>Chak 117 n b sillanwali sargodha</t>
  </si>
  <si>
    <t>Chak 118 NB</t>
  </si>
  <si>
    <t>GGPS CHAK NO.117/TDA</t>
  </si>
  <si>
    <t>Chak No 117bTda</t>
  </si>
  <si>
    <t>Chak no 117 b/Tda</t>
  </si>
  <si>
    <t>Chao No 117b/Tda</t>
  </si>
  <si>
    <t>Imtiaz Begum</t>
  </si>
  <si>
    <t>GGPS CHAK NO.118 SB</t>
  </si>
  <si>
    <t>Chak No 118 SB</t>
  </si>
  <si>
    <t>GGP SCHOOL118 SB Nai Abadi</t>
  </si>
  <si>
    <t>118 SB Nai Abadi</t>
  </si>
  <si>
    <t>Shahenaabad</t>
  </si>
  <si>
    <t>GGPS CHAK NO.118 SB DERA PAKKA</t>
  </si>
  <si>
    <t>ggps118sbpakadera</t>
  </si>
  <si>
    <t>118sb Dera Pakka</t>
  </si>
  <si>
    <t>Ramzia Saleem</t>
  </si>
  <si>
    <t>GGPS CHAK NO.118/DB</t>
  </si>
  <si>
    <t>118/db</t>
  </si>
  <si>
    <t>Chak no 118/db the.yazman.distt.bwp</t>
  </si>
  <si>
    <t>67/db</t>
  </si>
  <si>
    <t>ZARINA YASMEEN</t>
  </si>
  <si>
    <t>GGPS CHAK NO.118/TDA</t>
  </si>
  <si>
    <t>NOSHARA THAL JUNDI</t>
  </si>
  <si>
    <t>GGPS CHAK NO 118 TDA</t>
  </si>
  <si>
    <t>CHAK NO 118 TDA</t>
  </si>
  <si>
    <t>Sumia Perveen</t>
  </si>
  <si>
    <t>GGPS CHAK NO.119/DB</t>
  </si>
  <si>
    <t>119 Db</t>
  </si>
  <si>
    <t>GGS 119 db</t>
  </si>
  <si>
    <t>119/Db</t>
  </si>
  <si>
    <t>67db</t>
  </si>
  <si>
    <t>noozaba aziz</t>
  </si>
  <si>
    <t>GGPS CHAK NO.119/TDA</t>
  </si>
  <si>
    <t>Ghashkori</t>
  </si>
  <si>
    <t>chak No 119 tDA layyah</t>
  </si>
  <si>
    <t>chak no 119 TDA</t>
  </si>
  <si>
    <t>tail indus</t>
  </si>
  <si>
    <t>GGPS CHAK NO.12 SB</t>
  </si>
  <si>
    <t>12 sb</t>
  </si>
  <si>
    <t>Chak 12 Sb. Tehsil Kotmomin Dist. Sargodha</t>
  </si>
  <si>
    <t>Chak #12 Sb</t>
  </si>
  <si>
    <t>GGPS CHAK NO.12/A</t>
  </si>
  <si>
    <t>12/A</t>
  </si>
  <si>
    <t>ggps chak 12/A</t>
  </si>
  <si>
    <t>12 chak</t>
  </si>
  <si>
    <t>10 chak/A</t>
  </si>
  <si>
    <t>Asifa Hanif</t>
  </si>
  <si>
    <t>GGPS CHAK NO.12/BC (S)</t>
  </si>
  <si>
    <t>12 BC south</t>
  </si>
  <si>
    <t>Near Rehmat khyer cotton factory 12 BC south</t>
  </si>
  <si>
    <t>Chak 12 BC</t>
  </si>
  <si>
    <t>Iffat Siddique</t>
  </si>
  <si>
    <t>GGPS CHAK NO.12/F.W</t>
  </si>
  <si>
    <t>12/FW</t>
  </si>
  <si>
    <t>Chak No.12/FW</t>
  </si>
  <si>
    <t>58Fateh</t>
  </si>
  <si>
    <t>Sobia Kalsoom</t>
  </si>
  <si>
    <t>GGPS CHAK NO.120/TDA</t>
  </si>
  <si>
    <t>Gishkori</t>
  </si>
  <si>
    <t>chak no.120/TDA danay wala LAYYAH</t>
  </si>
  <si>
    <t>120/TDA</t>
  </si>
  <si>
    <t>JAVARIA HINA</t>
  </si>
  <si>
    <t>GGPS CHAK NO.120-A/TDA</t>
  </si>
  <si>
    <t>Gashkori</t>
  </si>
  <si>
    <t>GGPS 120A</t>
  </si>
  <si>
    <t>120A</t>
  </si>
  <si>
    <t>farhat iqbal</t>
  </si>
  <si>
    <t>GGPS CHAK NO.121/6-R AB</t>
  </si>
  <si>
    <t>120/6R AB</t>
  </si>
  <si>
    <t>chak no 120/6R AB</t>
  </si>
  <si>
    <t>Fqw</t>
  </si>
  <si>
    <t>GGPS CHAK NO.121/NP</t>
  </si>
  <si>
    <t>Arif Balloch</t>
  </si>
  <si>
    <t>chak 121np</t>
  </si>
  <si>
    <t>Chak 121np</t>
  </si>
  <si>
    <t>Hyiat Larr</t>
  </si>
  <si>
    <t>Nazia Sikandar</t>
  </si>
  <si>
    <t>GGPS CHAK NO.122 TDA  SULTAN WALA</t>
  </si>
  <si>
    <t>Chak No.122/TDA Sultan wala</t>
  </si>
  <si>
    <t>Chak No 122/TDA Sultan Wala</t>
  </si>
  <si>
    <t>Razia Youssef</t>
  </si>
  <si>
    <t>GGPS CHAK NO.122/TDA ABDULAWALA</t>
  </si>
  <si>
    <t>Phatuwala</t>
  </si>
  <si>
    <t>122/TDA Abdullahwala</t>
  </si>
  <si>
    <t>122/TDA Abdulahwala</t>
  </si>
  <si>
    <t>Jamila Naz</t>
  </si>
  <si>
    <t>GGPS CHAK NO.122/TDA AMANULLAH WALA</t>
  </si>
  <si>
    <t>Aman Ul Allah Wala</t>
  </si>
  <si>
    <t>Chak#122/Tda Aman ul Allah wala</t>
  </si>
  <si>
    <t>122/Tda Aman Ul Allah Wala</t>
  </si>
  <si>
    <t>Nishat sehar un nisa</t>
  </si>
  <si>
    <t>GGPS CHAK NO.123/TDA OLD</t>
  </si>
  <si>
    <t>chak 123 tda layyah</t>
  </si>
  <si>
    <t>Aisha Aslam</t>
  </si>
  <si>
    <t>GGPS CHAK NO.124/1-L</t>
  </si>
  <si>
    <t>Chak 124 1L</t>
  </si>
  <si>
    <t>chak 124 1.L</t>
  </si>
  <si>
    <t>124 /1L</t>
  </si>
  <si>
    <t>Bagho bahar</t>
  </si>
  <si>
    <t>Hafeeza Khanim</t>
  </si>
  <si>
    <t>GGPS CHAK NO.124/6-R</t>
  </si>
  <si>
    <t>Chak number 124\R(s)</t>
  </si>
  <si>
    <t>Chak Number1246/R  S</t>
  </si>
  <si>
    <t>Raqia Sultana</t>
  </si>
  <si>
    <t>GGPS CHAK NO.124/TDA</t>
  </si>
  <si>
    <t>124tda</t>
  </si>
  <si>
    <t>Kotla Haji Sha</t>
  </si>
  <si>
    <t>GGPS CHAK NO.125 TDA GANJIAN WALA</t>
  </si>
  <si>
    <t>Chak No. 125/TDA Ganjian Wala Layyah</t>
  </si>
  <si>
    <t>125/tda</t>
  </si>
  <si>
    <t>Waseema Banu</t>
  </si>
  <si>
    <t>GGPS CHAK NO.125/TDA ARAY WALA</t>
  </si>
  <si>
    <t>chack nbr 125/TDA aray wala</t>
  </si>
  <si>
    <t>Mahr Maqbol Dera</t>
  </si>
  <si>
    <t>GGPS CHAK NO.125B/T JATTAY WALA</t>
  </si>
  <si>
    <t>Thal Jhandi</t>
  </si>
  <si>
    <t>125B jattay wala</t>
  </si>
  <si>
    <t>125B Jattay Wala</t>
  </si>
  <si>
    <t>Fozia Shabeer</t>
  </si>
  <si>
    <t>GGPS CHAK NO.125-B/TDA GRID STATION</t>
  </si>
  <si>
    <t>check#125B/TDA grid station layyah</t>
  </si>
  <si>
    <t>Check#125B/TDA</t>
  </si>
  <si>
    <t>GGPS CHAK NO.126 NB MANGWANA</t>
  </si>
  <si>
    <t>Chak No126nb Mangwana</t>
  </si>
  <si>
    <t>chak no:126nb,chahmangwana</t>
  </si>
  <si>
    <t>Chak 126nb Mangwana</t>
  </si>
  <si>
    <t>Chak129nb</t>
  </si>
  <si>
    <t>Sadia Nasir</t>
  </si>
  <si>
    <t>GGPS CHAK NO.126 NB NAI ABADI</t>
  </si>
  <si>
    <t>126nb</t>
  </si>
  <si>
    <t>chak no 126 Nb</t>
  </si>
  <si>
    <t>126Nb</t>
  </si>
  <si>
    <t>129Nb</t>
  </si>
  <si>
    <t>GGPS CHAK NO.126 SB NAI ABADI</t>
  </si>
  <si>
    <t>126 Sb</t>
  </si>
  <si>
    <t>chak no 126 sb nai abadi sillanwali</t>
  </si>
  <si>
    <t>Shamim Qamar</t>
  </si>
  <si>
    <t>GGPS CHAK NO.127/P</t>
  </si>
  <si>
    <t>127p</t>
  </si>
  <si>
    <t>GGPS 127p</t>
  </si>
  <si>
    <t>GGPS CHAK NO.128/TDA OLD</t>
  </si>
  <si>
    <t>Thind</t>
  </si>
  <si>
    <t>GGPS 128/tda old</t>
  </si>
  <si>
    <t>Chak no 128/tda</t>
  </si>
  <si>
    <t>Tail indus</t>
  </si>
  <si>
    <t>IRSHAD BIBI</t>
  </si>
  <si>
    <t>GGPS CHAK NO.13 ASB</t>
  </si>
  <si>
    <t>CHAK NO 13ASB</t>
  </si>
  <si>
    <t>15SB</t>
  </si>
  <si>
    <t>Miss Hajra Asghar</t>
  </si>
  <si>
    <t>GGPS CHAK NO.13 ML</t>
  </si>
  <si>
    <t>13 Ml</t>
  </si>
  <si>
    <t>Chak num 13 m.l tehsil piplan distt mianw</t>
  </si>
  <si>
    <t>GGPS CHAK NO.13 NB LOKRI</t>
  </si>
  <si>
    <t>13 Chak</t>
  </si>
  <si>
    <t>ggps chak 13 nb wapda lokri</t>
  </si>
  <si>
    <t>13 Chak Lokri</t>
  </si>
  <si>
    <t>13NB</t>
  </si>
  <si>
    <t>Mamoona Nawaz</t>
  </si>
  <si>
    <t>GGPS CHAK NO.13 WB OLD</t>
  </si>
  <si>
    <t>13 Wb</t>
  </si>
  <si>
    <t>chak no 13_wb vehari</t>
  </si>
  <si>
    <t>Chak No 75wb</t>
  </si>
  <si>
    <t>Zakia Irshad</t>
  </si>
  <si>
    <t>GGPS CHAK NO.13/A</t>
  </si>
  <si>
    <t>Chak No13/A</t>
  </si>
  <si>
    <t>chak no 13a</t>
  </si>
  <si>
    <t>Chak No 13/A</t>
  </si>
  <si>
    <t>GGPS CHAK NO.13/F.W JONDAY WALI</t>
  </si>
  <si>
    <t>13/FW-B</t>
  </si>
  <si>
    <t>chak no 13/fw-b</t>
  </si>
  <si>
    <t>Chak No 13/FW-B</t>
  </si>
  <si>
    <t>GGPS CHAK NO.13/F.W-A</t>
  </si>
  <si>
    <t>13/FW-A</t>
  </si>
  <si>
    <t>Tehsil Hasilpur District bahawalpur chak 60:61/f p/o Same</t>
  </si>
  <si>
    <t>Shabnam Noreen</t>
  </si>
  <si>
    <t>GGPS CHAK NO.130 NB</t>
  </si>
  <si>
    <t>Chak #130 Nb</t>
  </si>
  <si>
    <t>chak # 130 nb sillanwali</t>
  </si>
  <si>
    <t>130nb</t>
  </si>
  <si>
    <t>Chak#138 SB</t>
  </si>
  <si>
    <t>Asifa Zafar</t>
  </si>
  <si>
    <t>GGPS CHAK NO.130/1-L</t>
  </si>
  <si>
    <t>130/1L</t>
  </si>
  <si>
    <t>Dist Ryk tahseel khan pur chak 130/1L</t>
  </si>
  <si>
    <t>Chak 130/1L</t>
  </si>
  <si>
    <t>Naila Anjam</t>
  </si>
  <si>
    <t>GGPS CHAK NO.131/TDA</t>
  </si>
  <si>
    <t>Thal Jande</t>
  </si>
  <si>
    <t>CHAK NO 131TDALayyah</t>
  </si>
  <si>
    <t>131TDA</t>
  </si>
  <si>
    <t>CHOWKAzam</t>
  </si>
  <si>
    <t>SOBIA NOSHEEN</t>
  </si>
  <si>
    <t>GGPS CHAK NO.132 TDA (SHAFI GARWAN)</t>
  </si>
  <si>
    <t>chak no.132/tda</t>
  </si>
  <si>
    <t>chak no.132/tda dera shafi gurwan</t>
  </si>
  <si>
    <t>chowk azam rural</t>
  </si>
  <si>
    <t>Najma Naheed Durrani</t>
  </si>
  <si>
    <t>GGPS CHAK NO.133 NB</t>
  </si>
  <si>
    <t>Chak 133 Nb</t>
  </si>
  <si>
    <t>133 N.B</t>
  </si>
  <si>
    <t>Chak No133 Nb</t>
  </si>
  <si>
    <t>Shaheen Roohi</t>
  </si>
  <si>
    <t>GGPS CHAK NO.133/L</t>
  </si>
  <si>
    <t>133 1L</t>
  </si>
  <si>
    <t>GGPS 133 1L tehsil khanpur</t>
  </si>
  <si>
    <t>Bhatta Shakhan</t>
  </si>
  <si>
    <t>Rifat Yasmeen</t>
  </si>
  <si>
    <t>GGPS CHAK NO.133/TDA (DERA ALLAH YAR)</t>
  </si>
  <si>
    <t>Lalazar</t>
  </si>
  <si>
    <t>GGPS 133</t>
  </si>
  <si>
    <t>chock azam rural</t>
  </si>
  <si>
    <t>GGPS CHAK NO.134 NB</t>
  </si>
  <si>
    <t>134nb</t>
  </si>
  <si>
    <t>chak #134 Nb</t>
  </si>
  <si>
    <t>Chak #134 Nb</t>
  </si>
  <si>
    <t>Chak #131 Nb</t>
  </si>
  <si>
    <t>GGPS CHAK NO.134 SB</t>
  </si>
  <si>
    <t>Chak No 134sb</t>
  </si>
  <si>
    <t>Chak no 134sb</t>
  </si>
  <si>
    <t>chak no 135 sb</t>
  </si>
  <si>
    <t>GGPS CHAK NO.134/TDA</t>
  </si>
  <si>
    <t>GUNJI MOCHIAN WALI</t>
  </si>
  <si>
    <t>GGPS CHAK NO. 134/TDA LAYYAH</t>
  </si>
  <si>
    <t>GHAZALA SULAMAN</t>
  </si>
  <si>
    <t>GGPS CHAK NO.135 SB DERA BHATIAN</t>
  </si>
  <si>
    <t>135sb</t>
  </si>
  <si>
    <t>ggps 135 S.B Dera Bhattian</t>
  </si>
  <si>
    <t>135sb dera bhattian</t>
  </si>
  <si>
    <t>GGPS CHAK NO.135/TDA LEYYAH</t>
  </si>
  <si>
    <t>GGPS Chak No. 135 TDA Layyah</t>
  </si>
  <si>
    <t>135 TDA Layyah</t>
  </si>
  <si>
    <t>Hassina Sabra</t>
  </si>
  <si>
    <t>GGPS CHAK NO.136 NB</t>
  </si>
  <si>
    <t>chak no 136nb</t>
  </si>
  <si>
    <t>chack no 136nb</t>
  </si>
  <si>
    <t>Naila Ghufar</t>
  </si>
  <si>
    <t>GGPS CHAK NO.137/1-L</t>
  </si>
  <si>
    <t>Neel Ghar</t>
  </si>
  <si>
    <t>Govt girls primay school chak #137/1.l..teh khanpur.dist R.Y.K</t>
  </si>
  <si>
    <t>137\1.L</t>
  </si>
  <si>
    <t>Bhataa shaikhaan</t>
  </si>
  <si>
    <t>Ishrat Maqsood</t>
  </si>
  <si>
    <t>GGPS CHAK NO.137/TDA AZIZ ABAD</t>
  </si>
  <si>
    <t>chak no 137/TDA Aziz abad layyah</t>
  </si>
  <si>
    <t>Chack No 137</t>
  </si>
  <si>
    <t>Farkhanda Akhtar</t>
  </si>
  <si>
    <t>GGPS CHAK NO.137/TDA NEW LAYYAH</t>
  </si>
  <si>
    <t>chak NO. 137</t>
  </si>
  <si>
    <t>govt girls primary school 137/ TDA new Layyah on layyah chok azam link road</t>
  </si>
  <si>
    <t>Chak NO. 137 layyah</t>
  </si>
  <si>
    <t>Rukhsana yasmeen</t>
  </si>
  <si>
    <t>GGPS CHAK NO.138 SB</t>
  </si>
  <si>
    <t>Chak No 138sb</t>
  </si>
  <si>
    <t>GGPS CHAK NO.139 SB</t>
  </si>
  <si>
    <t>139sb</t>
  </si>
  <si>
    <t>chak no 139SB tehsil Sillanwali district Sargodha</t>
  </si>
  <si>
    <t>chak no 139SB</t>
  </si>
  <si>
    <t>chak no 136SB</t>
  </si>
  <si>
    <t>Neelam Hafeez</t>
  </si>
  <si>
    <t>GGPS CHAK NO.139/A</t>
  </si>
  <si>
    <t>Chak No 139A</t>
  </si>
  <si>
    <t>Chak no 139A Liaquat pur Rahim yar khan</t>
  </si>
  <si>
    <t>chak No139A</t>
  </si>
  <si>
    <t>Chak No 46 A</t>
  </si>
  <si>
    <t>Batool Murtaza</t>
  </si>
  <si>
    <t>GGPS CHAK NO.139/TDA SAEED ABAD</t>
  </si>
  <si>
    <t>Lothra</t>
  </si>
  <si>
    <t>chak no.139Tda</t>
  </si>
  <si>
    <t>139 Tda</t>
  </si>
  <si>
    <t>Thal Jandhi</t>
  </si>
  <si>
    <t>GGPS CHAK NO.13-FAIZ</t>
  </si>
  <si>
    <t>Chalk 13 Faiz</t>
  </si>
  <si>
    <t>chalk no 13 faiz shujabad</t>
  </si>
  <si>
    <t>Chak13 Faiz</t>
  </si>
  <si>
    <t>Kotli Nijabat</t>
  </si>
  <si>
    <t>GGPS CHAK NO.14</t>
  </si>
  <si>
    <t>Chak no 14</t>
  </si>
  <si>
    <t>p/o chak no 14</t>
  </si>
  <si>
    <t>Kaneez kausar</t>
  </si>
  <si>
    <t>GGPS CHAK NO.14 B-TDA</t>
  </si>
  <si>
    <t>Waghwarh</t>
  </si>
  <si>
    <t>GGPS 14 B/TDA</t>
  </si>
  <si>
    <t>15 TDA</t>
  </si>
  <si>
    <t>GGPS CHAK NO.14 GB HEARGARH</t>
  </si>
  <si>
    <t>Chak#14</t>
  </si>
  <si>
    <t>chak#14</t>
  </si>
  <si>
    <t>Chak# 14</t>
  </si>
  <si>
    <t>Chak# 13 Randhir</t>
  </si>
  <si>
    <t>GGPS CHAK NO.14/DNB (S)</t>
  </si>
  <si>
    <t>Chak No14/dnb S</t>
  </si>
  <si>
    <t>chak no.14/dnb s teh.yazman distt.bwp</t>
  </si>
  <si>
    <t>Chak No 14/dnb S</t>
  </si>
  <si>
    <t>17/dnb</t>
  </si>
  <si>
    <t>Asifa Rafique</t>
  </si>
  <si>
    <t>GGPS CHAK NO.14/TDA</t>
  </si>
  <si>
    <t>CHAK NO.14 TDA</t>
  </si>
  <si>
    <t>GGPS CHAK NO. 14 TDA</t>
  </si>
  <si>
    <t>CHAK  NO.14 TDA</t>
  </si>
  <si>
    <t>GGPS CHAK NO.140/A</t>
  </si>
  <si>
    <t>ch140a</t>
  </si>
  <si>
    <t>govt girls primary school chack 140a</t>
  </si>
  <si>
    <t>46a</t>
  </si>
  <si>
    <t>azra naheed</t>
  </si>
  <si>
    <t>near by well</t>
  </si>
  <si>
    <t>GGPS CHAK NO.142/DRB</t>
  </si>
  <si>
    <t>142/DRB</t>
  </si>
  <si>
    <t>Chak  No 142/DRB Tehsil Yazman district BWP</t>
  </si>
  <si>
    <t>Mussarrat Bano</t>
  </si>
  <si>
    <t>GGPS CHAK NO.143/A</t>
  </si>
  <si>
    <t>143a</t>
  </si>
  <si>
    <t>Nuzhat Rasheed</t>
  </si>
  <si>
    <t>GGPS CHAK NO.143/TDA LAYYAH</t>
  </si>
  <si>
    <t>chak no 143 tda layyah</t>
  </si>
  <si>
    <t>Chak No 143</t>
  </si>
  <si>
    <t>Nabila Nasreen</t>
  </si>
  <si>
    <t>GGPS CHAK NO.144/6-R</t>
  </si>
  <si>
    <t>144 6/r</t>
  </si>
  <si>
    <t>g.g p/s 144 6/r</t>
  </si>
  <si>
    <t>98 6/r</t>
  </si>
  <si>
    <t>GGPS CHAK NO.145/M</t>
  </si>
  <si>
    <t>Chak 145/m</t>
  </si>
  <si>
    <t>chak 145/m</t>
  </si>
  <si>
    <t>Noreen Jamal</t>
  </si>
  <si>
    <t>GGPS CHAK NO.146/M</t>
  </si>
  <si>
    <t>146/M</t>
  </si>
  <si>
    <t>146/ m</t>
  </si>
  <si>
    <t>Tehmina kousar</t>
  </si>
  <si>
    <t>GGPS CHAK NO.147/TDA BASTI PAWLI</t>
  </si>
  <si>
    <t>ggps 147 tda basti pawli</t>
  </si>
  <si>
    <t>147 TDA</t>
  </si>
  <si>
    <t>Shahana Kousar</t>
  </si>
  <si>
    <t>GGPS CHAK NO.148/TDA LOHAR WALA</t>
  </si>
  <si>
    <t>GGPS 148/TDA Lohar wala Layyah</t>
  </si>
  <si>
    <t>LoharWala Layyah</t>
  </si>
  <si>
    <t>Aisha Kokub</t>
  </si>
  <si>
    <t>GGPS CHAK NO.148-A/TDA LAYYAH</t>
  </si>
  <si>
    <t>Chak No 148 A/TDA LY</t>
  </si>
  <si>
    <t>GGPS 148 A\TDA</t>
  </si>
  <si>
    <t>GGPS CHAK NO.149/150 NB</t>
  </si>
  <si>
    <t>Chak#149/150 NB</t>
  </si>
  <si>
    <t>chak#149/150 NB</t>
  </si>
  <si>
    <t>147/148 Lakhuana</t>
  </si>
  <si>
    <t>Muqadas Abrar</t>
  </si>
  <si>
    <t>GGPS CHAK NO.149/M</t>
  </si>
  <si>
    <t>149/m</t>
  </si>
  <si>
    <t>Ggps 149/m  Hsp</t>
  </si>
  <si>
    <t>Noreen Iqbal</t>
  </si>
  <si>
    <t>GGPS CHAK NO.149/NP</t>
  </si>
  <si>
    <t>basti ghulam nabbi Kakis</t>
  </si>
  <si>
    <t>Basti Ghulam Nabi</t>
  </si>
  <si>
    <t>Rajor Hoo</t>
  </si>
  <si>
    <t>GGPS CHAK NO.149-C/TDA</t>
  </si>
  <si>
    <t>149C/TDA</t>
  </si>
  <si>
    <t>Chak # 149C/TDA Jaman Shah</t>
  </si>
  <si>
    <t>Dadar</t>
  </si>
  <si>
    <t>GGPS CHAK NO.14-A/1R HAIDER PURA</t>
  </si>
  <si>
    <t>Haider Pur</t>
  </si>
  <si>
    <t>14A/1R haider pur</t>
  </si>
  <si>
    <t>14A/1R Haider Pur</t>
  </si>
  <si>
    <t>GGPS CHAK NO.15 JANUBI</t>
  </si>
  <si>
    <t>Chak 15 Janubi</t>
  </si>
  <si>
    <t>chak no 15 Janubi teh and district mandibhudin</t>
  </si>
  <si>
    <t>GGPS CHAK NO.15/DNB</t>
  </si>
  <si>
    <t>15/DNB</t>
  </si>
  <si>
    <t>chak 15/DNB</t>
  </si>
  <si>
    <t>GGPS CHAK NO.15/GD</t>
  </si>
  <si>
    <t>15gd</t>
  </si>
  <si>
    <t>Javeria Sahar</t>
  </si>
  <si>
    <t>GGPS CHAK NO.150/M-A</t>
  </si>
  <si>
    <t>150/m</t>
  </si>
  <si>
    <t>Village 150/m</t>
  </si>
  <si>
    <t>GGPS CHAK NO.151 NB KALYARAN WALA</t>
  </si>
  <si>
    <t>Chak 151nb</t>
  </si>
  <si>
    <t>chak 151nb(k)</t>
  </si>
  <si>
    <t>151nb K</t>
  </si>
  <si>
    <t>Bushra Nourin</t>
  </si>
  <si>
    <t>GGPS CHAK NO.151 NB SAMORAN WALI</t>
  </si>
  <si>
    <t>151NBSw</t>
  </si>
  <si>
    <t>Chak no 151B.N(SW)</t>
  </si>
  <si>
    <t>152NB</t>
  </si>
  <si>
    <t>GGPS CHAK NO.151 NB TAWAN WALA</t>
  </si>
  <si>
    <t>151nb</t>
  </si>
  <si>
    <t>151nb tiwana wala</t>
  </si>
  <si>
    <t>GGPS CHAK NO.151/M</t>
  </si>
  <si>
    <t>151/M</t>
  </si>
  <si>
    <t>chak no 151/M</t>
  </si>
  <si>
    <t>GGPS CHAK NO.151/TDA HALLY</t>
  </si>
  <si>
    <t>151/TDA</t>
  </si>
  <si>
    <t>Chak #151/TDA</t>
  </si>
  <si>
    <t>151 /TDA</t>
  </si>
  <si>
    <t>MISBAH TEHSEEN</t>
  </si>
  <si>
    <t>GGPS CHAK NO.151-A / TDA DERA RAFIQUE</t>
  </si>
  <si>
    <t>chak# 151 A</t>
  </si>
  <si>
    <t>chack no 151-a dera rafiqueTda dist LAYYAH</t>
  </si>
  <si>
    <t>151-A/TDA</t>
  </si>
  <si>
    <t>Farzana Rafique</t>
  </si>
  <si>
    <t>GGPS CHAK NO.152 NB</t>
  </si>
  <si>
    <t>Chak no 152nb</t>
  </si>
  <si>
    <t>Chak No 152nb</t>
  </si>
  <si>
    <t>Chak 152nb</t>
  </si>
  <si>
    <t>GGPS CHAK NO.152/M</t>
  </si>
  <si>
    <t>Chak 152m</t>
  </si>
  <si>
    <t>Chak no 152m</t>
  </si>
  <si>
    <t>152/m</t>
  </si>
  <si>
    <t>79f</t>
  </si>
  <si>
    <t>Sadia Ismail</t>
  </si>
  <si>
    <t>GGPS CHAK NO.152/NP</t>
  </si>
  <si>
    <t>GGP/School chak no 152/np PO Chani goth.</t>
  </si>
  <si>
    <t>Chak No 152/np</t>
  </si>
  <si>
    <t>GGPS CHAK NO.152-A/TDA</t>
  </si>
  <si>
    <t>Mohala Nora bad ward No 15 Layyah</t>
  </si>
  <si>
    <t>Chak No 152A</t>
  </si>
  <si>
    <t>Amarah Mariam</t>
  </si>
  <si>
    <t>GGPS CHAK NO.154/P</t>
  </si>
  <si>
    <t>Barthla</t>
  </si>
  <si>
    <t>154/P</t>
  </si>
  <si>
    <t>Goath Jangu</t>
  </si>
  <si>
    <t>GGPS CHAK NO.155 NB NEW ABADI</t>
  </si>
  <si>
    <t>Shahnikdur</t>
  </si>
  <si>
    <t>chakno155 nb</t>
  </si>
  <si>
    <t>Chak No 155 Nb</t>
  </si>
  <si>
    <t>NUSRAT NAHEED</t>
  </si>
  <si>
    <t>GGPS CHAK NO.155/M-A</t>
  </si>
  <si>
    <t>155/mA</t>
  </si>
  <si>
    <t>chak no 155/m_A hasilpur</t>
  </si>
  <si>
    <t>IFFAT TAHIRA</t>
  </si>
  <si>
    <t>GGPS CHAK NO.155/M-B</t>
  </si>
  <si>
    <t>chak 155 M b tehsil hasilpur distt. bwp</t>
  </si>
  <si>
    <t>155 M B</t>
  </si>
  <si>
    <t>163 M</t>
  </si>
  <si>
    <t>Mumtaaz Begam</t>
  </si>
  <si>
    <t>GGPS CHAK NO.156/NP</t>
  </si>
  <si>
    <t>chak 156 N/P</t>
  </si>
  <si>
    <t>156 N/P</t>
  </si>
  <si>
    <t>ZAHIDA PERVEEN AKHTAR</t>
  </si>
  <si>
    <t>GGPS CHAK NO.157/WB</t>
  </si>
  <si>
    <t>157wb</t>
  </si>
  <si>
    <t>chack no 157wb vehari</t>
  </si>
  <si>
    <t>157/wb</t>
  </si>
  <si>
    <t>Chak No 155 Wb</t>
  </si>
  <si>
    <t>Munwar Nadeem</t>
  </si>
  <si>
    <t>GGPS CHAK NO.158/NP</t>
  </si>
  <si>
    <t>158/NP</t>
  </si>
  <si>
    <t>G.G P/S Chak No 158 /NP</t>
  </si>
  <si>
    <t>GGPS CHAK NO.159 JB</t>
  </si>
  <si>
    <t>Chak no 159 jb sipra</t>
  </si>
  <si>
    <t>sehar saeed</t>
  </si>
  <si>
    <t>GGPS CHAK NO.159/M</t>
  </si>
  <si>
    <t>Chak No 159/M</t>
  </si>
  <si>
    <t>chak no 159/M</t>
  </si>
  <si>
    <t>159/M</t>
  </si>
  <si>
    <t>Mehak Salahudeen</t>
  </si>
  <si>
    <t>GGPS CHAK NO.159/NP</t>
  </si>
  <si>
    <t>g.g p/s chak no.159/np</t>
  </si>
  <si>
    <t>suriyya kousar</t>
  </si>
  <si>
    <t>GGPS CHAK NO.15-A TDA</t>
  </si>
  <si>
    <t>chak no. 15 a</t>
  </si>
  <si>
    <t>GGPS CHAK NO. 15 A TDA</t>
  </si>
  <si>
    <t>chak no.15 a tda</t>
  </si>
  <si>
    <t>DAGAR QURESHI</t>
  </si>
  <si>
    <t>GGPS CHAK NO.15-B TDA</t>
  </si>
  <si>
    <t>15 Chah</t>
  </si>
  <si>
    <t>15b/tda</t>
  </si>
  <si>
    <t>15 Chak</t>
  </si>
  <si>
    <t>Farah Deeba Tareen</t>
  </si>
  <si>
    <t>GGPS CHAK NO.16 GB BADOMUTTA</t>
  </si>
  <si>
    <t>Chak16</t>
  </si>
  <si>
    <t>Chak 12</t>
  </si>
  <si>
    <t>Farkhanda Khalil</t>
  </si>
  <si>
    <t>GGPS CHAK NO.16/A</t>
  </si>
  <si>
    <t>Chak 16a</t>
  </si>
  <si>
    <t>Ggps chak no 16a</t>
  </si>
  <si>
    <t>Chak 10a</t>
  </si>
  <si>
    <t>GGPS CHAK NO.16/A BASTI WALI MUHAMMAD</t>
  </si>
  <si>
    <t>16 /A</t>
  </si>
  <si>
    <t>Govt Girls Primary school Chak 16/A Basti Wali Muhammad Liaquatpur</t>
  </si>
  <si>
    <t>Chak No 16A BWM</t>
  </si>
  <si>
    <t>10 /A</t>
  </si>
  <si>
    <t>Rashda  Rauf</t>
  </si>
  <si>
    <t>GGPS CHAK NO.16/BC</t>
  </si>
  <si>
    <t>16bc</t>
  </si>
  <si>
    <t>chak 16bc</t>
  </si>
  <si>
    <t>24bc</t>
  </si>
  <si>
    <t>Kiran Mushtaq</t>
  </si>
  <si>
    <t>GGPS CHAK NO.16/F.W-A</t>
  </si>
  <si>
    <t>Chak 16/FW-A</t>
  </si>
  <si>
    <t>Chak No.16/f.w , City Hasilpur , District Bahawalpur ,Punjab , Pakistan.</t>
  </si>
  <si>
    <t>16/FW-A</t>
  </si>
  <si>
    <t>26-58/f</t>
  </si>
  <si>
    <t>GGPS CHAK NO.16/NP</t>
  </si>
  <si>
    <t>Meray Shah</t>
  </si>
  <si>
    <t>chak 16 np</t>
  </si>
  <si>
    <t>Chak 16 Np</t>
  </si>
  <si>
    <t>Bhutta Wahn</t>
  </si>
  <si>
    <t>Saira Tahir</t>
  </si>
  <si>
    <t>GGPS CHAK NO.16/TDA</t>
  </si>
  <si>
    <t>Dagar Waghwara</t>
  </si>
  <si>
    <t>chak no 16tda</t>
  </si>
  <si>
    <t>Chak No 16tda</t>
  </si>
  <si>
    <t>Asmat kalsoom</t>
  </si>
  <si>
    <t>GGPS CHAK NO.160 TDA MASKIN WALA</t>
  </si>
  <si>
    <t>GGPS Chak No 160 T D A Maskeen Wala</t>
  </si>
  <si>
    <t>160 T D A</t>
  </si>
  <si>
    <t>GGPS CHAK NO.160/7-R</t>
  </si>
  <si>
    <t>160/7R</t>
  </si>
  <si>
    <t>Sabiha Tabassam</t>
  </si>
  <si>
    <t>GGPS CHAK NO.160/MA</t>
  </si>
  <si>
    <t>160/MA</t>
  </si>
  <si>
    <t>160m/A</t>
  </si>
  <si>
    <t>192m</t>
  </si>
  <si>
    <t>NAZIA KANWAL</t>
  </si>
  <si>
    <t>GGPS CHAK NO.160/M-B</t>
  </si>
  <si>
    <t>Colony160/m</t>
  </si>
  <si>
    <t>chake no 160/m.tehsil:hasilpur.district:bahwalpur</t>
  </si>
  <si>
    <t>160/M</t>
  </si>
  <si>
    <t>Fahmida Rashid</t>
  </si>
  <si>
    <t>GGPS CHAK NO.161/WB</t>
  </si>
  <si>
    <t>161/wb</t>
  </si>
  <si>
    <t>chak no 161/w.b vehari</t>
  </si>
  <si>
    <t>SOBIA YASIN</t>
  </si>
  <si>
    <t>GGPS CHAK NO.164 NB NAI ABADI</t>
  </si>
  <si>
    <t>ggps 164nb(nai abad)</t>
  </si>
  <si>
    <t>Chak 164nbNa</t>
  </si>
  <si>
    <t>Chak 163nb</t>
  </si>
  <si>
    <t>GGPS CHAK NO.164/NP</t>
  </si>
  <si>
    <t>164Np</t>
  </si>
  <si>
    <t>Chk no164np</t>
  </si>
  <si>
    <t>164np</t>
  </si>
  <si>
    <t>Yasmeen  Gul</t>
  </si>
  <si>
    <t>GGPS CHAK NO.166/TDA</t>
  </si>
  <si>
    <t>Chak 166</t>
  </si>
  <si>
    <t>chak no 166 tda p/o ladhana tehsil and district layyah</t>
  </si>
  <si>
    <t>Chak No 166 Tda</t>
  </si>
  <si>
    <t>Chak 164A</t>
  </si>
  <si>
    <t>maqsooda parveen</t>
  </si>
  <si>
    <t>GGPS CHAK NO.167 EB</t>
  </si>
  <si>
    <t>Chak#167 Eb</t>
  </si>
  <si>
    <t>chak no 167 eb Tehsil Arifwala District pakpattan</t>
  </si>
  <si>
    <t>167/eb</t>
  </si>
  <si>
    <t>Khurshid Bygum</t>
  </si>
  <si>
    <t>GGPS CHAK NO.169/NB</t>
  </si>
  <si>
    <t>Chak169nb</t>
  </si>
  <si>
    <t>ggps 169nb sillanwali</t>
  </si>
  <si>
    <t>169nb</t>
  </si>
  <si>
    <t>Farhana Alia</t>
  </si>
  <si>
    <t>GGPS CHAK NO.169/TDA</t>
  </si>
  <si>
    <t>ggps 169/tda layyah</t>
  </si>
  <si>
    <t>Hira Rani</t>
  </si>
  <si>
    <t>GGPS CHAK NO.17/F.W-A</t>
  </si>
  <si>
    <t>17FW A</t>
  </si>
  <si>
    <t>chak 17FW A</t>
  </si>
  <si>
    <t>basti narban</t>
  </si>
  <si>
    <t>GGPS CHAK NO.170/TDA</t>
  </si>
  <si>
    <t>chak no 170/tda</t>
  </si>
  <si>
    <t>RAHEELA NASIM</t>
  </si>
  <si>
    <t>GGPS CHAK NO.173 NB SOBHAGA</t>
  </si>
  <si>
    <t>173 Nb</t>
  </si>
  <si>
    <t>chak no 173 nb</t>
  </si>
  <si>
    <t>Chak No 173 Nb</t>
  </si>
  <si>
    <t>Chak No 169 Nb</t>
  </si>
  <si>
    <t>GGPS CHAK NO.175/TDA</t>
  </si>
  <si>
    <t>ggps chak no 175 tda</t>
  </si>
  <si>
    <t>175tda</t>
  </si>
  <si>
    <t>Dagar Waghwarah</t>
  </si>
  <si>
    <t>Zahida Islam</t>
  </si>
  <si>
    <t>GGPS CHAK NO.176 MURAD (NORTH)</t>
  </si>
  <si>
    <t>GGPS176 M North</t>
  </si>
  <si>
    <t>chak 176 murad</t>
  </si>
  <si>
    <t>176m  North</t>
  </si>
  <si>
    <t>167 Murad</t>
  </si>
  <si>
    <t>Nahid Akram</t>
  </si>
  <si>
    <t>GGPS CHAK NO.176/TDA</t>
  </si>
  <si>
    <t>176TDA</t>
  </si>
  <si>
    <t>chak number 176 TDA</t>
  </si>
  <si>
    <t>176 TDA</t>
  </si>
  <si>
    <t>Rashda Parven</t>
  </si>
  <si>
    <t>GGPS CHAK NO.178 TDA</t>
  </si>
  <si>
    <t>Ggps Chak 178tda</t>
  </si>
  <si>
    <t>.chak no 178tda</t>
  </si>
  <si>
    <t>Chak No 178tda</t>
  </si>
  <si>
    <t>Asia Shaheen</t>
  </si>
  <si>
    <t>GGPS CHAK NO.18/DNB JINNAH ABADI</t>
  </si>
  <si>
    <t>18/DNB jinnah  abadi</t>
  </si>
  <si>
    <t>chakk no#18/DNB</t>
  </si>
  <si>
    <t>18/DNB</t>
  </si>
  <si>
    <t>Chakk no. 17/DNB</t>
  </si>
  <si>
    <t>GGPS CHAK NO.180/M</t>
  </si>
  <si>
    <t>180/m</t>
  </si>
  <si>
    <t>G G p/s180/m p/o 179/m tehsil Hasilpur District B W P</t>
  </si>
  <si>
    <t>Ghazala imtiaz</t>
  </si>
  <si>
    <t>GGPS CHAK NO.180/M-A BASTI BOHRAN</t>
  </si>
  <si>
    <t>181 murad</t>
  </si>
  <si>
    <t>181 Murad</t>
  </si>
  <si>
    <t>163 Murad</t>
  </si>
  <si>
    <t>Shakila Rani</t>
  </si>
  <si>
    <t>GGPS CHAK NO.181/NP</t>
  </si>
  <si>
    <t>Chak 181/NP</t>
  </si>
  <si>
    <t>chak181/NP</t>
  </si>
  <si>
    <t>GGPS CHAK NO.182/M-A</t>
  </si>
  <si>
    <t>182/M</t>
  </si>
  <si>
    <t>chack no.182m/A,p/o 186/m,the,Hasilpur,Dstic.Bahawalpur</t>
  </si>
  <si>
    <t>182m/A</t>
  </si>
  <si>
    <t>Chack No 163m</t>
  </si>
  <si>
    <t>Farzana Tanveer</t>
  </si>
  <si>
    <t>GGPS CHAK NO.183/M</t>
  </si>
  <si>
    <t>Chak 183/m</t>
  </si>
  <si>
    <t>ggps 183/m p/o 186/m tehsil  Hasilphr Dist bwp</t>
  </si>
  <si>
    <t>183/m</t>
  </si>
  <si>
    <t>Amber Akmal</t>
  </si>
  <si>
    <t>GGPS CHAK NO.184/M-A</t>
  </si>
  <si>
    <t>po186m check no 184m teh HSP dist Bwp</t>
  </si>
  <si>
    <t>184m</t>
  </si>
  <si>
    <t>188m</t>
  </si>
  <si>
    <t>GGPS CHAK NO.185/M</t>
  </si>
  <si>
    <t>Chak # 185m</t>
  </si>
  <si>
    <t>Chak No. 185 M Hasilpur</t>
  </si>
  <si>
    <t>185 m</t>
  </si>
  <si>
    <t>188 M</t>
  </si>
  <si>
    <t>Sundas Akram</t>
  </si>
  <si>
    <t>out of school</t>
  </si>
  <si>
    <t>GGPS CHAK NO.185/P</t>
  </si>
  <si>
    <t>chak no.185p</t>
  </si>
  <si>
    <t>185p</t>
  </si>
  <si>
    <t>GGPS CHAK NO.188 NB</t>
  </si>
  <si>
    <t>188 Nb</t>
  </si>
  <si>
    <t>Ggps chak no 188 NB</t>
  </si>
  <si>
    <t>GGPS CHAK NO.188/M</t>
  </si>
  <si>
    <t>188\m hasilpur bwp</t>
  </si>
  <si>
    <t>Adeela Shabeer</t>
  </si>
  <si>
    <t>GGPS CHAK NO.189 NB</t>
  </si>
  <si>
    <t>Chak 189 Nb</t>
  </si>
  <si>
    <t>GGps chak189 nb</t>
  </si>
  <si>
    <t>Chak 189 NB</t>
  </si>
  <si>
    <t>Tahira Kishwar</t>
  </si>
  <si>
    <t>GGPS CHAK NO.19 NB</t>
  </si>
  <si>
    <t>19  Nb</t>
  </si>
  <si>
    <t>chak no. 19 nb sargodhs</t>
  </si>
  <si>
    <t>Chak No19nb</t>
  </si>
  <si>
    <t>Chak No 19 Nb</t>
  </si>
  <si>
    <t>GGPS CHAK NO.19/DNB</t>
  </si>
  <si>
    <t>19 D N B</t>
  </si>
  <si>
    <t>GGPS 19 D . N .B</t>
  </si>
  <si>
    <t>35 D N B</t>
  </si>
  <si>
    <t>Qaisra Noreen</t>
  </si>
  <si>
    <t>GGPS CHAK NO.190/M-A</t>
  </si>
  <si>
    <t>No190mA</t>
  </si>
  <si>
    <t>chak no 190M/A chonawala</t>
  </si>
  <si>
    <t>190M/A</t>
  </si>
  <si>
    <t>192M</t>
  </si>
  <si>
    <t>Asifa Yaqoob</t>
  </si>
  <si>
    <t>GGPS CHAK NO.190/M-B</t>
  </si>
  <si>
    <t>190/M/B</t>
  </si>
  <si>
    <t>Chak#190/M.B Teh. HSP Dist. BWP</t>
  </si>
  <si>
    <t>190/M /B</t>
  </si>
  <si>
    <t>Abida Bashir</t>
  </si>
  <si>
    <t>GGPS CHAK NO.191/M</t>
  </si>
  <si>
    <t>191m</t>
  </si>
  <si>
    <t>chak no 191/m chonawala hasilpur</t>
  </si>
  <si>
    <t>191/m</t>
  </si>
  <si>
    <t>Ishrat Jahan</t>
  </si>
  <si>
    <t>GGPS CHAK NO.192/M</t>
  </si>
  <si>
    <t>192/M Tehsil Hasilpur District Bhawalpur</t>
  </si>
  <si>
    <t>GGPS CHAK NO.193/M-A</t>
  </si>
  <si>
    <t>193/M-A</t>
  </si>
  <si>
    <t>193m/a tehsil Hasilpur,District BWP</t>
  </si>
  <si>
    <t>193m/a</t>
  </si>
  <si>
    <t>GGPS CHAK NO.193/M-B</t>
  </si>
  <si>
    <t>193mb</t>
  </si>
  <si>
    <t>chak 193 m.b Teh HSP Dist BWP</t>
  </si>
  <si>
    <t>GGPS CHAK NO.194/M-B</t>
  </si>
  <si>
    <t>194mb</t>
  </si>
  <si>
    <t>194m tehsil hasilpur dist Bahawalpur p/o 194m</t>
  </si>
  <si>
    <t>194m/b</t>
  </si>
  <si>
    <t>GGPS CHAK NO.195/M</t>
  </si>
  <si>
    <t>Chak No 195/M</t>
  </si>
  <si>
    <t>chak no.195/murad tehsil Hasilpur</t>
  </si>
  <si>
    <t>Chak No195/M</t>
  </si>
  <si>
    <t>Chak No 192/M</t>
  </si>
  <si>
    <t>Naila Yasmeen</t>
  </si>
  <si>
    <t>GGPS CHAK NO.196/M</t>
  </si>
  <si>
    <t>196/m</t>
  </si>
  <si>
    <t>chak 196/m</t>
  </si>
  <si>
    <t>GGPS CHAK NO.197/M</t>
  </si>
  <si>
    <t>197/m</t>
  </si>
  <si>
    <t>Kishver Sultana</t>
  </si>
  <si>
    <t>GGPS CHAK NO.2 RAKH DHAREMA</t>
  </si>
  <si>
    <t>GGPS Chak no 2 Rakh dharema</t>
  </si>
  <si>
    <t>Chak No 2 Rakh Dharema</t>
  </si>
  <si>
    <t>Chak 58 NB</t>
  </si>
  <si>
    <t>GGPS CHAK NO.2/A</t>
  </si>
  <si>
    <t>Chak 2A</t>
  </si>
  <si>
    <t>GGPS chak 2A liaqat pur rahim yar khan</t>
  </si>
  <si>
    <t>Chak 10</t>
  </si>
  <si>
    <t>GGPS CHAK NO.2/DNB COLONY</t>
  </si>
  <si>
    <t>2 Dnb</t>
  </si>
  <si>
    <t>chak 2dnb colony</t>
  </si>
  <si>
    <t>2dnbcolony</t>
  </si>
  <si>
    <t>Chak 6dnb</t>
  </si>
  <si>
    <t>Shahida Ashraf</t>
  </si>
  <si>
    <t>GGPS CHAK NO.2/NP</t>
  </si>
  <si>
    <t>Muhammad  Pur</t>
  </si>
  <si>
    <t>chak   no    2 n.p.</t>
  </si>
  <si>
    <t>Chak  No  2  Np</t>
  </si>
  <si>
    <t>Kousar Sadiq</t>
  </si>
  <si>
    <t>GGPS CHAK NO.20 NB</t>
  </si>
  <si>
    <t>20 Nb</t>
  </si>
  <si>
    <t>chak no 20n.b</t>
  </si>
  <si>
    <t>Chak 20 N B</t>
  </si>
  <si>
    <t>Chak No 19 N B</t>
  </si>
  <si>
    <t>Mazia Islam</t>
  </si>
  <si>
    <t>GGPS CHAK NO.20/A</t>
  </si>
  <si>
    <t>20/a</t>
  </si>
  <si>
    <t>Ggps chak 20/a</t>
  </si>
  <si>
    <t>GGPS CHAK NO.20/DNB (EAST)</t>
  </si>
  <si>
    <t>chak no20/DNB(e)</t>
  </si>
  <si>
    <t>Chak No 20/DNB</t>
  </si>
  <si>
    <t>Chak No35/DNB</t>
  </si>
  <si>
    <t>GGPS CHAK NO.20/F.W-A</t>
  </si>
  <si>
    <t>20 Fw</t>
  </si>
  <si>
    <t>20f.w</t>
  </si>
  <si>
    <t>20 Fw A</t>
  </si>
  <si>
    <t>71F</t>
  </si>
  <si>
    <t>Abida Fardoos</t>
  </si>
  <si>
    <t>GGPS CHAK NO.20/F.W-B</t>
  </si>
  <si>
    <t>20 Fw B</t>
  </si>
  <si>
    <t>chak no 20 f.w 20 b</t>
  </si>
  <si>
    <t>Chak No 20fw B</t>
  </si>
  <si>
    <t>24-71 F</t>
  </si>
  <si>
    <t>GGPS CHAK NO.204/P</t>
  </si>
  <si>
    <t>peer wahi bakhash</t>
  </si>
  <si>
    <t>chak no 173 p moza peer wahi bakhash</t>
  </si>
  <si>
    <t>chak no 204 p</t>
  </si>
  <si>
    <t>chak no 173p</t>
  </si>
  <si>
    <t>sana sultan</t>
  </si>
  <si>
    <t>GGPS CHAK NO.209/M (A) WEST</t>
  </si>
  <si>
    <t>209/ M A West</t>
  </si>
  <si>
    <t>GGPS 209/M (A) west</t>
  </si>
  <si>
    <t>209/M A</t>
  </si>
  <si>
    <t>Fiza Chaudhary</t>
  </si>
  <si>
    <t>GGPS CHAK NO.21 SB</t>
  </si>
  <si>
    <t>21sb</t>
  </si>
  <si>
    <t>11sb</t>
  </si>
  <si>
    <t>Asifa Sultan</t>
  </si>
  <si>
    <t>GGPS CHAK NO.21/DNB</t>
  </si>
  <si>
    <t>Chack no 21/dnb P/O  Chack no 22/dnb</t>
  </si>
  <si>
    <t>21/dnb</t>
  </si>
  <si>
    <t>Abida Praveen</t>
  </si>
  <si>
    <t>GGPS CHAK NO.21/F.W</t>
  </si>
  <si>
    <t>ggps 21fw</t>
  </si>
  <si>
    <t>21fw</t>
  </si>
  <si>
    <t>Rizwana Iqbal</t>
  </si>
  <si>
    <t>GGPS CHAK NO.218-A/TDA</t>
  </si>
  <si>
    <t>Mojgarh</t>
  </si>
  <si>
    <t>Chak no.218a/tda  Fateh pur (Layah)</t>
  </si>
  <si>
    <t>Chak No 218a</t>
  </si>
  <si>
    <t>GGPS CHAK NO.219-A/TDA</t>
  </si>
  <si>
    <t>Mog Garh</t>
  </si>
  <si>
    <t>chak no 219A/tda</t>
  </si>
  <si>
    <t>Chak No 219A/Tda</t>
  </si>
  <si>
    <t>Chak No 93/ML</t>
  </si>
  <si>
    <t>Fehmeda Khatoon</t>
  </si>
  <si>
    <t>GGPS CHAK NO.22 NB</t>
  </si>
  <si>
    <t>22nb</t>
  </si>
  <si>
    <t>chak no 22 NB Tehsil Bhalwal District Sargodha</t>
  </si>
  <si>
    <t>Chak No 22 NB</t>
  </si>
  <si>
    <t>Chak No 10NB</t>
  </si>
  <si>
    <t>Yasmeen Faiz</t>
  </si>
  <si>
    <t>GGPS CHAK NO.22/F.W HAMEED ABAD</t>
  </si>
  <si>
    <t>Chak 22</t>
  </si>
  <si>
    <t>chak 22 Hameed Abad</t>
  </si>
  <si>
    <t>Hameed Abad</t>
  </si>
  <si>
    <t>Muqadas Parveen</t>
  </si>
  <si>
    <t>GGPS CHAK NO.22/WB</t>
  </si>
  <si>
    <t>22/WB</t>
  </si>
  <si>
    <t>Chak  No 22/WB Vehari</t>
  </si>
  <si>
    <t>Tayyaba</t>
  </si>
  <si>
    <t>GGPS CHAK NO.223A/TDA</t>
  </si>
  <si>
    <t>Mojh Garh</t>
  </si>
  <si>
    <t>chak no.223a/tda teh.karor. dist.layyah</t>
  </si>
  <si>
    <t>223a/tda</t>
  </si>
  <si>
    <t>akhter parveen</t>
  </si>
  <si>
    <t>GGPS CHAK NO.23/BC</t>
  </si>
  <si>
    <t>23 BC</t>
  </si>
  <si>
    <t>ggps 23 bc colony</t>
  </si>
  <si>
    <t>23 BC Colony</t>
  </si>
  <si>
    <t>GGPS CHAK NO.230/EB</t>
  </si>
  <si>
    <t>Chak No 230 EB</t>
  </si>
  <si>
    <t>Chak No 230/EB near pull 48, Vehari</t>
  </si>
  <si>
    <t>230/EB</t>
  </si>
  <si>
    <t>GGPS CHAK NO.230/TDA</t>
  </si>
  <si>
    <t>230/TDA Exean Wala</t>
  </si>
  <si>
    <t>GGPS Chak No. 230/TDA Exean Wala, Tehsil Karor District Layyah</t>
  </si>
  <si>
    <t>Chak No 230/TDA Exen  Wala</t>
  </si>
  <si>
    <t>Warda Khalid</t>
  </si>
  <si>
    <t>GGPS CHAK NO.232/EB</t>
  </si>
  <si>
    <t>232 EB</t>
  </si>
  <si>
    <t>GGPS 232 EB VEHARI</t>
  </si>
  <si>
    <t>34 Wb</t>
  </si>
  <si>
    <t>Safoora Qadri</t>
  </si>
  <si>
    <t>GGPS CHAK NO.233/9-R</t>
  </si>
  <si>
    <t>233/9-R</t>
  </si>
  <si>
    <t>Chak 233/9-R, P/O 207/9r teh Fortabbas, District Bahawalnagar</t>
  </si>
  <si>
    <t>238/9-R</t>
  </si>
  <si>
    <t>GGPS CHAK NO.239/TDA (SHER MUHAMMAD NUMBER DAR)</t>
  </si>
  <si>
    <t>Mojgharh</t>
  </si>
  <si>
    <t>CHAK no 239 tda</t>
  </si>
  <si>
    <t>CHAK 239 TDA</t>
  </si>
  <si>
    <t>anum Amir</t>
  </si>
  <si>
    <t>GGPS CHAK NO.24/A</t>
  </si>
  <si>
    <t>Markaz Sadar Sharki</t>
  </si>
  <si>
    <t>Chak No. 24A Qadeem</t>
  </si>
  <si>
    <t>Chack No. 24A Qadeem</t>
  </si>
  <si>
    <t>GGPS CHAK NO.24/BC (E) COLONY</t>
  </si>
  <si>
    <t>24/BC Colony East</t>
  </si>
  <si>
    <t>24/BC Colony (East)</t>
  </si>
  <si>
    <t>24/BC (Alif)</t>
  </si>
  <si>
    <t>Rifat tahira</t>
  </si>
  <si>
    <t>GGPS CHAK NO.24/BC KHAIRPUR TAMEWALI</t>
  </si>
  <si>
    <t>Sharif Shah</t>
  </si>
  <si>
    <t>GGPS 
24/bc</t>
  </si>
  <si>
    <t>24 BC</t>
  </si>
  <si>
    <t>Town  Comtti</t>
  </si>
  <si>
    <t>Khadija bano</t>
  </si>
  <si>
    <t>GGPS CHAK NO.24/NP</t>
  </si>
  <si>
    <t>24NP</t>
  </si>
  <si>
    <t>chak 24NP Jamal Din Wali ROad Tassel Sadiqabad District Rahim Yar khan</t>
  </si>
  <si>
    <t>chak 24NP</t>
  </si>
  <si>
    <t>drigrah</t>
  </si>
  <si>
    <t>Fozia Dilnawaz</t>
  </si>
  <si>
    <t>GGPS CHAK NO.242-B/TDA</t>
  </si>
  <si>
    <t>242-B/TDA</t>
  </si>
  <si>
    <t>GGMPS Chak No. 242-B/TDA, Tehsil Karor District Layyah</t>
  </si>
  <si>
    <t>Chak No 242-B/TDA</t>
  </si>
  <si>
    <t>Tahira Azam</t>
  </si>
  <si>
    <t>GGPS CHAK NO.25 NB NEW ABADI</t>
  </si>
  <si>
    <t>25nb</t>
  </si>
  <si>
    <t>G.M.P.S chak no 25nb new abadi</t>
  </si>
  <si>
    <t>Chak No 25nb</t>
  </si>
  <si>
    <t>Chak No 19nb</t>
  </si>
  <si>
    <t>Madeeha Ijaz</t>
  </si>
  <si>
    <t>GGPS CHAK NO.25/A</t>
  </si>
  <si>
    <t>25/ A</t>
  </si>
  <si>
    <t>chack 25/A liaquatpur</t>
  </si>
  <si>
    <t>GGPS CHAK NO.25/BC</t>
  </si>
  <si>
    <t>25 Bc</t>
  </si>
  <si>
    <t>GMPS 25 BC</t>
  </si>
  <si>
    <t>Chak # 25 Bc</t>
  </si>
  <si>
    <t>Kaneez Akhter</t>
  </si>
  <si>
    <t>GGPS CHAK NO.259/P</t>
  </si>
  <si>
    <t>Chak No 259/p</t>
  </si>
  <si>
    <t>Bangla manthar kandair road chak no. 259/p sdk. District RYK.</t>
  </si>
  <si>
    <t>GGPS CHAK NO.26 NB</t>
  </si>
  <si>
    <t>26 NB</t>
  </si>
  <si>
    <t>chack 26 NB</t>
  </si>
  <si>
    <t>Chack 26 NB</t>
  </si>
  <si>
    <t>Chack 15 SB</t>
  </si>
  <si>
    <t>Iqra Shakeel</t>
  </si>
  <si>
    <t>GGPS CHAK NO.26/WB</t>
  </si>
  <si>
    <t>26wb</t>
  </si>
  <si>
    <t>24 Wb</t>
  </si>
  <si>
    <t>SIDDIQA ALI</t>
  </si>
  <si>
    <t>GGPS CHAK NO.264/P</t>
  </si>
  <si>
    <t>Chak No264p</t>
  </si>
  <si>
    <t>chak no. 264p</t>
  </si>
  <si>
    <t>Chak No 264p</t>
  </si>
  <si>
    <t>Sobia Azeem</t>
  </si>
  <si>
    <t>GGPS CHAK NO.27/BC</t>
  </si>
  <si>
    <t>27/bc</t>
  </si>
  <si>
    <t>chak no 27/bc</t>
  </si>
  <si>
    <t>27/Bc</t>
  </si>
  <si>
    <t>24/Bc</t>
  </si>
  <si>
    <t>Safia Hafeez</t>
  </si>
  <si>
    <t>GGPS CHAK NO.278/TDA NIAZI ABAD</t>
  </si>
  <si>
    <t>278/Tda Niazi Abad</t>
  </si>
  <si>
    <t>GGPS CHAK NO.28/A</t>
  </si>
  <si>
    <t>Chak #28/A</t>
  </si>
  <si>
    <t>Chak #28/A daakkhana 24/A qadeem</t>
  </si>
  <si>
    <t>gHULAM ZAINAB</t>
  </si>
  <si>
    <t>GGPS CHAK NO.28/ML</t>
  </si>
  <si>
    <t>GGPS CHAK NO. 28 ML POST OFFICE HAITU TEHSIL KALLUR KOT DISTRICT BHAKKAR</t>
  </si>
  <si>
    <t>Chak No 28 ML</t>
  </si>
  <si>
    <t>GGPS CHAK NO.281/TDA</t>
  </si>
  <si>
    <t>Chack 281 TDA</t>
  </si>
  <si>
    <t>Government Model Primary School Chack 281 TDA Tehsil and Distt Layyah</t>
  </si>
  <si>
    <t>281 TDA</t>
  </si>
  <si>
    <t>Naheed Kousar Ruby</t>
  </si>
  <si>
    <t>GGPS CHAK NO.283/TDA</t>
  </si>
  <si>
    <t>chak 283 tda</t>
  </si>
  <si>
    <t>GGPS CHAK NO.284/TDA</t>
  </si>
  <si>
    <t>Chak No 284/Tda</t>
  </si>
  <si>
    <t>Chak no 284/tda</t>
  </si>
  <si>
    <t>Thank Kalan</t>
  </si>
  <si>
    <t>Asia Nazir</t>
  </si>
  <si>
    <t>GGPS CHAK NO.287/TDA</t>
  </si>
  <si>
    <t>Chak no  287tda  District andThsil  Layyah</t>
  </si>
  <si>
    <t>287/TDA</t>
  </si>
  <si>
    <t>Layyah  Thal  Kalan</t>
  </si>
  <si>
    <t>GGPS CHAK NO.29 QADEEM</t>
  </si>
  <si>
    <t>Chak 29a</t>
  </si>
  <si>
    <t>chak 29a,qadeem lqp</t>
  </si>
  <si>
    <t>Chak29a Qareem</t>
  </si>
  <si>
    <t>GGPS CHAK NO.29/BC</t>
  </si>
  <si>
    <t>Chak 29/BC</t>
  </si>
  <si>
    <t>12/BC</t>
  </si>
  <si>
    <t>GGPS CHAK NO.29/DNB</t>
  </si>
  <si>
    <t>Chak 29/DNB</t>
  </si>
  <si>
    <t>chak no 29/DNB</t>
  </si>
  <si>
    <t>29/DNB</t>
  </si>
  <si>
    <t>GGPS CHAK NO.29/ML</t>
  </si>
  <si>
    <t>29 ml</t>
  </si>
  <si>
    <t>29ml</t>
  </si>
  <si>
    <t>Nighat Jbeen</t>
  </si>
  <si>
    <t>GGPS CHAK NO.294/TDA</t>
  </si>
  <si>
    <t>294 Tda</t>
  </si>
  <si>
    <t>294 tda</t>
  </si>
  <si>
    <t>Noshrhra Kalan</t>
  </si>
  <si>
    <t>GGPS CHAK NO.2-A/GD</t>
  </si>
  <si>
    <t>2A/GD</t>
  </si>
  <si>
    <t>chak No 2A/GD</t>
  </si>
  <si>
    <t>L Plot Faujian</t>
  </si>
  <si>
    <t>Robina Akhtar</t>
  </si>
  <si>
    <t>GGPS CHAK NO.3 REMOUNT DEPOT</t>
  </si>
  <si>
    <t>chak nbr 3 remount depot sargodha</t>
  </si>
  <si>
    <t>Chak Nbr 3</t>
  </si>
  <si>
    <t>Razia Naz</t>
  </si>
  <si>
    <t>GGPS CHAK NO.3 SB</t>
  </si>
  <si>
    <t>3sb</t>
  </si>
  <si>
    <t>Amna Mehmood</t>
  </si>
  <si>
    <t>GGPS CHAK NO.30/A JADEED</t>
  </si>
  <si>
    <t>Chak 30/A 30A 30a Jadeed</t>
  </si>
  <si>
    <t>Chak 30/A jadeed liaquatpur</t>
  </si>
  <si>
    <t>Chak 30/A Jadeed</t>
  </si>
  <si>
    <t>GGPS CHAK NO.30/WB</t>
  </si>
  <si>
    <t>30 /W B</t>
  </si>
  <si>
    <t>Chak No 30/W B</t>
  </si>
  <si>
    <t>56 /WB</t>
  </si>
  <si>
    <t>Aisha Bibi</t>
  </si>
  <si>
    <t>GGPS CHAK NO.31 D</t>
  </si>
  <si>
    <t>Chak 31/d</t>
  </si>
  <si>
    <t>G. G. P. S. 31/d</t>
  </si>
  <si>
    <t>Sohaila Naseem</t>
  </si>
  <si>
    <t>GGPS CHAK NO.31 NB</t>
  </si>
  <si>
    <t>31 Nb</t>
  </si>
  <si>
    <t>GGPS 31 NB</t>
  </si>
  <si>
    <t>31 NB</t>
  </si>
  <si>
    <t>Misbah Huma Bukhari</t>
  </si>
  <si>
    <t>GGPS CHAK NO.31 SP</t>
  </si>
  <si>
    <t>Bodla Farm</t>
  </si>
  <si>
    <t>ggps chak no31\sp pakpattan</t>
  </si>
  <si>
    <t>31sp</t>
  </si>
  <si>
    <t>GGPS CHAK NO.31/ML</t>
  </si>
  <si>
    <t>chak no 31 ml p/o 32 ml tehsil kallur kot district bhakkar</t>
  </si>
  <si>
    <t>Sarwery Sehzad</t>
  </si>
  <si>
    <t>GGPS CHAK NO.31/NP</t>
  </si>
  <si>
    <t>Denu Shah</t>
  </si>
  <si>
    <t>chak . no . 31 np</t>
  </si>
  <si>
    <t>Chak  31np</t>
  </si>
  <si>
    <t>GGPS CHAK NO.32/BC (E)</t>
  </si>
  <si>
    <t>GGPS 32 BC EAST</t>
  </si>
  <si>
    <t>32 bc</t>
  </si>
  <si>
    <t>04 bc</t>
  </si>
  <si>
    <t>Asifa gulshan</t>
  </si>
  <si>
    <t>GGPS CHAK NO.32/BC (W)</t>
  </si>
  <si>
    <t>ggps3bc west po dera bakha teh bwp saddar dis bwp</t>
  </si>
  <si>
    <t>32bc West</t>
  </si>
  <si>
    <t>Lattifan Bibi</t>
  </si>
  <si>
    <t>GGPS CHAK NO.33 NB</t>
  </si>
  <si>
    <t>33 Nb</t>
  </si>
  <si>
    <t>ggps33nb</t>
  </si>
  <si>
    <t>36 Nb</t>
  </si>
  <si>
    <t>Nurmeen Muqadas</t>
  </si>
  <si>
    <t>GGPS CHAK NO.33/BC (W)</t>
  </si>
  <si>
    <t>33/bc W</t>
  </si>
  <si>
    <t>GGPS chak no 33/bc p.o dera bakha</t>
  </si>
  <si>
    <t>Saima Irum</t>
  </si>
  <si>
    <t>GGPS CHAK NO.33/ML</t>
  </si>
  <si>
    <t>G.g.p.s chack no 33ml, tehsil kalur kot, district bhakkar</t>
  </si>
  <si>
    <t>Chack no 33ml</t>
  </si>
  <si>
    <t>Shabana Anwar</t>
  </si>
  <si>
    <t>GGPS CHAK NO.334/TDA</t>
  </si>
  <si>
    <t>334/TDA</t>
  </si>
  <si>
    <t>chalk no 334/tda tehsil &amp; district layyah</t>
  </si>
  <si>
    <t>Chak No 334/TDA</t>
  </si>
  <si>
    <t>Layyah Thal Klan</t>
  </si>
  <si>
    <t>Najma Naseem</t>
  </si>
  <si>
    <t>GGPS CHAK NO.335/TDA</t>
  </si>
  <si>
    <t>335/TDA</t>
  </si>
  <si>
    <t>Chak # 335/TDA Tehsil and district Layyah</t>
  </si>
  <si>
    <t>Layyah THAL KALAAN</t>
  </si>
  <si>
    <t>GGPS CHAK NO.337/TDA</t>
  </si>
  <si>
    <t>Chak no 337/tda</t>
  </si>
  <si>
    <t>337/tda</t>
  </si>
  <si>
    <t>Thal Klan</t>
  </si>
  <si>
    <t>bushra nazir</t>
  </si>
  <si>
    <t>GGPS CHAK NO.339/EB</t>
  </si>
  <si>
    <t>chak#339/eb Arifwala District  pakpattan</t>
  </si>
  <si>
    <t>Chak#339/eb</t>
  </si>
  <si>
    <t>Hafza Ammara</t>
  </si>
  <si>
    <t>GGPS CHAK NO.34/2-RA</t>
  </si>
  <si>
    <t>33/2r</t>
  </si>
  <si>
    <t>34/2ra</t>
  </si>
  <si>
    <t>34/2r</t>
  </si>
  <si>
    <t>GGPS CHAK NO.34/BC</t>
  </si>
  <si>
    <t>34 bc</t>
  </si>
  <si>
    <t>chak no 34 bc dera bakha bahawalpur</t>
  </si>
  <si>
    <t>chak no 34 b/c</t>
  </si>
  <si>
    <t>38 bc</t>
  </si>
  <si>
    <t>GGPS CHAK NO.34/P</t>
  </si>
  <si>
    <t>Chak 34 p</t>
  </si>
  <si>
    <t>G G P/S chak 34-p</t>
  </si>
  <si>
    <t>34-p</t>
  </si>
  <si>
    <t>Sadaf Perveen</t>
  </si>
  <si>
    <t>GGPS CHAK NO.340/TDA</t>
  </si>
  <si>
    <t>Chak #340</t>
  </si>
  <si>
    <t>chak #340 MM road CHOK AZAM</t>
  </si>
  <si>
    <t>Chak#340</t>
  </si>
  <si>
    <t>LAYYAH Thal Kalan</t>
  </si>
  <si>
    <t>arman akhtar</t>
  </si>
  <si>
    <t>GGPS CHAK NO.34-B</t>
  </si>
  <si>
    <t>Dagar</t>
  </si>
  <si>
    <t>ggps chak 34 b tda bhakkar</t>
  </si>
  <si>
    <t>34 B Bhakkar</t>
  </si>
  <si>
    <t>Rooh Afza</t>
  </si>
  <si>
    <t>GGPS CHAK NO.35 DB</t>
  </si>
  <si>
    <t>35db</t>
  </si>
  <si>
    <t>Ggps 35 db p/o 38 db quaidabad</t>
  </si>
  <si>
    <t>Shamim Abdul Latif</t>
  </si>
  <si>
    <t>GGPS CHAK NO.35/BC (N)</t>
  </si>
  <si>
    <t>38/bc</t>
  </si>
  <si>
    <t>GGP/S 35/bc North</t>
  </si>
  <si>
    <t>35/bc North</t>
  </si>
  <si>
    <t>Kishwar Andleeb</t>
  </si>
  <si>
    <t>GGPS CHAK NO.35/BC (S)</t>
  </si>
  <si>
    <t>Chak No 35/BC</t>
  </si>
  <si>
    <t>Chak no 35/BC (S)</t>
  </si>
  <si>
    <t>Nazneen Islam</t>
  </si>
  <si>
    <t>GGPS CHAK NO.35/TDA CHAH PHULKI</t>
  </si>
  <si>
    <t>kamal Theem</t>
  </si>
  <si>
    <t>chak No 35 TDA Chah Phulki Bhakkar</t>
  </si>
  <si>
    <t>chah phulki 35 tda</t>
  </si>
  <si>
    <t>Memoona khattak</t>
  </si>
  <si>
    <t>GGPS CHAK NO.352/TDA</t>
  </si>
  <si>
    <t>lohangh</t>
  </si>
  <si>
    <t>chak no352/tda</t>
  </si>
  <si>
    <t>golawala</t>
  </si>
  <si>
    <t>GGPS CHAK NO.357-B/TDA</t>
  </si>
  <si>
    <t>Lohanch Thal kalan</t>
  </si>
  <si>
    <t>chak no. 357B TDA</t>
  </si>
  <si>
    <t>chak no 357b TDA</t>
  </si>
  <si>
    <t>Asma Niazi</t>
  </si>
  <si>
    <t>GGPS CHAK NO.36/BC (E)</t>
  </si>
  <si>
    <t>G G P/S Chack no. 36/BC(E)</t>
  </si>
  <si>
    <t>36/Bc E</t>
  </si>
  <si>
    <t>37 Bc</t>
  </si>
  <si>
    <t>GGPS CHAK NO.36/BC (W)</t>
  </si>
  <si>
    <t>36 bc west</t>
  </si>
  <si>
    <t>Chak 36bc West</t>
  </si>
  <si>
    <t>GGPS CHAK NO.36/WB</t>
  </si>
  <si>
    <t>36/W B</t>
  </si>
  <si>
    <t>36/W. B vehari</t>
  </si>
  <si>
    <t>56/W B</t>
  </si>
  <si>
    <t>Kousar Sulman</t>
  </si>
  <si>
    <t>GGPS CHAK NO.362/TDA</t>
  </si>
  <si>
    <t>Chak No362/tda</t>
  </si>
  <si>
    <t>chak no 362/tda zila layyah</t>
  </si>
  <si>
    <t>Gola Adda 393/tda</t>
  </si>
  <si>
    <t>Rubina kousar</t>
  </si>
  <si>
    <t>GGPS CHAK NO.37 NB</t>
  </si>
  <si>
    <t>37 NB</t>
  </si>
  <si>
    <t>chak no 37 nb sargodha</t>
  </si>
  <si>
    <t>37 Nb</t>
  </si>
  <si>
    <t>Madam Rukhsana Parveen</t>
  </si>
  <si>
    <t>GGPS CHAK NO.38 D KHURD</t>
  </si>
  <si>
    <t>38 D Khurd</t>
  </si>
  <si>
    <t>Staff colony colledge Depal pur</t>
  </si>
  <si>
    <t>38 D Kalan</t>
  </si>
  <si>
    <t>GGPS CHAK NO.38 NB</t>
  </si>
  <si>
    <t>chak 38 NB Sargodha</t>
  </si>
  <si>
    <t>38 NB</t>
  </si>
  <si>
    <t>Bushra Noor Ahmad</t>
  </si>
  <si>
    <t>GGPS CHAK NO.38/WB</t>
  </si>
  <si>
    <t>38/wb</t>
  </si>
  <si>
    <t>chak 38/wb</t>
  </si>
  <si>
    <t>GGPS CHAK NO.381/TDA</t>
  </si>
  <si>
    <t>Lohanch Talklan</t>
  </si>
  <si>
    <t>Govt Model P/s 381_tda</t>
  </si>
  <si>
    <t>381/tda</t>
  </si>
  <si>
    <t>ALTAF HUSSAIN</t>
  </si>
  <si>
    <t>GGPS CHAK NO.386/TDA</t>
  </si>
  <si>
    <t>386/TDA</t>
  </si>
  <si>
    <t>GGPS Chak no 386 TDA teh district Layyah</t>
  </si>
  <si>
    <t>Gola Ada</t>
  </si>
  <si>
    <t>Mahwish Alvi</t>
  </si>
  <si>
    <t>GGPS CHAK NO.39 DB</t>
  </si>
  <si>
    <t>39db</t>
  </si>
  <si>
    <t>ggps39dB</t>
  </si>
  <si>
    <t>Bundial</t>
  </si>
  <si>
    <t>GGPS CHAK NO.39/DB</t>
  </si>
  <si>
    <t>39D/B</t>
  </si>
  <si>
    <t>GGPS CHAK NO. 39D/B</t>
  </si>
  <si>
    <t>44D/B</t>
  </si>
  <si>
    <t>Sumara Ghafoor</t>
  </si>
  <si>
    <t>GGPS CHAK NO.39/DNB</t>
  </si>
  <si>
    <t>Chak No 39/DNB</t>
  </si>
  <si>
    <t>chak no 39/,dnb</t>
  </si>
  <si>
    <t>Chak No 36/DNB</t>
  </si>
  <si>
    <t>Sadaf Nureen</t>
  </si>
  <si>
    <t>GGPS CHAK NO.393/TDA</t>
  </si>
  <si>
    <t>393/TDA</t>
  </si>
  <si>
    <t>393 TDA</t>
  </si>
  <si>
    <t>Gollay Wala 393tda</t>
  </si>
  <si>
    <t>GGPS CHAK NO.399/TDA</t>
  </si>
  <si>
    <t>chak no 399/tda</t>
  </si>
  <si>
    <t>Chak No 399/tda</t>
  </si>
  <si>
    <t>Chak No393/tda</t>
  </si>
  <si>
    <t>Shumaila Gulshan</t>
  </si>
  <si>
    <t>GGPS CHAK NO.4/BC (E)</t>
  </si>
  <si>
    <t>4 Bc</t>
  </si>
  <si>
    <t>chak no 4 bc Dera bakha bahawal pur</t>
  </si>
  <si>
    <t>Chak 4 Bc</t>
  </si>
  <si>
    <t>GGPS CHAK NO.4/NP</t>
  </si>
  <si>
    <t>Chak No 4/N.P Teh SDK Dist RYK</t>
  </si>
  <si>
    <t>Chak 4/NP</t>
  </si>
  <si>
    <t>Bahadurpur</t>
  </si>
  <si>
    <t>Zeenat Shabbir</t>
  </si>
  <si>
    <t>GGPS CHAK NO.40/DB</t>
  </si>
  <si>
    <t>Chak No 40/DB</t>
  </si>
  <si>
    <t>GGPS CHAK NO. 40/DB</t>
  </si>
  <si>
    <t>GGPS CHAK NO.40/DNB</t>
  </si>
  <si>
    <t>32 mour</t>
  </si>
  <si>
    <t>40dnb</t>
  </si>
  <si>
    <t>22dnb</t>
  </si>
  <si>
    <t>GGPS CHAK NO.41/DB (E)</t>
  </si>
  <si>
    <t>Chak No 41/DB East</t>
  </si>
  <si>
    <t>chak no 41 D.B East</t>
  </si>
  <si>
    <t>Chak  no.44 D/B</t>
  </si>
  <si>
    <t>Shahida Kouser</t>
  </si>
  <si>
    <t>GGPS CHAK NO.41/DB COLONY</t>
  </si>
  <si>
    <t>Cha no.k 41/DB COLONY</t>
  </si>
  <si>
    <t>GGPS 41 DB COLONY</t>
  </si>
  <si>
    <t>41 Colony Jhokan</t>
  </si>
  <si>
    <t>chak no. 44/DB</t>
  </si>
  <si>
    <t>ROBINA Malik</t>
  </si>
  <si>
    <t>GGPS CHAK NO.41/DNB IQRA</t>
  </si>
  <si>
    <t>41DNB</t>
  </si>
  <si>
    <t>41DNB yazman Dis Bahwalpur</t>
  </si>
  <si>
    <t>41 DNB</t>
  </si>
  <si>
    <t>22 DNB</t>
  </si>
  <si>
    <t>GGPS CHAK NO.415/EB</t>
  </si>
  <si>
    <t>415/eb</t>
  </si>
  <si>
    <t>chakno 415/eb</t>
  </si>
  <si>
    <t>Chak No 415/eb</t>
  </si>
  <si>
    <t>maria jamil</t>
  </si>
  <si>
    <t>GGPS CHAK NO.415/TDA</t>
  </si>
  <si>
    <t>415/TDA</t>
  </si>
  <si>
    <t>415/TDA Layyah</t>
  </si>
  <si>
    <t>Gole Wala 393/TDA</t>
  </si>
  <si>
    <t>Ghazala Naazir</t>
  </si>
  <si>
    <t>GGPS CHAK NO.416/TDA</t>
  </si>
  <si>
    <t>GGPS CHAK NO.42 SB NAI ABADI</t>
  </si>
  <si>
    <t>42sb</t>
  </si>
  <si>
    <t>Asiya Nargus</t>
  </si>
  <si>
    <t>GGPS CHAK NO.42 WB</t>
  </si>
  <si>
    <t>42/wb</t>
  </si>
  <si>
    <t>chk no 42/wb vehai</t>
  </si>
  <si>
    <t>Mehreen Rehman</t>
  </si>
  <si>
    <t>GGPS CHAK NO.42/DB COLONY</t>
  </si>
  <si>
    <t>Chak 42/DB</t>
  </si>
  <si>
    <t>Adda 42DB</t>
  </si>
  <si>
    <t>Chak 44DB</t>
  </si>
  <si>
    <t>Firdos Jabeen</t>
  </si>
  <si>
    <t>GGPS CHAK NO.423/TDA</t>
  </si>
  <si>
    <t>chak no 423/tda</t>
  </si>
  <si>
    <t>Chak No 423</t>
  </si>
  <si>
    <t>GGPS CHAK NO.423-A TDA KLASARY WALA</t>
  </si>
  <si>
    <t>chak no 423/tda klasraywala</t>
  </si>
  <si>
    <t>423/TDA Klasraywala</t>
  </si>
  <si>
    <t>Nida Majeed</t>
  </si>
  <si>
    <t>GGPS CHAK NO.423-B/TDA</t>
  </si>
  <si>
    <t>Chak No 423B/TDA</t>
  </si>
  <si>
    <t>chak No.423B/TDA  Teh.&amp; Distt Layyah</t>
  </si>
  <si>
    <t>Chak No423B/TDA</t>
  </si>
  <si>
    <t>GGPS CHAK NO.424/TDA</t>
  </si>
  <si>
    <t>chak no. 424/tda Layyah</t>
  </si>
  <si>
    <t>Chak No 424/tda</t>
  </si>
  <si>
    <t>Iqbal Muntaha</t>
  </si>
  <si>
    <t>GGPS CHAK NO.426/TDA NIAZI ABAD</t>
  </si>
  <si>
    <t>chak no.426 tda niaziabad</t>
  </si>
  <si>
    <t>Chak No 426tda Niaziabad</t>
  </si>
  <si>
    <t>bushra Kousar</t>
  </si>
  <si>
    <t>GGPS CHAK NO.430/6-R S</t>
  </si>
  <si>
    <t>Chak 430/ 6r</t>
  </si>
  <si>
    <t>430\6r South</t>
  </si>
  <si>
    <t>GGPS CHAK NO.433/EB(DERA)</t>
  </si>
  <si>
    <t>433 EB</t>
  </si>
  <si>
    <t>Chak No. 433/EB, Burewala</t>
  </si>
  <si>
    <t>433/EB</t>
  </si>
  <si>
    <t>GGPS CHAK NO.433/TDA</t>
  </si>
  <si>
    <t>chak no 433</t>
  </si>
  <si>
    <t>Chak No 433</t>
  </si>
  <si>
    <t>Sadia Naveed</t>
  </si>
  <si>
    <t>GGPS CHAK NO.44/3R</t>
  </si>
  <si>
    <t>chak #44/3r Shadi pur okara</t>
  </si>
  <si>
    <t>44/3r</t>
  </si>
  <si>
    <t>Sunbal Ali</t>
  </si>
  <si>
    <t>GGPS CHAK NO.44/DB</t>
  </si>
  <si>
    <t>Chak no 44/dB</t>
  </si>
  <si>
    <t>GGPS CHAK NO.44/DB COLONY</t>
  </si>
  <si>
    <t>44/DB</t>
  </si>
  <si>
    <t>GGPS 44 DB COLONY</t>
  </si>
  <si>
    <t>44/DB Colony</t>
  </si>
  <si>
    <t>Bushra Noureen</t>
  </si>
  <si>
    <t>GGPS CHAK NO.45 SB NANAK PURA</t>
  </si>
  <si>
    <t>Nanak pura</t>
  </si>
  <si>
    <t>ggps nanak pura 45sb</t>
  </si>
  <si>
    <t>Nanak pura 45sb</t>
  </si>
  <si>
    <t>Chak 45 SB</t>
  </si>
  <si>
    <t>GGPS CHAK NO.45/A</t>
  </si>
  <si>
    <t>Chak No 45 A</t>
  </si>
  <si>
    <t>g.g.p.school chak no. 45 a</t>
  </si>
  <si>
    <t>Chak 45</t>
  </si>
  <si>
    <t>Rubina Sheerin</t>
  </si>
  <si>
    <t>GGPS CHAK NO.455/ EB</t>
  </si>
  <si>
    <t>455/ EB</t>
  </si>
  <si>
    <t>chak no 455 EB Burewala</t>
  </si>
  <si>
    <t>455/EB</t>
  </si>
  <si>
    <t>safina Shabbir</t>
  </si>
  <si>
    <t>GGPS CHAK NO.458/TDA</t>
  </si>
  <si>
    <t>chak no 458/t.d.a dhorri adda.layyah</t>
  </si>
  <si>
    <t>Attiqa Naz</t>
  </si>
  <si>
    <t>GGPS CHAK NO.46 NB</t>
  </si>
  <si>
    <t>chak 46 NB</t>
  </si>
  <si>
    <t>NST Block Y</t>
  </si>
  <si>
    <t>ATIYA HAYAT</t>
  </si>
  <si>
    <t>GGPS CHAK NO.46/A QADEEM</t>
  </si>
  <si>
    <t>CHAK 46</t>
  </si>
  <si>
    <t>GGPS chak no 46 a liaquat pur</t>
  </si>
  <si>
    <t>GGPS CHAK NO.46/DB (E)</t>
  </si>
  <si>
    <t>Chak No. 46/DB E</t>
  </si>
  <si>
    <t>Chak No. 46/DB</t>
  </si>
  <si>
    <t>chak no. 46/dB E</t>
  </si>
  <si>
    <t>GGPS CHAK NO.46/DNB</t>
  </si>
  <si>
    <t>46DNB</t>
  </si>
  <si>
    <t>46DNB post office shahiwala Tehsil yazman</t>
  </si>
  <si>
    <t>Fareeha Waheed</t>
  </si>
  <si>
    <t>GGPS CHAK NO.46/JADEED</t>
  </si>
  <si>
    <t>Chak 46/AJadeed</t>
  </si>
  <si>
    <t>Chak no.46/A jadeed</t>
  </si>
  <si>
    <t>46/A Jadeed</t>
  </si>
  <si>
    <t>Musarrat Bibi</t>
  </si>
  <si>
    <t>GGPS CHAK NO.46/NP</t>
  </si>
  <si>
    <t>46 Np</t>
  </si>
  <si>
    <t>chak 46Np</t>
  </si>
  <si>
    <t>46Np</t>
  </si>
  <si>
    <t>electric filter</t>
  </si>
  <si>
    <t>GGPS CHAK NO.462/TDA</t>
  </si>
  <si>
    <t>Chak462/tda</t>
  </si>
  <si>
    <t>chak no 462/t.d.a</t>
  </si>
  <si>
    <t>Chak 462/tda</t>
  </si>
  <si>
    <t>Fouzia Ghafoor</t>
  </si>
  <si>
    <t>GGPS CHAK NO.464/TDA</t>
  </si>
  <si>
    <t>464 TDA</t>
  </si>
  <si>
    <t>Chak No 464 TDA</t>
  </si>
  <si>
    <t>Rehana Asghar</t>
  </si>
  <si>
    <t>GGPS CHAK NO.466/TDA</t>
  </si>
  <si>
    <t>Dhori Adda</t>
  </si>
  <si>
    <t>chak no 466/t.d.a</t>
  </si>
  <si>
    <t>Chak No 466/tda</t>
  </si>
  <si>
    <t>Jawaria Mansoor</t>
  </si>
  <si>
    <t>GGPS CHAK NO.47 D</t>
  </si>
  <si>
    <t>47_D javaya piplipahar road depalpur</t>
  </si>
  <si>
    <t>47D Javaya</t>
  </si>
  <si>
    <t>GGPS CHAK NO.47 SB</t>
  </si>
  <si>
    <t>47sb</t>
  </si>
  <si>
    <t>Chak No 108sb</t>
  </si>
  <si>
    <t>Attia Mehreen</t>
  </si>
  <si>
    <t>GGPS CHAK NO.47/ML</t>
  </si>
  <si>
    <t>ggps chak no. 47 ml</t>
  </si>
  <si>
    <t>47ml</t>
  </si>
  <si>
    <t>GGPS CHAK NO.471/TDA</t>
  </si>
  <si>
    <t>chak no 471 tda.</t>
  </si>
  <si>
    <t>Chak No 471 Tda</t>
  </si>
  <si>
    <t>GGPS CHAK NO.472/TDA</t>
  </si>
  <si>
    <t>mirhan</t>
  </si>
  <si>
    <t>chak 472/t.da</t>
  </si>
  <si>
    <t>chak472/tda</t>
  </si>
  <si>
    <t>GGPS CHAK NO.479 EB</t>
  </si>
  <si>
    <t>479/EB</t>
  </si>
  <si>
    <t>CHAK NO 479/E.B TEHSIL AND DISTRICT VEHARI</t>
  </si>
  <si>
    <t>479EB</t>
  </si>
  <si>
    <t>Nasreen Abdul Sattar</t>
  </si>
  <si>
    <t>GGPS CHAK NO.48/A</t>
  </si>
  <si>
    <t>GPS chak 48/A</t>
  </si>
  <si>
    <t>GGPS CHAK NO.49 SP</t>
  </si>
  <si>
    <t>49/sp</t>
  </si>
  <si>
    <t>GGPS 49/sp</t>
  </si>
  <si>
    <t>GGPS CHAK NO.49/DB (E)</t>
  </si>
  <si>
    <t>chak 49 db east</t>
  </si>
  <si>
    <t>Chak 49 DB East</t>
  </si>
  <si>
    <t>GGPS CHAK NO.49/DB (W)</t>
  </si>
  <si>
    <t>49 Db West</t>
  </si>
  <si>
    <t>chck no 49 db west yazman distric bwp</t>
  </si>
  <si>
    <t>68 Db</t>
  </si>
  <si>
    <t>GGPS CHAK NO.5 EB</t>
  </si>
  <si>
    <t>05/EB post office 07/EBArifwala</t>
  </si>
  <si>
    <t>05/EB</t>
  </si>
  <si>
    <t>Jeewan Shah</t>
  </si>
  <si>
    <t>GGPS CHAK NO.5 KHURD</t>
  </si>
  <si>
    <t>Chak No 5 Khurd</t>
  </si>
  <si>
    <t>chak no 5 khurd</t>
  </si>
  <si>
    <t>5 Chak Kallan</t>
  </si>
  <si>
    <t>GGPS CHAK NO.5 NB</t>
  </si>
  <si>
    <t>5nb</t>
  </si>
  <si>
    <t>Government Girls Primary School 5 NB tensile Bhalwal district Sargodha</t>
  </si>
  <si>
    <t>Chak 5 NB</t>
  </si>
  <si>
    <t>GGPS CHAK NO.5 RAKH DHAREMA</t>
  </si>
  <si>
    <t>Dhrema</t>
  </si>
  <si>
    <t>chak 5 rakh dhrema</t>
  </si>
  <si>
    <t>Chak 5 Rakh Dhrema</t>
  </si>
  <si>
    <t>GGPS CHAK NO.5 RAKH DHAREMA AZAFI ABADI</t>
  </si>
  <si>
    <t>Chak 5 Azafi Abadi</t>
  </si>
  <si>
    <t>Ggps chak 5 azafi abadi rakh dhrema</t>
  </si>
  <si>
    <t>58 NB</t>
  </si>
  <si>
    <t>GGPS CHAK NO.5 REMOUNT DEPOT</t>
  </si>
  <si>
    <t>Chak No.5 Remount Depot Sargodha</t>
  </si>
  <si>
    <t>GGPS CHAK NO.5/BC BASTI KACHOLIAN</t>
  </si>
  <si>
    <t>Basti kacholian chak no 5bc district bahawalpur</t>
  </si>
  <si>
    <t>Basti kacholian</t>
  </si>
  <si>
    <t>4 B/C</t>
  </si>
  <si>
    <t>GGPS CHAK NO.5/GD</t>
  </si>
  <si>
    <t>5GD</t>
  </si>
  <si>
    <t>5gd</t>
  </si>
  <si>
    <t>Bama Bala</t>
  </si>
  <si>
    <t>Parveen Talat</t>
  </si>
  <si>
    <t>GGPS CHAK NO.5/KMR</t>
  </si>
  <si>
    <t>5kmr</t>
  </si>
  <si>
    <t>5KMR</t>
  </si>
  <si>
    <t>Shabana Rafiq</t>
  </si>
  <si>
    <t>GGPS CHAK NO.5/P-I</t>
  </si>
  <si>
    <t>Chak 5p One</t>
  </si>
  <si>
    <t>5p one daira chaudhary imtiaz sahi tehsil khanpur</t>
  </si>
  <si>
    <t>5p One</t>
  </si>
  <si>
    <t>Yasmeen Bashir</t>
  </si>
  <si>
    <t>GGPS CHAK NO.5/P-II</t>
  </si>
  <si>
    <t>Moza Moni Thal</t>
  </si>
  <si>
    <t>GGPS chak 5/p(two)khan pur</t>
  </si>
  <si>
    <t>chak 5/p</t>
  </si>
  <si>
    <t>Zakria Bibi</t>
  </si>
  <si>
    <t>GGPS CHAK NO.50 /M NO 1</t>
  </si>
  <si>
    <t>Chak 50 M No 1</t>
  </si>
  <si>
    <t>g g p s Chak 50 m teh&amp; district lodhran</t>
  </si>
  <si>
    <t>Chak 50 M</t>
  </si>
  <si>
    <t>49 M</t>
  </si>
  <si>
    <t>Afshan Perveen</t>
  </si>
  <si>
    <t>GGPS CHAK NO.50 TDA</t>
  </si>
  <si>
    <t>Chak # 50/TDA</t>
  </si>
  <si>
    <t>chak # 50/TDA Mochi Wala</t>
  </si>
  <si>
    <t>Chak # 57/TDA</t>
  </si>
  <si>
    <t>Tasneem akhtar</t>
  </si>
  <si>
    <t>GGPS CHAK NO.50/DB (WEST)</t>
  </si>
  <si>
    <t>50dbwest</t>
  </si>
  <si>
    <t>Govt girls primary school 50dbwest</t>
  </si>
  <si>
    <t>GGPS CHAK NO.50/M NO 2</t>
  </si>
  <si>
    <t>Ggps 50m2moza salsadar gharwali Lodhran</t>
  </si>
  <si>
    <t>Gharwali</t>
  </si>
  <si>
    <t>Amna Manzoor</t>
  </si>
  <si>
    <t>GGPS CHAK NO.50ML</t>
  </si>
  <si>
    <t>Barkat wala</t>
  </si>
  <si>
    <t>50 ml barkat wala</t>
  </si>
  <si>
    <t>50 Ml</t>
  </si>
  <si>
    <t>GGPS CHAK NO.51 SB BHAGTANWALA</t>
  </si>
  <si>
    <t>51sb</t>
  </si>
  <si>
    <t>Abida Rani</t>
  </si>
  <si>
    <t>GGPS CHAK NO.51/A</t>
  </si>
  <si>
    <t>51/a</t>
  </si>
  <si>
    <t>GGPS. 51/a</t>
  </si>
  <si>
    <t>GGPS CHAK NO.51/M</t>
  </si>
  <si>
    <t>Chakra 51m</t>
  </si>
  <si>
    <t>chak 51m lodhran</t>
  </si>
  <si>
    <t>51m</t>
  </si>
  <si>
    <t>Shehla Tabbsum</t>
  </si>
  <si>
    <t>GGPS CHAK NO.51-A SB</t>
  </si>
  <si>
    <t>51 Asb</t>
  </si>
  <si>
    <t>Chak No 51 ASB</t>
  </si>
  <si>
    <t>Kalsoom Zulfiqar</t>
  </si>
  <si>
    <t>GGPS CHAK NO.52 B-NB</t>
  </si>
  <si>
    <t>52 B Nb</t>
  </si>
  <si>
    <t>Chak No 52 B Nb</t>
  </si>
  <si>
    <t>Luddywala</t>
  </si>
  <si>
    <t>Iqra Ismail</t>
  </si>
  <si>
    <t>GGPS CHAK NO.52/DB (E)</t>
  </si>
  <si>
    <t>CHAK NO 117/DB</t>
  </si>
  <si>
    <t>Yasmeen Akbar</t>
  </si>
  <si>
    <t>GGPS CHAK NO.52/ML</t>
  </si>
  <si>
    <t>52 Ml</t>
  </si>
  <si>
    <t>GGPS 52ml</t>
  </si>
  <si>
    <t>52ml</t>
  </si>
  <si>
    <t>GGPS CHAK NO.52/TDA</t>
  </si>
  <si>
    <t>52tda</t>
  </si>
  <si>
    <t>52tda p/o 59tda district Bhakkar</t>
  </si>
  <si>
    <t>Nazish Parveen</t>
  </si>
  <si>
    <t>GGPS CHAK NO.53 A-NB</t>
  </si>
  <si>
    <t>53 A Nb</t>
  </si>
  <si>
    <t>GGPS 53 A NB</t>
  </si>
  <si>
    <t>53 A NB</t>
  </si>
  <si>
    <t>Luddy Wala</t>
  </si>
  <si>
    <t>Gulshan Nisa</t>
  </si>
  <si>
    <t>GGPS CHAK NO.53 B-NB</t>
  </si>
  <si>
    <t>53 B NB</t>
  </si>
  <si>
    <t>chak no 53 b nb</t>
  </si>
  <si>
    <t>Chak 53 B NB</t>
  </si>
  <si>
    <t>Sahar</t>
  </si>
  <si>
    <t>GGPS CHAK NO.53 SB HODOWAL</t>
  </si>
  <si>
    <t>Haduwal</t>
  </si>
  <si>
    <t>chak 53 sb haduwal</t>
  </si>
  <si>
    <t>53 Sb Haduwal</t>
  </si>
  <si>
    <t>Rubina Rani</t>
  </si>
  <si>
    <t>GGPS CHAK NO.53/3 TUKRA</t>
  </si>
  <si>
    <t>Darbar Salhudin 53/3 tukra</t>
  </si>
  <si>
    <t>Govt girls primary school 53/3 tukra Darbar Salhudin</t>
  </si>
  <si>
    <t>GGPS CHAK NO.53/DB</t>
  </si>
  <si>
    <t>CHAK NO.53/DB</t>
  </si>
  <si>
    <t>P.S chak no 53 DB</t>
  </si>
  <si>
    <t>CHAK NO.57/DB</t>
  </si>
  <si>
    <t>GGPS CHAK NO.54 DAWANI MARALA GURB</t>
  </si>
  <si>
    <t>Dwani Marla Garbi</t>
  </si>
  <si>
    <t>Dwani Marla Garbi kot radha kishen</t>
  </si>
  <si>
    <t>Dwani Marla</t>
  </si>
  <si>
    <t>GGPS CHAK NO.55 D</t>
  </si>
  <si>
    <t>55/D</t>
  </si>
  <si>
    <t>Govt. Girls primary school 55/D</t>
  </si>
  <si>
    <t>Bhagwanpura</t>
  </si>
  <si>
    <t>Farkhanda Mushtaq</t>
  </si>
  <si>
    <t>GGPS CHAK NO.55 KB</t>
  </si>
  <si>
    <t>Chak no 55\Kb luddan</t>
  </si>
  <si>
    <t>Chak55/KB</t>
  </si>
  <si>
    <t>Budh gulam</t>
  </si>
  <si>
    <t>Madiha Fiaz</t>
  </si>
  <si>
    <t>GGPS CHAK NO.55 SB MAI DA DERA</t>
  </si>
  <si>
    <t>Mai Da Dera</t>
  </si>
  <si>
    <t>chak no 55 sb mai da dera tehsil and district sargodha</t>
  </si>
  <si>
    <t>Chak No 45 SB</t>
  </si>
  <si>
    <t>Afia Shabraiz</t>
  </si>
  <si>
    <t>GGPS CHAK NO.55/4-R AB</t>
  </si>
  <si>
    <t>Chak55/4R AB</t>
  </si>
  <si>
    <t>Ada chakian 55/4R</t>
  </si>
  <si>
    <t>GGPS CHAK NO.55/TDA</t>
  </si>
  <si>
    <t>55 Tda</t>
  </si>
  <si>
    <t>Ggps 55tda p/o box notak dist bhakkar</t>
  </si>
  <si>
    <t>55tda</t>
  </si>
  <si>
    <t>GGPS CHAK NO.56</t>
  </si>
  <si>
    <t>Chak 56</t>
  </si>
  <si>
    <t>CHAK 56 KRK</t>
  </si>
  <si>
    <t>cHAK 56</t>
  </si>
  <si>
    <t>CHAK 55</t>
  </si>
  <si>
    <t>Noreen Daud</t>
  </si>
  <si>
    <t>GGPS CHAK NO.56 KB</t>
  </si>
  <si>
    <t>56/kb</t>
  </si>
  <si>
    <t>GGPS CHAK NO56k.b</t>
  </si>
  <si>
    <t>Bud Ghulam</t>
  </si>
  <si>
    <t>AYsha Jabeen</t>
  </si>
  <si>
    <t>GGPS CHAK NO.56/DB-A</t>
  </si>
  <si>
    <t>Chak No 56/DB A</t>
  </si>
  <si>
    <t>Rukhsana Bashir</t>
  </si>
  <si>
    <t>GGPS CHAK NO.56-DB</t>
  </si>
  <si>
    <t>Chak No 56 DB</t>
  </si>
  <si>
    <t>chak no 56 DB Teh k.kot Distt bhakkar</t>
  </si>
  <si>
    <t>Chak 56 DB</t>
  </si>
  <si>
    <t>Chak 63 DB</t>
  </si>
  <si>
    <t>Sadaf Shaheen</t>
  </si>
  <si>
    <t>GGPS CHAK NO.57 NB</t>
  </si>
  <si>
    <t>57nb</t>
  </si>
  <si>
    <t>Chak no 57 nb</t>
  </si>
  <si>
    <t>Farhat Anees</t>
  </si>
  <si>
    <t>GGPS CHAK NO.57/DB</t>
  </si>
  <si>
    <t>Chak 57 DB</t>
  </si>
  <si>
    <t>chak no 57 DB yazman</t>
  </si>
  <si>
    <t>57 DB Yazman</t>
  </si>
  <si>
    <t>Chak No 50 DB</t>
  </si>
  <si>
    <t>NASEEM AKHTIR</t>
  </si>
  <si>
    <t>GGPS CHAK NO.57/F</t>
  </si>
  <si>
    <t>chak 57/f teh, Hasilpur, district Bahawalpur.</t>
  </si>
  <si>
    <t>57/F</t>
  </si>
  <si>
    <t>Robina Latif</t>
  </si>
  <si>
    <t>from water plant</t>
  </si>
  <si>
    <t>GGPS CHAK NO.57-58/DB</t>
  </si>
  <si>
    <t>57/58DB</t>
  </si>
  <si>
    <t>govt girls primary school 57/58 DB</t>
  </si>
  <si>
    <t>57/58</t>
  </si>
  <si>
    <t>50/DB</t>
  </si>
  <si>
    <t>Rizwana Asghar</t>
  </si>
  <si>
    <t>GGPS CHAK NO.57-DB</t>
  </si>
  <si>
    <t>57db</t>
  </si>
  <si>
    <t>chak 57db</t>
  </si>
  <si>
    <t>Arfa Shahzad</t>
  </si>
  <si>
    <t>GGPS CHAK NO.58</t>
  </si>
  <si>
    <t>Chak 58</t>
  </si>
  <si>
    <t>chak 58Kot Radha Kishen Kasur</t>
  </si>
  <si>
    <t>Chak58</t>
  </si>
  <si>
    <t>Mobushra Rafiq</t>
  </si>
  <si>
    <t>GGPS CHAK NO.58 KB EAST</t>
  </si>
  <si>
    <t>58/KB East</t>
  </si>
  <si>
    <t>Chak no 58/KB east dak Khana raata tibba district vehari</t>
  </si>
  <si>
    <t>Kishwar Parveen</t>
  </si>
  <si>
    <t>GGPS CHAK NO.59/4-R</t>
  </si>
  <si>
    <t>59/4r</t>
  </si>
  <si>
    <t>G G P /s /594r</t>
  </si>
  <si>
    <t>GGPS CHAK NO.59/F</t>
  </si>
  <si>
    <t>59/f</t>
  </si>
  <si>
    <t>GGP school 59/ f hasilpur</t>
  </si>
  <si>
    <t>Sana Ashraf</t>
  </si>
  <si>
    <t>GGPS CHAK NO.59/TDA</t>
  </si>
  <si>
    <t>CHAK NO.59/T.D.A KHANPUR DISTRICT BHAKKAR</t>
  </si>
  <si>
    <t>CHAK NO 59/TDA</t>
  </si>
  <si>
    <t>ZUBADA PERVEEN</t>
  </si>
  <si>
    <t>GGPS CHAK NO.6 DB</t>
  </si>
  <si>
    <t>Chak No 6 Db</t>
  </si>
  <si>
    <t>chak no 6db dak khana 4db tehsil piplan district mianwali</t>
  </si>
  <si>
    <t>Chak No 6db</t>
  </si>
  <si>
    <t>Chak No 4db</t>
  </si>
  <si>
    <t>GGPS CHAK NO.6/1R</t>
  </si>
  <si>
    <t>6/1r</t>
  </si>
  <si>
    <t>chack number 6/1.r TEHSIL Renala khurd</t>
  </si>
  <si>
    <t>Islampure</t>
  </si>
  <si>
    <t>GGPS CHAK NO.6/FW</t>
  </si>
  <si>
    <t>Badan Shrqi</t>
  </si>
  <si>
    <t>6fw abadi</t>
  </si>
  <si>
    <t>6 Fw abadi</t>
  </si>
  <si>
    <t>Sumia Yasmeen</t>
  </si>
  <si>
    <t>GGPS CHAK NO.60 NB KHIZAR ABAD</t>
  </si>
  <si>
    <t>Khizaraabad</t>
  </si>
  <si>
    <t>chak# 60nb khizarabad</t>
  </si>
  <si>
    <t>Chak 60nb</t>
  </si>
  <si>
    <t>Chak#19nb</t>
  </si>
  <si>
    <t>Mehwish Yaqoob</t>
  </si>
  <si>
    <t>GGPS CHAK NO.60-61 ML</t>
  </si>
  <si>
    <t>ggps 60 61 ml</t>
  </si>
  <si>
    <t>Samina Khanum</t>
  </si>
  <si>
    <t>GGPS CHAK NO.61 SB</t>
  </si>
  <si>
    <t>g,g,p,s,61sb</t>
  </si>
  <si>
    <t>61sb</t>
  </si>
  <si>
    <t>49sb</t>
  </si>
  <si>
    <t>GGPS CHAK NO.61/DB</t>
  </si>
  <si>
    <t>Chak No 58 Db</t>
  </si>
  <si>
    <t>ggps chak no 61 db</t>
  </si>
  <si>
    <t>Chak No61 Db</t>
  </si>
  <si>
    <t>Chak No 63 Db</t>
  </si>
  <si>
    <t>GGPS CHAK NO.62 ML</t>
  </si>
  <si>
    <t>Halqa sharki</t>
  </si>
  <si>
    <t>62ML</t>
  </si>
  <si>
    <t>62ml</t>
  </si>
  <si>
    <t>GGPS CHAK NO.62 NB</t>
  </si>
  <si>
    <t>Chak No 62NB</t>
  </si>
  <si>
    <t>Chak No. 62NB</t>
  </si>
  <si>
    <t>Chak No62NB</t>
  </si>
  <si>
    <t>19NB</t>
  </si>
  <si>
    <t>Farkhanda Gulzar</t>
  </si>
  <si>
    <t>GGPS CHAK NO.62/DB</t>
  </si>
  <si>
    <t>62/DB</t>
  </si>
  <si>
    <t>chak62 DB</t>
  </si>
  <si>
    <t>117/DB</t>
  </si>
  <si>
    <t>Noor Kousar</t>
  </si>
  <si>
    <t>GGPS CHAK NO.62/F ZAFAR ABAD</t>
  </si>
  <si>
    <t>62f</t>
  </si>
  <si>
    <t>ggps zafarabad 62 f</t>
  </si>
  <si>
    <t>Dera Noormuhamad</t>
  </si>
  <si>
    <t>Baldia</t>
  </si>
  <si>
    <t>Afshan Mnawar</t>
  </si>
  <si>
    <t>GGPS CHAK NO.62/P</t>
  </si>
  <si>
    <t>Chak No 62/p</t>
  </si>
  <si>
    <t>chak No 62/p</t>
  </si>
  <si>
    <t>Nasria  Parveen</t>
  </si>
  <si>
    <t>GGPS CHAK NO.63 KB</t>
  </si>
  <si>
    <t>63kb</t>
  </si>
  <si>
    <t>GGPS63kb  Luddan Vehari</t>
  </si>
  <si>
    <t>Akbar shah</t>
  </si>
  <si>
    <t>Noreen Hafiz</t>
  </si>
  <si>
    <t>GGPS CHAK NO.63 SB</t>
  </si>
  <si>
    <t>63 Sb</t>
  </si>
  <si>
    <t>chak no 63 sb</t>
  </si>
  <si>
    <t>Parveen Kausar</t>
  </si>
  <si>
    <t>GGPS CHAK NO.63/DB (S)</t>
  </si>
  <si>
    <t>63 Db  S</t>
  </si>
  <si>
    <t>Chak no 63d. b s</t>
  </si>
  <si>
    <t>117 Db</t>
  </si>
  <si>
    <t>Toshiba Nargis</t>
  </si>
  <si>
    <t>GGPS CHAK NO.64 NB</t>
  </si>
  <si>
    <t>Haji Colony</t>
  </si>
  <si>
    <t>Haji colony</t>
  </si>
  <si>
    <t>GGPS CHAK NO.64/F</t>
  </si>
  <si>
    <t>64f</t>
  </si>
  <si>
    <t>64/f colony Hasilpur</t>
  </si>
  <si>
    <t>GGPS CHAK NO.65 NB</t>
  </si>
  <si>
    <t>65 NB</t>
  </si>
  <si>
    <t>65NB</t>
  </si>
  <si>
    <t>Sammar Un Nisa</t>
  </si>
  <si>
    <t>GGPS CHAK NO.65/DB (S)</t>
  </si>
  <si>
    <t>65/d.b south tahsil yazman district bahawalpur.</t>
  </si>
  <si>
    <t>65/db South</t>
  </si>
  <si>
    <t>117/db</t>
  </si>
  <si>
    <t>GGPS CHAK NO.65-DB</t>
  </si>
  <si>
    <t>chak no 65 db</t>
  </si>
  <si>
    <t>65db</t>
  </si>
  <si>
    <t>GGPS CHAK NO.66/DB</t>
  </si>
  <si>
    <t>66/db</t>
  </si>
  <si>
    <t>tehseel yazman post office 117/db</t>
  </si>
  <si>
    <t>Mamona anwer</t>
  </si>
  <si>
    <t>GGPS CHAK NO.66/ML</t>
  </si>
  <si>
    <t>66/ML</t>
  </si>
  <si>
    <t>chack number 66/ML District bhakkar tehsil mankerah</t>
  </si>
  <si>
    <t>67/ML</t>
  </si>
  <si>
    <t>GGPS CHAK NO.66/TDA</t>
  </si>
  <si>
    <t>66tda</t>
  </si>
  <si>
    <t>chak n0 66tda</t>
  </si>
  <si>
    <t>Chak No66tda</t>
  </si>
  <si>
    <t>Lubna Aziz</t>
  </si>
  <si>
    <t>GGPS CHAK NO.68 NB</t>
  </si>
  <si>
    <t>Ggps,68nb</t>
  </si>
  <si>
    <t>68nb</t>
  </si>
  <si>
    <t>Zakia Kamir Ali</t>
  </si>
  <si>
    <t>GGPS CHAK NO.68/F</t>
  </si>
  <si>
    <t>68/f</t>
  </si>
  <si>
    <t>Village 68/f</t>
  </si>
  <si>
    <t>aunber hussain</t>
  </si>
  <si>
    <t>GGPS CHAK NO.69 NB</t>
  </si>
  <si>
    <t>Chak 69 Nb</t>
  </si>
  <si>
    <t>69 nb</t>
  </si>
  <si>
    <t>69 Nb</t>
  </si>
  <si>
    <t>67A</t>
  </si>
  <si>
    <t>Taskeen zafar</t>
  </si>
  <si>
    <t>GGPS CHAK NO.69 SB</t>
  </si>
  <si>
    <t>69 Sb</t>
  </si>
  <si>
    <t>Chak 69 sb</t>
  </si>
  <si>
    <t>Union Council</t>
  </si>
  <si>
    <t>Rukhsana Nasreen</t>
  </si>
  <si>
    <t>GGPS CHAK NO.7 GABA</t>
  </si>
  <si>
    <t>7 Gaba</t>
  </si>
  <si>
    <t>Moza khola distict okara</t>
  </si>
  <si>
    <t>Shamila Ashraf</t>
  </si>
  <si>
    <t>GGPS CHAK NO.7 ML</t>
  </si>
  <si>
    <t>Chak No 7 ML</t>
  </si>
  <si>
    <t>GGPS CHAK NO. 7 ML</t>
  </si>
  <si>
    <t>Kausar Jabeen</t>
  </si>
  <si>
    <t>GGPS CHAK NO.7/4-R</t>
  </si>
  <si>
    <t>Chak 7/4r</t>
  </si>
  <si>
    <t>chak 7/4r p/o rangpur teh/dist muzaffargarh</t>
  </si>
  <si>
    <t>Umbreen Kousar</t>
  </si>
  <si>
    <t>GGPS CHAK NO.7/A</t>
  </si>
  <si>
    <t>chak7/a tehsil lqp markaz10/a</t>
  </si>
  <si>
    <t>Chak 7/a</t>
  </si>
  <si>
    <t>Shakila Najum</t>
  </si>
  <si>
    <t>GGPS CHAK NO.7/DNB</t>
  </si>
  <si>
    <t>chak no 7 dnb tehsil yazman dist BWP</t>
  </si>
  <si>
    <t>7dnb</t>
  </si>
  <si>
    <t>17dnb</t>
  </si>
  <si>
    <t>GGPS CHAK NO.7/GD</t>
  </si>
  <si>
    <t>Chak 7/GD</t>
  </si>
  <si>
    <t>Chak no. 7/GD P/O Bama Bala tehsil renala district Okara</t>
  </si>
  <si>
    <t>7/GD</t>
  </si>
  <si>
    <t>GGPS CHAK NO.70 NB</t>
  </si>
  <si>
    <t>70nb</t>
  </si>
  <si>
    <t>Muzayyan fatima</t>
  </si>
  <si>
    <t>GGPS CHAK NO.70/F-B</t>
  </si>
  <si>
    <t>Chak#70 / F-B Hasilpur</t>
  </si>
  <si>
    <t>70 F-B</t>
  </si>
  <si>
    <t>GGPS CHAK NO.70/ML</t>
  </si>
  <si>
    <t>70 Ml</t>
  </si>
  <si>
    <t>chak no 70 ml</t>
  </si>
  <si>
    <t>67 Ml</t>
  </si>
  <si>
    <t>GGPS CHAK NO.71 NB</t>
  </si>
  <si>
    <t>chak 71nb</t>
  </si>
  <si>
    <t>sharifan bibi</t>
  </si>
  <si>
    <t>GGPS CHAK NO.72 A-SB</t>
  </si>
  <si>
    <t>72A-SB</t>
  </si>
  <si>
    <t>ggps72asb</t>
  </si>
  <si>
    <t>Mumtaz  Begum</t>
  </si>
  <si>
    <t>GGPS CHAK NO.72 D</t>
  </si>
  <si>
    <t>72/D</t>
  </si>
  <si>
    <t>Chak No 72/D Pakpattan</t>
  </si>
  <si>
    <t>93D</t>
  </si>
  <si>
    <t>Munazza Farooq Wattoo</t>
  </si>
  <si>
    <t>GGPS CHAK NO.72/ML</t>
  </si>
  <si>
    <t>67/ml</t>
  </si>
  <si>
    <t>chak no 72/ml tehsil mankera District bhakkar</t>
  </si>
  <si>
    <t>Chak No 72/ml</t>
  </si>
  <si>
    <t>samina shaheen</t>
  </si>
  <si>
    <t>GGPS CHAK NO.73 TDA</t>
  </si>
  <si>
    <t>73TDA</t>
  </si>
  <si>
    <t>chak#73TDA teh&amp;distt bhakkar</t>
  </si>
  <si>
    <t>Iqra Ghyas Bajva</t>
  </si>
  <si>
    <t>GGPS CHAK NO.74 TDA</t>
  </si>
  <si>
    <t>74 TDA dakkhana chak no 73 TDA</t>
  </si>
  <si>
    <t>Chak No 74 TDA</t>
  </si>
  <si>
    <t>60 I 61 ML</t>
  </si>
  <si>
    <t>Rehana Sawar</t>
  </si>
  <si>
    <t>GGPS CHAK NO.75 NB</t>
  </si>
  <si>
    <t>GGPS CHAK 75Nb</t>
  </si>
  <si>
    <t>Chak 75 NB</t>
  </si>
  <si>
    <t>Chak 67anb</t>
  </si>
  <si>
    <t>Shahnaz Tubassam</t>
  </si>
  <si>
    <t>GGPS CHAK NO.75 SB</t>
  </si>
  <si>
    <t>Chak 75 SB</t>
  </si>
  <si>
    <t>chak no 75 sb</t>
  </si>
  <si>
    <t>Tabusam Saba</t>
  </si>
  <si>
    <t>GGPS CHAK NO.75/DNB (W)</t>
  </si>
  <si>
    <t>75 DNB W</t>
  </si>
  <si>
    <t>75 DNB w p/o shahi wala teh yazman dis BwP</t>
  </si>
  <si>
    <t>75 DNB w</t>
  </si>
  <si>
    <t>GGPS CHAK NO.75/F</t>
  </si>
  <si>
    <t>Chak 75/F Tehsil Hasil Pur</t>
  </si>
  <si>
    <t>Chak 71/F</t>
  </si>
  <si>
    <t>GGPS CHAK NO.75/ML</t>
  </si>
  <si>
    <t>chak no 75ML</t>
  </si>
  <si>
    <t>Chak no 75ML tehsil mankera district bhakkar</t>
  </si>
  <si>
    <t>Chak no 75ML</t>
  </si>
  <si>
    <t>Chak no 67ML</t>
  </si>
  <si>
    <t>Munazza latif</t>
  </si>
  <si>
    <t>GGPS CHAK NO.75/TDA (IN 87/ML)</t>
  </si>
  <si>
    <t>87/ML</t>
  </si>
  <si>
    <t>87ML tehsil karor (Layyah)</t>
  </si>
  <si>
    <t>nasrin akhtar</t>
  </si>
  <si>
    <t>GGPS CHAK NO.76 ML</t>
  </si>
  <si>
    <t>Chak no 76ML</t>
  </si>
  <si>
    <t>chak no 76ML</t>
  </si>
  <si>
    <t>76ML</t>
  </si>
  <si>
    <t>60-61</t>
  </si>
  <si>
    <t>GGPS CHAK NO.76 SB</t>
  </si>
  <si>
    <t>Smoran Wali</t>
  </si>
  <si>
    <t>GGPS76SB</t>
  </si>
  <si>
    <t>Chak No 74 Sb</t>
  </si>
  <si>
    <t>Sadia kousar</t>
  </si>
  <si>
    <t>GGPS CHAK NO.76/F</t>
  </si>
  <si>
    <t>chak #76/F tehsil hasilpur</t>
  </si>
  <si>
    <t>76/F</t>
  </si>
  <si>
    <t>Bushra Nazar</t>
  </si>
  <si>
    <t>GGPS CHAK NO.76/NP</t>
  </si>
  <si>
    <t>76np</t>
  </si>
  <si>
    <t>G G P s.  76np</t>
  </si>
  <si>
    <t>Chak  76np</t>
  </si>
  <si>
    <t>M Pur Qurashian</t>
  </si>
  <si>
    <t>Zahida Tufail</t>
  </si>
  <si>
    <t>GGPS CHAK NO.78 EB</t>
  </si>
  <si>
    <t>78 EB</t>
  </si>
  <si>
    <t>chak no 78 EB</t>
  </si>
  <si>
    <t>78 Eb</t>
  </si>
  <si>
    <t>86 Eb</t>
  </si>
  <si>
    <t>GGPS CHAK NO.78 EB DAKHALI</t>
  </si>
  <si>
    <t>78/EB</t>
  </si>
  <si>
    <t>Chak # 78/EB Dakhli</t>
  </si>
  <si>
    <t>78/EB Dakhli</t>
  </si>
  <si>
    <t>GGPS CHAK NO.78 NB SARGODHA</t>
  </si>
  <si>
    <t>78 Pull</t>
  </si>
  <si>
    <t>Ggps 78 nb sgd</t>
  </si>
  <si>
    <t>Chak 78 Nb</t>
  </si>
  <si>
    <t>Cent Area</t>
  </si>
  <si>
    <t>Summaira Yousuf</t>
  </si>
  <si>
    <t>GGPS CHAK NO.78/ML</t>
  </si>
  <si>
    <t>Chak No 78 Ml</t>
  </si>
  <si>
    <t>GGPS CHAK NO 78 ML</t>
  </si>
  <si>
    <t>GGPS CHAK NO.79-A/TDA SOMTIA</t>
  </si>
  <si>
    <t>CHAK NO 79-A TDA TEHSIL KAROR DISTRICT LAYYAH</t>
  </si>
  <si>
    <t>79-A TDA</t>
  </si>
  <si>
    <t>balqees akhtar</t>
  </si>
  <si>
    <t>GGPS CHAK NO.8/A</t>
  </si>
  <si>
    <t>Chak No 8/A</t>
  </si>
  <si>
    <t>Chak No8/A post office chak no 10/A Tehsil Lqp Disstrict RYK</t>
  </si>
  <si>
    <t>Noureen Manzoor</t>
  </si>
  <si>
    <t>GGPS CHAK NO.8/GD</t>
  </si>
  <si>
    <t>8Gd</t>
  </si>
  <si>
    <t>moza khola distt okara</t>
  </si>
  <si>
    <t>8gd</t>
  </si>
  <si>
    <t>GGPS CHAK NO.80-B/TDA</t>
  </si>
  <si>
    <t>80-B/TDA</t>
  </si>
  <si>
    <t>CHAK NO. 80-B/TDA TEHSIL KAROR LAL EASON DISTRICT LAYYAH</t>
  </si>
  <si>
    <t>zahida nasreen</t>
  </si>
  <si>
    <t>GGPS CHAK NO.81 NB MEHLU WALA</t>
  </si>
  <si>
    <t>81 nb Mahlowala</t>
  </si>
  <si>
    <t>81nb mahlowala</t>
  </si>
  <si>
    <t>67ANB</t>
  </si>
  <si>
    <t>Ayesha Hameed</t>
  </si>
  <si>
    <t>GGPS CHAK NO.81 NB SAGWAL</t>
  </si>
  <si>
    <t>81 Nb Sagwal</t>
  </si>
  <si>
    <t>81 nb sagwal</t>
  </si>
  <si>
    <t>67anb</t>
  </si>
  <si>
    <t>Tayyeba Jamshed</t>
  </si>
  <si>
    <t>GGPS CHAK NO.81/F</t>
  </si>
  <si>
    <t>81 F</t>
  </si>
  <si>
    <t>ggps 81 f Post office 79 f Tehsil Hasil Pur Dist Bahawal Pur</t>
  </si>
  <si>
    <t>79 F</t>
  </si>
  <si>
    <t>GGPS CHAK NO.82/F</t>
  </si>
  <si>
    <t>82/f</t>
  </si>
  <si>
    <t>Maria Majeed</t>
  </si>
  <si>
    <t>GGPS CHAK NO.83 NB</t>
  </si>
  <si>
    <t>Chak 83 NB</t>
  </si>
  <si>
    <t>post office chak 74 nb chak 83 nb</t>
  </si>
  <si>
    <t>Rizwana Afzal</t>
  </si>
  <si>
    <t>GGPS CHAK NO.83/ML</t>
  </si>
  <si>
    <t>83/ML</t>
  </si>
  <si>
    <t>chak no 90/ML tehsil karor district layyah</t>
  </si>
  <si>
    <t>chak no 83/ML</t>
  </si>
  <si>
    <t>chak no 90/ML</t>
  </si>
  <si>
    <t>robina khatoon</t>
  </si>
  <si>
    <t>GGPS CHAK NO.83/P OLD</t>
  </si>
  <si>
    <t>83/p Old</t>
  </si>
  <si>
    <t>G.G.P.S Chak 83/p old</t>
  </si>
  <si>
    <t>GGPS CHAK NO.84/F ARAIYAN</t>
  </si>
  <si>
    <t>84f/a</t>
  </si>
  <si>
    <t>primary school 84f/a post office 89f</t>
  </si>
  <si>
    <t>89f</t>
  </si>
  <si>
    <t>GGPS CHAK NO.84/F JATTAN</t>
  </si>
  <si>
    <t>Hsp</t>
  </si>
  <si>
    <t>84fj</t>
  </si>
  <si>
    <t>84F Jattan</t>
  </si>
  <si>
    <t>Freeha Sadaf</t>
  </si>
  <si>
    <t>GGPS CHAK NO.84/F NITHAL</t>
  </si>
  <si>
    <t>Chak 84f</t>
  </si>
  <si>
    <t>ggpschak84f-n</t>
  </si>
  <si>
    <t>Chak 84f-n</t>
  </si>
  <si>
    <t>Chak71f</t>
  </si>
  <si>
    <t>Sonia Parveen</t>
  </si>
  <si>
    <t>GGPS CHAK NO.85 NB MANGLA ABADI</t>
  </si>
  <si>
    <t>85 NB</t>
  </si>
  <si>
    <t>Chak no 85 NB Mangla Abadi Sargodha</t>
  </si>
  <si>
    <t>85 NB Mangla Abadi</t>
  </si>
  <si>
    <t>Rabbia Fatima</t>
  </si>
  <si>
    <t>GGPS CHAK NO.85/F</t>
  </si>
  <si>
    <t>MUHAMD</t>
  </si>
  <si>
    <t>GGPS 85/f</t>
  </si>
  <si>
    <t>85/f</t>
  </si>
  <si>
    <t>Sumaira Andleeb</t>
  </si>
  <si>
    <t>GGPS CHAK NO.86 SB</t>
  </si>
  <si>
    <t>86 Sb</t>
  </si>
  <si>
    <t>chak 86 SB Sargodha</t>
  </si>
  <si>
    <t>86 SB</t>
  </si>
  <si>
    <t>GGPS CHAK NO.86/DB</t>
  </si>
  <si>
    <t>Yazman City</t>
  </si>
  <si>
    <t>GGPS86DB</t>
  </si>
  <si>
    <t>86DB</t>
  </si>
  <si>
    <t>88DB</t>
  </si>
  <si>
    <t>Shaheen Shehzadi</t>
  </si>
  <si>
    <t>GGPS CHAK NO.86/F-A</t>
  </si>
  <si>
    <t>86F/A</t>
  </si>
  <si>
    <t>Govt girls primary school 86F/A</t>
  </si>
  <si>
    <t>GGPS CHAK NO.87 NB BIG SARGODHA</t>
  </si>
  <si>
    <t>87 NB Big</t>
  </si>
  <si>
    <t>GGPs 87 NB Big</t>
  </si>
  <si>
    <t>Sarwat Shahzady</t>
  </si>
  <si>
    <t>GGPS CHAK NO.87 TDA</t>
  </si>
  <si>
    <t>CHAK NO. 87/TDA</t>
  </si>
  <si>
    <t>CHAK NO. 87/TDA, TEHSIL KAROR LAL EASON DISTRICT LAYYAH.</t>
  </si>
  <si>
    <t>Humaira Gul</t>
  </si>
  <si>
    <t>GGPS CHAK NO.87/DB</t>
  </si>
  <si>
    <t>87 Db</t>
  </si>
  <si>
    <t>G.G.P.SCHOOL 87db</t>
  </si>
  <si>
    <t>Chak No 87db</t>
  </si>
  <si>
    <t>Rukhsana kausar</t>
  </si>
  <si>
    <t>GGPS CHAK NO.87/F</t>
  </si>
  <si>
    <t>Chak 87/F P/o Chak 88/F tehsil hasilpur dist bwp</t>
  </si>
  <si>
    <t>Chak 87/F P/o Chak 88/F</t>
  </si>
  <si>
    <t>GGPS CHAK NO.88/DB (S)</t>
  </si>
  <si>
    <t>Chak no 88 DB South</t>
  </si>
  <si>
    <t>88 DB south</t>
  </si>
  <si>
    <t>Union Council 88 DB</t>
  </si>
  <si>
    <t>Fozia Tabussam</t>
  </si>
  <si>
    <t>GGPS CHAK NO.88/TDA</t>
  </si>
  <si>
    <t>Chak No 88/TDA</t>
  </si>
  <si>
    <t>GGPS 88/TDA post office 87/TDA</t>
  </si>
  <si>
    <t>88/tda</t>
  </si>
  <si>
    <t>shumaila ismail</t>
  </si>
  <si>
    <t>GGPS CHAK NO.9 JANUBI</t>
  </si>
  <si>
    <t>Chak No 9 Janubi</t>
  </si>
  <si>
    <t>GGP/S chak no9 janubi</t>
  </si>
  <si>
    <t>GGPS CHAK NO.9 ML</t>
  </si>
  <si>
    <t>9 Ml</t>
  </si>
  <si>
    <t>9 ML</t>
  </si>
  <si>
    <t>10 Ml</t>
  </si>
  <si>
    <t>Saba Iram</t>
  </si>
  <si>
    <t>GGPS CHAK NO.9 REMOUNT DEPOT</t>
  </si>
  <si>
    <t>Chak 9 Remount  Depot</t>
  </si>
  <si>
    <t>chak no 9 Remount Depot sargodha</t>
  </si>
  <si>
    <t>Chak No 9 Remount depot</t>
  </si>
  <si>
    <t>Bari Mandi</t>
  </si>
  <si>
    <t>Khansa islam</t>
  </si>
  <si>
    <t>GGPS CHAK NO.9 RH</t>
  </si>
  <si>
    <t>GGPS 9 Rh Tehsil Kallur Kot district Bhakkar</t>
  </si>
  <si>
    <t>Chak No 9 Rh</t>
  </si>
  <si>
    <t>Kousar Shawana</t>
  </si>
  <si>
    <t>GGPS CHAK NO.90/1-L</t>
  </si>
  <si>
    <t>bhatta sheikhan</t>
  </si>
  <si>
    <t>chack 90 1l</t>
  </si>
  <si>
    <t>Najma akram</t>
  </si>
  <si>
    <t>GGPS CHAK NO.90/F</t>
  </si>
  <si>
    <t>Chak 90 F</t>
  </si>
  <si>
    <t>chak 90/F</t>
  </si>
  <si>
    <t>90/F</t>
  </si>
  <si>
    <t>GGPS CHAK NO.91 SB GHARBI</t>
  </si>
  <si>
    <t>govt girls primary school 91 s.b west</t>
  </si>
  <si>
    <t>91gharbi</t>
  </si>
  <si>
    <t>Asmat Batool</t>
  </si>
  <si>
    <t>GGPS CHAK NO.91/DB-A</t>
  </si>
  <si>
    <t>91 DB A</t>
  </si>
  <si>
    <t>GG PS 91D.B (A)</t>
  </si>
  <si>
    <t>88 DB</t>
  </si>
  <si>
    <t>GGPS CHAK NO.91/ML</t>
  </si>
  <si>
    <t>Chak No91ml</t>
  </si>
  <si>
    <t>chak no.91ml tehsil karor lal eason dist.layyah</t>
  </si>
  <si>
    <t>91ml</t>
  </si>
  <si>
    <t>GGPS CHAK NO.93/DB</t>
  </si>
  <si>
    <t>93db</t>
  </si>
  <si>
    <t>chack  no 93db</t>
  </si>
  <si>
    <t>88 Db</t>
  </si>
  <si>
    <t>Farhat Noreen</t>
  </si>
  <si>
    <t>GGPS CHAK NO.94 NB KHONAN</t>
  </si>
  <si>
    <t>94 NB Khunan</t>
  </si>
  <si>
    <t>Chak No 94nb Keenan no sgd</t>
  </si>
  <si>
    <t>Chak No 94nb</t>
  </si>
  <si>
    <t>Chak No 104</t>
  </si>
  <si>
    <t>GGPS CHAK NO.94/1-L</t>
  </si>
  <si>
    <t>chak 94/1-L</t>
  </si>
  <si>
    <t>94/I-L</t>
  </si>
  <si>
    <t>GGPS CHAK NO.95/DB</t>
  </si>
  <si>
    <t>95/db</t>
  </si>
  <si>
    <t>chak no 95/db p/o93/db Tehsil Yazman District Bahawalpur</t>
  </si>
  <si>
    <t>Chak No95/db</t>
  </si>
  <si>
    <t>Chak No 88/db</t>
  </si>
  <si>
    <t>Shabnam Shouket</t>
  </si>
  <si>
    <t>GGPS CHAK NO.95/ML</t>
  </si>
  <si>
    <t>meam</t>
  </si>
  <si>
    <t>Chak nmbr 95ml p/o 90ml  Karor Layyah</t>
  </si>
  <si>
    <t>95ml</t>
  </si>
  <si>
    <t>NOREEN MEHMOOD</t>
  </si>
  <si>
    <t>GGPS CHAK NO.97 NB</t>
  </si>
  <si>
    <t>97nb</t>
  </si>
  <si>
    <t>govt girls primary school 97 nb sgd</t>
  </si>
  <si>
    <t>Riffat  Rehana</t>
  </si>
  <si>
    <t>GGPS CHAK NO.97/TDA</t>
  </si>
  <si>
    <t>97/TDA</t>
  </si>
  <si>
    <t>chak no.97/TDA</t>
  </si>
  <si>
    <t>Imrana Javid</t>
  </si>
  <si>
    <t>GGPS CHAK NO.98 NB DERA DINDAR</t>
  </si>
  <si>
    <t>98 NB DD</t>
  </si>
  <si>
    <t>chak no 98 Nb dera din dar sargodha</t>
  </si>
  <si>
    <t>Chak 98 NB</t>
  </si>
  <si>
    <t>100 NB</t>
  </si>
  <si>
    <t>Neelam Gull</t>
  </si>
  <si>
    <t>GGPS CHAK NO.98/DB</t>
  </si>
  <si>
    <t>chak no 98 db tehsil yazman</t>
  </si>
  <si>
    <t>98 Db</t>
  </si>
  <si>
    <t>Hafeez Begum</t>
  </si>
  <si>
    <t>GGPS CHAK NO.99 NB NEW ABADI</t>
  </si>
  <si>
    <t>99nb</t>
  </si>
  <si>
    <t>ggps 99nb new abadi sargodha</t>
  </si>
  <si>
    <t>100nb</t>
  </si>
  <si>
    <t>Uzma Anayat</t>
  </si>
  <si>
    <t>GGPS CHAK NO.99/DB (EAST)</t>
  </si>
  <si>
    <t>99 db</t>
  </si>
  <si>
    <t>Chuck 99 db east tehsil yazman district bwp</t>
  </si>
  <si>
    <t>99 DB East</t>
  </si>
  <si>
    <t>88 db</t>
  </si>
  <si>
    <t>ADIBA NASAR</t>
  </si>
  <si>
    <t>GGPS CHAK NO167/7-R (w)</t>
  </si>
  <si>
    <t>167/7rw</t>
  </si>
  <si>
    <t>chak no 167/7rw</t>
  </si>
  <si>
    <t>Irshad Beggum</t>
  </si>
  <si>
    <t>GGPS CHAK NOOR WALA</t>
  </si>
  <si>
    <t>Chah noor chak no 3</t>
  </si>
  <si>
    <t>Chak Noor Wala</t>
  </si>
  <si>
    <t>Nosheen Yousef</t>
  </si>
  <si>
    <t>GGPS CHAK NORTH 241/HL</t>
  </si>
  <si>
    <t>241/HL</t>
  </si>
  <si>
    <t>chak no. 241/HL North , tehsil fortabas dist.. bahawalnagar</t>
  </si>
  <si>
    <t>241HL</t>
  </si>
  <si>
    <t>GGPS CHAK NOURANG SHAH</t>
  </si>
  <si>
    <t>Chak Nourang Shah</t>
  </si>
  <si>
    <t>GGPS chak nourang shah tehsil a.p sial district jhang</t>
  </si>
  <si>
    <t>Rabia Ismail</t>
  </si>
  <si>
    <t>GGPS CHAK ODIA</t>
  </si>
  <si>
    <t>Chak Odia</t>
  </si>
  <si>
    <t>Vlg chak Odia post office lalian teh shakargarh distric narowal</t>
  </si>
  <si>
    <t>ABIDA NASREEN</t>
  </si>
  <si>
    <t>GGPS CHAK PADDA</t>
  </si>
  <si>
    <t>Chakpadda</t>
  </si>
  <si>
    <t>GGPS Chakpadda</t>
  </si>
  <si>
    <t>Saddowala Uncha</t>
  </si>
  <si>
    <t>Qudsia Jabeen</t>
  </si>
  <si>
    <t>filtered water from adjacent mosque</t>
  </si>
  <si>
    <t>GGPS CHAK PATAI</t>
  </si>
  <si>
    <t>Chackpatai</t>
  </si>
  <si>
    <t>p/o machiwal Moza chackpatai</t>
  </si>
  <si>
    <t>GGPS CHAK PATAKA</t>
  </si>
  <si>
    <t>Chak pattaka</t>
  </si>
  <si>
    <t>Hasil saru</t>
  </si>
  <si>
    <t>Shagufta Mushtaq</t>
  </si>
  <si>
    <t>GGPS CHAK PATAL DAKHLI JHATLA</t>
  </si>
  <si>
    <t>Chak Patal</t>
  </si>
  <si>
    <t>vpo jhatla chapatal</t>
  </si>
  <si>
    <t>Pira Fatihal</t>
  </si>
  <si>
    <t>Benish Abbas</t>
  </si>
  <si>
    <t>GGPS CHAK PHOWAR</t>
  </si>
  <si>
    <t>Chak Pawar</t>
  </si>
  <si>
    <t>Chak Pawar P/O Mandi Faiz Abad teh Sharaqpur Dist Sheikhupura</t>
  </si>
  <si>
    <t>Qurashianwala</t>
  </si>
  <si>
    <t>GGPS CHAK QADA</t>
  </si>
  <si>
    <t>village chak qada post offic chak chakora teh n distt chakwal</t>
  </si>
  <si>
    <t>Chak Qada</t>
  </si>
  <si>
    <t>GGPS CHAK RAFIQ ABAD MAMUN KANJAN</t>
  </si>
  <si>
    <t>Rafiqabad mamukanjan tandlianwala distt fsd</t>
  </si>
  <si>
    <t>Town Mamukanjan</t>
  </si>
  <si>
    <t>GGPS CHAK RAJADA</t>
  </si>
  <si>
    <t>Rajada</t>
  </si>
  <si>
    <t>G G P S Chak rajada .Teh.nowshera virkan .Distt.Gujranwala</t>
  </si>
  <si>
    <t>Chak Rajada</t>
  </si>
  <si>
    <t>Chak Chaudhry</t>
  </si>
  <si>
    <t>Rahila Beghum</t>
  </si>
  <si>
    <t>GGPS CHAK RAJADI</t>
  </si>
  <si>
    <t>Dist  Gujrat  Teh  Kharian  P/O  &amp; village Chak Rajadi</t>
  </si>
  <si>
    <t>Iqbal Begum</t>
  </si>
  <si>
    <t>GGPS CHAK RANDHAWA</t>
  </si>
  <si>
    <t>Chak Randhawa</t>
  </si>
  <si>
    <t>chak randhawa p/o badiana tehsil pasrur distt. Sialkot</t>
  </si>
  <si>
    <t>GGPS CHAK RASOOL PUR</t>
  </si>
  <si>
    <t>Chak Rasool Pur</t>
  </si>
  <si>
    <t>GGPS CHAK RASOOL PUR PO CHUND BHARWANA TEH AND DIST JHANG</t>
  </si>
  <si>
    <t>Munira Bibi</t>
  </si>
  <si>
    <t>GGPS CHAK ROHARI</t>
  </si>
  <si>
    <t>CHAK ROHARI</t>
  </si>
  <si>
    <t>CHAH MOLVI WALA CHAK ROHARI</t>
  </si>
  <si>
    <t>CHAH MOLVI WALA</t>
  </si>
  <si>
    <t>Rafia Ashraf</t>
  </si>
  <si>
    <t>GGPS CHAK ROMALA</t>
  </si>
  <si>
    <t>Chak Romala</t>
  </si>
  <si>
    <t>village Chak Romala post office punuwal district Sialkot</t>
  </si>
  <si>
    <t>GGPS CHAK SADAVE</t>
  </si>
  <si>
    <t>Chak Sadve</t>
  </si>
  <si>
    <t>GGPS chak sadve</t>
  </si>
  <si>
    <t>Wdalasundhwa</t>
  </si>
  <si>
    <t>Amina Sohail</t>
  </si>
  <si>
    <t>GGPS CHAK SAFDAR</t>
  </si>
  <si>
    <t>Chak Safdar</t>
  </si>
  <si>
    <t>Govt Girls Primary school chak safdar</t>
  </si>
  <si>
    <t>MAHAR SHAREF</t>
  </si>
  <si>
    <t>GGPS CHAK SAHNU</t>
  </si>
  <si>
    <t>Chak Sahnu</t>
  </si>
  <si>
    <t>chak sahnu</t>
  </si>
  <si>
    <t>Nadia Saeed</t>
  </si>
  <si>
    <t>GGPS CHAK SAIDA</t>
  </si>
  <si>
    <t>chak saida nawan lok</t>
  </si>
  <si>
    <t>Chaksaida</t>
  </si>
  <si>
    <t>GGPS CHAK SAIDA BALA</t>
  </si>
  <si>
    <t>GGPSCHAK SAIDA bala</t>
  </si>
  <si>
    <t>Chak Saida Bala</t>
  </si>
  <si>
    <t>GGPS CHAK SAKANDAR</t>
  </si>
  <si>
    <t>Chak Sikander</t>
  </si>
  <si>
    <t>Vill.Chak Sikandar P.O Kharka Teh. Sara-i-Alamgir</t>
  </si>
  <si>
    <t>Chak Sikandar</t>
  </si>
  <si>
    <t>Humaira Zeb</t>
  </si>
  <si>
    <t>GGPS CHAK SANATTA</t>
  </si>
  <si>
    <t>Chak Sanatta</t>
  </si>
  <si>
    <t>Ggps chak sanatta p/o Ghakhar District Gujranwala Tehsil Wazirabad</t>
  </si>
  <si>
    <t>Sadia Ayub</t>
  </si>
  <si>
    <t>GGPS CHAK SARDAR PUR TEH. SHUJABAD</t>
  </si>
  <si>
    <t>ShahPur Ubbhah</t>
  </si>
  <si>
    <t>chack sardar pur</t>
  </si>
  <si>
    <t>Shah Pur Ubha</t>
  </si>
  <si>
    <t>GGPS CHAK SARO</t>
  </si>
  <si>
    <t>chak saro</t>
  </si>
  <si>
    <t>village chak saro p.o.jhandywal gujrat</t>
  </si>
  <si>
    <t>sheikh sukha</t>
  </si>
  <si>
    <t>Ayesha Falak</t>
  </si>
  <si>
    <t>GGPS CHAK SHAHBAZ</t>
  </si>
  <si>
    <t>chakshahbaz teh phalia Distrit M.B.Din</t>
  </si>
  <si>
    <t>Chak Shahbax</t>
  </si>
  <si>
    <t>Fozia Ilyas</t>
  </si>
  <si>
    <t>GGPS CHAK SHAHEED</t>
  </si>
  <si>
    <t>Chak Shaheed</t>
  </si>
  <si>
    <t>G.G.PS chak shaheed</t>
  </si>
  <si>
    <t>Salma Naeem</t>
  </si>
  <si>
    <t>GGPS CHAK SHAHNAY WALA</t>
  </si>
  <si>
    <t>Kora Isra</t>
  </si>
  <si>
    <t>shahany wala</t>
  </si>
  <si>
    <t>Shahany Wala</t>
  </si>
  <si>
    <t>GGPS CHAK SHER SINGH</t>
  </si>
  <si>
    <t>GGPS chak sher singh</t>
  </si>
  <si>
    <t>Chak Sher Singh</t>
  </si>
  <si>
    <t>GGPS CHAK SIAL</t>
  </si>
  <si>
    <t>Rasulpur</t>
  </si>
  <si>
    <t>gg/ps chak sial</t>
  </si>
  <si>
    <t>Chak Sial</t>
  </si>
  <si>
    <t>Fatih Pur</t>
  </si>
  <si>
    <t>GGPS CHAK SIKANDAR</t>
  </si>
  <si>
    <t>Village Chak Sikandar, P.O Rajowal, Tahsil kharain District Gujrat</t>
  </si>
  <si>
    <t>GGPS CHAK SOMA</t>
  </si>
  <si>
    <t>Soma</t>
  </si>
  <si>
    <t>chack soma pakpattan</t>
  </si>
  <si>
    <t>37 sp</t>
  </si>
  <si>
    <t>GGPS CHAK TALA</t>
  </si>
  <si>
    <t>Chak Tilla</t>
  </si>
  <si>
    <t>chak tilla post office tarkhana mureeda</t>
  </si>
  <si>
    <t>GGPS CHAK TEHSILDARKA</t>
  </si>
  <si>
    <t>Chak Tehsildar</t>
  </si>
  <si>
    <t>GGPS CHAK THAKARA</t>
  </si>
  <si>
    <t>Chak Thakra</t>
  </si>
  <si>
    <t>G. G. P. S chak thakra,  markz chak bawa,  Haveli Lakha</t>
  </si>
  <si>
    <t>42 Sp/ Samundry</t>
  </si>
  <si>
    <t>GGPS CHAK UMAR</t>
  </si>
  <si>
    <t>Chak Umer</t>
  </si>
  <si>
    <t>village: Chak umer; Teh: Noshera Virkan; Gujranwala</t>
  </si>
  <si>
    <t>Asmat Aziz</t>
  </si>
  <si>
    <t>GGPS CHAK UMER</t>
  </si>
  <si>
    <t>Chakumar</t>
  </si>
  <si>
    <t>chak umar</t>
  </si>
  <si>
    <t>Chak Umar</t>
  </si>
  <si>
    <t>Amna Nabila</t>
  </si>
  <si>
    <t>GGPS CHAK VEEHA</t>
  </si>
  <si>
    <t>GGPS chak veeha</t>
  </si>
  <si>
    <t>chak veeha</t>
  </si>
  <si>
    <t>akram abad</t>
  </si>
  <si>
    <t>GGPS CHAK VIRKAN</t>
  </si>
  <si>
    <t>Chak Virkan</t>
  </si>
  <si>
    <t>Chak virkan tehsil noshera virkan</t>
  </si>
  <si>
    <t>naila asghar</t>
  </si>
  <si>
    <t>GGPS CHAK WAHNI</t>
  </si>
  <si>
    <t>Chakwahni</t>
  </si>
  <si>
    <t>chakwahni</t>
  </si>
  <si>
    <t>Kullab</t>
  </si>
  <si>
    <t>GGPS CHAK WALI MUHAMMAD</t>
  </si>
  <si>
    <t>Chak Wali Muhammad</t>
  </si>
  <si>
    <t>chak wali Muhammad depalpur okara</t>
  </si>
  <si>
    <t>GGPS CHAK WARAICH</t>
  </si>
  <si>
    <t>Chak Warraich</t>
  </si>
  <si>
    <t>village chak Warraich tensile pasrur dist sialkot</t>
  </si>
  <si>
    <t>Sidra Nazar</t>
  </si>
  <si>
    <t>GGPS CHAK WARRIACH</t>
  </si>
  <si>
    <t>Chak Warriach</t>
  </si>
  <si>
    <t>chak warraich p/o mandiala tega teh kamoki distt gujranwala</t>
  </si>
  <si>
    <t>Muqadas Khalil</t>
  </si>
  <si>
    <t>GGPS CHAK.162/NP</t>
  </si>
  <si>
    <t>Chack No 162/np</t>
  </si>
  <si>
    <t>chack no 162/np</t>
  </si>
  <si>
    <t>Chack N0 162/np</t>
  </si>
  <si>
    <t>GGPS CHAK.52 LALAY WALA</t>
  </si>
  <si>
    <t>lalay wala chak 52</t>
  </si>
  <si>
    <t>Fozia  Ahmad Din</t>
  </si>
  <si>
    <t>GGPS CHAKARA</t>
  </si>
  <si>
    <t>village chakra p/o Rambari Tehsil zafarwal dist narowal</t>
  </si>
  <si>
    <t>Rambari</t>
  </si>
  <si>
    <t>Shakila Yasmeen</t>
  </si>
  <si>
    <t>GGPS CHAKIAN KALAN</t>
  </si>
  <si>
    <t>Chakian Kalan</t>
  </si>
  <si>
    <t>chakian kalan kamoki</t>
  </si>
  <si>
    <t>Alla Abad</t>
  </si>
  <si>
    <t>Sabah</t>
  </si>
  <si>
    <t>GGPS CHAKIAN PHULARWAN</t>
  </si>
  <si>
    <t>Ggps chakian phularwan</t>
  </si>
  <si>
    <t>Chakian Phularwan</t>
  </si>
  <si>
    <t>GGPS CHAKKI</t>
  </si>
  <si>
    <t>Chaki</t>
  </si>
  <si>
    <t>Village Chaki PO Box Kotli Loharan West</t>
  </si>
  <si>
    <t>GGPS CHAKKIAN</t>
  </si>
  <si>
    <t>BASAL</t>
  </si>
  <si>
    <t>DHOK CHAKIAN VILL AND POST OFFICE BASAL TEH JAND DISTT ATTOCK</t>
  </si>
  <si>
    <t>DHOK CHAKIAN</t>
  </si>
  <si>
    <t>Mashal Bibi</t>
  </si>
  <si>
    <t>GGPS CHAKOHA</t>
  </si>
  <si>
    <t>village chakoha po box Dina</t>
  </si>
  <si>
    <t>Sehar Sultana</t>
  </si>
  <si>
    <t>GGPS CHAKORA</t>
  </si>
  <si>
    <t>vill /p/o chakora</t>
  </si>
  <si>
    <t>Miss Saiqa rehmat</t>
  </si>
  <si>
    <t>GGPS CHAKORI BHAKHO</t>
  </si>
  <si>
    <t>Chakori Bhakho</t>
  </si>
  <si>
    <t>village chakori bakhu</t>
  </si>
  <si>
    <t>GGPS CHAKORI MIANY</t>
  </si>
  <si>
    <t>Chakori Miani</t>
  </si>
  <si>
    <t>GGPS Chakori Miani, Kharian (Gujrat)</t>
  </si>
  <si>
    <t>Shamim Latif</t>
  </si>
  <si>
    <t>GGPS CHAKORI SHER GHAZI</t>
  </si>
  <si>
    <t>Chakori Sher</t>
  </si>
  <si>
    <t>ggps chakori sher ghazi</t>
  </si>
  <si>
    <t>Maryam Saddique</t>
  </si>
  <si>
    <t>GGPS CHAKRALA</t>
  </si>
  <si>
    <t>village chakrala po mari tehsil fateh jang district attock</t>
  </si>
  <si>
    <t>Malaal</t>
  </si>
  <si>
    <t>bring water from near well</t>
  </si>
  <si>
    <t>GGPS Chakri Sial</t>
  </si>
  <si>
    <t>Jindo Shah</t>
  </si>
  <si>
    <t>ggps chakri sial khairpur tamewali district bahawalpur</t>
  </si>
  <si>
    <t>Chakri Sial</t>
  </si>
  <si>
    <t>Anam Yasmin</t>
  </si>
  <si>
    <t>GGPS CHAKYAL HARDU</t>
  </si>
  <si>
    <t>Chakyal Hardu</t>
  </si>
  <si>
    <t>Village Chakyal hardu p /o samote teh Kallar syedan distt rawalpindi</t>
  </si>
  <si>
    <t>GGPS CHALAWRA UPPER</t>
  </si>
  <si>
    <t>Upper Chalawara</t>
  </si>
  <si>
    <t>village upper chalawara p/o chalawara</t>
  </si>
  <si>
    <t>GGPS CHALAY WALA SHUJABAD DISTT. MULTAN</t>
  </si>
  <si>
    <t>Sheer Pur</t>
  </si>
  <si>
    <t>g g p s chawaly wala</t>
  </si>
  <si>
    <t>Pounta</t>
  </si>
  <si>
    <t>GGPS CHALIKE 12 RB</t>
  </si>
  <si>
    <t>120RB</t>
  </si>
  <si>
    <t>P. O, box,, Bhagail Singh, chalike 120RB, Teh Sangla hill distt NNS</t>
  </si>
  <si>
    <t>Cheleki</t>
  </si>
  <si>
    <t>Bhalair 119</t>
  </si>
  <si>
    <t>Farhat Zia</t>
  </si>
  <si>
    <t>GGPS CHALLU KHAN</t>
  </si>
  <si>
    <t>ggps challu khan garhi ikhtiyar khan khanpur dist ryk</t>
  </si>
  <si>
    <t>Hamna Tufail</t>
  </si>
  <si>
    <t>GGPS CHAMAN ABBAS</t>
  </si>
  <si>
    <t>GGPS Chaman abbas ranjeet kot</t>
  </si>
  <si>
    <t>Chak chaman abbas</t>
  </si>
  <si>
    <t>salma perveen</t>
  </si>
  <si>
    <t>GGPS CHAMIARI</t>
  </si>
  <si>
    <t>chamiari,nilhad</t>
  </si>
  <si>
    <t>Chamiari</t>
  </si>
  <si>
    <t>Fouzia Mussarat</t>
  </si>
  <si>
    <t>GGPS CHAMRIAL</t>
  </si>
  <si>
    <t>village chamrial post offic sarjal tehsil shakargarh distric narowal</t>
  </si>
  <si>
    <t>chamrila</t>
  </si>
  <si>
    <t>chamrial</t>
  </si>
  <si>
    <t>Abeera Basharat</t>
  </si>
  <si>
    <t>GGPS CHANALI</t>
  </si>
  <si>
    <t>Chanali</t>
  </si>
  <si>
    <t>village chanali p/o basanta tehsil kallar syedan district rawalpindi</t>
  </si>
  <si>
    <t>GGPS CHANAN KHEL</t>
  </si>
  <si>
    <t>Paka</t>
  </si>
  <si>
    <t>P/O pai khel teh &amp;Distt mianwali</t>
  </si>
  <si>
    <t>Saira Hashmi</t>
  </si>
  <si>
    <t>GGPS CHAND</t>
  </si>
  <si>
    <t>chand</t>
  </si>
  <si>
    <t>village chand pasrur</t>
  </si>
  <si>
    <t>ballagun</t>
  </si>
  <si>
    <t>Samra Yasmeen</t>
  </si>
  <si>
    <t>GGPS CHAND PUR</t>
  </si>
  <si>
    <t>Chand Pur</t>
  </si>
  <si>
    <t>chand pur p/o morekhunda   nankana sahib</t>
  </si>
  <si>
    <t>Sleem Pur Paka</t>
  </si>
  <si>
    <t>GGPS CHAND RAM</t>
  </si>
  <si>
    <t>g gps chandram</t>
  </si>
  <si>
    <t>Chandram</t>
  </si>
  <si>
    <t>Munzza Bibi</t>
  </si>
  <si>
    <t>GGPS CHANDA</t>
  </si>
  <si>
    <t>Village Chanda</t>
  </si>
  <si>
    <t>Rambrhi</t>
  </si>
  <si>
    <t>Najma parveen</t>
  </si>
  <si>
    <t>GGPS CHANDAN WALA</t>
  </si>
  <si>
    <t>chah Hakkry Wala</t>
  </si>
  <si>
    <t>Hakkry Wala</t>
  </si>
  <si>
    <t>GGPS CHANDHAR NO.1</t>
  </si>
  <si>
    <t>Chandar No 1</t>
  </si>
  <si>
    <t>village Chandar no. 1 teh and disst sialkot</t>
  </si>
  <si>
    <t>Shazia Maqsood</t>
  </si>
  <si>
    <t>GGPS CHANDHAR NO.2</t>
  </si>
  <si>
    <t>Chander  No 2</t>
  </si>
  <si>
    <t>village chander  no 2 p\ o Imranwali Tehsil &amp; District Sialkot.</t>
  </si>
  <si>
    <t>Rasool Pur Bhalian</t>
  </si>
  <si>
    <t>Arjumand Rani</t>
  </si>
  <si>
    <t>GGPS CHANDI KOT</t>
  </si>
  <si>
    <t>Chandikot</t>
  </si>
  <si>
    <t>chandikot</t>
  </si>
  <si>
    <t>Uzma Shahzadi</t>
  </si>
  <si>
    <t>GGPS CHANDI PEER</t>
  </si>
  <si>
    <t>Zakhira</t>
  </si>
  <si>
    <t>ggps chandi peer near board office bwp</t>
  </si>
  <si>
    <t>Chandi Peer</t>
  </si>
  <si>
    <t>Anila Shaheen Joiya</t>
  </si>
  <si>
    <t>GGPS CHANDIAWALI</t>
  </si>
  <si>
    <t>Chandianwali</t>
  </si>
  <si>
    <t>govt girls primary school chandianwali</t>
  </si>
  <si>
    <t>Muhar Sharif</t>
  </si>
  <si>
    <t>Hafiza Fakharunnisa</t>
  </si>
  <si>
    <t>GGPS CHANDOOR VIA BASEER PUR</t>
  </si>
  <si>
    <t>Chandour</t>
  </si>
  <si>
    <t>GGPS chandour</t>
  </si>
  <si>
    <t>Phulaan Toli</t>
  </si>
  <si>
    <t>Aqila Khan</t>
  </si>
  <si>
    <t>GGPS CHANDRANI WEST</t>
  </si>
  <si>
    <t>Chandarani West</t>
  </si>
  <si>
    <t>chandarani west</t>
  </si>
  <si>
    <t>Chandarani</t>
  </si>
  <si>
    <t>Jamaal Channer</t>
  </si>
  <si>
    <t>Fozia Wazir</t>
  </si>
  <si>
    <t>GGPS CHANGA MERA</t>
  </si>
  <si>
    <t>Changa Maira</t>
  </si>
  <si>
    <t>VPO Changa Maira ,tehsil Gujar Khan</t>
  </si>
  <si>
    <t>Sabqat Saleem</t>
  </si>
  <si>
    <t>GGPS CHANGAN WALI</t>
  </si>
  <si>
    <t>Changing Wali</t>
  </si>
  <si>
    <t>Ggps changing wali trail daska district sialkot</t>
  </si>
  <si>
    <t>GGPS CHANGAN WALI ARIAN</t>
  </si>
  <si>
    <t>Changanwali Arain</t>
  </si>
  <si>
    <t>village Changanwali Araian p.o jlalpur jattan teh&amp;dist  Gujrat</t>
  </si>
  <si>
    <t>Changanwali Araian</t>
  </si>
  <si>
    <t>Saira Siddique</t>
  </si>
  <si>
    <t>filterplant supply</t>
  </si>
  <si>
    <t>GGPS CHANGARRAN WALA</t>
  </si>
  <si>
    <t>Umarwali</t>
  </si>
  <si>
    <t>changranwala</t>
  </si>
  <si>
    <t>Maibal Dagar</t>
  </si>
  <si>
    <t>kanwal Bahar</t>
  </si>
  <si>
    <t>GGPS CHANGRIAN</t>
  </si>
  <si>
    <t>Changrian</t>
  </si>
  <si>
    <t>village changrian post office chawinda Tehsil Pasrur District Sialkot</t>
  </si>
  <si>
    <t>GGPS CHANI</t>
  </si>
  <si>
    <t>Channi</t>
  </si>
  <si>
    <t>mohallah channi kahuta Town</t>
  </si>
  <si>
    <t>Sadia  shaheen</t>
  </si>
  <si>
    <t>GGPS CHANI ALAM SHER</t>
  </si>
  <si>
    <t>Channi Alam Sher</t>
  </si>
  <si>
    <t>village channi alam sher</t>
  </si>
  <si>
    <t>Motor Boring</t>
  </si>
  <si>
    <t>GGPS CHANI GALA</t>
  </si>
  <si>
    <t>village mori p.o hanesar teh kahuta district rawalpindi</t>
  </si>
  <si>
    <t>GGPS CHANI HOSHNAK RAI</t>
  </si>
  <si>
    <t>Channi Hoshnak Ray</t>
  </si>
  <si>
    <t>channi hoshnak ray hafizabad</t>
  </si>
  <si>
    <t>Rashida Rashid</t>
  </si>
  <si>
    <t>GGPS CHANI JELA</t>
  </si>
  <si>
    <t>village channijela p.o kahuta tesil kahuta distt Rawalpindi</t>
  </si>
  <si>
    <t>Chanijela</t>
  </si>
  <si>
    <t>Rabia Aurangzaib</t>
  </si>
  <si>
    <t>GGPS CHANI WALA</t>
  </si>
  <si>
    <t>Tibba Mustaqil Ghrbi</t>
  </si>
  <si>
    <t>GGPS,Chani wala Daira deen panah</t>
  </si>
  <si>
    <t>Bsti Chani Wala</t>
  </si>
  <si>
    <t>Tibba 3</t>
  </si>
  <si>
    <t>Maimona Saleem</t>
  </si>
  <si>
    <t>GGPS CHANIAN WALA</t>
  </si>
  <si>
    <t>Chanianwala</t>
  </si>
  <si>
    <t>chanianwala village</t>
  </si>
  <si>
    <t>Shehnilla Gulzar</t>
  </si>
  <si>
    <t>GGPS CHANJNI</t>
  </si>
  <si>
    <t>Chanjni</t>
  </si>
  <si>
    <t>basti Abdul qadir naich chanjni Khan bela</t>
  </si>
  <si>
    <t>Basti Abdul qadir Naich</t>
  </si>
  <si>
    <t>GGPS CHANJORA</t>
  </si>
  <si>
    <t>Chanjora</t>
  </si>
  <si>
    <t>ggps  chanjora school</t>
  </si>
  <si>
    <t>Ghorsail</t>
  </si>
  <si>
    <t>Bushra Shahin</t>
  </si>
  <si>
    <t>GGPS CHANNA WALA JHOKE WAINS</t>
  </si>
  <si>
    <t>Jhoke Wains</t>
  </si>
  <si>
    <t>JHOKE WAINS chah chana wala</t>
  </si>
  <si>
    <t>JHOKE WAINS</t>
  </si>
  <si>
    <t>Kosar Yasmeen</t>
  </si>
  <si>
    <t>GGPS CHANNI BAGRIAN</t>
  </si>
  <si>
    <t>Channi Bagrian</t>
  </si>
  <si>
    <t>channi bagrian</t>
  </si>
  <si>
    <t>Channi Bsgrian</t>
  </si>
  <si>
    <t>Halima Begum</t>
  </si>
  <si>
    <t>GGPS CHANNI CHORERAH</t>
  </si>
  <si>
    <t>Channi Chorara</t>
  </si>
  <si>
    <t>Channi chorara</t>
  </si>
  <si>
    <t>Kaleki Mandi</t>
  </si>
  <si>
    <t>GGPS CHANNI GAHNA</t>
  </si>
  <si>
    <t>Channi Ghehna</t>
  </si>
  <si>
    <t>v&amp;p/o channi ghehna tehsil phalia distt M.b.Din</t>
  </si>
  <si>
    <t>Chak Shehbaz</t>
  </si>
  <si>
    <t>Humera Ashraf</t>
  </si>
  <si>
    <t>GGPS CHANNI GHULLA</t>
  </si>
  <si>
    <t>Channi Ghulla</t>
  </si>
  <si>
    <t>channi ghulla p/o qadirabad colony  tehsil distt hafizabad</t>
  </si>
  <si>
    <t>SAIMA NASREEN</t>
  </si>
  <si>
    <t>GGPS CHANNI HAFIZ</t>
  </si>
  <si>
    <t>Channi Hafiz</t>
  </si>
  <si>
    <t>channi hafiz post office deona</t>
  </si>
  <si>
    <t>GGPS CHANNI LUK</t>
  </si>
  <si>
    <t>Channi Luck</t>
  </si>
  <si>
    <t>vill Channi luck Po kot hara teh wazirabad distt Gujranwala</t>
  </si>
  <si>
    <t>Atifa Tu Zahara</t>
  </si>
  <si>
    <t>GGPS CHANNI MUREED</t>
  </si>
  <si>
    <t>Channi Mureed</t>
  </si>
  <si>
    <t>channi mureed, p/o qadirabad colony, teh wazirabad, dist gw</t>
  </si>
  <si>
    <t>Ruqia Khanam</t>
  </si>
  <si>
    <t>GGPS CHANNI NOOR MUHAMMAD</t>
  </si>
  <si>
    <t>Chah Mirza</t>
  </si>
  <si>
    <t>govt. girls primary school channi noor Muhammad</t>
  </si>
  <si>
    <t>Bagh Kuhna</t>
  </si>
  <si>
    <t>Shazia Ata</t>
  </si>
  <si>
    <t>GGPS CHANNI THATHLAN</t>
  </si>
  <si>
    <t>Channi Thathlan</t>
  </si>
  <si>
    <t>chani thatlan post office chak bhatti tehsil pindi bhattian district hafizabad</t>
  </si>
  <si>
    <t>Check Bhati</t>
  </si>
  <si>
    <t>Sarwat Qureshi</t>
  </si>
  <si>
    <t>GGPS CHANNI THOTHA RAI</t>
  </si>
  <si>
    <t>Chani Thutha</t>
  </si>
  <si>
    <t>chani thutha p.o. Thutha Ray Bahadur Teh Kharian  Dist  Gujrat</t>
  </si>
  <si>
    <t>Thutha Ray Bahadur</t>
  </si>
  <si>
    <t>Attia Mehmood</t>
  </si>
  <si>
    <t>GGPS CHANNI TITO</t>
  </si>
  <si>
    <t>Channi Titto</t>
  </si>
  <si>
    <t>chenni tito post office sarjal teh shakargarh district narowal</t>
  </si>
  <si>
    <t>Channi Tito</t>
  </si>
  <si>
    <t>Chamriyal</t>
  </si>
  <si>
    <t>GGPS CHANNIAN</t>
  </si>
  <si>
    <t>Channian</t>
  </si>
  <si>
    <t>village channian tehsil and district narowal</t>
  </si>
  <si>
    <t>M Waseem</t>
  </si>
  <si>
    <t>GGPS CHANNU SHAHBAZ</t>
  </si>
  <si>
    <t>Channu Shehbaz</t>
  </si>
  <si>
    <t>tehsil&amp;disct lodhran,channu shehbaz basti sahai gailywal.</t>
  </si>
  <si>
    <t>GGPS CHANT SEHJRA</t>
  </si>
  <si>
    <t>Chant</t>
  </si>
  <si>
    <t>chant</t>
  </si>
  <si>
    <t>Asia Rashid</t>
  </si>
  <si>
    <t>GGPS CHANU MOME</t>
  </si>
  <si>
    <t>Channu Mome</t>
  </si>
  <si>
    <t>GGPS Channu Mome, Sialkot</t>
  </si>
  <si>
    <t>Charind</t>
  </si>
  <si>
    <t>GGPS CHANWAT</t>
  </si>
  <si>
    <t>Chanwat</t>
  </si>
  <si>
    <t>ada chanwat saiwal road</t>
  </si>
  <si>
    <t>Tabassum Nisar</t>
  </si>
  <si>
    <t>GGPS CHAOKAY KHURD</t>
  </si>
  <si>
    <t>Chau Key Khurd</t>
  </si>
  <si>
    <t>chaukey khurd</t>
  </si>
  <si>
    <t>Shumaila Farrukh</t>
  </si>
  <si>
    <t>GGPS CHAP SANDHI</t>
  </si>
  <si>
    <t>CHAP SANDI</t>
  </si>
  <si>
    <t>KALWAL</t>
  </si>
  <si>
    <t>SAFIA SADDIQUE</t>
  </si>
  <si>
    <t>GGPS CHAPATI WALA (BABA TEND DARBAR)</t>
  </si>
  <si>
    <t>Patal Munda Darmyni</t>
  </si>
  <si>
    <t>CHAPATI WALA</t>
  </si>
  <si>
    <t>Chak No 567 TDA</t>
  </si>
  <si>
    <t>Mehnaz Shoukat</t>
  </si>
  <si>
    <t>GGPS CHAPPA</t>
  </si>
  <si>
    <t>Chappa</t>
  </si>
  <si>
    <t>village chappa post office bata pur lahore</t>
  </si>
  <si>
    <t>Wajeeha Mehboob</t>
  </si>
  <si>
    <t>GGPS CHAPPAR GHAIA</t>
  </si>
  <si>
    <t>Chapper Ghaya</t>
  </si>
  <si>
    <t>village .chapper ghaya</t>
  </si>
  <si>
    <t>Sameera Shafique</t>
  </si>
  <si>
    <t>GGPS CHAPPATTIA</t>
  </si>
  <si>
    <t>Chappatia</t>
  </si>
  <si>
    <t>gohrya wali behni moza chappatia</t>
  </si>
  <si>
    <t>Bachanwali</t>
  </si>
  <si>
    <t>Nazia Sarwar</t>
  </si>
  <si>
    <t>GGPS CHAPPRI</t>
  </si>
  <si>
    <t>chahpri ranjhy wali</t>
  </si>
  <si>
    <t>Chahpri Ranjhy Wali</t>
  </si>
  <si>
    <t>GGPS CHAPRI NO. 2</t>
  </si>
  <si>
    <t>CHAPRI p/o CHAPRI tehsil ISA khel</t>
  </si>
  <si>
    <t>GGPS CHAPRI PANIOLA</t>
  </si>
  <si>
    <t>Barrian pathora</t>
  </si>
  <si>
    <t>Village Barrian pathora p o mallot sattian Teh Kotli sattian District Rwp</t>
  </si>
  <si>
    <t>Rahna Basheer</t>
  </si>
  <si>
    <t>GGPS CHAPRI RAWAL</t>
  </si>
  <si>
    <t>Chapri Rawal</t>
  </si>
  <si>
    <t>ggps chapri rawal</t>
  </si>
  <si>
    <t>GGPS CHAPRI THAL APPAR KHEL</t>
  </si>
  <si>
    <t>ggps chapri than appar khel kamarmushani isakhel mianwali</t>
  </si>
  <si>
    <t>Appar Khel</t>
  </si>
  <si>
    <t>Kalsoom aziz</t>
  </si>
  <si>
    <t>GGPS CHAPRI THAL KHIAL MIR WALA</t>
  </si>
  <si>
    <t>wandha. khail mir</t>
  </si>
  <si>
    <t>Qatalkhel</t>
  </si>
  <si>
    <t>Zubaida BiBi</t>
  </si>
  <si>
    <t>GGPS CHAR YARI</t>
  </si>
  <si>
    <t>Char Yari</t>
  </si>
  <si>
    <t>Char Yari Hoat Sial</t>
  </si>
  <si>
    <t>Hoat Sial</t>
  </si>
  <si>
    <t>SamandoAana</t>
  </si>
  <si>
    <t>Samina kousar</t>
  </si>
  <si>
    <t>GGPS CHARAGH ABAD</t>
  </si>
  <si>
    <t>chinote road, ggps charagh abad</t>
  </si>
  <si>
    <t>Koat Khan Muhammad Muhammad</t>
  </si>
  <si>
    <t>Gulshan Zahra</t>
  </si>
  <si>
    <t>GGPS CHARAGH HUSSAIN SHAH</t>
  </si>
  <si>
    <t>Best Korai moza talbani</t>
  </si>
  <si>
    <t>Korai</t>
  </si>
  <si>
    <t>SadiA Haleema</t>
  </si>
  <si>
    <t>GGPS CHARAT</t>
  </si>
  <si>
    <t>Charrat</t>
  </si>
  <si>
    <t>village charrat po fateh jang teh fateh jang attock</t>
  </si>
  <si>
    <t>GGPS CHARGAL</t>
  </si>
  <si>
    <t>Govt Model Primary School Chargal Tehsil Kallur Kot, District Bhakkar</t>
  </si>
  <si>
    <t>Chargal</t>
  </si>
  <si>
    <t>Sobia Ibrahim</t>
  </si>
  <si>
    <t>GGPS CHARHAT SINGH</t>
  </si>
  <si>
    <t>Charhat Singh</t>
  </si>
  <si>
    <t>Charhat Singh near burj llyas khan</t>
  </si>
  <si>
    <t>Shazia khushi</t>
  </si>
  <si>
    <t>GGPS CHARJAGIRAN</t>
  </si>
  <si>
    <t>Maira Shrif</t>
  </si>
  <si>
    <t>charjarian Pindigaib attock</t>
  </si>
  <si>
    <t>Charjagiran</t>
  </si>
  <si>
    <t>Shazia Mussurrat</t>
  </si>
  <si>
    <t>GGPS CHARRA</t>
  </si>
  <si>
    <t>Chahra</t>
  </si>
  <si>
    <t>vill,chahra,P/O,T/D Gujrat</t>
  </si>
  <si>
    <t>Iram shahzad</t>
  </si>
  <si>
    <t>bore water</t>
  </si>
  <si>
    <t>GGPS CHARWIND</t>
  </si>
  <si>
    <t>Charwind</t>
  </si>
  <si>
    <t>Charwind  chak no 111rb teh sangla hill district nankana sahib</t>
  </si>
  <si>
    <t>Manzoor Kausar</t>
  </si>
  <si>
    <t>GGPS CHASHMA BERAJ</t>
  </si>
  <si>
    <t>khanqah sirajia moh. allo khel</t>
  </si>
  <si>
    <t>Khanqah Sirrajia</t>
  </si>
  <si>
    <t>SHAGHUFTA  GULNAR</t>
  </si>
  <si>
    <t>GGPS CHASHMA COLONY</t>
  </si>
  <si>
    <t>near chashma barriadge</t>
  </si>
  <si>
    <t>GGPS CHASHMI</t>
  </si>
  <si>
    <t>Tabbi Sar</t>
  </si>
  <si>
    <t>ggps Chashmai tabbisar p/o tabbisar teh esakhel</t>
  </si>
  <si>
    <t>Chashmai</t>
  </si>
  <si>
    <t>Sumaira Afnaz Bano</t>
  </si>
  <si>
    <t>GGPS CHATHA CHAK 46/RB</t>
  </si>
  <si>
    <t>Chath chak 46 RB</t>
  </si>
  <si>
    <t>45 marrar</t>
  </si>
  <si>
    <t>Sabiha Munir</t>
  </si>
  <si>
    <t>GGPS CHATOR</t>
  </si>
  <si>
    <t>Chatro</t>
  </si>
  <si>
    <t>Village Chatro P/O Mughal via Sihala Teh &amp; Dist RWP</t>
  </si>
  <si>
    <t>Riffat Rehna</t>
  </si>
  <si>
    <t>GGPS CHATRAANA</t>
  </si>
  <si>
    <t>village chatrana po khalol Tehsil kahuta district rawalpindi</t>
  </si>
  <si>
    <t>GGPS CHATT WAHIN</t>
  </si>
  <si>
    <t>Chatt wahin</t>
  </si>
  <si>
    <t>GGPS CHATT WAHIN MAILSI</t>
  </si>
  <si>
    <t>Chatt Wahin</t>
  </si>
  <si>
    <t>Chittania</t>
  </si>
  <si>
    <t>Naseem  e Saher</t>
  </si>
  <si>
    <t>GGPS CHATTAY WALA</t>
  </si>
  <si>
    <t>Lau</t>
  </si>
  <si>
    <t>GGPS chattay wala</t>
  </si>
  <si>
    <t>Moza Lau</t>
  </si>
  <si>
    <t>Chattah</t>
  </si>
  <si>
    <t>Zaheera Akhtar</t>
  </si>
  <si>
    <t>GGPS CHATTER</t>
  </si>
  <si>
    <t>Chattar</t>
  </si>
  <si>
    <t>teh skg dist Narowal p/o Makhwal vill chatter</t>
  </si>
  <si>
    <t>Zeenat Zaheen</t>
  </si>
  <si>
    <t>GGPS CHAUDRY COLONY</t>
  </si>
  <si>
    <t>Chaudhry Colony Jhang city</t>
  </si>
  <si>
    <t>Shakila Sajjad</t>
  </si>
  <si>
    <t>GGPS CHAUWAL</t>
  </si>
  <si>
    <t>Chauwall</t>
  </si>
  <si>
    <t>Ansar Batool</t>
  </si>
  <si>
    <t>GGPS CHAWA</t>
  </si>
  <si>
    <t>Village and post office chawa tehsil bhera district sargodha</t>
  </si>
  <si>
    <t>Saiqa Rubab</t>
  </si>
  <si>
    <t>GGPS CHAWATIAN CHATHA</t>
  </si>
  <si>
    <t>Chawatian Chatha</t>
  </si>
  <si>
    <t>chawatian chatha p/o qadrabad colony teh wazirabad distt gujranwala</t>
  </si>
  <si>
    <t>Sayed Nager</t>
  </si>
  <si>
    <t>Shabana Touheed</t>
  </si>
  <si>
    <t>GGPS CHAWEKA</t>
  </si>
  <si>
    <t>Chawaika</t>
  </si>
  <si>
    <t>GGPS Chawaika Sahiwal Sargodha</t>
  </si>
  <si>
    <t>Dania Rubab</t>
  </si>
  <si>
    <t>GGPS CHAWEY WALA</t>
  </si>
  <si>
    <t>Chawey Wala</t>
  </si>
  <si>
    <t>gyps Chawey wala</t>
  </si>
  <si>
    <t>GGPS CHAWINDA NO.2</t>
  </si>
  <si>
    <t>ggpsno2 chawinda</t>
  </si>
  <si>
    <t>Yousaf Pervaz</t>
  </si>
  <si>
    <t>GGPS CHAWOND WALI</t>
  </si>
  <si>
    <t>Rao baila shrqi</t>
  </si>
  <si>
    <t>Basti chawand wali</t>
  </si>
  <si>
    <t>Chawand wali</t>
  </si>
  <si>
    <t>Taqdees Fatima</t>
  </si>
  <si>
    <t>GGPS CHECHI</t>
  </si>
  <si>
    <t>Chechi</t>
  </si>
  <si>
    <t>GGPS Chechi tehsil Hazro district Attock.</t>
  </si>
  <si>
    <t>Gulfreen Mehmood</t>
  </si>
  <si>
    <t>GGPS CHECHI NOOR</t>
  </si>
  <si>
    <t>Chechi Noor</t>
  </si>
  <si>
    <t>Village chechi noor post office dhung tehsil Gujar khan district Rawal pindi</t>
  </si>
  <si>
    <t>Chachi Noor</t>
  </si>
  <si>
    <t>Sobia Yasmeen</t>
  </si>
  <si>
    <t>GGPS CHEEKEL WALA</t>
  </si>
  <si>
    <t>Ahmad Diwala</t>
  </si>
  <si>
    <t>basti cheekel wala</t>
  </si>
  <si>
    <t>Cheekel Wala</t>
  </si>
  <si>
    <t>Maimoona Yasmeen</t>
  </si>
  <si>
    <t>GGPS CHEELI WALI</t>
  </si>
  <si>
    <t>Chalay Wali</t>
  </si>
  <si>
    <t>VILLAGE CHALAY  WALI P/O TALWANDI BHINDRAN TEH&amp;DISS NAROWAL</t>
  </si>
  <si>
    <t>CHALAY WALI</t>
  </si>
  <si>
    <t>DATYWAL</t>
  </si>
  <si>
    <t>Nida Iqbal</t>
  </si>
  <si>
    <t>GGPS CHEEMA COLONY</t>
  </si>
  <si>
    <t>Cheema Colony</t>
  </si>
  <si>
    <t>cheemacolony wzd street no 8</t>
  </si>
  <si>
    <t>Mehwish Firdous</t>
  </si>
  <si>
    <t>GGPS CHEENA BELA SINGH</t>
  </si>
  <si>
    <t>Cheena Bella Singh</t>
  </si>
  <si>
    <t>Cheena Bella Singh Po kangan Pur Tehsil Chunian Kasur</t>
  </si>
  <si>
    <t>Razia Noor</t>
  </si>
  <si>
    <t>GGPS CHEENA HITHAR</t>
  </si>
  <si>
    <t>GGPS CHEENA OTAR</t>
  </si>
  <si>
    <t>Chhina Ottar</t>
  </si>
  <si>
    <t>chhina ottar</t>
  </si>
  <si>
    <t>Mehreen Ali</t>
  </si>
  <si>
    <t>GGPS CHEENA VIRKAN</t>
  </si>
  <si>
    <t>Cheena Virkan</t>
  </si>
  <si>
    <t>Sidra Andleeb</t>
  </si>
  <si>
    <t>GGPS CHEENAL WALA</t>
  </si>
  <si>
    <t>Esa Khel</t>
  </si>
  <si>
    <t>Moh Parali khel</t>
  </si>
  <si>
    <t>Esakhel</t>
  </si>
  <si>
    <t>Kosar Parveen</t>
  </si>
  <si>
    <t>GGPS CHEENAY SAGGAL</t>
  </si>
  <si>
    <t>Cheeny Sagal</t>
  </si>
  <si>
    <t>Ggps cheeny sagal</t>
  </si>
  <si>
    <t>noor surriya</t>
  </si>
  <si>
    <t>GGPS CHELI WALA</t>
  </si>
  <si>
    <t>Danwran</t>
  </si>
  <si>
    <t>nzd Multan by pass khanewal road lodhran</t>
  </si>
  <si>
    <t>Shahnaz Parveen Awan</t>
  </si>
  <si>
    <t>GGPS CHELLAY WALI</t>
  </si>
  <si>
    <t>Challaywali</t>
  </si>
  <si>
    <t>challaywali</t>
  </si>
  <si>
    <t>Ransinwal</t>
  </si>
  <si>
    <t>GGPS CHEMEKI SAHI</t>
  </si>
  <si>
    <t>Chak No 20 / 72</t>
  </si>
  <si>
    <t>G G M P S Chemey KeSahiChak no 20/72 P/o Syedwala Tehsil &amp; Distt Nankana Sahib</t>
  </si>
  <si>
    <t>Chak No 20/72</t>
  </si>
  <si>
    <t>nasira fiaz</t>
  </si>
  <si>
    <t>GGPS CHERAG PAK</t>
  </si>
  <si>
    <t>Chak No171/JB</t>
  </si>
  <si>
    <t>GGPS Cheragh Pak</t>
  </si>
  <si>
    <t>Chak No175/JB</t>
  </si>
  <si>
    <t>Shoukat Bagum</t>
  </si>
  <si>
    <t>GGPS CHERRAYWAN</t>
  </si>
  <si>
    <t>Charraywan</t>
  </si>
  <si>
    <t>Khansaw Irum</t>
  </si>
  <si>
    <t>GGPS CHEWIRA</t>
  </si>
  <si>
    <t>Chewra</t>
  </si>
  <si>
    <t>vill chewra kotli sattian</t>
  </si>
  <si>
    <t>Sumaira Begum</t>
  </si>
  <si>
    <t>GGPS CHHAB</t>
  </si>
  <si>
    <t>padhrar district khushab</t>
  </si>
  <si>
    <t>GGPS CHHABEEL</t>
  </si>
  <si>
    <t>Ghagh Kalan</t>
  </si>
  <si>
    <t>ggps chhabeel</t>
  </si>
  <si>
    <t>Chhabeel</t>
  </si>
  <si>
    <t>GGPS CHHACHHER WALI</t>
  </si>
  <si>
    <t>Checherwali</t>
  </si>
  <si>
    <t>checherwali school</t>
  </si>
  <si>
    <t>Laser</t>
  </si>
  <si>
    <t>Raqia Rasool</t>
  </si>
  <si>
    <t>GGPS CHHALAY SHARIF</t>
  </si>
  <si>
    <t>Chhalay shrif</t>
  </si>
  <si>
    <t>chhalay shrif</t>
  </si>
  <si>
    <t>Karianwala</t>
  </si>
  <si>
    <t>Nosheela Tahseen</t>
  </si>
  <si>
    <t>GGPS CHHANI ACHRAN</t>
  </si>
  <si>
    <t>Channi Achran</t>
  </si>
  <si>
    <t>village Channi Achran teh and distt Sialkot post office chaprar</t>
  </si>
  <si>
    <t>GGPS CHHANI BARHAMAN</t>
  </si>
  <si>
    <t>Channi Berhmnan</t>
  </si>
  <si>
    <t>channi berhmnanan tehsil shakargarh district narowal</t>
  </si>
  <si>
    <t>Channi Berhmnanan</t>
  </si>
  <si>
    <t>Phulwari</t>
  </si>
  <si>
    <t>Mussarat Hussain</t>
  </si>
  <si>
    <t>GGPS CHHANI DAL</t>
  </si>
  <si>
    <t>Channi Dall</t>
  </si>
  <si>
    <t>GGPS CHANNI DAL</t>
  </si>
  <si>
    <t>Meela</t>
  </si>
  <si>
    <t>Riaz Begum</t>
  </si>
  <si>
    <t>GGPS CHHANI GONDAL</t>
  </si>
  <si>
    <t>Channi Gondal</t>
  </si>
  <si>
    <t>GGPS CHHANI GUJRAN</t>
  </si>
  <si>
    <t>Channi Gujran</t>
  </si>
  <si>
    <t>channi gujran p/o tehsil Dina</t>
  </si>
  <si>
    <t>SADAF SAJJAD</t>
  </si>
  <si>
    <t>GGPS CHHANI MUHAMMAD QAZI</t>
  </si>
  <si>
    <t>Channi Muhammad Qazi</t>
  </si>
  <si>
    <t>GGPS CHHANI NAGROTA</t>
  </si>
  <si>
    <t>ChhaniNagrota</t>
  </si>
  <si>
    <t>Chhani.Nagrota post office sukhochak Tehsil Shakargarh District Narowal</t>
  </si>
  <si>
    <t>GGPS CHHANI SHAH PUR</t>
  </si>
  <si>
    <t>Channi shah pur teh. Skg district narowal</t>
  </si>
  <si>
    <t>Channi Shah Pur</t>
  </si>
  <si>
    <t>Shah Pur Bhango</t>
  </si>
  <si>
    <t>GGPS CHHANT</t>
  </si>
  <si>
    <t>GGPS CHHANT Tehsil Bhera district Sargodha</t>
  </si>
  <si>
    <t>GGPS CHHICHRAN WALI</t>
  </si>
  <si>
    <t>Chichranwali</t>
  </si>
  <si>
    <t>village chichranwali post ofc Haslanwala teh phalia dist m.b.din</t>
  </si>
  <si>
    <t>Ummae Salma</t>
  </si>
  <si>
    <t>GGPS CHHOI</t>
  </si>
  <si>
    <t>GGPS chhoi</t>
  </si>
  <si>
    <t>Chhoii</t>
  </si>
  <si>
    <t>GGPS CHHOI CHAKKI</t>
  </si>
  <si>
    <t>dhok chhoi</t>
  </si>
  <si>
    <t>Dhok Chhoi</t>
  </si>
  <si>
    <t>Azra Noureen</t>
  </si>
  <si>
    <t>GGPS CHIANWALI SHARQI</t>
  </si>
  <si>
    <t>Chianwali Sharqi</t>
  </si>
  <si>
    <t>ggps chianwali sharqi</t>
  </si>
  <si>
    <t>GGPS CHIBERR</t>
  </si>
  <si>
    <t>village chibber p/o dullywala</t>
  </si>
  <si>
    <t>Chibber</t>
  </si>
  <si>
    <t>GGPS CHIBRAY WALI</t>
  </si>
  <si>
    <t>Chibraywali</t>
  </si>
  <si>
    <t>village chibraywali.post office kotli loharan</t>
  </si>
  <si>
    <t>Moongar</t>
  </si>
  <si>
    <t>Anam Maqsood</t>
  </si>
  <si>
    <t>donated</t>
  </si>
  <si>
    <t>GGPS CHICHER SIDHIAN</t>
  </si>
  <si>
    <t>chichar saidhan</t>
  </si>
  <si>
    <t>Chicher  Saidhan</t>
  </si>
  <si>
    <t>Hersa Shaikh</t>
  </si>
  <si>
    <t>GGPS CHICHI CHOHAN</t>
  </si>
  <si>
    <t>Chichi Chohan</t>
  </si>
  <si>
    <t>village  Chichi Chohan post office Thekrian.teh Gujar Khan District Rawalpindi</t>
  </si>
  <si>
    <t>Punjgran</t>
  </si>
  <si>
    <t>Aamna Riaz</t>
  </si>
  <si>
    <t>GGPS CHINGREE WALA</t>
  </si>
  <si>
    <t>chak no 189 tda chingree wala khansar teh&amp;distt bhakkar</t>
  </si>
  <si>
    <t>Chingree Wala</t>
  </si>
  <si>
    <t>NASREEN MAI</t>
  </si>
  <si>
    <t>GGPS CHINOTA</t>
  </si>
  <si>
    <t>Chinota</t>
  </si>
  <si>
    <t>village chinota p.o gulehra gali tehsil murree distt Rwp</t>
  </si>
  <si>
    <t>Mubeena Shabir</t>
  </si>
  <si>
    <t>barancle</t>
  </si>
  <si>
    <t>GGPS CHIRAGH DIN WALA</t>
  </si>
  <si>
    <t>Village chirag din wala p/o kalay ottar khudian khas Distt. kasur</t>
  </si>
  <si>
    <t>Chirag Din Wala</t>
  </si>
  <si>
    <t>Naseem Bagh Ali</t>
  </si>
  <si>
    <t>GGPS CHIRAGH KHELAN WALA</t>
  </si>
  <si>
    <t>NARI MIANA</t>
  </si>
  <si>
    <t>NARI MIANA NAZD CHAK MARIS DISTRICT MIANWALI</t>
  </si>
  <si>
    <t>MUZAFAR PUR SHUMALI</t>
  </si>
  <si>
    <t>Ghulam Sakeen</t>
  </si>
  <si>
    <t>GGPS CHIRWIND</t>
  </si>
  <si>
    <t>village charwind post office and teh pasrur disst sialkot</t>
  </si>
  <si>
    <t>Bllagan</t>
  </si>
  <si>
    <t>pure water</t>
  </si>
  <si>
    <t>GGPS CHISHTI QUTAB DIN</t>
  </si>
  <si>
    <t>Chishti Qutab Din</t>
  </si>
  <si>
    <t>Chishti qutab din p/o basir pur tehsil depal pur district  okara</t>
  </si>
  <si>
    <t>Qila Dewa Singh</t>
  </si>
  <si>
    <t>Shamaila Bashir</t>
  </si>
  <si>
    <t>GGPS CHISHTI SHAM DIN</t>
  </si>
  <si>
    <t>Chishti Sham Din</t>
  </si>
  <si>
    <t>chishti sham din</t>
  </si>
  <si>
    <t>Chishti Shah Din</t>
  </si>
  <si>
    <t>Jhuj Kalan</t>
  </si>
  <si>
    <t>GGPS CHISHTI WALA SHUJABAD</t>
  </si>
  <si>
    <t>Ghajuhata</t>
  </si>
  <si>
    <t>ggg.p/s chishti wla lodharn road near basti araab shujabas</t>
  </si>
  <si>
    <t>Chishti Wala</t>
  </si>
  <si>
    <t>GGPS CHISHTIAN DA LOK</t>
  </si>
  <si>
    <t>chishtian DA lok tehsil Sahiwal Dist Sargodha</t>
  </si>
  <si>
    <t>Chishtian DA Lok</t>
  </si>
  <si>
    <t>GGPS CHIT CALROO</t>
  </si>
  <si>
    <t>Chit Carloo</t>
  </si>
  <si>
    <t>chit Carloo</t>
  </si>
  <si>
    <t>Sidra Nosheen</t>
  </si>
  <si>
    <t>GGPS CHITT WALA</t>
  </si>
  <si>
    <t>basti chitt wala near masu  shah</t>
  </si>
  <si>
    <t>kotla lal shah</t>
  </si>
  <si>
    <t>farkhanda jabeen</t>
  </si>
  <si>
    <t>GGPS CHITTA</t>
  </si>
  <si>
    <t>Chitta</t>
  </si>
  <si>
    <t>village and p/o Chitta tehsil noushera district khushab</t>
  </si>
  <si>
    <t>Nadia Yaqoob</t>
  </si>
  <si>
    <t>GGPS CHITTA WATTA</t>
  </si>
  <si>
    <t>Chitta Watta</t>
  </si>
  <si>
    <t>near madrisa mustafai dawat chitta watt</t>
  </si>
  <si>
    <t>Amara Hidayat</t>
  </si>
  <si>
    <t>GGPS CHITTI</t>
  </si>
  <si>
    <t>Village chitti post-office jalalpur sharif</t>
  </si>
  <si>
    <t>Umara Yasmin</t>
  </si>
  <si>
    <t>GGPS CHITTI DAL</t>
  </si>
  <si>
    <t>Amb Sharif</t>
  </si>
  <si>
    <t>vpo warcha moza amb Sharif tehsil quaidabad</t>
  </si>
  <si>
    <t>Saray Miana</t>
  </si>
  <si>
    <t>Goly Wali</t>
  </si>
  <si>
    <t>GGPS CHOAIL</t>
  </si>
  <si>
    <t>BARTHI</t>
  </si>
  <si>
    <t>CHOAIL BARTHI</t>
  </si>
  <si>
    <t>CHOAIL</t>
  </si>
  <si>
    <t>NUSRAT BALOCH</t>
  </si>
  <si>
    <t>GGPS CHOBARA</t>
  </si>
  <si>
    <t>village chobara p/o marri khokhran</t>
  </si>
  <si>
    <t>GGPS CHOBARAH</t>
  </si>
  <si>
    <t>chobara</t>
  </si>
  <si>
    <t>Safia Boota</t>
  </si>
  <si>
    <t>GGPS CHOCHIK</t>
  </si>
  <si>
    <t>Chochik</t>
  </si>
  <si>
    <t>GGPS chochik bucheki nankana sahib</t>
  </si>
  <si>
    <t>ZEENAT RANI</t>
  </si>
  <si>
    <t>from filter in village</t>
  </si>
  <si>
    <t>GGPS CHOGATA ARAIN</t>
  </si>
  <si>
    <t>chogata Arain</t>
  </si>
  <si>
    <t>chogata Arain, model town, Bahawalnagar</t>
  </si>
  <si>
    <t>GGPS CHOGATTI</t>
  </si>
  <si>
    <t>78Np</t>
  </si>
  <si>
    <t>GGPS Chougatti</t>
  </si>
  <si>
    <t>Chougatti</t>
  </si>
  <si>
    <t>Mahpara Aslam</t>
  </si>
  <si>
    <t>GGPS CHOHA SHAH GHARIB</t>
  </si>
  <si>
    <t>Choha Shah Ghreeb</t>
  </si>
  <si>
    <t>village choha shah ghareeb</t>
  </si>
  <si>
    <t>Choha Shah Ghareeb</t>
  </si>
  <si>
    <t>Samia  Munir Butt</t>
  </si>
  <si>
    <t>GGPS CHOHALI</t>
  </si>
  <si>
    <t>Chohali</t>
  </si>
  <si>
    <t>GGPS Chohali</t>
  </si>
  <si>
    <t>Rupochack</t>
  </si>
  <si>
    <t>Nafeesa Tahira</t>
  </si>
  <si>
    <t>GGPS CHOHAN</t>
  </si>
  <si>
    <t>KARIANWALA II - FEMALE</t>
  </si>
  <si>
    <t>Village Chohan p/o Karianwala,Tehsil and District Gujrat</t>
  </si>
  <si>
    <t>Tayyab Rasheed</t>
  </si>
  <si>
    <t>GGPS CHOHAN KALAN</t>
  </si>
  <si>
    <t>Chohan Kalan</t>
  </si>
  <si>
    <t>village chohan kalan</t>
  </si>
  <si>
    <t>Kulewal Syeda</t>
  </si>
  <si>
    <t>Fouzia Khanum</t>
  </si>
  <si>
    <t>GGPS CHOHAN KHURD</t>
  </si>
  <si>
    <t>Chohan Khurd</t>
  </si>
  <si>
    <t>Village Chohan Khurd,  Lalamusa Tehsil Kharian Distt Gujrat</t>
  </si>
  <si>
    <t>GGPS CHOHAN WALA</t>
  </si>
  <si>
    <t>basti chohan wala,jatoi,</t>
  </si>
  <si>
    <t>Dammar Wala Shumali</t>
  </si>
  <si>
    <t>GGPS CHOHAY WALA</t>
  </si>
  <si>
    <t>GGPSCHOHY  Wala</t>
  </si>
  <si>
    <t>Chohy wala P/O PhamaSara tehsile Nowshere Virkan Didst GRW</t>
  </si>
  <si>
    <t>Chohy WALA</t>
  </si>
  <si>
    <t>PhamaSara</t>
  </si>
  <si>
    <t>Rizwana Bashir</t>
  </si>
  <si>
    <t>GGPS CHOHDO AHMAD YAR</t>
  </si>
  <si>
    <t>Chohdo Ahmed Yar</t>
  </si>
  <si>
    <t>vlg chohdo ahmed yar teh pindi bhattia distt hafizabad</t>
  </si>
  <si>
    <t>Kishwer  Tahira</t>
  </si>
  <si>
    <t>GGPS CHOHDO KHUDA YAR</t>
  </si>
  <si>
    <t>CHOHDO KHUDA YAR</t>
  </si>
  <si>
    <t>CHOHDO KHUDA t</t>
  </si>
  <si>
    <t>Saima Kiran</t>
  </si>
  <si>
    <t>GGPS CHOHRAH</t>
  </si>
  <si>
    <t>Chohra</t>
  </si>
  <si>
    <t>Chohra Tehsil muridke district sheikhupura</t>
  </si>
  <si>
    <t>Kalsoom Haidery</t>
  </si>
  <si>
    <t>GGPS CHOI</t>
  </si>
  <si>
    <t>p.o. box dhk mail  village choi</t>
  </si>
  <si>
    <t>GGPS CHOI JANDRAN</t>
  </si>
  <si>
    <t>CHOI JANDRAN</t>
  </si>
  <si>
    <t>GGPS CHOI JANDRAN TEHSIL KALAR KAHAR DIST CHAKWAL</t>
  </si>
  <si>
    <t>KHAIRPUR</t>
  </si>
  <si>
    <t>electrict motor</t>
  </si>
  <si>
    <t>GGPS CHOKARI KHURD</t>
  </si>
  <si>
    <t>Chakori Khurd</t>
  </si>
  <si>
    <t>Chakori Khurd p.o chakori Bhelowal</t>
  </si>
  <si>
    <t>GGPS CHOKERA NO. 2 P/O TEHI</t>
  </si>
  <si>
    <t>vpo tahi</t>
  </si>
  <si>
    <t>GGPS CHOKERIAN CHAK NO.51/RB</t>
  </si>
  <si>
    <t>Chokrian</t>
  </si>
  <si>
    <t>chokrian chak no 51rb</t>
  </si>
  <si>
    <t>GGPS CHOKI MAJHIANA</t>
  </si>
  <si>
    <t>Choki Majhiana</t>
  </si>
  <si>
    <t>choki majhyana</t>
  </si>
  <si>
    <t>Choki Majhyana</t>
  </si>
  <si>
    <t>4 Gd</t>
  </si>
  <si>
    <t>Kishwar Perveen</t>
  </si>
  <si>
    <t>GGPS CHOKI MALOT</t>
  </si>
  <si>
    <t>Chowki Mallot</t>
  </si>
  <si>
    <t>village chowki mallot, po mallot sattian,</t>
  </si>
  <si>
    <t>Faiza Naseeb</t>
  </si>
  <si>
    <t>GGPS CHOLANI</t>
  </si>
  <si>
    <t>basti chulani</t>
  </si>
  <si>
    <t>Anisa Iqbal</t>
  </si>
  <si>
    <t>GGPS CHOLIAN WALI</t>
  </si>
  <si>
    <t>basti cholianwali</t>
  </si>
  <si>
    <t>Cholianwali</t>
  </si>
  <si>
    <t>GGPS CHONI JANUBI</t>
  </si>
  <si>
    <t>Chuni Janubi</t>
  </si>
  <si>
    <t>ggps chuni janubi</t>
  </si>
  <si>
    <t>Tayaba Kiran</t>
  </si>
  <si>
    <t>GGPS CHONTHRA</t>
  </si>
  <si>
    <t>Chontra post office sukheki Mandi tehsil pindi bhattian district Hafizabad</t>
  </si>
  <si>
    <t>Robina Kausar</t>
  </si>
  <si>
    <t>GGPS CHONTRA UCHHALI</t>
  </si>
  <si>
    <t>P/O uchhali tehsil naushera distt khushab</t>
  </si>
  <si>
    <t>Tehmina Razzaq</t>
  </si>
  <si>
    <t>share from union council</t>
  </si>
  <si>
    <t>GGPS CHOOI</t>
  </si>
  <si>
    <t>Dhoke Chooi</t>
  </si>
  <si>
    <t>Dhoke chooi post office lawa Tehsil Lawa</t>
  </si>
  <si>
    <t>GGPS CHOONI JANUBI</t>
  </si>
  <si>
    <t>chooni janubi</t>
  </si>
  <si>
    <t>tibba nahra chak no.79c tda</t>
  </si>
  <si>
    <t>samtiah</t>
  </si>
  <si>
    <t>Sahar Waheed</t>
  </si>
  <si>
    <t>GGPS CHOOR BHOJIA I</t>
  </si>
  <si>
    <t>Choora Bhojia 1</t>
  </si>
  <si>
    <t>Mouza Choura Bhojia 1</t>
  </si>
  <si>
    <t>Mouza Choora Bhojia 1</t>
  </si>
  <si>
    <t>Chak NO 189 GB</t>
  </si>
  <si>
    <t>GGPS CHOOR KOT</t>
  </si>
  <si>
    <t>Choor Kot</t>
  </si>
  <si>
    <t>govt girls primary school choor kot</t>
  </si>
  <si>
    <t>Ahmda Bad</t>
  </si>
  <si>
    <t>Marlo Hatar</t>
  </si>
  <si>
    <t>Ayman Aslam</t>
  </si>
  <si>
    <t>GGPS CHOOR MUGHLIAN CHAK NO. 117/RB</t>
  </si>
  <si>
    <t>Chahoor Mughlian</t>
  </si>
  <si>
    <t>chahoor Mughlian 117</t>
  </si>
  <si>
    <t>Chahoor Mughlian 117</t>
  </si>
  <si>
    <t>Shakila  Noor</t>
  </si>
  <si>
    <t>GGPS CHOOR PURA</t>
  </si>
  <si>
    <t>Chuhar Pura</t>
  </si>
  <si>
    <t>chuhar Pura kasur</t>
  </si>
  <si>
    <t>Sheikh Umad Kohna</t>
  </si>
  <si>
    <t>GGPS CHOORA BHOJIA II</t>
  </si>
  <si>
    <t>Joia Wala</t>
  </si>
  <si>
    <t>GGPS chora Bhojia#2</t>
  </si>
  <si>
    <t>Chora Bhojia 2</t>
  </si>
  <si>
    <t>189 GB Patli</t>
  </si>
  <si>
    <t>Asifa Hameed</t>
  </si>
  <si>
    <t>GGPS CHOPAR HATTA WEST, SARAI SIDHU</t>
  </si>
  <si>
    <t>Choperhatta</t>
  </si>
  <si>
    <t>bussti choperhatta</t>
  </si>
  <si>
    <t>GGPS CHORAN WALA</t>
  </si>
  <si>
    <t>sharif abad teh isakhel district mianwali</t>
  </si>
  <si>
    <t>GGPS CHORASTA MIAN KHAN</t>
  </si>
  <si>
    <t>Nehr Wali Abadi</t>
  </si>
  <si>
    <t>ggps chorasta mian khan nehr wali abadi</t>
  </si>
  <si>
    <t>Chorasta Mian Khan</t>
  </si>
  <si>
    <t>Anam Yasin</t>
  </si>
  <si>
    <t>GGPS CHORLAKI BANGI KHEL</t>
  </si>
  <si>
    <t>Village Chorlacky, Tola Bangi Khel, Isa Khel</t>
  </si>
  <si>
    <t>Chorlacky</t>
  </si>
  <si>
    <t>hukam Zad Bibi</t>
  </si>
  <si>
    <t>From Water tankers</t>
  </si>
  <si>
    <t>GGPS CHOTA MOTA SINGH</t>
  </si>
  <si>
    <t>Chotta Motta Singh</t>
  </si>
  <si>
    <t>chotta motta singh bedian road</t>
  </si>
  <si>
    <t>Shahida Zeeshan</t>
  </si>
  <si>
    <t>GGPS CHOUDHARY AHMED ALI</t>
  </si>
  <si>
    <t>p/o saleem abad moza seelra jampur rajanpur</t>
  </si>
  <si>
    <t>Dera Gujjar</t>
  </si>
  <si>
    <t>GGPS CHOUHAN GURDARI LAL</t>
  </si>
  <si>
    <t>Josran</t>
  </si>
  <si>
    <t>chouhan gurdari lal</t>
  </si>
  <si>
    <t>Chouhan Gurdari Lal</t>
  </si>
  <si>
    <t>GGPS CHOUNTARA ATHWAL</t>
  </si>
  <si>
    <t>Feroz Wattwan</t>
  </si>
  <si>
    <t>G G P S ChontrAthwal</t>
  </si>
  <si>
    <t>Chontra Athwal</t>
  </si>
  <si>
    <t>Feroz Wattan</t>
  </si>
  <si>
    <t>Tahira  Perveen</t>
  </si>
  <si>
    <t>GGPS CHOUR CHAK</t>
  </si>
  <si>
    <t>Chour chak</t>
  </si>
  <si>
    <t>Village chour chak p/o rajowal tehsil kharian</t>
  </si>
  <si>
    <t>Alia rasheed</t>
  </si>
  <si>
    <t>GGPS CHOURA</t>
  </si>
  <si>
    <t>village choura post office dudhuchak</t>
  </si>
  <si>
    <t>Hira Amin</t>
  </si>
  <si>
    <t>GGPS CHOURA RAJPOTAN</t>
  </si>
  <si>
    <t>Choura Rajpotan</t>
  </si>
  <si>
    <t>Choura Rajpotan.Tehsil Muridke. Dist Sheikhupura</t>
  </si>
  <si>
    <t>Samina Farhat</t>
  </si>
  <si>
    <t>GGPS CHOWK BAHADAR PUR</t>
  </si>
  <si>
    <t>ggps bahadarpur</t>
  </si>
  <si>
    <t>Adila Mushtaq</t>
  </si>
  <si>
    <t>GGPS CHOWK DHARAM KOT</t>
  </si>
  <si>
    <t>Chowk Dharam Kot</t>
  </si>
  <si>
    <t>chowk  dharam kot</t>
  </si>
  <si>
    <t>GGPS CHOWK FAROOQ AZAM</t>
  </si>
  <si>
    <t>chowk farooq e Azam sherpur</t>
  </si>
  <si>
    <t>Chowk Farooq E Azam</t>
  </si>
  <si>
    <t>GGPS CHOWK MAHI</t>
  </si>
  <si>
    <t>GGPS Chowk Mahi basti atta Muhammad</t>
  </si>
  <si>
    <t>Basti Atta Muhammad</t>
  </si>
  <si>
    <t>Nagina Sarvat</t>
  </si>
  <si>
    <t>GGPS CHOWK MARLAY</t>
  </si>
  <si>
    <t>Chowk  Marlay</t>
  </si>
  <si>
    <t>chowk  Marlay bahawalnagr road tahsel arifwala district pakpattan</t>
  </si>
  <si>
    <t>Chowk Marlay</t>
  </si>
  <si>
    <t>Machhi Singh</t>
  </si>
  <si>
    <t>Misbah Shoukat</t>
  </si>
  <si>
    <t>GGPS CHOWK NADIR SHAHEED</t>
  </si>
  <si>
    <t>Nwain Arain</t>
  </si>
  <si>
    <t>chowk nadir shaheed</t>
  </si>
  <si>
    <t>Chowk Nadir Shaheed</t>
  </si>
  <si>
    <t>Shabnam Mushtaq</t>
  </si>
  <si>
    <t>GGPS CHOWK SAKHI SARWAR</t>
  </si>
  <si>
    <t>Sakhisarwar</t>
  </si>
  <si>
    <t>chowksakhisarwar</t>
  </si>
  <si>
    <t>SakhiSarwar</t>
  </si>
  <si>
    <t>SajidaPerveen</t>
  </si>
  <si>
    <t>GGPS CHOWK SHAHEED</t>
  </si>
  <si>
    <t>Shaheed Chok</t>
  </si>
  <si>
    <t>govt girls primary school shaheed chok</t>
  </si>
  <si>
    <t>Fozia Nazir</t>
  </si>
  <si>
    <t>GGPS CHOWK YADGAR SAHIWAL CITY</t>
  </si>
  <si>
    <t>Yadgar</t>
  </si>
  <si>
    <t>opposite GPO near  YADGAR chowk Sahiwal</t>
  </si>
  <si>
    <t>Zahida Shamim</t>
  </si>
  <si>
    <t>GGPS CHRISTIAN COLONY</t>
  </si>
  <si>
    <t>34 B/TDA</t>
  </si>
  <si>
    <t>GGPS Christian colony bhakkar</t>
  </si>
  <si>
    <t>Christians Colony</t>
  </si>
  <si>
    <t>GGPS CHUKARIAN</t>
  </si>
  <si>
    <t>Chukerian</t>
  </si>
  <si>
    <t>chokerian pindi bhattian</t>
  </si>
  <si>
    <t>Chokerian</t>
  </si>
  <si>
    <t>Madiha Parveen</t>
  </si>
  <si>
    <t>GGPS CHUKEN-ZAM</t>
  </si>
  <si>
    <t>Chukezam</t>
  </si>
  <si>
    <t>Chuken Zam</t>
  </si>
  <si>
    <t>ASIA IRUM</t>
  </si>
  <si>
    <t>GGPS CHUMAR</t>
  </si>
  <si>
    <t>Chumar</t>
  </si>
  <si>
    <t>vill chumar post office jandala raika chakwal</t>
  </si>
  <si>
    <t>Hina Khawar</t>
  </si>
  <si>
    <t>GGPS CHUMBI SADQAL</t>
  </si>
  <si>
    <t>Chumbi Sadqal</t>
  </si>
  <si>
    <t>chumbi Sadqal post office said pur</t>
  </si>
  <si>
    <t>Sidra Tul Mumtaz</t>
  </si>
  <si>
    <t>GGPS CHUNGI NO.4 LALIAN</t>
  </si>
  <si>
    <t>GGPS Chongi No4 Lalian</t>
  </si>
  <si>
    <t>Mc Lalian</t>
  </si>
  <si>
    <t>Qaisra Iqbal</t>
  </si>
  <si>
    <t>GGPS CHUNJANI</t>
  </si>
  <si>
    <t>Chunjani</t>
  </si>
  <si>
    <t>moza chunjani tehsile mailsi</t>
  </si>
  <si>
    <t>Chittani</t>
  </si>
  <si>
    <t>Huma Shafi</t>
  </si>
  <si>
    <t>GGPS CHUNNAR WALA</t>
  </si>
  <si>
    <t>Pattal gharbi</t>
  </si>
  <si>
    <t>channarwala taunsa mor kot addu</t>
  </si>
  <si>
    <t>Channarwala</t>
  </si>
  <si>
    <t>Pattal</t>
  </si>
  <si>
    <t>GGPS CHUNOO ABAD</t>
  </si>
  <si>
    <t>bsti namurdi</t>
  </si>
  <si>
    <t>Namurdi</t>
  </si>
  <si>
    <t>GGPS CHURKAY</t>
  </si>
  <si>
    <t>Chuhrkay</t>
  </si>
  <si>
    <t>village chuhrkay chawinda pasrur</t>
  </si>
  <si>
    <t>GGPS Churratta No.2</t>
  </si>
  <si>
    <t>near G G H S Mulla Quaid shah jadeed</t>
  </si>
  <si>
    <t>Seema Ayoub</t>
  </si>
  <si>
    <t>GGPS CHUSOO</t>
  </si>
  <si>
    <t>GGPS CHUTALA</t>
  </si>
  <si>
    <t>Govt, gp/s chutala</t>
  </si>
  <si>
    <t>Shazia Yasin</t>
  </si>
  <si>
    <t>GGPS CITY FORT ABBAS</t>
  </si>
  <si>
    <t>ali town street#6</t>
  </si>
  <si>
    <t>Salma Kousar</t>
  </si>
  <si>
    <t>GGPS CITY MINCHIN ABAD</t>
  </si>
  <si>
    <t>Gnash Pura</t>
  </si>
  <si>
    <t>moza Javad pura</t>
  </si>
  <si>
    <t>Javad Pura</t>
  </si>
  <si>
    <t>GGPS CIVIL HOSPITAL</t>
  </si>
  <si>
    <t>Ggps civil hospital daud khel</t>
  </si>
  <si>
    <t>Paki Shahmardan</t>
  </si>
  <si>
    <t>Chandhurain Fatima Kiran</t>
  </si>
  <si>
    <t>GGPS CM BAN BAJWA</t>
  </si>
  <si>
    <t>Fatima Akram</t>
  </si>
  <si>
    <t>GGPS CM BHEELOKAY</t>
  </si>
  <si>
    <t>bheloke</t>
  </si>
  <si>
    <t>Shama Bashir</t>
  </si>
  <si>
    <t>GGPS CM CHAK SANTHAL</t>
  </si>
  <si>
    <t>Chack Santhal</t>
  </si>
  <si>
    <t>village chack santhal p.o phuklian distt .tehsil sialkot</t>
  </si>
  <si>
    <t>YASMIN QAMAR</t>
  </si>
  <si>
    <t>GGPS CM CHANGA</t>
  </si>
  <si>
    <t>changa village tehsil daska</t>
  </si>
  <si>
    <t>Shakra Bhatti</t>
  </si>
  <si>
    <t>GGPS CM DHODHA</t>
  </si>
  <si>
    <t>dhoda</t>
  </si>
  <si>
    <t>village&amp;p/o dhoda tehsil pasrur distt sialkot</t>
  </si>
  <si>
    <t>GGPS CM DHOLAY WALI</t>
  </si>
  <si>
    <t>Dohlywali</t>
  </si>
  <si>
    <t>Dohlywali tehsil daska district sailkot</t>
  </si>
  <si>
    <t>GGPS CM LASU CHAK</t>
  </si>
  <si>
    <t>LASU CHAK</t>
  </si>
  <si>
    <t>village LASU CHAK Post Office Sadnayal</t>
  </si>
  <si>
    <t>Nargis Akhtar</t>
  </si>
  <si>
    <t>GGPS CM MEHRAJKEY</t>
  </si>
  <si>
    <t>mehrajkey</t>
  </si>
  <si>
    <t>po box mehrajkey teh pasrur distt sialkot</t>
  </si>
  <si>
    <t>tayyba zafar</t>
  </si>
  <si>
    <t>GGPS CM MITRANWALI</t>
  </si>
  <si>
    <t>GGCM School mitranwali</t>
  </si>
  <si>
    <t>Rukhsana Begum</t>
  </si>
  <si>
    <t>GGPS CM NOSHERA KAKAY ZIAN</t>
  </si>
  <si>
    <t>nowshera kakay zaiyan</t>
  </si>
  <si>
    <t>village noshehra kakkay zian tehsil pasrur</t>
  </si>
  <si>
    <t>noshehra kaky zian</t>
  </si>
  <si>
    <t>talwandi inayat khan</t>
  </si>
  <si>
    <t>Amira Anwar</t>
  </si>
  <si>
    <t>GGPS CM PADALI</t>
  </si>
  <si>
    <t>PADALI</t>
  </si>
  <si>
    <t>Village padali tehsil daska district sialkot</t>
  </si>
  <si>
    <t>Padali</t>
  </si>
  <si>
    <t>Sidra Rani</t>
  </si>
  <si>
    <t>GGPS CM RANDHIR</t>
  </si>
  <si>
    <t>p.o.&amp;vill. randhir,teh.sambrial,sialkot</t>
  </si>
  <si>
    <t>Maryam Iftikhar Cheema</t>
  </si>
  <si>
    <t>GGPS CM SABAZ KOT</t>
  </si>
  <si>
    <t>GGCM Schol sabazkot</t>
  </si>
  <si>
    <t>Safina Kousar</t>
  </si>
  <si>
    <t>GGPS CM SOHAWA DASKA</t>
  </si>
  <si>
    <t>Ghuzala Shaheen</t>
  </si>
  <si>
    <t>GGPS CM THAHTAH BAWA</t>
  </si>
  <si>
    <t>Thatha Bawa</t>
  </si>
  <si>
    <t>Thatha bawa.p/o Dhoda.Tehsil Pasrur .Distt.Sialkot</t>
  </si>
  <si>
    <t>Saima Khanum</t>
  </si>
  <si>
    <t>GGPS COLONY KOLIAN</t>
  </si>
  <si>
    <t>KOLIAN</t>
  </si>
  <si>
    <t>moza kolian lhr road chiniot</t>
  </si>
  <si>
    <t>JHANB</t>
  </si>
  <si>
    <t>GGPS COLONY MANGINI</t>
  </si>
  <si>
    <t>Mangeni</t>
  </si>
  <si>
    <t>GGPS colony Mangeni bhowana</t>
  </si>
  <si>
    <t>Colony Mangeni</t>
  </si>
  <si>
    <t>Siddiqa Firdus</t>
  </si>
  <si>
    <t>GGPS COLONY NO.3 KHANEWAL</t>
  </si>
  <si>
    <t>ggps col 3 aray wali gali kwl</t>
  </si>
  <si>
    <t>Mc City Kwl</t>
  </si>
  <si>
    <t>Shabana Iftikhar</t>
  </si>
  <si>
    <t>GGPS COLONY SHOUKAT ABAD</t>
  </si>
  <si>
    <t>ggps colony Shoukat Abad head baloki road</t>
  </si>
  <si>
    <t>Haft Mader</t>
  </si>
  <si>
    <t>Rashada Muzaffar</t>
  </si>
  <si>
    <t>GGPS COUMB</t>
  </si>
  <si>
    <t>Kumb</t>
  </si>
  <si>
    <t>Govt.girls.primary.school.kumb</t>
  </si>
  <si>
    <t>GGPS CPC NO. 1 JALAL PUR JATTAN</t>
  </si>
  <si>
    <t>jpj</t>
  </si>
  <si>
    <t>mohallah baghdadi jpj</t>
  </si>
  <si>
    <t>tayyaba safdar</t>
  </si>
  <si>
    <t>GGPS CPC NO. 2 JALALPUR JATTAN</t>
  </si>
  <si>
    <t>Jpj</t>
  </si>
  <si>
    <t>GGps cpc no 2 jpj</t>
  </si>
  <si>
    <t>GGPS C-PLOT PIR KAMAY SHAH</t>
  </si>
  <si>
    <t>Plot C</t>
  </si>
  <si>
    <t>c plot kamay shah</t>
  </si>
  <si>
    <t>Kamay Shah</t>
  </si>
  <si>
    <t>Sana Sabir</t>
  </si>
  <si>
    <t>GGPS DAB KAS</t>
  </si>
  <si>
    <t>vill DAB KASS p/o banth teh Sohawa district Jhelum</t>
  </si>
  <si>
    <t>Dab KASS</t>
  </si>
  <si>
    <t>GGPS DAB WALI</t>
  </si>
  <si>
    <t>Dabwali</t>
  </si>
  <si>
    <t>GGPS Dab Wali</t>
  </si>
  <si>
    <t>Fozia Majeed</t>
  </si>
  <si>
    <t>GGPS DABA PEER</t>
  </si>
  <si>
    <t>basti dabba peer</t>
  </si>
  <si>
    <t>Shagufta Majeed</t>
  </si>
  <si>
    <t>GGPS DABAN WALA</t>
  </si>
  <si>
    <t>Rustam sargana</t>
  </si>
  <si>
    <t>Ggps daban wala moza rustam sargana</t>
  </si>
  <si>
    <t>Daban wala</t>
  </si>
  <si>
    <t>GGPS DABBAR SHAKAR GUNJ</t>
  </si>
  <si>
    <t>Kukria House ward No 2 pakpattan Road Near City Hospital Mcd</t>
  </si>
  <si>
    <t>GGPS Dabbar Shakar Gunj</t>
  </si>
  <si>
    <t>GGPS DABURJI KAKAY ZAYIAN</t>
  </si>
  <si>
    <t>Doburji kaky zian</t>
  </si>
  <si>
    <t>Kubra begum</t>
  </si>
  <si>
    <t>GGPS DACCA</t>
  </si>
  <si>
    <t>Tehsil Murree District Rawalpindi,Village DACCA, PO Alyot</t>
  </si>
  <si>
    <t>DACCA</t>
  </si>
  <si>
    <t>Salma Tahir</t>
  </si>
  <si>
    <t>water pipe line 2</t>
  </si>
  <si>
    <t>GGPS DAD BLOCH</t>
  </si>
  <si>
    <t>Dad Bloch</t>
  </si>
  <si>
    <t>dad bloch</t>
  </si>
  <si>
    <t>GGPS DAD KAMERA</t>
  </si>
  <si>
    <t>dad kamera</t>
  </si>
  <si>
    <t>Kalsoom Ali</t>
  </si>
  <si>
    <t>GGPS DAD POTRA</t>
  </si>
  <si>
    <t>mouza wahi Hussain ada Khan pur nouranga tehsil and district bahawalpur</t>
  </si>
  <si>
    <t>GGPS DAD SHAH</t>
  </si>
  <si>
    <t>WARA SEHRAN</t>
  </si>
  <si>
    <t>DAD SHAH</t>
  </si>
  <si>
    <t>najma batool</t>
  </si>
  <si>
    <t>GGPS DAD WALA SHUJABAD DISTT. MULTAN</t>
  </si>
  <si>
    <t>Near laar road chah daad wala shujabad</t>
  </si>
  <si>
    <t>Chah Dad Wala</t>
  </si>
  <si>
    <t>Rehana Aman</t>
  </si>
  <si>
    <t>GGPS DADA KHOH</t>
  </si>
  <si>
    <t>Zhraf</t>
  </si>
  <si>
    <t>Dada Koh</t>
  </si>
  <si>
    <t>GGPS DADAN</t>
  </si>
  <si>
    <t>Dadan</t>
  </si>
  <si>
    <t>ggps dadan, moza dadan, noorshah, sahiwal</t>
  </si>
  <si>
    <t>Fatima-tu-zahra</t>
  </si>
  <si>
    <t>GGPS DADAY</t>
  </si>
  <si>
    <t>Daday</t>
  </si>
  <si>
    <t>Daday post office Seeray ,Tehsil Phalia, District M.B.Din</t>
  </si>
  <si>
    <t>Dogal</t>
  </si>
  <si>
    <t>Sadia Rasul</t>
  </si>
  <si>
    <t>GGPS DADAY WALA</t>
  </si>
  <si>
    <t>shaher sultan</t>
  </si>
  <si>
    <t>basti cheeny wala shaher sultan</t>
  </si>
  <si>
    <t>basti cheeny wala</t>
  </si>
  <si>
    <t>Tehreem Bukhari</t>
  </si>
  <si>
    <t>GGPS DADOO WALA</t>
  </si>
  <si>
    <t>daduwala</t>
  </si>
  <si>
    <t>GGPS DADRA BALA</t>
  </si>
  <si>
    <t>dadra bala</t>
  </si>
  <si>
    <t>Safia Shahzad</t>
  </si>
  <si>
    <t>GGPS DADRAN WALA</t>
  </si>
  <si>
    <t>Moach</t>
  </si>
  <si>
    <t>watoonwala moach pka</t>
  </si>
  <si>
    <t>Watoon Wala</t>
  </si>
  <si>
    <t>Imtiaz Khatoon</t>
  </si>
  <si>
    <t>GGPS DADRAY WALA</t>
  </si>
  <si>
    <t>D D Panah Mustaqil</t>
  </si>
  <si>
    <t>DD Panah</t>
  </si>
  <si>
    <t>Khalida Khanum</t>
  </si>
  <si>
    <t>GGPS DADU BAJWA</t>
  </si>
  <si>
    <t>Dadu bajwa</t>
  </si>
  <si>
    <t>Village Dadu bajwa  th pasrur</t>
  </si>
  <si>
    <t>Talwandi inayat</t>
  </si>
  <si>
    <t>GGPS DADUANA, SARAI SIDHU</t>
  </si>
  <si>
    <t>mouza daduana basti daduana sarai sidhu</t>
  </si>
  <si>
    <t>Mouza Daduana</t>
  </si>
  <si>
    <t>Rizwana Naureen</t>
  </si>
  <si>
    <t>GGPS DADWAL</t>
  </si>
  <si>
    <t>Dadwal</t>
  </si>
  <si>
    <t>village dadwal p/o sukho teh gujarhan distt rawalpindi</t>
  </si>
  <si>
    <t>GGPS DADWON WALA</t>
  </si>
  <si>
    <t>dadoon wala</t>
  </si>
  <si>
    <t>Dadoon wala</t>
  </si>
  <si>
    <t>Dharma</t>
  </si>
  <si>
    <t>Haseeb Fatima</t>
  </si>
  <si>
    <t>GGPS DAGAR AWAN</t>
  </si>
  <si>
    <t>Daggar Awan</t>
  </si>
  <si>
    <t>Govt girls primary school daggar awan</t>
  </si>
  <si>
    <t>Sobia Rafeeq</t>
  </si>
  <si>
    <t>GGPS DAGAR QURESHI DARMIANI</t>
  </si>
  <si>
    <t>Daggar Quershi</t>
  </si>
  <si>
    <t>GGPS DAGAR SHADA</t>
  </si>
  <si>
    <t>Dagarshada</t>
  </si>
  <si>
    <t>dagarshada</t>
  </si>
  <si>
    <t>Rukhsana parveen</t>
  </si>
  <si>
    <t>GGPS DAGGAR WALI</t>
  </si>
  <si>
    <t>VohoaNorth</t>
  </si>
  <si>
    <t>ggpsdaggerwali</t>
  </si>
  <si>
    <t>Dagger Wali</t>
  </si>
  <si>
    <t>VehoaNorth</t>
  </si>
  <si>
    <t>KALSOOM BI BI</t>
  </si>
  <si>
    <t>GGPS DAGGAR YAAR SHAH GHARBI</t>
  </si>
  <si>
    <t>Daggar yar shah gharbi p/o punjgirain</t>
  </si>
  <si>
    <t>Daggar Yar Shah</t>
  </si>
  <si>
    <t>GGPS DAGHAY WAR</t>
  </si>
  <si>
    <t>Dhagaywar</t>
  </si>
  <si>
    <t>Govt Girls Primary School Daghay War</t>
  </si>
  <si>
    <t>GGPS DAHEY WALA</t>
  </si>
  <si>
    <t>Gadan Vala</t>
  </si>
  <si>
    <t>mouza gadan vala basti dahay wala jampur</t>
  </si>
  <si>
    <t>Dahay Wala</t>
  </si>
  <si>
    <t>Alla Abad Gharbi</t>
  </si>
  <si>
    <t>Sumaira Atta</t>
  </si>
  <si>
    <t>GGPS DAHGUL</t>
  </si>
  <si>
    <t>Daghal</t>
  </si>
  <si>
    <t>moza daghal</t>
  </si>
  <si>
    <t>Langer makhdoom</t>
  </si>
  <si>
    <t>GGPS DAHKOO</t>
  </si>
  <si>
    <t>Dhakoo</t>
  </si>
  <si>
    <t>dhakoo</t>
  </si>
  <si>
    <t>Diyu Sayal</t>
  </si>
  <si>
    <t>Yasmeen Ishaq</t>
  </si>
  <si>
    <t>GGPS DAHMKI</t>
  </si>
  <si>
    <t>Dhamaki</t>
  </si>
  <si>
    <t>GGPS DAHAMKI NEAR MAILSI</t>
  </si>
  <si>
    <t>GGPS DAHMNAL</t>
  </si>
  <si>
    <t>vill Dahmnal PO Manyanda Teh kallar syedan distt Rawalpindi</t>
  </si>
  <si>
    <t>Dahmnal</t>
  </si>
  <si>
    <t>Anum Zakria</t>
  </si>
  <si>
    <t>GGPS DAHRAN WALI</t>
  </si>
  <si>
    <t>Dahranwali</t>
  </si>
  <si>
    <t>GGPS Dahranwali</t>
  </si>
  <si>
    <t>Momil Ishfaq</t>
  </si>
  <si>
    <t>GGPS DAIM MOHAR</t>
  </si>
  <si>
    <t>chak daim mahar post office basir pur tahseel depal pur district okara</t>
  </si>
  <si>
    <t>Chak Daim Mahar</t>
  </si>
  <si>
    <t>GGPS DAIM WALA BASTI CHATTA</t>
  </si>
  <si>
    <t>Daim Wala</t>
  </si>
  <si>
    <t>uc # 43, uc name Mud peer wah, moza Daim wala, APE</t>
  </si>
  <si>
    <t>Rashida Malik</t>
  </si>
  <si>
    <t>GGPS DAIMI WALA, P/O MOUZA BAGAR SARGANA, SARAI SIDHU</t>
  </si>
  <si>
    <t>Daimi Wala</t>
  </si>
  <si>
    <t>Govt,Girls primary school Daimi wala</t>
  </si>
  <si>
    <t>Baggar</t>
  </si>
  <si>
    <t>Mehpara Maryam</t>
  </si>
  <si>
    <t>GGPS DAINSER BALA</t>
  </si>
  <si>
    <t>Dhensar Bala</t>
  </si>
  <si>
    <t>Vill-Dhensar Bala P/O  Dhensar Pain teh-Kamoki District Gujranwala</t>
  </si>
  <si>
    <t>Dhensar Pain</t>
  </si>
  <si>
    <t>Rukhsana Tufail</t>
  </si>
  <si>
    <t>GGPS DAIRA KALOO CHAK NO.36 NB</t>
  </si>
  <si>
    <t>GGPS Dera Kallu 36NB Sargodha</t>
  </si>
  <si>
    <t>36 NB 80</t>
  </si>
  <si>
    <t>farhana mehboob</t>
  </si>
  <si>
    <t>GGPS DAIRA PUR SHUJABAD</t>
  </si>
  <si>
    <t>Dairapur</t>
  </si>
  <si>
    <t>dairpur</t>
  </si>
  <si>
    <t>GGPS DAIRA SHAH</t>
  </si>
  <si>
    <t>Zulaikha Bibi</t>
  </si>
  <si>
    <t>GGPS DAIRY FORM</t>
  </si>
  <si>
    <t>Dairy  Farm</t>
  </si>
  <si>
    <t>miltary dairy farm</t>
  </si>
  <si>
    <t>Dairy   Farm</t>
  </si>
  <si>
    <t>Yasmeen Siddique</t>
  </si>
  <si>
    <t>GGPS DAIWALA SYEDAN</t>
  </si>
  <si>
    <t>Daiwala</t>
  </si>
  <si>
    <t>ggps Daiwala syedan</t>
  </si>
  <si>
    <t>Bathanawala</t>
  </si>
  <si>
    <t>GGPS DAJAL</t>
  </si>
  <si>
    <t>Dockhana dajal</t>
  </si>
  <si>
    <t>Kachi Shahani</t>
  </si>
  <si>
    <t>Safia Kalsoom</t>
  </si>
  <si>
    <t>GGPS DAJAL NO 2</t>
  </si>
  <si>
    <t>Government Girls PS No 2 Dajal Near ufone Tower Mohalla Golian Dajal Tehseel Jampur District Rajanpur</t>
  </si>
  <si>
    <t>Shehla Naureen</t>
  </si>
  <si>
    <t>GGPS DAJAL NO 3</t>
  </si>
  <si>
    <t>gaps no3dajal</t>
  </si>
  <si>
    <t>Zubira Bibi</t>
  </si>
  <si>
    <t>COOLER</t>
  </si>
  <si>
    <t>GGPS DAKHALI</t>
  </si>
  <si>
    <t>village dakhali P/O dakhali Tehsil Kahuta Distt RWP</t>
  </si>
  <si>
    <t>Munib Akhtar</t>
  </si>
  <si>
    <t>GGPS DAKI MEHAR KHAN WALI</t>
  </si>
  <si>
    <t>G g p/s daki mehr khan wali</t>
  </si>
  <si>
    <t>Daki Mehr Khan</t>
  </si>
  <si>
    <t>Sadia Skina</t>
  </si>
  <si>
    <t>GGPS DAKI NUMBER DARAN WALI</t>
  </si>
  <si>
    <t>GGPSDAKI numberdaran Wali Tehsil kalur kot district bhakkar,</t>
  </si>
  <si>
    <t>Daki number Dar Wali</t>
  </si>
  <si>
    <t>Saima Akhtar</t>
  </si>
  <si>
    <t>GGPS DAKI RANGO KHEL</t>
  </si>
  <si>
    <t>ggps daki rangu khel,tehsil kalor kot,distt bhakkar</t>
  </si>
  <si>
    <t>Daki Rangu Khel Wali</t>
  </si>
  <si>
    <t>Mehnaz Hayat</t>
  </si>
  <si>
    <t>GGPS DAL MOR</t>
  </si>
  <si>
    <t>GGPS Dall More Tehsil 18-Hazari District Jhang</t>
  </si>
  <si>
    <t>GGPS DAL WALA TEH. JALALPUR PIRWALA</t>
  </si>
  <si>
    <t>Shujaat Pur</t>
  </si>
  <si>
    <t>Basti Pladh Pur</t>
  </si>
  <si>
    <t>Pladh Pur</t>
  </si>
  <si>
    <t>shujat pur</t>
  </si>
  <si>
    <t>Sobia Saeed</t>
  </si>
  <si>
    <t>GGPS DALAIL WALA</t>
  </si>
  <si>
    <t>Wada Shah</t>
  </si>
  <si>
    <t>g g p /s dalail wala</t>
  </si>
  <si>
    <t>Dalail wala</t>
  </si>
  <si>
    <t>Pirpunja</t>
  </si>
  <si>
    <t>Robina Nawaz</t>
  </si>
  <si>
    <t>GGPS DALI WALI</t>
  </si>
  <si>
    <t>Rasheeda Tasneem</t>
  </si>
  <si>
    <t>GGPS DALIAN WALI</t>
  </si>
  <si>
    <t>Dalianwalai</t>
  </si>
  <si>
    <t>village daliamwali</t>
  </si>
  <si>
    <t>Dalianwali</t>
  </si>
  <si>
    <t>GGPS DALIL WALA, NAWAN SHEHR</t>
  </si>
  <si>
    <t>Saif Pur</t>
  </si>
  <si>
    <t>Maankot tehsil kaber wala Khanewal</t>
  </si>
  <si>
    <t>Dalail Wala</t>
  </si>
  <si>
    <t>Salarwahan Nau</t>
  </si>
  <si>
    <t>GGPS DALILI WALA</t>
  </si>
  <si>
    <t>ggps Dalili Wala1 p/omusa khel district /tehsil mianwali</t>
  </si>
  <si>
    <t>Gullani Khel</t>
  </si>
  <si>
    <t>Ameela Sana</t>
  </si>
  <si>
    <t>GGPS DALILI WALA HAYAT WALA</t>
  </si>
  <si>
    <t>dalili wala hayat wala</t>
  </si>
  <si>
    <t>Dalili Wala</t>
  </si>
  <si>
    <t>Musa khel</t>
  </si>
  <si>
    <t>Samina Akhter</t>
  </si>
  <si>
    <t>GGPS DALLA JARMIAN CHAK NO. 83/RB</t>
  </si>
  <si>
    <t>Dalla Jarmian</t>
  </si>
  <si>
    <t>GGPS Dalla Jarmian Chak 83 RB tehsil Shahkot</t>
  </si>
  <si>
    <t>Rasool Pur Araian Ch#82</t>
  </si>
  <si>
    <t>Nosheen Ghuman</t>
  </si>
  <si>
    <t>GGPS DALLAN BANGLA</t>
  </si>
  <si>
    <t>511/EB Ada Dallan Banglow</t>
  </si>
  <si>
    <t>chakNo 511 EB</t>
  </si>
  <si>
    <t>511 EB</t>
  </si>
  <si>
    <t>Chak 170 EB</t>
  </si>
  <si>
    <t>Adeela Qayyum</t>
  </si>
  <si>
    <t>GGPS DALOO</t>
  </si>
  <si>
    <t>Dallu</t>
  </si>
  <si>
    <t>village dallu</t>
  </si>
  <si>
    <t>Ruby Naz</t>
  </si>
  <si>
    <t>GGPS DALU ABAD</t>
  </si>
  <si>
    <t>Haider abad</t>
  </si>
  <si>
    <t>Dullo abad markz Dhingana-Female</t>
  </si>
  <si>
    <t>Dullo abad</t>
  </si>
  <si>
    <t>Faiza Nasreen</t>
  </si>
  <si>
    <t>GGPS DAMAL</t>
  </si>
  <si>
    <t>VPO Damal, Tehsil Jand, District Attock</t>
  </si>
  <si>
    <t>Nusrat Nawaz</t>
  </si>
  <si>
    <t>GGPS DAMIAN</t>
  </si>
  <si>
    <t>Domian</t>
  </si>
  <si>
    <t>Village Domian PO Kharian Tehsil Kharian District Gujrat</t>
  </si>
  <si>
    <t>Rizwana Jubeen</t>
  </si>
  <si>
    <t>GGPS DAMMER WALA JANUBI NO. 1</t>
  </si>
  <si>
    <t>Azmat Pur</t>
  </si>
  <si>
    <t>dammarwala janubi no1 basti chanjan</t>
  </si>
  <si>
    <t>Basti Chanjan</t>
  </si>
  <si>
    <t>Shaheen Sultana</t>
  </si>
  <si>
    <t>GGPS DAMMER WALA JANUBI NO. 2</t>
  </si>
  <si>
    <t>dammarwala janubi no 2</t>
  </si>
  <si>
    <t>Dammarwala Janubi No2</t>
  </si>
  <si>
    <t>GulNaz Ishaq</t>
  </si>
  <si>
    <t>GGPS DAMMER WALA SHUMALI NO. 1</t>
  </si>
  <si>
    <t>Dammar Wala shumali</t>
  </si>
  <si>
    <t>Dammar  Wala Shumali p/o Dammar Wala Shumali Jatoi Mizaffar Garh</t>
  </si>
  <si>
    <t>Dammar Wala  Shumali</t>
  </si>
  <si>
    <t>Kashifa Gulzar</t>
  </si>
  <si>
    <t>GGPS DANAN</t>
  </si>
  <si>
    <t>Dannan</t>
  </si>
  <si>
    <t>ggps Dannan</t>
  </si>
  <si>
    <t>Rozeena Pervez</t>
  </si>
  <si>
    <t>GGPS DANDA</t>
  </si>
  <si>
    <t>p/po dhanda tahsil Kotli sattian district rawalpindi</t>
  </si>
  <si>
    <t>Waghal Chijana</t>
  </si>
  <si>
    <t>GGPS DANDI JASWAL</t>
  </si>
  <si>
    <t>Dandi Jaswal</t>
  </si>
  <si>
    <t>G/p school Dandi jaswal</t>
  </si>
  <si>
    <t>Jannat Khatoon</t>
  </si>
  <si>
    <t>GGPS DANDIAN</t>
  </si>
  <si>
    <t>Ggps dandian Kala Khatai Road Ferozwala Skp.</t>
  </si>
  <si>
    <t>GGPS DANDKA</t>
  </si>
  <si>
    <t>Village Dandka post Office Saida Sharif Tehsil Phalia District M. B.Din</t>
  </si>
  <si>
    <t>Dandka</t>
  </si>
  <si>
    <t>GGPS DANNA NARRAT</t>
  </si>
  <si>
    <t>Po box dhanda teh kotli sattiyan dist rwp</t>
  </si>
  <si>
    <t>Danna narat bilgaran</t>
  </si>
  <si>
    <t>Water pipe line</t>
  </si>
  <si>
    <t>GGPS DANNARAH</t>
  </si>
  <si>
    <t>Vehoa South</t>
  </si>
  <si>
    <t>ggps danar vehova</t>
  </si>
  <si>
    <t>Vehova South</t>
  </si>
  <si>
    <t>Tahira Mehmooda</t>
  </si>
  <si>
    <t>GGPS DANORI</t>
  </si>
  <si>
    <t>Danori</t>
  </si>
  <si>
    <t>danori</t>
  </si>
  <si>
    <t>Samra Noreen</t>
  </si>
  <si>
    <t>GGPS DANWAL</t>
  </si>
  <si>
    <t>Danwal</t>
  </si>
  <si>
    <t>Village Danwal P/O Chak Dola Tehsil Zafarwal District Year</t>
  </si>
  <si>
    <t>Asif Javed</t>
  </si>
  <si>
    <t>GGPS DANWARAN</t>
  </si>
  <si>
    <t>Danwran  tehsil and district  Lodhran</t>
  </si>
  <si>
    <t>GGPS DAO KAY KALAN</t>
  </si>
  <si>
    <t>Dao K Kalan</t>
  </si>
  <si>
    <t>daokay kalan</t>
  </si>
  <si>
    <t>Khanyana</t>
  </si>
  <si>
    <t>GGPS DAO WALA NEAR BASTI PIR JEEVAN</t>
  </si>
  <si>
    <t>Jamrine Wha</t>
  </si>
  <si>
    <t>basti dao wala</t>
  </si>
  <si>
    <t>Basti Dao Wala</t>
  </si>
  <si>
    <t>Jamrine Wah</t>
  </si>
  <si>
    <t>GGPS DAOKAY CHAK NO 9</t>
  </si>
  <si>
    <t>Daokey Chak 9</t>
  </si>
  <si>
    <t>Daokey Chak no.9. pattoki kasur</t>
  </si>
  <si>
    <t>Bushra Sabir</t>
  </si>
  <si>
    <t>GGPS DAOKAY KALAN</t>
  </si>
  <si>
    <t>Daokaykalan</t>
  </si>
  <si>
    <t>villagedaokaykalan tahsil daska district sialkot p.o peerochak</t>
  </si>
  <si>
    <t>Hina Rafiq</t>
  </si>
  <si>
    <t>GGPS DAPHI</t>
  </si>
  <si>
    <t>Daphai</t>
  </si>
  <si>
    <t>VPO Head Rasul GGPS Dhapai ,M B Din</t>
  </si>
  <si>
    <t>Saima Iram</t>
  </si>
  <si>
    <t>GGPS DARA MEHRAM, ABDUL HAKIM</t>
  </si>
  <si>
    <t>Chak 2km Station Dara Mahram Tehsil Kabirwala District Khanewal</t>
  </si>
  <si>
    <t>GGPS DARA PATHER</t>
  </si>
  <si>
    <t>DARA PATHAR</t>
  </si>
  <si>
    <t>GGP/S DARA PATHER  POST OFFICE CHENAB NAGER</t>
  </si>
  <si>
    <t>AHAMAD NAGAR</t>
  </si>
  <si>
    <t>Rafia Badar</t>
  </si>
  <si>
    <t>GGPS DARA SADIQ CHADHER WALA</t>
  </si>
  <si>
    <t>Dara Saddique Chaddrar</t>
  </si>
  <si>
    <t>Dara Saddique Chaddrar wala</t>
  </si>
  <si>
    <t>Dera Sadique Chaddrar Wala</t>
  </si>
  <si>
    <t>Ali Khil</t>
  </si>
  <si>
    <t>GGPS DARA SODAIE</t>
  </si>
  <si>
    <t>dera sodaie tehsil hazro distt attock</t>
  </si>
  <si>
    <t>Dera Sodaie</t>
  </si>
  <si>
    <t>aneeta waseem</t>
  </si>
  <si>
    <t>GGPS DARAN WALI PINDI GHEB</t>
  </si>
  <si>
    <t>Muh.hurriewala pindighebi</t>
  </si>
  <si>
    <t>TMA Pindigheb</t>
  </si>
  <si>
    <t>Ma moona Iram</t>
  </si>
  <si>
    <t>GGPS DARBAAR TAHIR FAQEER KACHI MANDI</t>
  </si>
  <si>
    <t>Chaudhry</t>
  </si>
  <si>
    <t>darbar Tahir faqeer kachi mandi</t>
  </si>
  <si>
    <t>Lqp city</t>
  </si>
  <si>
    <t>MC Liaquat Pur</t>
  </si>
  <si>
    <t>GGPS DARBAR AALIA</t>
  </si>
  <si>
    <t>Newal Ram</t>
  </si>
  <si>
    <t>Near railway station Darbar Aliya</t>
  </si>
  <si>
    <t>Darbar Aliya</t>
  </si>
  <si>
    <t>GGPS DARBAR AHMED SHER</t>
  </si>
  <si>
    <t>Phol Loli</t>
  </si>
  <si>
    <t>basti Odham Shah, moza phol Loli,union concil Ghazi Pur,markaz zahir pir, tehsil Khan pur</t>
  </si>
  <si>
    <t>Odham Shah</t>
  </si>
  <si>
    <t>GGPS DARBAR BUKHARI FAZIL PUR</t>
  </si>
  <si>
    <t>Fazil Pur</t>
  </si>
  <si>
    <t>basti Master Ahmed baksh Arain mouza fazil pur Tehsil LQP District RYK</t>
  </si>
  <si>
    <t>Master Ahmed Baksh</t>
  </si>
  <si>
    <t>Saima Qadir</t>
  </si>
  <si>
    <t>GGPS DARBAR GILMALA</t>
  </si>
  <si>
    <t>Gilmala</t>
  </si>
  <si>
    <t>Moza gilmala tehsil and district jhang</t>
  </si>
  <si>
    <t>Hina Mehmood</t>
  </si>
  <si>
    <t>GGPS DARBAR INAYAT SHAH</t>
  </si>
  <si>
    <t>darbar inayat shah</t>
  </si>
  <si>
    <t>Darbar Inayat Shah</t>
  </si>
  <si>
    <t>Aoulakh Thal Klan</t>
  </si>
  <si>
    <t>Khudija Shahid</t>
  </si>
  <si>
    <t>GGPS DARBAR KANWAN</t>
  </si>
  <si>
    <t>Gagrana</t>
  </si>
  <si>
    <t>GGPS darbar kanwan moza gagrana district jhang</t>
  </si>
  <si>
    <t>Darbar Kanwan</t>
  </si>
  <si>
    <t>Itrat Naveed</t>
  </si>
  <si>
    <t>GGPS DARBAR KHAWAJA M AKBAR BASIR PUR</t>
  </si>
  <si>
    <t>near janazgah main bazar basirpur</t>
  </si>
  <si>
    <t>Azra Parvee</t>
  </si>
  <si>
    <t>GGPS DARBAR KOT</t>
  </si>
  <si>
    <t>Darbar Kot</t>
  </si>
  <si>
    <t>darbar kot</t>
  </si>
  <si>
    <t>Irum SHAHZADI</t>
  </si>
  <si>
    <t>GGPS DARBAR MAJEOH SHAH</t>
  </si>
  <si>
    <t>near darbar  majru Shah Allahabad</t>
  </si>
  <si>
    <t>Saeeda Abbasi</t>
  </si>
  <si>
    <t>GGPS DARBAR MIAN BAHAWAL SHER</t>
  </si>
  <si>
    <t>Bhawal Sher</t>
  </si>
  <si>
    <t>Sarwari Begum</t>
  </si>
  <si>
    <t>GGPS DARBAR MIAN HASSA</t>
  </si>
  <si>
    <t>Darbar MIAN hassa</t>
  </si>
  <si>
    <t>Darbar MIAN Hassa</t>
  </si>
  <si>
    <t>GGPS DARBAR MIAN JEEWAN</t>
  </si>
  <si>
    <t>Abadi darbar mian jeewan moaza mukhiana</t>
  </si>
  <si>
    <t>Umm e Aiman</t>
  </si>
  <si>
    <t>GGPS DARBAR MIAN REHMAT</t>
  </si>
  <si>
    <t>Icherwal</t>
  </si>
  <si>
    <t>darbar mian rehmat teh lalian disct chiniot</t>
  </si>
  <si>
    <t>Darbar Mian Rehmat</t>
  </si>
  <si>
    <t>Ansar Perveen</t>
  </si>
  <si>
    <t>GGPS DARBAR MIRAN TAHLI</t>
  </si>
  <si>
    <t>jalalpur kamlana female</t>
  </si>
  <si>
    <t>miran tahli jalalpur city shorkot tehsil jhang</t>
  </si>
  <si>
    <t>miran tahli</t>
  </si>
  <si>
    <t>ghumman marhi</t>
  </si>
  <si>
    <t>Aysha khanum</t>
  </si>
  <si>
    <t>GGPS DARBAR MOHAMMAD SIDDIQUE</t>
  </si>
  <si>
    <t>Darbar M Saddiq</t>
  </si>
  <si>
    <t>Darbar M. Saddiq Lalian District Chiniot</t>
  </si>
  <si>
    <t>Tanveer Rafee</t>
  </si>
  <si>
    <t>GGPS DARBAR MUHAMMAD JAMAL</t>
  </si>
  <si>
    <t>Darbar M Jamali</t>
  </si>
  <si>
    <t>Darbar Muhammed jmali girot</t>
  </si>
  <si>
    <t>Girot</t>
  </si>
  <si>
    <t>GGPS DARBAR ZAHIR PIR MULTAN</t>
  </si>
  <si>
    <t>Munchi Wala</t>
  </si>
  <si>
    <t>G g p/s darbar Zahir pir</t>
  </si>
  <si>
    <t>GGPS DARGA PUR LODRAAN</t>
  </si>
  <si>
    <t>Paka Kho</t>
  </si>
  <si>
    <t>moza paka kho dargahpur lodhran</t>
  </si>
  <si>
    <t>Dargah Pur</t>
  </si>
  <si>
    <t>Sabeen Kanwal</t>
  </si>
  <si>
    <t>GGPS DARGAHI SHAH</t>
  </si>
  <si>
    <t>DARGAHI SHAH</t>
  </si>
  <si>
    <t>JABBOANA</t>
  </si>
  <si>
    <t>Farhana Jabeen Summia</t>
  </si>
  <si>
    <t>GGPS DARGAN WALI</t>
  </si>
  <si>
    <t>Dargan Wali</t>
  </si>
  <si>
    <t>Village dargan wali district sialkot</t>
  </si>
  <si>
    <t>Sydanwali</t>
  </si>
  <si>
    <t>GGPS DARGHAI WALA</t>
  </si>
  <si>
    <t>basti darghai wala khairpur sadaat tehsil alipur district muzzafargarh</t>
  </si>
  <si>
    <t>Darghaiwala</t>
  </si>
  <si>
    <t>Khairpur sadaat</t>
  </si>
  <si>
    <t>Najma Saeed</t>
  </si>
  <si>
    <t>GGPS DARI KHAIR MUHAMMAD</t>
  </si>
  <si>
    <t>BegarGarhi</t>
  </si>
  <si>
    <t>GGP/s Dari khair Muhammad</t>
  </si>
  <si>
    <t>Dari Khair Muhammad</t>
  </si>
  <si>
    <t>GGPS DARI NO. 9</t>
  </si>
  <si>
    <t>Chuhdri</t>
  </si>
  <si>
    <t>chah pachar wala</t>
  </si>
  <si>
    <t>Chah Pachar Wala</t>
  </si>
  <si>
    <t>GUL SHAMIM</t>
  </si>
  <si>
    <t>GGPS DARIANWALA</t>
  </si>
  <si>
    <t>Derianwala district and division Narowal</t>
  </si>
  <si>
    <t>Paijowali</t>
  </si>
  <si>
    <t>Rukhsana Akbar Ali</t>
  </si>
  <si>
    <t>GGPS DARIYAN</t>
  </si>
  <si>
    <t>Dariyan</t>
  </si>
  <si>
    <t>village Dariyan</t>
  </si>
  <si>
    <t>GGPS DARKALA</t>
  </si>
  <si>
    <t>Darkala</t>
  </si>
  <si>
    <t>vill &amp;p.o dark ala Teh.gujarkhan dist.RWP</t>
  </si>
  <si>
    <t>Shaheen Qammar</t>
  </si>
  <si>
    <t>GGPS DARKALI KALLAN</t>
  </si>
  <si>
    <t>Darkali Kalan</t>
  </si>
  <si>
    <t>darkali kalan</t>
  </si>
  <si>
    <t>Fozia Adalat</t>
  </si>
  <si>
    <t>GGPS DARKALI MEMORI</t>
  </si>
  <si>
    <t>Kallar</t>
  </si>
  <si>
    <t>Village and p o Darkali Mamoori Tehsil kallar syedan</t>
  </si>
  <si>
    <t>Darkali Mamoori</t>
  </si>
  <si>
    <t>Nosheen Nazli</t>
  </si>
  <si>
    <t>GGPS DARKHAN WALA PO KOT SULTAN</t>
  </si>
  <si>
    <t>wanjhera thal</t>
  </si>
  <si>
    <t>Ggps darkhan wala mohallah hasnain abad</t>
  </si>
  <si>
    <t>kotsultan</t>
  </si>
  <si>
    <t>kotsultan Urban</t>
  </si>
  <si>
    <t>Shehnaz Bibi</t>
  </si>
  <si>
    <t>GGPS DARKHAN WALA SHER SHAH ROAD</t>
  </si>
  <si>
    <t>Chah Darkhan wala,thathi lal sher shah road multan.</t>
  </si>
  <si>
    <t>Rizwana Umbreen</t>
  </si>
  <si>
    <t>GGPS DARKHANAN</t>
  </si>
  <si>
    <t>Shak Roshan</t>
  </si>
  <si>
    <t>Basti Darkhana APE</t>
  </si>
  <si>
    <t>Basti Darkhanan</t>
  </si>
  <si>
    <t>Nasim  Akhter</t>
  </si>
  <si>
    <t>GGPS DARKHAST WALA, KABIRWALA</t>
  </si>
  <si>
    <t>Kohi Wala</t>
  </si>
  <si>
    <t>g g PS darkwast wala</t>
  </si>
  <si>
    <t>Datkwast Wala</t>
  </si>
  <si>
    <t>GGPS DARMAN NO. 2</t>
  </si>
  <si>
    <t>nargis parveen</t>
  </si>
  <si>
    <t>GGPS DAROGA HASAN ALI</t>
  </si>
  <si>
    <t>Village Darogha Hassan Ali, PO bassali</t>
  </si>
  <si>
    <t>Darogha Hassan Ali</t>
  </si>
  <si>
    <t>Hiba Karim</t>
  </si>
  <si>
    <t>motor system</t>
  </si>
  <si>
    <t>GGPS DAROGAY WALA SHUJABAD</t>
  </si>
  <si>
    <t>mohan pur</t>
  </si>
  <si>
    <t>mohan pur chah mitay wala</t>
  </si>
  <si>
    <t>chah mithay wala</t>
  </si>
  <si>
    <t>GGPS DARRAY WALA</t>
  </si>
  <si>
    <t>Noor Khirani</t>
  </si>
  <si>
    <t>ggps darray wala</t>
  </si>
  <si>
    <t>Darray Wala</t>
  </si>
  <si>
    <t>Sonhara Waswa</t>
  </si>
  <si>
    <t>Uzaira Zahreen</t>
  </si>
  <si>
    <t>GGPS DAR-UL-BARKAAT</t>
  </si>
  <si>
    <t>CHANAB NAGAR</t>
  </si>
  <si>
    <t>GGPS DARUL BARKAT CHANAB NAGAR</t>
  </si>
  <si>
    <t>DARUL BARKAT CHANAB NAGAR</t>
  </si>
  <si>
    <t>Darul sadar</t>
  </si>
  <si>
    <t>Amtul Hayee</t>
  </si>
  <si>
    <t>GGPS DAR-UL-NASAR WEST</t>
  </si>
  <si>
    <t>Chenab Nagar</t>
  </si>
  <si>
    <t>Dar ul nasar west</t>
  </si>
  <si>
    <t>Dar Ul Nasar Chenab Nagar</t>
  </si>
  <si>
    <t>Dar Ul Sadar</t>
  </si>
  <si>
    <t>GGPS DAR-UL-REHMAT</t>
  </si>
  <si>
    <t>DARULREHMAT</t>
  </si>
  <si>
    <t>DARULREHMAT CHENAB NAGAR</t>
  </si>
  <si>
    <t>CHENAB NAGAR</t>
  </si>
  <si>
    <t>GGPS DAR-UL-SADAR EAST</t>
  </si>
  <si>
    <t>darul Sadar East Chenab Nagar Teh. Lalian District Chiniot</t>
  </si>
  <si>
    <t>darul Sadar East</t>
  </si>
  <si>
    <t>Alia Nuzhat</t>
  </si>
  <si>
    <t>GGPS DARUTA SANGRA</t>
  </si>
  <si>
    <t>Noor Pur Pipal</t>
  </si>
  <si>
    <t>village daruta sangra tehsil lalian district Chiniot</t>
  </si>
  <si>
    <t>Darutta Sangra</t>
  </si>
  <si>
    <t>Matloob Kousar</t>
  </si>
  <si>
    <t>GGPS DARWESH MARKAND</t>
  </si>
  <si>
    <t>Fateh pur janobi</t>
  </si>
  <si>
    <t>Basti markand fateh pur janobi</t>
  </si>
  <si>
    <t>Darwaish markand</t>
  </si>
  <si>
    <t>Nosheen Rasheed</t>
  </si>
  <si>
    <t>GGPS DARYA BIDDER</t>
  </si>
  <si>
    <t>Darya Bidder</t>
  </si>
  <si>
    <t>village Darya bidder p.o kotli loharan west sialkot</t>
  </si>
  <si>
    <t>GGPS DARYA GALI</t>
  </si>
  <si>
    <t>village and p/o darya gali tehsil murree district Rawalpindi</t>
  </si>
  <si>
    <t>Rukhsana Raza</t>
  </si>
  <si>
    <t>GGPS DARYA GUJRAN</t>
  </si>
  <si>
    <t>Darya Gujjran</t>
  </si>
  <si>
    <t>darya gujran</t>
  </si>
  <si>
    <t>Darya Gujran</t>
  </si>
  <si>
    <t>Mahwish Farooqi</t>
  </si>
  <si>
    <t>GGPS DARYA NANGAL</t>
  </si>
  <si>
    <t>Darya Nangal</t>
  </si>
  <si>
    <t>p o box seowal village darya nangal</t>
  </si>
  <si>
    <t>rafia malik</t>
  </si>
  <si>
    <t>GGPS DARYAL</t>
  </si>
  <si>
    <t>Daryal</t>
  </si>
  <si>
    <t>vill and post office Daryal</t>
  </si>
  <si>
    <t>MC Kallar</t>
  </si>
  <si>
    <t>Maryam Azad</t>
  </si>
  <si>
    <t>GGPS DARYALA SAGON NO 2</t>
  </si>
  <si>
    <t>Daryala Sehgon</t>
  </si>
  <si>
    <t>village daryala sehgon.post office daryala sehgon.gujar khan</t>
  </si>
  <si>
    <t>GGPS DARYOUA</t>
  </si>
  <si>
    <t>Daryouha</t>
  </si>
  <si>
    <t>GGPS Daryouha</t>
  </si>
  <si>
    <t>electric motor boring</t>
  </si>
  <si>
    <t>GGPS DASHTI</t>
  </si>
  <si>
    <t>Mouza dashti</t>
  </si>
  <si>
    <t>Sumera Qadir</t>
  </si>
  <si>
    <t>GGPS DASKA KOT NO.1</t>
  </si>
  <si>
    <t>GGPS DASKA kot no. 1</t>
  </si>
  <si>
    <t>Jamkey Road Daska</t>
  </si>
  <si>
    <t>Main Bazaar Daska</t>
  </si>
  <si>
    <t>GGPS DASKA KOT NO.2</t>
  </si>
  <si>
    <t>daska Kot no 2</t>
  </si>
  <si>
    <t>Daska Kot</t>
  </si>
  <si>
    <t>Naseem kousar</t>
  </si>
  <si>
    <t>GGPS DASKA NO. 3</t>
  </si>
  <si>
    <t>haji pura daska</t>
  </si>
  <si>
    <t>GGPS DASTGEER COLONY NO. 1</t>
  </si>
  <si>
    <t>Dastageer Colony 01</t>
  </si>
  <si>
    <t>dastageer colony 02</t>
  </si>
  <si>
    <t>Dastageer Colony 02</t>
  </si>
  <si>
    <t>Mc R Y Khan -D</t>
  </si>
  <si>
    <t>khalida munwar</t>
  </si>
  <si>
    <t>GGPS DASTGEER COLONY NO. 2</t>
  </si>
  <si>
    <t>Dastgeer Colony</t>
  </si>
  <si>
    <t>GGPS dastageer colony no 2 Rahim yar khan</t>
  </si>
  <si>
    <t>Musarrat Yasmin</t>
  </si>
  <si>
    <t>GGPS DATA GUNG BAKSH</t>
  </si>
  <si>
    <t>10 Marla</t>
  </si>
  <si>
    <t>4- Ghulistan colony, data gunj Baksh Gujranwala</t>
  </si>
  <si>
    <t>Markaz City A</t>
  </si>
  <si>
    <t>Shamim Rasheed</t>
  </si>
  <si>
    <t>GGPS DAU KHELAN WALA</t>
  </si>
  <si>
    <t>Ggpsdaukhel Chhidru</t>
  </si>
  <si>
    <t>GGPS DAU LITRI</t>
  </si>
  <si>
    <t>govt.girls primary school Dau litri</t>
  </si>
  <si>
    <t>Dau Wali</t>
  </si>
  <si>
    <t>Miss Sadia Mumtaz</t>
  </si>
  <si>
    <t>GGPS DAUD WALA</t>
  </si>
  <si>
    <t>Kanhon</t>
  </si>
  <si>
    <t>Bahader Pur</t>
  </si>
  <si>
    <t>GGPS DAULA BARKHAN</t>
  </si>
  <si>
    <t>guddar ki puli, p/o haveli lakha, depalpur, okara</t>
  </si>
  <si>
    <t>Guddar Ki Puli</t>
  </si>
  <si>
    <t>GGPS DAULAT ABAD NO. 1 MULTAN</t>
  </si>
  <si>
    <t>Ratay Wala</t>
  </si>
  <si>
    <t>Basti Ratay Wala</t>
  </si>
  <si>
    <t>GGPS DAULAT ABAD NO.2  MULTAN</t>
  </si>
  <si>
    <t>garden town</t>
  </si>
  <si>
    <t>GGPS DAULTALA</t>
  </si>
  <si>
    <t>vpo Daultala tehsil gujar khan rawalpindi</t>
  </si>
  <si>
    <t>Daultala 1</t>
  </si>
  <si>
    <t>Sajida Tabassum</t>
  </si>
  <si>
    <t>GGPS DAVI DAS PURA</t>
  </si>
  <si>
    <t>davidas pura</t>
  </si>
  <si>
    <t>mustfa abad</t>
  </si>
  <si>
    <t>GGPS DAWANJ WALA</t>
  </si>
  <si>
    <t>Kot Chutta Chak No 2</t>
  </si>
  <si>
    <t>chah dawanj wala tensile kot chutta</t>
  </si>
  <si>
    <t>Dawanj Wala</t>
  </si>
  <si>
    <t>MC  KOT CHUTTA</t>
  </si>
  <si>
    <t>Saeeda Bibi</t>
  </si>
  <si>
    <t>GGPS DAWOOD KHAN ABBASI MOUZA GOTH YAAR MOHAMMAD</t>
  </si>
  <si>
    <t>basti goth yaar Muhammad</t>
  </si>
  <si>
    <t>Goth yar Muhammad</t>
  </si>
  <si>
    <t>GGPS DAYA MURAAD</t>
  </si>
  <si>
    <t>Daggar Aulakh Dak khana khas tehsil Bhakkar</t>
  </si>
  <si>
    <t>Daya Murad</t>
  </si>
  <si>
    <t>Mehtab Alam Shabana</t>
  </si>
  <si>
    <t>Electrical cooler</t>
  </si>
  <si>
    <t>GGPS DAYARAM KHURD</t>
  </si>
  <si>
    <t>Diaram Khurd</t>
  </si>
  <si>
    <t>diaram khurd</t>
  </si>
  <si>
    <t>Misbah Yasmin</t>
  </si>
  <si>
    <t>GGPS DEDHAR NAJJAR</t>
  </si>
  <si>
    <t>Dadhar Najar</t>
  </si>
  <si>
    <t>village dadhar najar,Rawalpindi</t>
  </si>
  <si>
    <t>Saira Bibi</t>
  </si>
  <si>
    <t>GGPS DEDHAY LAL</t>
  </si>
  <si>
    <t>Harplu</t>
  </si>
  <si>
    <t>basti dedhay LAL muza harplu</t>
  </si>
  <si>
    <t>Dedhay Lal</t>
  </si>
  <si>
    <t>Shafqat Naheed Kousar</t>
  </si>
  <si>
    <t>GGPS DEEDWAL</t>
  </si>
  <si>
    <t>p.o. domeli teh Sohawa disst jhelum</t>
  </si>
  <si>
    <t>D Didwal</t>
  </si>
  <si>
    <t>Syeda Sobia Zafar</t>
  </si>
  <si>
    <t>GGPS DEELAY WALI</t>
  </si>
  <si>
    <t>Deelay Wali</t>
  </si>
  <si>
    <t>deelay wali</t>
  </si>
  <si>
    <t>GGPS DEEN WALA</t>
  </si>
  <si>
    <t>Deen Wala</t>
  </si>
  <si>
    <t>ggps deen wala ghagh kalan</t>
  </si>
  <si>
    <t>Rehmat Sultana</t>
  </si>
  <si>
    <t>GGPS DEEP SINGH</t>
  </si>
  <si>
    <t>Deep Singh</t>
  </si>
  <si>
    <t>GGPS Deep singh</t>
  </si>
  <si>
    <t>Bhon Manzabta</t>
  </si>
  <si>
    <t>Ajaz Praveen</t>
  </si>
  <si>
    <t>GGPS DEEPAY PUR</t>
  </si>
  <si>
    <t>Deepay Pur</t>
  </si>
  <si>
    <t>deepay pur</t>
  </si>
  <si>
    <t>Irsa Allah Ditta</t>
  </si>
  <si>
    <t>GGPS DEGAL</t>
  </si>
  <si>
    <t>Degal</t>
  </si>
  <si>
    <t>GGPS Degal</t>
  </si>
  <si>
    <t>Bahttian</t>
  </si>
  <si>
    <t>GGPS DEHDAR SHAMALI</t>
  </si>
  <si>
    <t>Dehdar shumali</t>
  </si>
  <si>
    <t>village Dehdar shumali p/o Hajiwala Gujrat</t>
  </si>
  <si>
    <t>Hifsa Zubair Ch</t>
  </si>
  <si>
    <t>GGPS DEHREJA NAGAR</t>
  </si>
  <si>
    <t>Moosa Kanju</t>
  </si>
  <si>
    <t>dhareja nagar teh khanpur distt ryk</t>
  </si>
  <si>
    <t>Dhareja Nagar</t>
  </si>
  <si>
    <t>Nazia Shakoor</t>
  </si>
  <si>
    <t>GGPS DELHORE</t>
  </si>
  <si>
    <t>post office dalhore village dalhore kotli sattian Rawalpindi</t>
  </si>
  <si>
    <t>GGPS DELIAN WALI</t>
  </si>
  <si>
    <t>DELIAN Wali</t>
  </si>
  <si>
    <t>GGPS DELIAN wali</t>
  </si>
  <si>
    <t>SANA SALEEM</t>
  </si>
  <si>
    <t>GGPS DELO WATTO (RIAZ ABAD)</t>
  </si>
  <si>
    <t>Dillo Watto</t>
  </si>
  <si>
    <t>Riaz abad</t>
  </si>
  <si>
    <t>Nadia Mehwish</t>
  </si>
  <si>
    <t>GGPS DENAY WALA</t>
  </si>
  <si>
    <t>Vidad</t>
  </si>
  <si>
    <t>basti Selhani deney wala</t>
  </si>
  <si>
    <t>Basti Selhani</t>
  </si>
  <si>
    <t>Ward Number 17 MUNICIPAL Committe   Jatoi Municipal Committe  Jatoi</t>
  </si>
  <si>
    <t>GGPS DEOLI</t>
  </si>
  <si>
    <t>Deoli</t>
  </si>
  <si>
    <t>village and post office deoli</t>
  </si>
  <si>
    <t>Shazia Saeed</t>
  </si>
  <si>
    <t>GGPS DEOWAL</t>
  </si>
  <si>
    <t>p/bajra garhi u/c chaher bajwa village Deowal teh pasrur Distt sialkot</t>
  </si>
  <si>
    <t>Chaher Bajwa</t>
  </si>
  <si>
    <t>GGPS DEPOKEY</t>
  </si>
  <si>
    <t>GGPS depokey</t>
  </si>
  <si>
    <t>GGPS DERA AARBI SHUJABAD</t>
  </si>
  <si>
    <t>mouza thath ghalwan basti dera arbi shujabad</t>
  </si>
  <si>
    <t>yasmeen gilani</t>
  </si>
  <si>
    <t>GGPS DERA ABDUL KAREEM KHAN WALA</t>
  </si>
  <si>
    <t>Ameer wala</t>
  </si>
  <si>
    <t>p/o rustam wala mochh district mianwali</t>
  </si>
  <si>
    <t>GGPS DERA ABDUL MAJEED KHAN WALA</t>
  </si>
  <si>
    <t>Beruli Station</t>
  </si>
  <si>
    <t>dera abdul majeed khanwala mianwali</t>
  </si>
  <si>
    <t>dera abdul majeed</t>
  </si>
  <si>
    <t>shahbazkhel</t>
  </si>
  <si>
    <t>GGPS DERA ABDULLAH MAYO</t>
  </si>
  <si>
    <t>Dera Abdullah mayo narang more</t>
  </si>
  <si>
    <t>Dera Abdullah Mayo</t>
  </si>
  <si>
    <t>Urban 2 Narang</t>
  </si>
  <si>
    <t>GGPS DERA AHMAD ALI JASPAL</t>
  </si>
  <si>
    <t>ggps dera ahmad ali jaspal salam</t>
  </si>
  <si>
    <t>GGPS DERA AHMED KHAN</t>
  </si>
  <si>
    <t>Dera Ahmed Khan</t>
  </si>
  <si>
    <t>Ggps dera Ahmed khan markaz chak shadi teh p d khan dist Jhelum</t>
  </si>
  <si>
    <t>GGPS DERA ALAM SHER ABASI</t>
  </si>
  <si>
    <t>Basti Mi Roshan</t>
  </si>
  <si>
    <t>dera alam sher Abasi cc chah changran wala</t>
  </si>
  <si>
    <t>Alam sher Abasi</t>
  </si>
  <si>
    <t>Seema kanwal awan</t>
  </si>
  <si>
    <t>GGPS DERA ALI MUHAMMAD</t>
  </si>
  <si>
    <t>dera ali mohammad chak syeda teh:bhera;dist:sargodha</t>
  </si>
  <si>
    <t>Dera Ali Mohammad</t>
  </si>
  <si>
    <t>Samina Mukhtar</t>
  </si>
  <si>
    <t>GGPS DERA ALLAH BAKSH DAIWAL</t>
  </si>
  <si>
    <t>dera allah baksh</t>
  </si>
  <si>
    <t>Dera Allah Baksh</t>
  </si>
  <si>
    <t>GGPS DERA ALLAH BUKHSH TULLAH</t>
  </si>
  <si>
    <t>GGPS Dera Allah Bukhsh</t>
  </si>
  <si>
    <t>Dera Allah Bukhsh</t>
  </si>
  <si>
    <t>GGPS DERA ALLAH DITTA ADHI KOT</t>
  </si>
  <si>
    <t>dera allah ditta adhikot nur pur thal</t>
  </si>
  <si>
    <t>Dera Allah Ditta Adhikot</t>
  </si>
  <si>
    <t>GGPS DERA AMANULLA PAI KHEL</t>
  </si>
  <si>
    <t>Mahota</t>
  </si>
  <si>
    <t>moza mahota GGps Dera Aman ulhaa Pai khel</t>
  </si>
  <si>
    <t>Aman Ulhaa Pai Khel</t>
  </si>
  <si>
    <t>Imrana Sittar</t>
  </si>
  <si>
    <t>GGPS DERA ANWAR PATHAN</t>
  </si>
  <si>
    <t>GGPS Dera Anwar Pathan</t>
  </si>
  <si>
    <t>Dera Anwar Pathan</t>
  </si>
  <si>
    <t>GGPS DERA ARSHOANA</t>
  </si>
  <si>
    <t>Dera Arshoana</t>
  </si>
  <si>
    <t>Dera arshoana</t>
  </si>
  <si>
    <t>Abida Jamshaid</t>
  </si>
  <si>
    <t>GGPS DERA ATHWAL</t>
  </si>
  <si>
    <t>Dera Athwal</t>
  </si>
  <si>
    <t>village dera athwal dakh khana eminabad tehsil kamoki district gujranwala</t>
  </si>
  <si>
    <t>Gulnaz Adrees</t>
  </si>
  <si>
    <t>GGPS DERA AWAN</t>
  </si>
  <si>
    <t>Dera Awan</t>
  </si>
  <si>
    <t>Rukhsana Hanif</t>
  </si>
  <si>
    <t>GGPS DERA AZIZ QURESHI</t>
  </si>
  <si>
    <t>dera aziz quershi p/o khansar tehsil and district bhakkar</t>
  </si>
  <si>
    <t>Dera Aziz Quershi</t>
  </si>
  <si>
    <t>Asia Gul</t>
  </si>
  <si>
    <t>GGPS DERA AZMAT</t>
  </si>
  <si>
    <t>Muzafar pur shumali</t>
  </si>
  <si>
    <t>GGPS DERA BACHIAN WALA</t>
  </si>
  <si>
    <t>ggps dera bachianwala Deowal tehsil bhalwal district sargodha</t>
  </si>
  <si>
    <t>Kalsoom Fiaz</t>
  </si>
  <si>
    <t>GGPS DERA BAHADUR KHAN</t>
  </si>
  <si>
    <t>Sohawa Dillowana</t>
  </si>
  <si>
    <t>Dera bahdur khan sohawa dillowana</t>
  </si>
  <si>
    <t>Shabana  Kausar</t>
  </si>
  <si>
    <t>GGPS DERA BAJWA</t>
  </si>
  <si>
    <t>Dera Bajwa</t>
  </si>
  <si>
    <t>Dera bajwa ladhywala gorya Grw</t>
  </si>
  <si>
    <t>Anam Ejaz Butt</t>
  </si>
  <si>
    <t>GGPS DERA BALLAN DA CHAK 7 RB</t>
  </si>
  <si>
    <t>Dera Ballan Da</t>
  </si>
  <si>
    <t>Dera ballan da safdarabad</t>
  </si>
  <si>
    <t>Zainab Dildar</t>
  </si>
  <si>
    <t>GGPS DERA BASTAN SHAH</t>
  </si>
  <si>
    <t>Dera Bastan Shah</t>
  </si>
  <si>
    <t>village Dera Bastan shah</t>
  </si>
  <si>
    <t>Bastan Shah</t>
  </si>
  <si>
    <t>Phulrwan Wazir K</t>
  </si>
  <si>
    <t>Zeenat MANZOOR</t>
  </si>
  <si>
    <t>GGPS DERA BASTI</t>
  </si>
  <si>
    <t>Dera Basti</t>
  </si>
  <si>
    <t>Dera Basti 36/2RA</t>
  </si>
  <si>
    <t>38/2RA</t>
  </si>
  <si>
    <t>Sana Khalid</t>
  </si>
  <si>
    <t>GGPS DERA BHANGWAN</t>
  </si>
  <si>
    <t>Dera Bhangwan</t>
  </si>
  <si>
    <t>ggps dera bhangwan P/O jhattan wali</t>
  </si>
  <si>
    <t>Jhattan Wali</t>
  </si>
  <si>
    <t>Reda Arshed</t>
  </si>
  <si>
    <t>GGPS DERA BHATIAN</t>
  </si>
  <si>
    <t>dera bhattian</t>
  </si>
  <si>
    <t>Kopra Kalan</t>
  </si>
  <si>
    <t>GGPS DERA BOHLIAAWALA</t>
  </si>
  <si>
    <t>dera bohlianwala</t>
  </si>
  <si>
    <t>Dera Bohlianwala</t>
  </si>
  <si>
    <t>Kalokay</t>
  </si>
  <si>
    <t>GGPS DERA BUKHSHIAN CHAK 120/RB</t>
  </si>
  <si>
    <t>Dera Bakhshian</t>
  </si>
  <si>
    <t>Dera Bakhshian chak no.120/r.b Tehsil Sangla hill District Nankana sahib</t>
  </si>
  <si>
    <t>GGPS DERA CHADHAR</t>
  </si>
  <si>
    <t>Ggps dera chadhar a.p sial</t>
  </si>
  <si>
    <t>Bohit Chadhar</t>
  </si>
  <si>
    <t>Fehmida Yasmeen</t>
  </si>
  <si>
    <t>GGPS DERA CHAHAL</t>
  </si>
  <si>
    <t>Dera Chahal</t>
  </si>
  <si>
    <t>dera chahal bedain road lahore cantt</t>
  </si>
  <si>
    <t>Kishwer Naheed</t>
  </si>
  <si>
    <t>GGPS DERA CHANAN WALA</t>
  </si>
  <si>
    <t>CHANANWALA</t>
  </si>
  <si>
    <t>GGPS DERA CHANANWALA</t>
  </si>
  <si>
    <t>LALLUWALI</t>
  </si>
  <si>
    <t>Munawar Riaz</t>
  </si>
  <si>
    <t>GGPS DERA CHANGRAN</t>
  </si>
  <si>
    <t>Bhatey Kot</t>
  </si>
  <si>
    <t>GGPS dera changran</t>
  </si>
  <si>
    <t>Nasira Firdous</t>
  </si>
  <si>
    <t>GGPS DERA CHARAGHDIN</t>
  </si>
  <si>
    <t>P/O Kharianwala Dis. Sheikhupura GGPS Dera Charagdin</t>
  </si>
  <si>
    <t>Dera Charagdin</t>
  </si>
  <si>
    <t>Khudija Ashraf</t>
  </si>
  <si>
    <t>GGPS DERA CHEEMA</t>
  </si>
  <si>
    <t>GGPS DERA CHEEMA tehsil shahpur district sargodha</t>
  </si>
  <si>
    <t>Deracheema</t>
  </si>
  <si>
    <t>Khanpurwahdra</t>
  </si>
  <si>
    <t>Ruhma Ahmed</t>
  </si>
  <si>
    <t>GGPS DERA CHOUDHARY GHULAM RASOOL</t>
  </si>
  <si>
    <t>ggps dera ch ghulam Rasool chak no 35 TDA</t>
  </si>
  <si>
    <t>Chak No 35 TDA</t>
  </si>
  <si>
    <t>Peer Ashab</t>
  </si>
  <si>
    <t>shahnaz Akhtar</t>
  </si>
  <si>
    <t>GGPS DERA DAD POTERAY</t>
  </si>
  <si>
    <t>Farooq Abad Y</t>
  </si>
  <si>
    <t>Dera dad Poteray</t>
  </si>
  <si>
    <t>Farooq Abad Goan</t>
  </si>
  <si>
    <t>Musharaf Akram</t>
  </si>
  <si>
    <t>GGPS DERA DAIM KA</t>
  </si>
  <si>
    <t>dera daimka</t>
  </si>
  <si>
    <t>mateela</t>
  </si>
  <si>
    <t>mustafa abad</t>
  </si>
  <si>
    <t>Iqra Nawaz</t>
  </si>
  <si>
    <t>GGPS DERA DARBAL KHALIQ ABAD</t>
  </si>
  <si>
    <t>Khliqabad</t>
  </si>
  <si>
    <t>dera Darbal khliqabad</t>
  </si>
  <si>
    <t>Dera Darbal</t>
  </si>
  <si>
    <t>Raveela Samin</t>
  </si>
  <si>
    <t>GGPS DERA DHARAKAN WALA</t>
  </si>
  <si>
    <t>dera dharekan wala p/o chak Mubarak tehsil bhera dist sargodha</t>
  </si>
  <si>
    <t>Dera Dharekan Wala</t>
  </si>
  <si>
    <t>GGPS DERA DHERTHAN</t>
  </si>
  <si>
    <t>Dera Dhertan</t>
  </si>
  <si>
    <t>GGPS dera dhertan</t>
  </si>
  <si>
    <t>Rabia Irshad</t>
  </si>
  <si>
    <t>GGPS DERA DILDAR</t>
  </si>
  <si>
    <t>DERA DILDAR</t>
  </si>
  <si>
    <t>DERA DILDAR ROKHAN</t>
  </si>
  <si>
    <t>DERA DILDAR BASTI ALLAH BUX CHACHAR</t>
  </si>
  <si>
    <t>Komal Ijaz</t>
  </si>
  <si>
    <t>GGPS DERA DOGRAN DA</t>
  </si>
  <si>
    <t>dera Dograan Da</t>
  </si>
  <si>
    <t>Goverment Girls Primary School Dera Dograan Da</t>
  </si>
  <si>
    <t>Dera Dograan Da</t>
  </si>
  <si>
    <t>Atiya Zahra</t>
  </si>
  <si>
    <t>GGPS DERA DOST MUHAMMAD</t>
  </si>
  <si>
    <t>Village Deowal</t>
  </si>
  <si>
    <t>deowal teh bhalwal disst sargodha</t>
  </si>
  <si>
    <t>Nazish Alyas</t>
  </si>
  <si>
    <t>GGPS DERA DOST MUHAMMAD JHAMBRAH SHARQI MIANWALI</t>
  </si>
  <si>
    <t>Wata Khel Pakka</t>
  </si>
  <si>
    <t>G.G p/s dera dost Muhammad</t>
  </si>
  <si>
    <t>GGPS DERA FAQIR SAHIB</t>
  </si>
  <si>
    <t>Dera Faqir Sahib</t>
  </si>
  <si>
    <t>vpo Basal janad Attock</t>
  </si>
  <si>
    <t>Alia Tabassum</t>
  </si>
  <si>
    <t>GGPS DERA FATEH KHAN WALA</t>
  </si>
  <si>
    <t>MUZAFAR PUR JANUBI</t>
  </si>
  <si>
    <t>DERA FATEH KHAN MOZA MUZAFAR PUR JANUBI DISTRICT MIANWALI</t>
  </si>
  <si>
    <t>MUZAFAR PUR</t>
  </si>
  <si>
    <t>MUZAFAR PUR SOUTH</t>
  </si>
  <si>
    <t>Ismat Bano Hashmi</t>
  </si>
  <si>
    <t>GGPS DERA FATEH MUHAMMAD JARA</t>
  </si>
  <si>
    <t>Dera Fateh Muhammad Juraa</t>
  </si>
  <si>
    <t>P/O: Khawajabad, Tehsil: Shah Pur, Distt: Sargodha</t>
  </si>
  <si>
    <t>Khawahabad</t>
  </si>
  <si>
    <t>Shazia anjum</t>
  </si>
  <si>
    <t>GGPS DERA FATEH MUHAMMAD KHOKHAR</t>
  </si>
  <si>
    <t>GGPS dera Fateh Muhammad Khokhar, tehsil Bhalwal, district  Sargodha.</t>
  </si>
  <si>
    <t>GGPS DERA FATEH SHEER WALA</t>
  </si>
  <si>
    <t>51 Ml</t>
  </si>
  <si>
    <t>51ml dera fateh sher wala</t>
  </si>
  <si>
    <t>51ml</t>
  </si>
  <si>
    <t>Farukh Bano</t>
  </si>
  <si>
    <t>GGPS DERA FAZAL DAD GUJAR</t>
  </si>
  <si>
    <t>Dera Fazal Dad</t>
  </si>
  <si>
    <t>Dera fazal dad gujjarvillage lakhnaywala tehsil and Distt M.b.din</t>
  </si>
  <si>
    <t>Dera Fazal Dad Gujjar</t>
  </si>
  <si>
    <t>Shahedanwali</t>
  </si>
  <si>
    <t>Maria Ijaz</t>
  </si>
  <si>
    <t>GGPS DERA FAZIL</t>
  </si>
  <si>
    <t>Dera Fazil</t>
  </si>
  <si>
    <t>Chack Frazi</t>
  </si>
  <si>
    <t>Saghira Bibi</t>
  </si>
  <si>
    <t>GGPS DERA FLAK SHER YAROO KHAIL</t>
  </si>
  <si>
    <t>Dera Falak Sher Yaroo khail Roda</t>
  </si>
  <si>
    <t>Yaroo Khail Roda</t>
  </si>
  <si>
    <t>Umm-e-Kalsoom</t>
  </si>
  <si>
    <t>GGPS DERA GADHIAN</t>
  </si>
  <si>
    <t>Jandialasherkhan</t>
  </si>
  <si>
    <t>dera gadian</t>
  </si>
  <si>
    <t>Dera Gadian</t>
  </si>
  <si>
    <t>Razia Ashiq</t>
  </si>
  <si>
    <t>GGPS DERA GANDWAL</t>
  </si>
  <si>
    <t>ggp/s dera gundwal</t>
  </si>
  <si>
    <t>Dera Gundwal</t>
  </si>
  <si>
    <t>GGPS DERA GHOUS MUHAMMAD BILAND</t>
  </si>
  <si>
    <t>vpo biland tehseel noor pur dist khushab</t>
  </si>
  <si>
    <t>sabira Hina</t>
  </si>
  <si>
    <t>GGPS DERA GHULAM ABBAS QAMRANA</t>
  </si>
  <si>
    <t>Mona Syedan</t>
  </si>
  <si>
    <t>GGPS Dera Ghulam Abbas Qamrana</t>
  </si>
  <si>
    <t>Mehvish jabeen</t>
  </si>
  <si>
    <t>GGPS DERA GHULAM BHEEK DAKHLI DEOWAL</t>
  </si>
  <si>
    <t>Ggp/s dera ghulam bheek deowal</t>
  </si>
  <si>
    <t>Dakhli Deowal</t>
  </si>
  <si>
    <t>Farah Dildar</t>
  </si>
  <si>
    <t>GGPS DERA GHULAM HAIDER</t>
  </si>
  <si>
    <t>Chak No 10 Np</t>
  </si>
  <si>
    <t>G G P/S  Hayder colony sdk</t>
  </si>
  <si>
    <t>Chak # 10 Np</t>
  </si>
  <si>
    <t>Sdk Deh</t>
  </si>
  <si>
    <t>GGPS DERA GHULAM HUSSAIN</t>
  </si>
  <si>
    <t>peelowaince</t>
  </si>
  <si>
    <t>peelowaince tehsial noorpur</t>
  </si>
  <si>
    <t>Sakina Bivi</t>
  </si>
  <si>
    <t>GGPS DERA GHULAM SHABIR</t>
  </si>
  <si>
    <t>mochi wala</t>
  </si>
  <si>
    <t>basti gurman p/o basti aiazi mochi wala karor lal eason district layyah</t>
  </si>
  <si>
    <t>basti gurmani</t>
  </si>
  <si>
    <t>Asia Amir</t>
  </si>
  <si>
    <t>GGPS DERA GOBAND</t>
  </si>
  <si>
    <t>Dera Goband</t>
  </si>
  <si>
    <t>basti dera goband markaz sama satha bahawalpur</t>
  </si>
  <si>
    <t>Jindu Misan</t>
  </si>
  <si>
    <t>GGPS DERA GUJRAN LALKAY</t>
  </si>
  <si>
    <t>Dera Gujjran</t>
  </si>
  <si>
    <t>Dera gujjran lalkay</t>
  </si>
  <si>
    <t>Dera Gujjran Lalkey</t>
  </si>
  <si>
    <t>Muredkey Gaon</t>
  </si>
  <si>
    <t>nasreen kosar</t>
  </si>
  <si>
    <t>GGPS DERA GUJRAN MASMOOLA BUTTAR</t>
  </si>
  <si>
    <t>Dera Gujran Buttar</t>
  </si>
  <si>
    <t>GGCMPS Dera Gujran Buttar Farooq abad</t>
  </si>
  <si>
    <t>GGPS DERA GUJRAN WALA</t>
  </si>
  <si>
    <t>ggpsderagujranwala4db@gmail.com</t>
  </si>
  <si>
    <t>GGPS DERA GUL NAWAZ</t>
  </si>
  <si>
    <t>GGPS Dera Gul nawaz</t>
  </si>
  <si>
    <t>Dera Gul Nawaz</t>
  </si>
  <si>
    <t>Shaheen Ishfaq</t>
  </si>
  <si>
    <t>GGPS DERA GURUDAS PURIYAN</t>
  </si>
  <si>
    <t>Deragurdaspurian Gurdaspurian Gurdaspurian</t>
  </si>
  <si>
    <t>deragurdaspurian</t>
  </si>
  <si>
    <t>Dera Gurdaspurian</t>
  </si>
  <si>
    <t>Muraidky</t>
  </si>
  <si>
    <t>GGPS DERA HAJI AFZAL WALA</t>
  </si>
  <si>
    <t>Ggps Dera Haji Afzal Wala</t>
  </si>
  <si>
    <t>Dera Haji Afzal Wala</t>
  </si>
  <si>
    <t>Nadra Shaheen</t>
  </si>
  <si>
    <t>GGPS DERA HAJI MUHAMMAD KHAN</t>
  </si>
  <si>
    <t>Dera Haji Mohammad Khan warcha</t>
  </si>
  <si>
    <t>GGPS DERA HAJI SARDAR ALI KHAN</t>
  </si>
  <si>
    <t>Tally Wala</t>
  </si>
  <si>
    <t>dera haji sardar khan</t>
  </si>
  <si>
    <t>Dera Hajjisardar Khan</t>
  </si>
  <si>
    <t>Shakeela Bibi</t>
  </si>
  <si>
    <t>GGPS DERA HASNANA</t>
  </si>
  <si>
    <t>Dera Hasnana</t>
  </si>
  <si>
    <t>V p/o Rukkan Tehsil Malakwal District Mandi Bha uddin</t>
  </si>
  <si>
    <t>Syeda Sibgha Hassan</t>
  </si>
  <si>
    <t>GGPS DERA IMDAD SHAH</t>
  </si>
  <si>
    <t>Village Dera imdad Shah</t>
  </si>
  <si>
    <t>Dera Imdad Shah</t>
  </si>
  <si>
    <t>Deona Mandi</t>
  </si>
  <si>
    <t>GGPS DERA ISLAM PURA</t>
  </si>
  <si>
    <t>dera Islam pura</t>
  </si>
  <si>
    <t>Dera Islam pura</t>
  </si>
  <si>
    <t>GGPS DERA ISMAIL WALA</t>
  </si>
  <si>
    <t>MUZAFFAR PUR NORTH-FEMALE</t>
  </si>
  <si>
    <t>Ggps dera Ismail Wala p/o sher Wala thsil dist mianwali</t>
  </si>
  <si>
    <t>Badri Khelan Wala</t>
  </si>
  <si>
    <t>GGPS DERA JAAT (NAROWAL)</t>
  </si>
  <si>
    <t>Naseeba Wala</t>
  </si>
  <si>
    <t>GGPS dera jaat narowal</t>
  </si>
  <si>
    <t>Naseeba wala</t>
  </si>
  <si>
    <t>Chak bhatti</t>
  </si>
  <si>
    <t>Rida Fatima</t>
  </si>
  <si>
    <t>GGPS DERA JALAL</t>
  </si>
  <si>
    <t>GGPS:Dera jalal</t>
  </si>
  <si>
    <t>Nageen Kanwal</t>
  </si>
  <si>
    <t>GGPS DERA JAMMO NAI ABADI</t>
  </si>
  <si>
    <t>Babber</t>
  </si>
  <si>
    <t>dera jmmun
,nai abadi babber</t>
  </si>
  <si>
    <t>Derajammun</t>
  </si>
  <si>
    <t>Mariam Kafayatullah</t>
  </si>
  <si>
    <t>GGPS DERA JAMU JHAM WALA</t>
  </si>
  <si>
    <t>Daira Jumo</t>
  </si>
  <si>
    <t>daira jumo jhamwala</t>
  </si>
  <si>
    <t>GGPS DERA JAMU PIPLIWALA</t>
  </si>
  <si>
    <t>Govt Girls Primary School Village Dera jamu pipliwala Post office Head Khanki Wazirabad</t>
  </si>
  <si>
    <t>Dera Jamu Pipliwala</t>
  </si>
  <si>
    <t>Miss Mehnaz Riffat</t>
  </si>
  <si>
    <t>GGPS DERA JAMU WALA</t>
  </si>
  <si>
    <t>Jamuwala</t>
  </si>
  <si>
    <t>GGPS Dera Jamuwala Zafarabad</t>
  </si>
  <si>
    <t>Naila Naheed</t>
  </si>
  <si>
    <t>GGPS DERA JARMONIAN WALA</t>
  </si>
  <si>
    <t>Vern</t>
  </si>
  <si>
    <t>Dera jarmany wala, post office jandiala sher khan, T/D Sheikhupura</t>
  </si>
  <si>
    <t>Jarmany Wala</t>
  </si>
  <si>
    <t>Iqra Kanwal</t>
  </si>
  <si>
    <t>GGPS DERA JAT JABBI</t>
  </si>
  <si>
    <t>ggps dera jaat jabbi</t>
  </si>
  <si>
    <t>private ngo water sply</t>
  </si>
  <si>
    <t>GGPS DERA JUMU KALASKE</t>
  </si>
  <si>
    <t>Dera Jamu Kalaske</t>
  </si>
  <si>
    <t>P/O Dhela Chatha Dera Jamu Kalaske Tehsil Wazirabad District Gujranwala</t>
  </si>
  <si>
    <t>Dera Jamu</t>
  </si>
  <si>
    <t>Saqba Jabeen</t>
  </si>
  <si>
    <t>GGPS DERA KADHRAN</t>
  </si>
  <si>
    <t>Pandowal bala</t>
  </si>
  <si>
    <t>district  tensil Mandi Bahadur din</t>
  </si>
  <si>
    <t>Asifa Azam</t>
  </si>
  <si>
    <t>GGPS DERA KALLUAN WALA</t>
  </si>
  <si>
    <t>dera kaluanwala</t>
  </si>
  <si>
    <t>dera kaluan wala</t>
  </si>
  <si>
    <t>uttrajanubi</t>
  </si>
  <si>
    <t>khoula latif</t>
  </si>
  <si>
    <t>GGPS DERA KARAM HAIDER SHAH PIPLAN</t>
  </si>
  <si>
    <t>Gernali Road Piplan</t>
  </si>
  <si>
    <t>Tibba Meherban Shah</t>
  </si>
  <si>
    <t>GGPS DERA KASHMIRIAN</t>
  </si>
  <si>
    <t>Ahmad nager</t>
  </si>
  <si>
    <t>dera kashmarian Teh.wazirabad district grw</t>
  </si>
  <si>
    <t>Dera Kashmarian</t>
  </si>
  <si>
    <t>Ahmad  Nager</t>
  </si>
  <si>
    <t>Muzammal Rehana</t>
  </si>
  <si>
    <t>GGPS DERA KATTU ANA</t>
  </si>
  <si>
    <t>Kattu Ana</t>
  </si>
  <si>
    <t>dera kattu ana</t>
  </si>
  <si>
    <t>Dera Katto Ana</t>
  </si>
  <si>
    <t>Kalokey</t>
  </si>
  <si>
    <t>Akhter Bano</t>
  </si>
  <si>
    <t>GGPS DERA KHADIM SAHU</t>
  </si>
  <si>
    <t>Basti saho wali jam rid thal</t>
  </si>
  <si>
    <t>Shumila Malik</t>
  </si>
  <si>
    <t>GGPS DERA KHALID SHAHZAD</t>
  </si>
  <si>
    <t>Fattah Katta</t>
  </si>
  <si>
    <t>GGP/S Dera khalid shahzad habib colony</t>
  </si>
  <si>
    <t>Gulshan Allah Rakha</t>
  </si>
  <si>
    <t>GGPS DERA KHALISA</t>
  </si>
  <si>
    <t>Dera Khalsa</t>
  </si>
  <si>
    <t>vill PO dera khalsa teh kallar syedan distt Rawalpindi</t>
  </si>
  <si>
    <t>Shamaila Sabir</t>
  </si>
  <si>
    <t>GGPS DERA KUMAH</t>
  </si>
  <si>
    <t>dera  kuma  daiwal</t>
  </si>
  <si>
    <t>Shehla Noreen</t>
  </si>
  <si>
    <t>GGPS DERA KUNDAN SINGH</t>
  </si>
  <si>
    <t>Sucha Soda</t>
  </si>
  <si>
    <t>Dera Kundan Singh village Sucha soda p/o khaas district  Sheikhupura</t>
  </si>
  <si>
    <t>Dera Kundan Singh</t>
  </si>
  <si>
    <t>Ghazala Riasat</t>
  </si>
  <si>
    <t>GGPS DERA LANGA</t>
  </si>
  <si>
    <t>Dera langa</t>
  </si>
  <si>
    <t>g G P /s Dera Langa jabbi</t>
  </si>
  <si>
    <t>G G P /s Dera Langa</t>
  </si>
  <si>
    <t>GGPS DERA LATIF ARAIN</t>
  </si>
  <si>
    <t>Kharal Azeem Thal Klan</t>
  </si>
  <si>
    <t>chah smundar wala kharal azeem thal klan</t>
  </si>
  <si>
    <t>Chah  Smundar Wala Kharal Azeem Thal Klan</t>
  </si>
  <si>
    <t>GGPS DERA LUNDOO</t>
  </si>
  <si>
    <t>dera lundoo Nalli</t>
  </si>
  <si>
    <t>Tahira Zainab</t>
  </si>
  <si>
    <t>GGPS DERA MAIRA</t>
  </si>
  <si>
    <t>Dera Mera</t>
  </si>
  <si>
    <t>Dera mera chak basawa</t>
  </si>
  <si>
    <t>Samira Shaheen</t>
  </si>
  <si>
    <t>GGPS DERA MAJEED</t>
  </si>
  <si>
    <t>That Kalan</t>
  </si>
  <si>
    <t>dera majeed mouza that Japan peer jaggi</t>
  </si>
  <si>
    <t>Dera Majeed</t>
  </si>
  <si>
    <t>GGPS DERA MAKOANA</t>
  </si>
  <si>
    <t>Midh pargana</t>
  </si>
  <si>
    <t>deramkoana</t>
  </si>
  <si>
    <t>deramakoana</t>
  </si>
  <si>
    <t>midh Pargana</t>
  </si>
  <si>
    <t>suriya begum</t>
  </si>
  <si>
    <t>GGPS DERA MALA SING</t>
  </si>
  <si>
    <t>nai abadi dera malla Singh teh&amp; dist sheikhupura</t>
  </si>
  <si>
    <t>GGPS DERA MALIK NAZAR HUSSAIN AWAN</t>
  </si>
  <si>
    <t>GGP/S DERA MALIK NAZAR HUSSAIN AWAN NEAR PAKKA JHBANA DULLYWALA</t>
  </si>
  <si>
    <t>Azra Tasleem</t>
  </si>
  <si>
    <t>GGPS DERA MALIK RANJHA WALA</t>
  </si>
  <si>
    <t>GGPS Dera Malik Ranjha Wala</t>
  </si>
  <si>
    <t>Dera Malik Ranjha Wala</t>
  </si>
  <si>
    <t>Muslim kot</t>
  </si>
  <si>
    <t>GGPS DERA MANGTAN WALA</t>
  </si>
  <si>
    <t>dera mangtan wala</t>
  </si>
  <si>
    <t>Mangtan Wala</t>
  </si>
  <si>
    <t>Sumaira Sabir</t>
  </si>
  <si>
    <t>GGPS DERA MANSAB KHAN RODA</t>
  </si>
  <si>
    <t>g.g.p.s dera mansab khan roda</t>
  </si>
  <si>
    <t>Dera MansB</t>
  </si>
  <si>
    <t>GGPS DERA MANZOOR HUSSAIN</t>
  </si>
  <si>
    <t>phalia</t>
  </si>
  <si>
    <t>Dera Manzoor Hussain</t>
  </si>
  <si>
    <t>GGPS DERA MARKA</t>
  </si>
  <si>
    <t>Wern</t>
  </si>
  <si>
    <t>GGPS Dera Marka khoo moza wern</t>
  </si>
  <si>
    <t>Dera Marka Khoo</t>
  </si>
  <si>
    <t>Maryam Ejaz</t>
  </si>
  <si>
    <t>GGPS DERA MASJID WALA</t>
  </si>
  <si>
    <t>Dear Masjid Wla</t>
  </si>
  <si>
    <t>govt girls p/s dear masjid wala</t>
  </si>
  <si>
    <t>Dear Masjid Wala</t>
  </si>
  <si>
    <t>Ammara Sharif</t>
  </si>
  <si>
    <t>factory</t>
  </si>
  <si>
    <t>GGPS DERA MASTER ISMAIL</t>
  </si>
  <si>
    <t>Jatri Khna</t>
  </si>
  <si>
    <t>Dera Master Ismail Jatri Kohna</t>
  </si>
  <si>
    <t>Jatri  Kohna</t>
  </si>
  <si>
    <t>GGPS DERA MASTER YASIN</t>
  </si>
  <si>
    <t>Chak 69/P</t>
  </si>
  <si>
    <t>GGPS Dara Master Yaseen</t>
  </si>
  <si>
    <t>Dara Master Yaseen</t>
  </si>
  <si>
    <t>Tehseen Anwar</t>
  </si>
  <si>
    <t>GGPS DERA MEHAR ALLAH NAWAZ KAMALNAGAR</t>
  </si>
  <si>
    <t>CHANNA</t>
  </si>
  <si>
    <t>Daira Mahar Allah Nawaz</t>
  </si>
  <si>
    <t>Basti Mori Abbasan</t>
  </si>
  <si>
    <t>Zahida Ali Ahmed</t>
  </si>
  <si>
    <t>GGPS DERA MEHBOOB WALA</t>
  </si>
  <si>
    <t>Paie Khe Paka</t>
  </si>
  <si>
    <t>Dera Mehboob wala paie khel paka</t>
  </si>
  <si>
    <t>Maharan Wala</t>
  </si>
  <si>
    <t>Paie Khel</t>
  </si>
  <si>
    <t>Maqbool Fatima</t>
  </si>
  <si>
    <t>GGPS DERA MEHDI HASSAN</t>
  </si>
  <si>
    <t>kot shera distt n tehsil grw</t>
  </si>
  <si>
    <t>Shamshad Mubarak</t>
  </si>
  <si>
    <t>GGPS DERA MEHROO</t>
  </si>
  <si>
    <t>dera mehroo post office massa kotha tehsil kahror pacca district lodhran</t>
  </si>
  <si>
    <t>Dera Mehro</t>
  </si>
  <si>
    <t>Massa Khota</t>
  </si>
  <si>
    <t>GGPS DERA MIAN MUHAMMAD ASLAM MURALA</t>
  </si>
  <si>
    <t>Dera Mian Mohammad Aslam</t>
  </si>
  <si>
    <t>Dera mian Mohammad aslam</t>
  </si>
  <si>
    <t>Maryam Jabeen</t>
  </si>
  <si>
    <t>GGPS DERA MIAN SAHIB</t>
  </si>
  <si>
    <t>Dera MIAN SAHIB Kadhar</t>
  </si>
  <si>
    <t>p/o kadhar</t>
  </si>
  <si>
    <t>Kadhar Shareef</t>
  </si>
  <si>
    <t>GGPS DERA MOHAMMAD NAWAZ KHAN WALA</t>
  </si>
  <si>
    <t>DERA NAWAZ WALA</t>
  </si>
  <si>
    <t>DERA NAWAZ WALA SAWANCE</t>
  </si>
  <si>
    <t>SAWANCE</t>
  </si>
  <si>
    <t>GGPS DERA MOLADAD</t>
  </si>
  <si>
    <t>Dera Moladad</t>
  </si>
  <si>
    <t>Govt. P/S Dera Moladad, Hamoka more, U/C Hassan pur tiwana tehsil &amp; Distt Khushab</t>
  </si>
  <si>
    <t>Maida Riaz</t>
  </si>
  <si>
    <t>GGPS DERA MUHAMMAD ALI WALA</t>
  </si>
  <si>
    <t>Mohammad Ali Wala</t>
  </si>
  <si>
    <t>Dera Mohammad Ali wala pelowains</t>
  </si>
  <si>
    <t>Pelowains</t>
  </si>
  <si>
    <t>Mussarat Hassan</t>
  </si>
  <si>
    <t>GGPS DERA MUHAMMAD BAKHSH HUJJAN</t>
  </si>
  <si>
    <t>miana gondal</t>
  </si>
  <si>
    <t>vpo miana gondal teh malakwal distt m.bdin</t>
  </si>
  <si>
    <t>dera m.b hujjan</t>
  </si>
  <si>
    <t>GGPS DERA MUHAMMAD HAYAT</t>
  </si>
  <si>
    <t>Kodiwal</t>
  </si>
  <si>
    <t>kodiwal disst.and teh. m.garh</t>
  </si>
  <si>
    <t>GGPS DERA MUHAMMAD KHAIL</t>
  </si>
  <si>
    <t>dera Muhammad Khail</t>
  </si>
  <si>
    <t>ggps dera muhammad khail dakhly roda daak khas Roda tehsil and district khushab</t>
  </si>
  <si>
    <t>GGPS DERA MUHAMMAD KHAN</t>
  </si>
  <si>
    <t>Dera Muhammad Khan Rahdari NoorPur thal khushab</t>
  </si>
  <si>
    <t>Dera Muhammad Khan</t>
  </si>
  <si>
    <t>Naeem Zahra</t>
  </si>
  <si>
    <t>GGPS DERA MUHAMMAD NAWAZ</t>
  </si>
  <si>
    <t>cheena dagar</t>
  </si>
  <si>
    <t>basti hassan khan</t>
  </si>
  <si>
    <t>hassan khan</t>
  </si>
  <si>
    <t>pir Ashab</t>
  </si>
  <si>
    <t>cooler water</t>
  </si>
  <si>
    <t>GGPS DERA MUHAMMAD SAEED SALAM</t>
  </si>
  <si>
    <t>GGPS Dera Saeed Salam,</t>
  </si>
  <si>
    <t>Ayesha Muneer</t>
  </si>
  <si>
    <t>GGPS DERA MUHAMMAD SHER NOON</t>
  </si>
  <si>
    <t>DERA MUHAMMAD SHER NOON</t>
  </si>
  <si>
    <t>GGPS DERA MUHAMMAD WARIS KALOO</t>
  </si>
  <si>
    <t>V+P/O Biland Tehsil Noor Pur Thal District Khushab</t>
  </si>
  <si>
    <t>Naseem Sughra</t>
  </si>
  <si>
    <t>GGPS DERA NARIAN WALA</t>
  </si>
  <si>
    <t>dhilam</t>
  </si>
  <si>
    <t>GGPS dera narianwala</t>
  </si>
  <si>
    <t>dera narianwala</t>
  </si>
  <si>
    <t>TAHIRA KOSAR FATIMA</t>
  </si>
  <si>
    <t>GGPS DERA NAZAR MUHAMMAD</t>
  </si>
  <si>
    <t>Dera Nazar Muhammad</t>
  </si>
  <si>
    <t>village Dera Nazar Muhammad</t>
  </si>
  <si>
    <t>NOKHAR</t>
  </si>
  <si>
    <t>Munazza Sarfraz</t>
  </si>
  <si>
    <t>GGPS DERA NIGHA</t>
  </si>
  <si>
    <t>Farooq Abad Farooq Abad Gaon</t>
  </si>
  <si>
    <t>Farooqabad, village dera Nigha fslbd road</t>
  </si>
  <si>
    <t>Dera Nigha</t>
  </si>
  <si>
    <t>Farooqabad Gaon</t>
  </si>
  <si>
    <t>Shehar Bano  Mehmood</t>
  </si>
  <si>
    <t>GGPS DERA NOOR HUSSAIN SHAH</t>
  </si>
  <si>
    <t>Qurashian</t>
  </si>
  <si>
    <t>govt girls p s dera noor hassan shah</t>
  </si>
  <si>
    <t>Dille Wali</t>
  </si>
  <si>
    <t>GGPS DERA PEHLWANAN</t>
  </si>
  <si>
    <t>Dera Pehlwana</t>
  </si>
  <si>
    <t>New Ghanian Dera Pehlwana</t>
  </si>
  <si>
    <t>Misbah Shahzadee</t>
  </si>
  <si>
    <t>GGPS DERA PIR MAHI</t>
  </si>
  <si>
    <t>Nokher</t>
  </si>
  <si>
    <t>Dera Pir Mahi p/o box Nokher Teh# N/Virkan District GRW</t>
  </si>
  <si>
    <t>Dera Peer Mahi</t>
  </si>
  <si>
    <t>Nikher</t>
  </si>
  <si>
    <t>Sumaira Boota</t>
  </si>
  <si>
    <t>GGPS DERA PIR MUHAMMAD WALA</t>
  </si>
  <si>
    <t>33 Tda</t>
  </si>
  <si>
    <t>GGPS Dera Peer Mohammad  wala</t>
  </si>
  <si>
    <t>Dera Peer Mohammad</t>
  </si>
  <si>
    <t>Dakar Aoulakh</t>
  </si>
  <si>
    <t>GGPS DERA QASIM KHAN WALA CHATTA WATA</t>
  </si>
  <si>
    <t>vpo Chitta Watta teh &amp;distt mian wali</t>
  </si>
  <si>
    <t>Soorat Bibi</t>
  </si>
  <si>
    <t>GGPS DERA QASIM WALA</t>
  </si>
  <si>
    <t>KACHA GUJRAT-FEMALE</t>
  </si>
  <si>
    <t>Bakhhra</t>
  </si>
  <si>
    <t>GGPS DERA QASIMWALA</t>
  </si>
  <si>
    <t>GGPS DERA RAJPUTAN</t>
  </si>
  <si>
    <t>Dera Rajputan</t>
  </si>
  <si>
    <t>Dera rajputan district sheikhupura</t>
  </si>
  <si>
    <t>Jewan Pura</t>
  </si>
  <si>
    <t>GGPS DERA RAMZAN</t>
  </si>
  <si>
    <t>Chak111sb</t>
  </si>
  <si>
    <t>ggps dera ramzan</t>
  </si>
  <si>
    <t>111 sb dera ramzan</t>
  </si>
  <si>
    <t>chak 111 sb</t>
  </si>
  <si>
    <t>Ghulam zanib</t>
  </si>
  <si>
    <t>GGPS DERA REHMAN WALA</t>
  </si>
  <si>
    <t>Rehman Wala</t>
  </si>
  <si>
    <t>GGPS Dera Rehman Wala</t>
  </si>
  <si>
    <t>Dera Rahman Wala</t>
  </si>
  <si>
    <t>Moazamabad</t>
  </si>
  <si>
    <t>GGPS DERA RUSTAM KHAN</t>
  </si>
  <si>
    <t>ghagh klan dera jat teh&amp;distt khushab</t>
  </si>
  <si>
    <t>Saadat Perveen</t>
  </si>
  <si>
    <t>GGPS DERA SAD ULLAH WALA</t>
  </si>
  <si>
    <t>ggpsderasaadullahkhan(sawans)mianwali</t>
  </si>
  <si>
    <t>Dera Saad Ullah Khan</t>
  </si>
  <si>
    <t>GGPS DERA SAI MUHAMMAD</t>
  </si>
  <si>
    <t>Dera Sai Mohammad</t>
  </si>
  <si>
    <t>Dera Sai Mohammad vpo Dhok Jouri Teh.&amp; District M.B.Din</t>
  </si>
  <si>
    <t>Dhok Jouri</t>
  </si>
  <si>
    <t>Maryam Anwara</t>
  </si>
  <si>
    <t>GGPS DERA SAIDOO SHAH</t>
  </si>
  <si>
    <t>Kamal Theem</t>
  </si>
  <si>
    <t>Government Girls P/Shool Dera saidoo Shah  Bhakkar</t>
  </si>
  <si>
    <t>Chah Badhi</t>
  </si>
  <si>
    <t>183/184Tda</t>
  </si>
  <si>
    <t>Fozia nasim</t>
  </si>
  <si>
    <t>GGPS DERA SALAM KADHER</t>
  </si>
  <si>
    <t>kadherSharif</t>
  </si>
  <si>
    <t>dera Salam kadhar</t>
  </si>
  <si>
    <t>kadher</t>
  </si>
  <si>
    <t>GGPS DERA SALHOON</t>
  </si>
  <si>
    <t>Dera Salehoon</t>
  </si>
  <si>
    <t>Dera salehoon,dhok kasib</t>
  </si>
  <si>
    <t>Zakia Anwar</t>
  </si>
  <si>
    <t>GGPS DERA SAMOOTA</t>
  </si>
  <si>
    <t>Samota</t>
  </si>
  <si>
    <t>g,girls primary school dera samota</t>
  </si>
  <si>
    <t>GGPS DERA SANDAN WALA</t>
  </si>
  <si>
    <t>Dera Sandhanwala</t>
  </si>
  <si>
    <t>Dera Sandhanwala Tehsil Nowshera Virkan District Gujranwala</t>
  </si>
  <si>
    <t>Baddu Ratta</t>
  </si>
  <si>
    <t>Shaista Hidayat</t>
  </si>
  <si>
    <t>GGPS DERA SHAHBAZ KHAN</t>
  </si>
  <si>
    <t>Govt Girls Primary School Dera Shahbaz Khan</t>
  </si>
  <si>
    <t>Dera Shabaz Khan</t>
  </si>
  <si>
    <t>GGPS DERA SHAKROOKA</t>
  </si>
  <si>
    <t>laluwali</t>
  </si>
  <si>
    <t>ggps dera shakrooka</t>
  </si>
  <si>
    <t>Dera Shakrooka</t>
  </si>
  <si>
    <t>Annum Sarfraz</t>
  </si>
  <si>
    <t>GGPS DERA SHAMAS (JORIAN)</t>
  </si>
  <si>
    <t>Dera Shams</t>
  </si>
  <si>
    <t>GGps Dera Shamas Jurian</t>
  </si>
  <si>
    <t>Dera Shams Jurian</t>
  </si>
  <si>
    <t>Madeeha Zafar</t>
  </si>
  <si>
    <t>GGPS DERA SHAN WALA</t>
  </si>
  <si>
    <t>Ggps dera shan wala markaz salam</t>
  </si>
  <si>
    <t>GGPS DERA SHARIF TALUKAR</t>
  </si>
  <si>
    <t>Chak no 3 rakh dal\n</t>
  </si>
  <si>
    <t>Dera shareef talukar</t>
  </si>
  <si>
    <t>Shabana Majeed</t>
  </si>
  <si>
    <t>GGPS DERA SHEIKH MANIK</t>
  </si>
  <si>
    <t>dera sheikh manik</t>
  </si>
  <si>
    <t>Dera Sheikh Manik</t>
  </si>
  <si>
    <t>Asfana Sikandar</t>
  </si>
  <si>
    <t>GGPS DERA SHER ABBAS KHAN WALA</t>
  </si>
  <si>
    <t>Rokhri Pka</t>
  </si>
  <si>
    <t>GGP/S dera sher abas khan wala rokhari</t>
  </si>
  <si>
    <t>Nighat Shemina</t>
  </si>
  <si>
    <t>GGPS DERA SHER MUHAMMAD</t>
  </si>
  <si>
    <t>chak no 132NP</t>
  </si>
  <si>
    <t>Chak No 132NP</t>
  </si>
  <si>
    <t>Mehreen Sattar</t>
  </si>
  <si>
    <t>GGPS DERA SLABAT KHAN DEOWAL</t>
  </si>
  <si>
    <t>ggps dera salabat khan deowal tehsil bhalwal district sargodha</t>
  </si>
  <si>
    <t>Hafiza Naila Naz</t>
  </si>
  <si>
    <t>GGPS DERA SODHI</t>
  </si>
  <si>
    <t>Dera Sodi</t>
  </si>
  <si>
    <t>chak no 117 dera Sodhi tehsil and district sargodha</t>
  </si>
  <si>
    <t>109 Sb</t>
  </si>
  <si>
    <t>GGPS DERA SOIAO</t>
  </si>
  <si>
    <t>Ggps dera soian district sheikhupura</t>
  </si>
  <si>
    <t>Dera Soian</t>
  </si>
  <si>
    <t>Nuzhat Bibi</t>
  </si>
  <si>
    <t>GGPS DERA SRAN WALA</t>
  </si>
  <si>
    <t>Saranwala</t>
  </si>
  <si>
    <t>village saranwala p/o saikhum teh @ distt sheikhupura</t>
  </si>
  <si>
    <t>Bushra Kausar</t>
  </si>
  <si>
    <t>GGPS DERA SUKH-E-KA</t>
  </si>
  <si>
    <t>Ggps dera sukh-e-ka</t>
  </si>
  <si>
    <t>Dera Sukhy Ka</t>
  </si>
  <si>
    <t>Zubia Fazal</t>
  </si>
  <si>
    <t>GGPS DERA SULTAN MEHMOOD</t>
  </si>
  <si>
    <t>dera Sultan Mehmood bhabra road kotmomin</t>
  </si>
  <si>
    <t>Dera Sultan Mehmood</t>
  </si>
  <si>
    <t>MC Kotmomin</t>
  </si>
  <si>
    <t>Rahat Batool</t>
  </si>
  <si>
    <t>GGPS DERA SUMIANA</t>
  </si>
  <si>
    <t>dera summiana</t>
  </si>
  <si>
    <t>Iilliani</t>
  </si>
  <si>
    <t>Rana Gul</t>
  </si>
  <si>
    <t>GGPS DERA SUNJAN SINGH</t>
  </si>
  <si>
    <t>78 Nb</t>
  </si>
  <si>
    <t>dera sunjan singh</t>
  </si>
  <si>
    <t>Dera Sunjan Singh</t>
  </si>
  <si>
    <t>Nusrat Shaheen Akhtar</t>
  </si>
  <si>
    <t>GGPS DERA SYEDAN</t>
  </si>
  <si>
    <t>Chak no 113 s.b</t>
  </si>
  <si>
    <t>Dera Syedan</t>
  </si>
  <si>
    <t>Chak No113 S B</t>
  </si>
  <si>
    <t>Hina Fatima</t>
  </si>
  <si>
    <t>GGPS DERA TAHARI ANA</t>
  </si>
  <si>
    <t>KOTMOMIN</t>
  </si>
  <si>
    <t>Dera Tahari ana</t>
  </si>
  <si>
    <t>Dera Tahari Ana</t>
  </si>
  <si>
    <t>MC KOTMOMIN</t>
  </si>
  <si>
    <t>GGPS DERA TAJ MUHAMMAD</t>
  </si>
  <si>
    <t>Sewaram</t>
  </si>
  <si>
    <t>GGPS Dera Taj Muhammad</t>
  </si>
  <si>
    <t>Sari Khoh</t>
  </si>
  <si>
    <t>Gahna Lard</t>
  </si>
  <si>
    <t>Farkhunda Yasmeen</t>
  </si>
  <si>
    <t>GGPS DERA TAJA</t>
  </si>
  <si>
    <t>Dera Taja</t>
  </si>
  <si>
    <t>Dera taja phalia</t>
  </si>
  <si>
    <t>Abreera Abbas</t>
  </si>
  <si>
    <t>GGPS DERA TALAB WALA</t>
  </si>
  <si>
    <t>Gondlan Wala</t>
  </si>
  <si>
    <t>GGPS Dera Talab Wala</t>
  </si>
  <si>
    <t>GGPS DERA TALIB SHAH MUHAMMAD WALA</t>
  </si>
  <si>
    <t>GGPS Dera chah shah talib muhammad wala</t>
  </si>
  <si>
    <t>Samia Bashir</t>
  </si>
  <si>
    <t>GGPS DERA TARARAN</t>
  </si>
  <si>
    <t>Dera Tararan</t>
  </si>
  <si>
    <t>dera tararan</t>
  </si>
  <si>
    <t>Dera tararan</t>
  </si>
  <si>
    <t>Momina</t>
  </si>
  <si>
    <t>GGPS DERA TASDDUQ HAYAT</t>
  </si>
  <si>
    <t>Dera Tasadaq Hayat</t>
  </si>
  <si>
    <t>Dera Tasadaq hayat 5rakh dharema sargodha</t>
  </si>
  <si>
    <t>5rakh Dharema</t>
  </si>
  <si>
    <t>GGPS DERA TIBBA</t>
  </si>
  <si>
    <t>Dera Tibba</t>
  </si>
  <si>
    <t>ggps dera tibba</t>
  </si>
  <si>
    <t>Aqsa Shahid Bajwa</t>
  </si>
  <si>
    <t>GGPS DERA UMER HAYAT</t>
  </si>
  <si>
    <t>kot balouch</t>
  </si>
  <si>
    <t>ggps duh kot balouch</t>
  </si>
  <si>
    <t>GGPS DERA WAGHAN WALA</t>
  </si>
  <si>
    <t>Waghan Wala</t>
  </si>
  <si>
    <t>GGPS DERA YOUSAF JATT</t>
  </si>
  <si>
    <t>G.G P/S Dera Yousaf Jatt chah peelay wala</t>
  </si>
  <si>
    <t>Chah Peelay Wala</t>
  </si>
  <si>
    <t>Salma Bi Bi</t>
  </si>
  <si>
    <t>GGPS DERA ZAFAR HAYAT</t>
  </si>
  <si>
    <t>Rakh Mankera</t>
  </si>
  <si>
    <t>chak no 7 rakh mankera alat no 144</t>
  </si>
  <si>
    <t>GGPS DERA ZUFRALA KHAN</t>
  </si>
  <si>
    <t>GMPS DERA ZAFARULLAH</t>
  </si>
  <si>
    <t>Zafar Abbad</t>
  </si>
  <si>
    <t>Dagger Rehtas</t>
  </si>
  <si>
    <t>GGPS DERAH ALAM KHAN WALA</t>
  </si>
  <si>
    <t>ada khaja abad shareef tehsil n district mianwali</t>
  </si>
  <si>
    <t>Khaja Abad Shareef</t>
  </si>
  <si>
    <t>GGPS DERAH BAHADAR WALA</t>
  </si>
  <si>
    <t>asran wala</t>
  </si>
  <si>
    <t>Asran Wala</t>
  </si>
  <si>
    <t>GGPS DERI</t>
  </si>
  <si>
    <t>Nandana jatal</t>
  </si>
  <si>
    <t>village dehri p/o arazi khas tehsil kallar syedan.district rawalpindi</t>
  </si>
  <si>
    <t>Dehri</t>
  </si>
  <si>
    <t>bishandote</t>
  </si>
  <si>
    <t>Zaib-un-nissa</t>
  </si>
  <si>
    <t>GGPS DERSSO PUR</t>
  </si>
  <si>
    <t>Dersopur</t>
  </si>
  <si>
    <t>post office maryal village dersopur</t>
  </si>
  <si>
    <t>Naila Arif</t>
  </si>
  <si>
    <t>GGPS DESHTIAN</t>
  </si>
  <si>
    <t>basti dashtian</t>
  </si>
  <si>
    <t>Dashtian</t>
  </si>
  <si>
    <t>Moneba Qamer</t>
  </si>
  <si>
    <t>GGPS DESI WALA NO. 1</t>
  </si>
  <si>
    <t>desi wala, Mraz basti jam, kotchutta</t>
  </si>
  <si>
    <t>Desi wala</t>
  </si>
  <si>
    <t>Zounera Seemab</t>
  </si>
  <si>
    <t>GGPS DEU KHURAD</t>
  </si>
  <si>
    <t>Jamber khurd</t>
  </si>
  <si>
    <t>deu khurd tehsil patoki distric kasur</t>
  </si>
  <si>
    <t>Deu khurd</t>
  </si>
  <si>
    <t>Nadia kouser</t>
  </si>
  <si>
    <t>GGPS DEV SIAL</t>
  </si>
  <si>
    <t>Devsial</t>
  </si>
  <si>
    <t>devsial</t>
  </si>
  <si>
    <t>Batool Sharif</t>
  </si>
  <si>
    <t>GGPS DEVSANI</t>
  </si>
  <si>
    <t>Devsani</t>
  </si>
  <si>
    <t>Barki noor villa Lahore cantt</t>
  </si>
  <si>
    <t>Hadira</t>
  </si>
  <si>
    <t>Shagufta Maryam</t>
  </si>
  <si>
    <t>GGPS DEWAL NO.1</t>
  </si>
  <si>
    <t>vpo dewal murree rwp</t>
  </si>
  <si>
    <t>Dewal Sharif</t>
  </si>
  <si>
    <t>Summera Anis</t>
  </si>
  <si>
    <t>GGPS DEWAL NO.2</t>
  </si>
  <si>
    <t>Chatti</t>
  </si>
  <si>
    <t>village and post office dewal Tehsil Murree District Rawalpindi</t>
  </si>
  <si>
    <t>Dewal Shareef</t>
  </si>
  <si>
    <t>Sania Almas</t>
  </si>
  <si>
    <t>GGPS DEYAH WALA</t>
  </si>
  <si>
    <t>Bati Deyah wala post office Qureshi wala teh&amp; district lodhran</t>
  </si>
  <si>
    <t>Deyah Wala</t>
  </si>
  <si>
    <t>Sad Ula Pur</t>
  </si>
  <si>
    <t>Shahwana Naz</t>
  </si>
  <si>
    <t>GGPS DHAB CHEEMA</t>
  </si>
  <si>
    <t>Dhab Cheema</t>
  </si>
  <si>
    <t>dhab cheema</t>
  </si>
  <si>
    <t>Shaheen Anjum</t>
  </si>
  <si>
    <t>GGPS DHAB KHUSHAL</t>
  </si>
  <si>
    <t>Dhab Khushal</t>
  </si>
  <si>
    <t>village dhab khushal post office dhab kalan tehsil and district chakwal</t>
  </si>
  <si>
    <t>Safia Naseem Akhtar</t>
  </si>
  <si>
    <t>GGPS DHAB LOHARAN</t>
  </si>
  <si>
    <t>Dhab Loharan</t>
  </si>
  <si>
    <t>Village Dhab Loharan p/Dhab Kalan Teh + Distt Chakwal</t>
  </si>
  <si>
    <t>Dhab LOHARAN</t>
  </si>
  <si>
    <t>Harchar DHAB</t>
  </si>
  <si>
    <t>Saman Nida Mohsin</t>
  </si>
  <si>
    <t>GGPS DHAB NEHAL WAZIRKA</t>
  </si>
  <si>
    <t>Nehal Wazirka</t>
  </si>
  <si>
    <t>Dhab Nehal Wazirka Moza Nehal Wazirka Tehsil Minchin Abad</t>
  </si>
  <si>
    <t>Sunbal Shafique</t>
  </si>
  <si>
    <t>GGPS DHAB WALA</t>
  </si>
  <si>
    <t>Dhabwala</t>
  </si>
  <si>
    <t>village dhabwal</t>
  </si>
  <si>
    <t>Saima Manzoor</t>
  </si>
  <si>
    <t>GGPS DHABAN KHURD</t>
  </si>
  <si>
    <t>dhaban khurd</t>
  </si>
  <si>
    <t>DHABAN KHURD Teh Safdarabad Dis SKP</t>
  </si>
  <si>
    <t>Dhaban Khurd</t>
  </si>
  <si>
    <t>Dhaban Klan</t>
  </si>
  <si>
    <t>Sadia Fatima</t>
  </si>
  <si>
    <t>GGPS DHADAR</t>
  </si>
  <si>
    <t>Dehdar</t>
  </si>
  <si>
    <t>Dakhana khas loorain , village Dehdar</t>
  </si>
  <si>
    <t>Sadeeda Tu Zahra</t>
  </si>
  <si>
    <t>GGPS DHADHUMAR COLONY</t>
  </si>
  <si>
    <t>DHADHUMAR COLONY</t>
  </si>
  <si>
    <t>V.PO DHADHUMAR COLONY</t>
  </si>
  <si>
    <t>PICHNAND</t>
  </si>
  <si>
    <t>Nadia Kalsoom</t>
  </si>
  <si>
    <t>GGPS DHADIAN</t>
  </si>
  <si>
    <t>village Dhudian , p\o jero ratyal , dist rwp ,teh gujar khan</t>
  </si>
  <si>
    <t>Jero Ratyal</t>
  </si>
  <si>
    <t>GGPS DHADIAN WALA</t>
  </si>
  <si>
    <t>Dhadian wala Musa khel.</t>
  </si>
  <si>
    <t>Dhadian Wala</t>
  </si>
  <si>
    <t>Nasim Bibi</t>
  </si>
  <si>
    <t>GGPS DHADU BASRA</t>
  </si>
  <si>
    <t>Barthanwala</t>
  </si>
  <si>
    <t>GGPS DHADWAL</t>
  </si>
  <si>
    <t>Dhadwal</t>
  </si>
  <si>
    <t>village dhadwal p/o leiser kalan</t>
  </si>
  <si>
    <t>Noreen Akram</t>
  </si>
  <si>
    <t>GGPS DHADYAL</t>
  </si>
  <si>
    <t>Dadyal</t>
  </si>
  <si>
    <t>VILLAGE DADYAL DAKHANA TARKHANA MAREEDA TEHSIL SHAKARGARH DISTRICT NAROWAL</t>
  </si>
  <si>
    <t>GGPS DHAGANA</t>
  </si>
  <si>
    <t>Dhagana</t>
  </si>
  <si>
    <t>Adnan ul Haq</t>
  </si>
  <si>
    <t>GGPS DHAGANA JAVED ABAD</t>
  </si>
  <si>
    <t>darya khan dagar</t>
  </si>
  <si>
    <t>GGPS dhangana javed abad</t>
  </si>
  <si>
    <t>meher abad</t>
  </si>
  <si>
    <t>daryakhan</t>
  </si>
  <si>
    <t>GGPS DHAGGO</t>
  </si>
  <si>
    <t>Dhaggo</t>
  </si>
  <si>
    <t>Moza Dhaggo kot Bahadur</t>
  </si>
  <si>
    <t>GGPS DHAIR</t>
  </si>
  <si>
    <t>DHAIR VILLAGE ATTOCK city</t>
  </si>
  <si>
    <t>Dhair VILLAGE</t>
  </si>
  <si>
    <t>Azra Ambreen</t>
  </si>
  <si>
    <t>Bore water</t>
  </si>
  <si>
    <t>GGPS DHAIRI ANWAL CHAKWAL</t>
  </si>
  <si>
    <t>DhairiAnwal</t>
  </si>
  <si>
    <t>vpo dhrabi the&amp;dist chakwal</t>
  </si>
  <si>
    <t>Dhairii Anwal</t>
  </si>
  <si>
    <t>GGPS DHAISIAN</t>
  </si>
  <si>
    <t>DHAISIAN</t>
  </si>
  <si>
    <t>DHAISIAN P.O SIALKOT</t>
  </si>
  <si>
    <t>GGPS DHAK ARAZI</t>
  </si>
  <si>
    <t>Dk Arazi</t>
  </si>
  <si>
    <t>Dk Arazi  Pindigheb  Attock</t>
  </si>
  <si>
    <t>Saiqa Zulfiqar</t>
  </si>
  <si>
    <t>GGPS DHAK LANGER</t>
  </si>
  <si>
    <t>village:Dhak p.box:chura sharif Teh:Jand Dis:Attock</t>
  </si>
  <si>
    <t>Malika Surria</t>
  </si>
  <si>
    <t>GGPS DHAKA</t>
  </si>
  <si>
    <t>Dhaka</t>
  </si>
  <si>
    <t>ggps dhaka Teh Noushehra disstt khushab</t>
  </si>
  <si>
    <t>Naushehra</t>
  </si>
  <si>
    <t>GGPS DHAKAR</t>
  </si>
  <si>
    <t>Dhakar</t>
  </si>
  <si>
    <t>v.p.o dhakar</t>
  </si>
  <si>
    <t>Sadaf Zaman</t>
  </si>
  <si>
    <t>GGPS DHAKKI RAJGAN</t>
  </si>
  <si>
    <t>GGPS Dhakki Rajgan P.o Beshandote,Tehsil.Kallar Syedan,Distt Rawalpindi</t>
  </si>
  <si>
    <t>DhakkiRajgan</t>
  </si>
  <si>
    <t>Atika Rehman</t>
  </si>
  <si>
    <t>GGPS DHAKNAY WALA</t>
  </si>
  <si>
    <t>Panjgraen</t>
  </si>
  <si>
    <t>gov girls primary school dhaknay wala Khan garh</t>
  </si>
  <si>
    <t>Dhaknay Wala</t>
  </si>
  <si>
    <t>Jgat Pur</t>
  </si>
  <si>
    <t>GGPS DHAKUAN WALA</t>
  </si>
  <si>
    <t>GGPS Dhakuanwala</t>
  </si>
  <si>
    <t>Mussrat Perveen</t>
  </si>
  <si>
    <t>GGPS DHAL KALU</t>
  </si>
  <si>
    <t>Dhall Kalu</t>
  </si>
  <si>
    <t>dhall kalu</t>
  </si>
  <si>
    <t>Shehnaz  Begum</t>
  </si>
  <si>
    <t>GGPS DHALA</t>
  </si>
  <si>
    <t>Dhala</t>
  </si>
  <si>
    <t>dhala</t>
  </si>
  <si>
    <t>Madoo Kahlawan</t>
  </si>
  <si>
    <t>Anam Shahzadi</t>
  </si>
  <si>
    <t>GGPS DHALA  AZMAT KHAN WALA</t>
  </si>
  <si>
    <t>ShahbaZ Khel</t>
  </si>
  <si>
    <t>GGPS DHALA AZMAT KHAN WALA</t>
  </si>
  <si>
    <t>Shabaz Khel</t>
  </si>
  <si>
    <t>GGPS DHALATER</t>
  </si>
  <si>
    <t>Jillah</t>
  </si>
  <si>
    <t>GGPS Dhalater</t>
  </si>
  <si>
    <t>Dhalater</t>
  </si>
  <si>
    <t>Anum Bashir</t>
  </si>
  <si>
    <t>GGPS DHALAY WALI</t>
  </si>
  <si>
    <t>Dhalley Wali</t>
  </si>
  <si>
    <t>Dhalley wali head marala</t>
  </si>
  <si>
    <t>Sadia Khanam</t>
  </si>
  <si>
    <t>GGPS DHALKE KALAN</t>
  </si>
  <si>
    <t>Dhalk E Kalan</t>
  </si>
  <si>
    <t>ggps dhalk e kalan</t>
  </si>
  <si>
    <t>GGPS DHALLA</t>
  </si>
  <si>
    <t>Govt. Girls Primary School Dhalla</t>
  </si>
  <si>
    <t>Iffat Siraj</t>
  </si>
  <si>
    <t>GGPS DHALLA KALAN</t>
  </si>
  <si>
    <t>Kot Radha Kishion</t>
  </si>
  <si>
    <t>dhala kalaan Po khudia khas tehsil krk</t>
  </si>
  <si>
    <t>Dhala Kalan</t>
  </si>
  <si>
    <t>Cheena Ottar</t>
  </si>
  <si>
    <t>Anam Naz</t>
  </si>
  <si>
    <t>GGPS DHALLA KHEL P.O GADOLA</t>
  </si>
  <si>
    <t>Bhakkar Nasheeb</t>
  </si>
  <si>
    <t>basti dhala khail bhakkar</t>
  </si>
  <si>
    <t>Dhala Khail</t>
  </si>
  <si>
    <t>GGPS DHALWAN</t>
  </si>
  <si>
    <t>Dhalwan</t>
  </si>
  <si>
    <t>government girls primary school dhalwan</t>
  </si>
  <si>
    <t>GGPS DHAMALA</t>
  </si>
  <si>
    <t>DHAMALA</t>
  </si>
  <si>
    <t>GGPS DHAMALA TEH PASRUR DISTT SIALKOT</t>
  </si>
  <si>
    <t>Qamar Farooq</t>
  </si>
  <si>
    <t>GGPS DHAMIAN</t>
  </si>
  <si>
    <t>Dhamian</t>
  </si>
  <si>
    <t>p/o sarankey village dhamian</t>
  </si>
  <si>
    <t>Naureen Iqbal</t>
  </si>
  <si>
    <t>GGPS DHAMKAY</t>
  </si>
  <si>
    <t>Dhamkey</t>
  </si>
  <si>
    <t>dhamkey teh sqp disst skp</t>
  </si>
  <si>
    <t>gulsan missal</t>
  </si>
  <si>
    <t>GGPS DHAMMALI</t>
  </si>
  <si>
    <t>Dhamali</t>
  </si>
  <si>
    <t>p.o dhamali the Kallar syedan disdt rwp</t>
  </si>
  <si>
    <t>Gulshan Bibi</t>
  </si>
  <si>
    <t>bore electric moter</t>
  </si>
  <si>
    <t>GGPS DHAMO ANA</t>
  </si>
  <si>
    <t>Demon Ana</t>
  </si>
  <si>
    <t>ggps demon wala kalan</t>
  </si>
  <si>
    <t>Demon Wala Kalan</t>
  </si>
  <si>
    <t>Arazi Bucheki</t>
  </si>
  <si>
    <t>Aneeqa Shaheen</t>
  </si>
  <si>
    <t>GGPS DHAMOKE</t>
  </si>
  <si>
    <t>Dhamonke</t>
  </si>
  <si>
    <t>GGPS ,dhamonke</t>
  </si>
  <si>
    <t>Samia Ashraf</t>
  </si>
  <si>
    <t>GGPS DHANA CHAK NO. 12</t>
  </si>
  <si>
    <t>Dhana chak 12  Tehsil Chunian District Kasur</t>
  </si>
  <si>
    <t>Dhana Chak 12</t>
  </si>
  <si>
    <t>NAILA RIAZ</t>
  </si>
  <si>
    <t>GGPS DHANDALA</t>
  </si>
  <si>
    <t>Dhandala</t>
  </si>
  <si>
    <t>Kolian</t>
  </si>
  <si>
    <t>GGPS DHANDALI</t>
  </si>
  <si>
    <t>Dhandali</t>
  </si>
  <si>
    <t>dhandali</t>
  </si>
  <si>
    <t>Qaiser shaheen</t>
  </si>
  <si>
    <t>GGPS DHANDHLA BHAKKAR</t>
  </si>
  <si>
    <t>Nashaib</t>
  </si>
  <si>
    <t>p/s mohalla dhandla Bhakkar</t>
  </si>
  <si>
    <t>Sajida Rani</t>
  </si>
  <si>
    <t>GGPS DHANDI</t>
  </si>
  <si>
    <t>village bilgaran p/o dhanda</t>
  </si>
  <si>
    <t>Saima Imtiaz</t>
  </si>
  <si>
    <t>GGPS DHANGARAN</t>
  </si>
  <si>
    <t>village dhangran post office chalawra tehsilkotli sattian distt rwp</t>
  </si>
  <si>
    <t>Dheer Kot Sattian</t>
  </si>
  <si>
    <t>Sobia Kousar</t>
  </si>
  <si>
    <t>GGPS DHANGOORIAN</t>
  </si>
  <si>
    <t>Dangorian</t>
  </si>
  <si>
    <t>P/o Mandi Sadiq Gunj Dangorian</t>
  </si>
  <si>
    <t>Nazia Hassan</t>
  </si>
  <si>
    <t>GGPS DHANGRI DHERO</t>
  </si>
  <si>
    <t>Dhangri Dheru</t>
  </si>
  <si>
    <t>Dhok Dheru</t>
  </si>
  <si>
    <t>SHABIA Parveen</t>
  </si>
  <si>
    <t>GGPS Dhangri Wala</t>
  </si>
  <si>
    <t>Dhengri Wala</t>
  </si>
  <si>
    <t>Dhengri wala  u/c Alpa kalan, Teh:Patoki,Disst Kasur</t>
  </si>
  <si>
    <t>Kahkashan Aslam</t>
  </si>
  <si>
    <t>GGPS DHANI MANI RAM</t>
  </si>
  <si>
    <t>Kot Hemraj</t>
  </si>
  <si>
    <t>Adda nehr gijyani dhani mani ram tehsil and district bahawal nagar</t>
  </si>
  <si>
    <t>Dhani Mani Ram</t>
  </si>
  <si>
    <t>Shama Shahzad</t>
  </si>
  <si>
    <t>GGPS DHANT PURA</t>
  </si>
  <si>
    <t>Dhant Pura</t>
  </si>
  <si>
    <t>dhant Pura</t>
  </si>
  <si>
    <t>Jhamkey</t>
  </si>
  <si>
    <t>Shahla Sarfraz</t>
  </si>
  <si>
    <t>GGPS DHAPAI</t>
  </si>
  <si>
    <t>Afshan Mussarat</t>
  </si>
  <si>
    <t>GGPS DHAPAI ANSOVAN</t>
  </si>
  <si>
    <t>Dhapia Ansovan</t>
  </si>
  <si>
    <t>p/o nonar zel zaferwal district narowal</t>
  </si>
  <si>
    <t>Dhapia ansovan</t>
  </si>
  <si>
    <t>GGPS DHAPAI HASSAN WALI</t>
  </si>
  <si>
    <t>Dhapai hassan wali</t>
  </si>
  <si>
    <t>dhapai hassan wali teh Wazirabab dist Gujranwala</t>
  </si>
  <si>
    <t>Dhapai hassan Wali</t>
  </si>
  <si>
    <t>Jamkey Chattha</t>
  </si>
  <si>
    <t>Saima Asghar</t>
  </si>
  <si>
    <t>GGPS DHAPAR SAPRANWAN</t>
  </si>
  <si>
    <t>DHAPAR SAPRAWAN</t>
  </si>
  <si>
    <t>dhapar saprawan</t>
  </si>
  <si>
    <t>DHAPER SAPRANWAN</t>
  </si>
  <si>
    <t>Zunaira Ahmed</t>
  </si>
  <si>
    <t>GGPS DHAPI</t>
  </si>
  <si>
    <t>village dhapai p.o. pindi gujran teh nd distt chakwal</t>
  </si>
  <si>
    <t>Nagmana Talat</t>
  </si>
  <si>
    <t>GGPS DHAPI AMAR SINGH</t>
  </si>
  <si>
    <t>Dhapi Ameer Singh</t>
  </si>
  <si>
    <t>village dhapi Amar Singh district gujranwala tehsil p/o mitran wali</t>
  </si>
  <si>
    <t>Jora Sian</t>
  </si>
  <si>
    <t>Rizwana Tabassam</t>
  </si>
  <si>
    <t>GGPS DHARAH</t>
  </si>
  <si>
    <t>Dharah</t>
  </si>
  <si>
    <t>government girls primary school dharah post office ahmad pur tehsil sahiwal district sargodha</t>
  </si>
  <si>
    <t>Bochra Khona</t>
  </si>
  <si>
    <t>Toqueer Fatima</t>
  </si>
  <si>
    <t>GGPS DHARAM PURA</t>
  </si>
  <si>
    <t>Govt Girls Primary School Dahram Pura Mailsi</t>
  </si>
  <si>
    <t>Ward No 8</t>
  </si>
  <si>
    <t>Zahida Anjum</t>
  </si>
  <si>
    <t>GGPS DHARAN PUJGRAN</t>
  </si>
  <si>
    <t>dherian punjgran</t>
  </si>
  <si>
    <t>Dherian Punjgran</t>
  </si>
  <si>
    <t>Iqra Israr</t>
  </si>
  <si>
    <t>GGPS DHARI BHATIAN</t>
  </si>
  <si>
    <t>Dhari Bhatiyan</t>
  </si>
  <si>
    <t>Mumtaz Jafar</t>
  </si>
  <si>
    <t>GGPS DHARI WAL</t>
  </si>
  <si>
    <t>village dhariwal po unvhapharang</t>
  </si>
  <si>
    <t>Nazia Samina</t>
  </si>
  <si>
    <t>GGPS DHARIAN</t>
  </si>
  <si>
    <t>Dharian</t>
  </si>
  <si>
    <t>dharian</t>
  </si>
  <si>
    <t>saleem akhter</t>
  </si>
  <si>
    <t>GGPS DHARINGAR</t>
  </si>
  <si>
    <t>Dhringer</t>
  </si>
  <si>
    <t>mukhduman wala moza dharangar</t>
  </si>
  <si>
    <t>Mukhduman Wala</t>
  </si>
  <si>
    <t>Zakia Shahnaz</t>
  </si>
  <si>
    <t>GGPS DHARIWAL</t>
  </si>
  <si>
    <t>Village Dhariwal P/o Gota fateh Garh</t>
  </si>
  <si>
    <t>Gota Fateh Garh</t>
  </si>
  <si>
    <t>GGPS DHARKALIAN</t>
  </si>
  <si>
    <t>village dharkalian teh/ dis Sialkot</t>
  </si>
  <si>
    <t>Rasolpur Bhaliya</t>
  </si>
  <si>
    <t>GGPS DHARMA</t>
  </si>
  <si>
    <t>DHARMA</t>
  </si>
  <si>
    <t>chak 116/7cr.. moza dharma ccw</t>
  </si>
  <si>
    <t>Kiran Amin</t>
  </si>
  <si>
    <t>GGPS DHARO KOT</t>
  </si>
  <si>
    <t>dharo kot</t>
  </si>
  <si>
    <t>Dharo Kot</t>
  </si>
  <si>
    <t>GGPS DHARYALI</t>
  </si>
  <si>
    <t>Saroola</t>
  </si>
  <si>
    <t>dohk dharyali.post offieve padhri markaz jajial sohawa.district jhalum</t>
  </si>
  <si>
    <t>Dharyali</t>
  </si>
  <si>
    <t>Jajyal</t>
  </si>
  <si>
    <t>GGPS DHATTAL</t>
  </si>
  <si>
    <t>Dhattal</t>
  </si>
  <si>
    <t>dhattal</t>
  </si>
  <si>
    <t>GGPS DHAWANA</t>
  </si>
  <si>
    <t>DHAWANA</t>
  </si>
  <si>
    <t>Chak Dhawna p/o Pacca sadhar</t>
  </si>
  <si>
    <t>Quratullaeen</t>
  </si>
  <si>
    <t>GGPS DHEENDA</t>
  </si>
  <si>
    <t>village dheenda post office langerpur</t>
  </si>
  <si>
    <t>Lubna Alia</t>
  </si>
  <si>
    <t>GGPS DHEENDA KALAN</t>
  </si>
  <si>
    <t>dhinda kalan</t>
  </si>
  <si>
    <t>GGPS DHEENGRAN WALI</t>
  </si>
  <si>
    <t>Shahida Sanaullah</t>
  </si>
  <si>
    <t>GGPS DHEER</t>
  </si>
  <si>
    <t>dheer</t>
  </si>
  <si>
    <t>Dheer</t>
  </si>
  <si>
    <t>GGPS DHEER CHAK 29/RB</t>
  </si>
  <si>
    <t>Dheer 29</t>
  </si>
  <si>
    <t>Dheer ch 29 tehseel sangla district nankana sahib</t>
  </si>
  <si>
    <t>Dheer ch29</t>
  </si>
  <si>
    <t>jhuggian 292</t>
  </si>
  <si>
    <t>Kanwal Ashfaq</t>
  </si>
  <si>
    <t>GGPS DHEER GRAN</t>
  </si>
  <si>
    <t>Dheer Gran</t>
  </si>
  <si>
    <t>village dheer gran Po kottlisattian</t>
  </si>
  <si>
    <t>Sidra Kausar</t>
  </si>
  <si>
    <t>GGPS DHEER KOT KATHWALAN</t>
  </si>
  <si>
    <t>Dhirkot Kethwalan</t>
  </si>
  <si>
    <t>P/o dhirkot Sattian village dhir kot kethwalan tehsil kotli Sattian</t>
  </si>
  <si>
    <t>Nazish Nadeem</t>
  </si>
  <si>
    <t>GGPS DHEERNKE LALKE</t>
  </si>
  <si>
    <t>Dheeranke Lalke</t>
  </si>
  <si>
    <t>p/o dheeranke lalke tehsil/district hafizabad</t>
  </si>
  <si>
    <t>GGPS DHELAY WALA QADIRPUR RAN MULTAN</t>
  </si>
  <si>
    <t>Qadir Pu Raan</t>
  </si>
  <si>
    <t>basti dheely Wala wadir pur raan</t>
  </si>
  <si>
    <t>Dheely Wala</t>
  </si>
  <si>
    <t>Qadir Pur Raan Gharbi</t>
  </si>
  <si>
    <t>Kalsoom Nawaz</t>
  </si>
  <si>
    <t>GGPS DHELUM</t>
  </si>
  <si>
    <t>p o ghakhar village dhilum tehsil wazirabad district gujranwala</t>
  </si>
  <si>
    <t>Zahrah Tabbsam</t>
  </si>
  <si>
    <t>GGPS DHENDIAN WALA</t>
  </si>
  <si>
    <t>Dila Mir Wala</t>
  </si>
  <si>
    <t>ggps dhendianwala</t>
  </si>
  <si>
    <t>Dhendianwala</t>
  </si>
  <si>
    <t>Pka Kamar Mushani</t>
  </si>
  <si>
    <t>from neighbour</t>
  </si>
  <si>
    <t>GGPS DHENGANAY WALA</t>
  </si>
  <si>
    <t>basti dhengany wala p/o peer barkhurdar disst m ghat tehsil kot adu</t>
  </si>
  <si>
    <t>Dhengany Wala</t>
  </si>
  <si>
    <t>Fozia Batool</t>
  </si>
  <si>
    <t>GGPS DHENGLA</t>
  </si>
  <si>
    <t>Tibbi Dheengla</t>
  </si>
  <si>
    <t>tibbi Dheengla skt</t>
  </si>
  <si>
    <t>GGPS DHENGRAN WALI KALAN</t>
  </si>
  <si>
    <t>Dhingranwali Kalan</t>
  </si>
  <si>
    <t>village Dhingranwali Kalan, p/o kot kalal,  tehsil pasrur, district sialkot.</t>
  </si>
  <si>
    <t>Fouzia Nazir</t>
  </si>
  <si>
    <t>GGPS DHER</t>
  </si>
  <si>
    <t>Dher</t>
  </si>
  <si>
    <t>Post office &amp; village DHER' Tehsil Kharian District Gujarat</t>
  </si>
  <si>
    <t>Punjan Kisana</t>
  </si>
  <si>
    <t>Kanwal Shehzadi</t>
  </si>
  <si>
    <t>GGPS DHERA KANAL</t>
  </si>
  <si>
    <t>Dehra Kanial</t>
  </si>
  <si>
    <t>Village Dehra Kanial,p/o Bewal,</t>
  </si>
  <si>
    <t>GGPS DHERAN WALA</t>
  </si>
  <si>
    <t>ggps dheran wala teh. Isa khel mianwali</t>
  </si>
  <si>
    <t>Dheran Wala</t>
  </si>
  <si>
    <t>Mc Isa Khel</t>
  </si>
  <si>
    <t>Rukhsana Ameer</t>
  </si>
  <si>
    <t>GGPS DHERI BAKRALA</t>
  </si>
  <si>
    <t>ggps dheri bakrala</t>
  </si>
  <si>
    <t>Dheri Bakrala</t>
  </si>
  <si>
    <t>Sania Munir</t>
  </si>
  <si>
    <t>GGPS DHERI JABA</t>
  </si>
  <si>
    <t>Dheri Jaba</t>
  </si>
  <si>
    <t>GGPSDherijaba</t>
  </si>
  <si>
    <t>Dehrijaba</t>
  </si>
  <si>
    <t>LehrSultanPur</t>
  </si>
  <si>
    <t>Tauqir Un Nisa Bibi</t>
  </si>
  <si>
    <t>GGPS DHERI PADHRAR</t>
  </si>
  <si>
    <t>Dheri padhrar</t>
  </si>
  <si>
    <t>GGPS DHERIAN</t>
  </si>
  <si>
    <t>Dherian</t>
  </si>
  <si>
    <t>village dherian P.O. dharyala via sanghoi tensil dina district jhelum</t>
  </si>
  <si>
    <t>Sehrish Shafique</t>
  </si>
  <si>
    <t>GGPS DHERO MANGRAH</t>
  </si>
  <si>
    <t>Dheero Mangrah</t>
  </si>
  <si>
    <t>GGPS Dheero Mangrah</t>
  </si>
  <si>
    <t>Dheero Mangrag</t>
  </si>
  <si>
    <t>GGPS DHERO SAIL</t>
  </si>
  <si>
    <t>Dhero Sial</t>
  </si>
  <si>
    <t>dhero sial p/o kudlathi ara</t>
  </si>
  <si>
    <t>GGPS DHEROKAY</t>
  </si>
  <si>
    <t>Dherokay</t>
  </si>
  <si>
    <t>village dherokay p/o sehowal tehsil pasrur distt sialkot</t>
  </si>
  <si>
    <t>Farida Anwar</t>
  </si>
  <si>
    <t>GGPS DHIANPUR</t>
  </si>
  <si>
    <t>Dhianpur</t>
  </si>
  <si>
    <t>Village Dhianpur p.o Tehsil Kahuta Distt Rawalpindi</t>
  </si>
  <si>
    <t>GGPS DHIDAR</t>
  </si>
  <si>
    <t>Dhaderr</t>
  </si>
  <si>
    <t>village dhader</t>
  </si>
  <si>
    <t>Dhader</t>
  </si>
  <si>
    <t>Fatehpur Afghana</t>
  </si>
  <si>
    <t>ZOBAIDA NIAZ</t>
  </si>
  <si>
    <t>GGPS DHIDO DUGGAL</t>
  </si>
  <si>
    <t>Dheedo Duggal</t>
  </si>
  <si>
    <t>village dheedo duggal post office qila didar singh dist grw</t>
  </si>
  <si>
    <t>Chahal Klan</t>
  </si>
  <si>
    <t>GGPS DHILAM</t>
  </si>
  <si>
    <t>DHILAM</t>
  </si>
  <si>
    <t>Aqsa Shaheen</t>
  </si>
  <si>
    <t>GGPS DHILAM BALAGAN (NEWLY ESTABLISHED)</t>
  </si>
  <si>
    <t>Dhillam</t>
  </si>
  <si>
    <t>GGPS Dhillam Ballagan  tehsil sambrial district  sialkot</t>
  </si>
  <si>
    <t>Dhillam Ballagan</t>
  </si>
  <si>
    <t>Bushra Baigham</t>
  </si>
  <si>
    <t>GGPS DHILLU SHARQI</t>
  </si>
  <si>
    <t>Village Dhillu Sharqi,P/O Jalal Pur Jattan,Gujrat</t>
  </si>
  <si>
    <t>Dhillu Sharqi</t>
  </si>
  <si>
    <t>GGPS DHILOZI</t>
  </si>
  <si>
    <t>Dhilozi</t>
  </si>
  <si>
    <t>GGPS Dhilozi</t>
  </si>
  <si>
    <t>Lubna Fardous</t>
  </si>
  <si>
    <t>GGPS DHILUM HITHAR</t>
  </si>
  <si>
    <t>Dhilum Hithar</t>
  </si>
  <si>
    <t>dhilum hithar dakhana hmaywall tahsil &amp; zila kasur</t>
  </si>
  <si>
    <t>Aqsa Yasin</t>
  </si>
  <si>
    <t>GGPS DHINGOWAL</t>
  </si>
  <si>
    <t>Dhingowal</t>
  </si>
  <si>
    <t>Kullowal</t>
  </si>
  <si>
    <t>Ayesha Tahir</t>
  </si>
  <si>
    <t>GGPS DHINGRALA</t>
  </si>
  <si>
    <t>dhingrala</t>
  </si>
  <si>
    <t>dhingrala kot moman sargopdha</t>
  </si>
  <si>
    <t>Dhingrala</t>
  </si>
  <si>
    <t>GGPS DHODAY SHARIF</t>
  </si>
  <si>
    <t>Dhoda Sharif</t>
  </si>
  <si>
    <t>GGPS DHOODA SHARIF, village dhoda sharif.</t>
  </si>
  <si>
    <t>Asmat Rani</t>
  </si>
  <si>
    <t>GGPS DHODY</t>
  </si>
  <si>
    <t>Dhody</t>
  </si>
  <si>
    <t>Village dodhy post office kharana  teh Kharian distt Gujrat</t>
  </si>
  <si>
    <t>GGPS DHOK AFGHAN</t>
  </si>
  <si>
    <t>Dhok Afghan</t>
  </si>
  <si>
    <t>village dhok Afghan tehsil hazro district attock</t>
  </si>
  <si>
    <t>Kamul Pur Musa</t>
  </si>
  <si>
    <t>Jumshid  Bibi</t>
  </si>
  <si>
    <t>GGPS DHOK AHMAD KHAN MANGWAL</t>
  </si>
  <si>
    <t>Dhoke AHMED KHAN MANGWAL</t>
  </si>
  <si>
    <t>Dhoke MANGWAL</t>
  </si>
  <si>
    <t>Maryum Bibi</t>
  </si>
  <si>
    <t>GGPS DHOK AHMEDAL</t>
  </si>
  <si>
    <t>Dhoke ahmadal p/o chakrala</t>
  </si>
  <si>
    <t>Irram Shaheen</t>
  </si>
  <si>
    <t>GGPS DHOK AJARI</t>
  </si>
  <si>
    <t>dhok ajri</t>
  </si>
  <si>
    <t>GGPS DHOK AJNAL P/O BIKHARI KALAN CHAKWAL</t>
  </si>
  <si>
    <t>Ggps dhok Ajnal</t>
  </si>
  <si>
    <t>NAZIA KHANUM</t>
  </si>
  <si>
    <t>GGPS DHOK ALAM SHERI</t>
  </si>
  <si>
    <t>vpo basal dhok alam  sheri</t>
  </si>
  <si>
    <t>Asma jabeen</t>
  </si>
  <si>
    <t>GGPS DHOK ALFOO</t>
  </si>
  <si>
    <t>Dhoke Alfoo</t>
  </si>
  <si>
    <t>village dhoke Alfoo, postoffice mangwal,tehsil and District chakwal</t>
  </si>
  <si>
    <t>GGPS DHOK ALI BHADAR</t>
  </si>
  <si>
    <t>Sobia Bashir</t>
  </si>
  <si>
    <t>GGPS DHOK ALI MUHAMMAD</t>
  </si>
  <si>
    <t>Dhoke Ali Muhammad Muhammad</t>
  </si>
  <si>
    <t>Dhoke Ali Muhammad Teh Fateh Jang Distt Attock</t>
  </si>
  <si>
    <t>Dhoke Ali Muhammad</t>
  </si>
  <si>
    <t>GGPS DHOK AMB</t>
  </si>
  <si>
    <t>Dhok Amb</t>
  </si>
  <si>
    <t>Village Dhok Amb po Diwane hazori dist jhelum</t>
  </si>
  <si>
    <t>Pail Biny Khan</t>
  </si>
  <si>
    <t>Ansar Sultana</t>
  </si>
  <si>
    <t>electrical motor</t>
  </si>
  <si>
    <t>GGPS DHOK AMRAL</t>
  </si>
  <si>
    <t>vill dhok Amral po fatehpur</t>
  </si>
  <si>
    <t>Dhok Amral</t>
  </si>
  <si>
    <t>Aniqa Saeed</t>
  </si>
  <si>
    <t>GGPS DHOK ARA</t>
  </si>
  <si>
    <t>Vpo mianwala tehsil pindigheb district attock</t>
  </si>
  <si>
    <t>GGPS DHOK AULIA</t>
  </si>
  <si>
    <t>Bolinwal</t>
  </si>
  <si>
    <t>vill.dhok aulia vpo bulianwal tehsil and disst attock</t>
  </si>
  <si>
    <t>Dhok Aulia</t>
  </si>
  <si>
    <t>Roqiya Bibi</t>
  </si>
  <si>
    <t>GGPS DHOK AWAN</t>
  </si>
  <si>
    <t>Govt Girls Primary School Dhok Awan</t>
  </si>
  <si>
    <t>GGPS DHOK AWAN ABAD</t>
  </si>
  <si>
    <t>ggpsawanabad</t>
  </si>
  <si>
    <t>Zarqa Bibi</t>
  </si>
  <si>
    <t>GGPS DHOK AWANA PAIL</t>
  </si>
  <si>
    <t>pail district khushab</t>
  </si>
  <si>
    <t>Dhok Awan Pail</t>
  </si>
  <si>
    <t>Naheed Akther</t>
  </si>
  <si>
    <t>GGPS DHOK AYOUB CHAKRALA MIANWALI</t>
  </si>
  <si>
    <t>dhoke Ayoub p/of dhoke mehr muhammad</t>
  </si>
  <si>
    <t>Dhoke Ayoub</t>
  </si>
  <si>
    <t>SABA NOREEN</t>
  </si>
  <si>
    <t>GGPS DHOK AZIZAL</t>
  </si>
  <si>
    <t>Dhoke Azizal</t>
  </si>
  <si>
    <t>village dhoke azizal p/o shahbagh tehsil kallar syedan district rawalpindi</t>
  </si>
  <si>
    <t>DHOKE AZIZAL</t>
  </si>
  <si>
    <t>Sadaf Bi Bi</t>
  </si>
  <si>
    <t>GGPS DHOK BABA ADIALA ROAD RWP</t>
  </si>
  <si>
    <t>Dhoke Baba</t>
  </si>
  <si>
    <t>Dhoke Baba Adyala Rd Rawalpindi</t>
  </si>
  <si>
    <t>GGPS DHOK BABRI</t>
  </si>
  <si>
    <t>Naka Ghulam Shah</t>
  </si>
  <si>
    <t>ggps dhok babri</t>
  </si>
  <si>
    <t>Dhok Babri</t>
  </si>
  <si>
    <t>Malhuwali</t>
  </si>
  <si>
    <t>Adeela Bibi</t>
  </si>
  <si>
    <t>GGPS DHOK BAGH</t>
  </si>
  <si>
    <t>Dhok Bagh</t>
  </si>
  <si>
    <t>dhok Bagh</t>
  </si>
  <si>
    <t>GGPS DHOK BAHATTIAN</t>
  </si>
  <si>
    <t>Dhok Bhatti</t>
  </si>
  <si>
    <t>village dhok. bhatti p/o chak beli khan</t>
  </si>
  <si>
    <t>GGPS DHOK BAIR NO.2</t>
  </si>
  <si>
    <t>Dhoke Bair</t>
  </si>
  <si>
    <t>Village Dhoke Bair P/O Pinwal Tehsil &amp; District Chakwal.</t>
  </si>
  <si>
    <t>SUMAIRA ANJUM</t>
  </si>
  <si>
    <t>GGPS DHOK BALAL KHB</t>
  </si>
  <si>
    <t>mohala anwarabad badliwala khushab</t>
  </si>
  <si>
    <t>GGPS DHOK BALI DAKHLI</t>
  </si>
  <si>
    <t>Toha Mehram  Khan</t>
  </si>
  <si>
    <t>dhok bali vpo toha mehram khan tehsil talagang dist chakwal</t>
  </si>
  <si>
    <t>Dhok Bali</t>
  </si>
  <si>
    <t>Toha Mehram Khan</t>
  </si>
  <si>
    <t>SADIA MUSSARAT</t>
  </si>
  <si>
    <t>GGPS DHOK BALOCH</t>
  </si>
  <si>
    <t>Dk Baloch</t>
  </si>
  <si>
    <t>village Dk baloch,post office ameer khan,teh fateh jang,distt Attock</t>
  </si>
  <si>
    <t>GGPS DHOK BANARAS</t>
  </si>
  <si>
    <t>Dhok Baranas</t>
  </si>
  <si>
    <t>Ggps dhok banaras</t>
  </si>
  <si>
    <t>Dhok Banaras</t>
  </si>
  <si>
    <t>Kasloom Akhter</t>
  </si>
  <si>
    <t>GGPS DHOK BAND</t>
  </si>
  <si>
    <t>Dhoke Band</t>
  </si>
  <si>
    <t>vpo basal teh Jand Distt attock</t>
  </si>
  <si>
    <t>Maryum Sultana</t>
  </si>
  <si>
    <t>GGPS DHOK BANGWALIAN</t>
  </si>
  <si>
    <t>Bangwalian</t>
  </si>
  <si>
    <t>vill  Dk  Bangwalian  P/O  Dhoda  Teh  &amp;  Distt  Chakwal</t>
  </si>
  <si>
    <t>Dk Bangwalian</t>
  </si>
  <si>
    <t>Humera  Riaz</t>
  </si>
  <si>
    <t>GGPS DHOK BANWALI</t>
  </si>
  <si>
    <t>VPO Budhial dhoke banwali Tehseel Talagang district Chakwal</t>
  </si>
  <si>
    <t>Saiqa Dilshad</t>
  </si>
  <si>
    <t>GGPS DHOK BAZ GUL</t>
  </si>
  <si>
    <t>Sadan Khail</t>
  </si>
  <si>
    <t>ggps dhoke bazgul post office lakarmar tehsil jand district attock</t>
  </si>
  <si>
    <t>Baz Gul</t>
  </si>
  <si>
    <t>Naurin Bibi</t>
  </si>
  <si>
    <t>GGPS DHOK BEHK</t>
  </si>
  <si>
    <t>Jama</t>
  </si>
  <si>
    <t>G G P S  Dhok Behk</t>
  </si>
  <si>
    <t>Behk</t>
  </si>
  <si>
    <t>Shaista Naz</t>
  </si>
  <si>
    <t>GGPS DHOK BHARAKI</t>
  </si>
  <si>
    <t>Dk Bharaki  post office thatti Syedaan pindi gheb attock</t>
  </si>
  <si>
    <t>Dk Bharaki</t>
  </si>
  <si>
    <t>Naila Bibi</t>
  </si>
  <si>
    <t>GGPS DHOK BHATTI</t>
  </si>
  <si>
    <t>Dhok Bhati</t>
  </si>
  <si>
    <t>GGPS dhk bhati pirafatehal</t>
  </si>
  <si>
    <t>GGPS DHOK BHAWAL KHAN</t>
  </si>
  <si>
    <t>DK Bahawal Khan</t>
  </si>
  <si>
    <t>distt rwp teh G khan PO Mandra</t>
  </si>
  <si>
    <t>Dk bahawal Khan</t>
  </si>
  <si>
    <t>Shamaila Kanwal</t>
  </si>
  <si>
    <t>GGPS Dhok BHIRRA</t>
  </si>
  <si>
    <t>Dhk bhirra</t>
  </si>
  <si>
    <t>Dhk Bhirra</t>
  </si>
  <si>
    <t>Bidhar Wanhar</t>
  </si>
  <si>
    <t>Surriyayasmin</t>
  </si>
  <si>
    <t>GGPS DHOK BILWALI</t>
  </si>
  <si>
    <t>Bilalwi</t>
  </si>
  <si>
    <t>vpo Dk Mushaib tehsil lawa Distt Chkwal</t>
  </si>
  <si>
    <t>DK MUSAHIB</t>
  </si>
  <si>
    <t>Asma Tabbasam</t>
  </si>
  <si>
    <t>GGPS DHOK BODLEY SHAH</t>
  </si>
  <si>
    <t>Bodley Shah</t>
  </si>
  <si>
    <t>G.G.P.S DHOK BODLEY SHAH</t>
  </si>
  <si>
    <t>DHOK BODLEY SHAH</t>
  </si>
  <si>
    <t>dabb</t>
  </si>
  <si>
    <t>ISHRAT PARVEEN</t>
  </si>
  <si>
    <t>GGPS DHOK BONARA</t>
  </si>
  <si>
    <t>Dhibba Kersial</t>
  </si>
  <si>
    <t>Dhok banera tehsil district mianwali</t>
  </si>
  <si>
    <t>Dhok Banera</t>
  </si>
  <si>
    <t>GGPS DHOK CHAHER</t>
  </si>
  <si>
    <t>dhoke Chehr, P.O dakhli Sangral. Rawalpindi.</t>
  </si>
  <si>
    <t>Dhoke Chehr</t>
  </si>
  <si>
    <t>Aisha Mushtaq</t>
  </si>
  <si>
    <t>GGPS DHOK CHAJJI</t>
  </si>
  <si>
    <t>GGPS Dhoke Chajji Sargodha Road ,P.O Malikwal, Tehsil talagang District Chakwal</t>
  </si>
  <si>
    <t>Nikka kahut</t>
  </si>
  <si>
    <t>Sehrish Shakeel</t>
  </si>
  <si>
    <t>GGPS DHOK CHAKIAN DAKHLI NILHAD</t>
  </si>
  <si>
    <t>vpo nilhad tehsil pindigheb.distt attock</t>
  </si>
  <si>
    <t>GGPS DHOK CHEMIAN</t>
  </si>
  <si>
    <t>vill.dhok chemian.teh gujar khan .disst Rawalpindi</t>
  </si>
  <si>
    <t>Dhoke Chemian</t>
  </si>
  <si>
    <t>Saadia Bano</t>
  </si>
  <si>
    <t>GGPS DHOK CHHAB (MIAN WALA)</t>
  </si>
  <si>
    <t>village dk.Chhab Mianwala</t>
  </si>
  <si>
    <t>Dk Chhab</t>
  </si>
  <si>
    <t>GGPS DHOK CHHOI NILHAD</t>
  </si>
  <si>
    <t>Dhok Choi Nilhad</t>
  </si>
  <si>
    <t>Rozeena Afsheen</t>
  </si>
  <si>
    <t>GGPS DHOK CHIRAGH</t>
  </si>
  <si>
    <t>Dhoke Charagh</t>
  </si>
  <si>
    <t>government girls primary school dhoke charagh</t>
  </si>
  <si>
    <t>GGPS DHOK CHOHDRIAN</t>
  </si>
  <si>
    <t>Dara Kiyal</t>
  </si>
  <si>
    <t>village Dhoke choudarian P.O dara kiyal tehsil Gujar khan disst Rawalpindi</t>
  </si>
  <si>
    <t>Dhoke Choudarian</t>
  </si>
  <si>
    <t>JERMOT KALLAN</t>
  </si>
  <si>
    <t>GGPS DHOK CHUACH</t>
  </si>
  <si>
    <t>Dhoke Chauch</t>
  </si>
  <si>
    <t>Dhoke Chauch VPO Bheen, Tehsil and Distric Chakwal</t>
  </si>
  <si>
    <t>Tayyaba Ali</t>
  </si>
  <si>
    <t>GGPS DHOK DALI</t>
  </si>
  <si>
    <t>Dk Dali</t>
  </si>
  <si>
    <t>ggps dk dali</t>
  </si>
  <si>
    <t>Dhoke Dali</t>
  </si>
  <si>
    <t>Dhoular</t>
  </si>
  <si>
    <t>GGPS DHOK DALLA</t>
  </si>
  <si>
    <t>vpo pindsultani</t>
  </si>
  <si>
    <t>Pindsulani</t>
  </si>
  <si>
    <t>GGPS DHOK DANDI</t>
  </si>
  <si>
    <t>Dhoke Dandi</t>
  </si>
  <si>
    <t>VPO Padshahan Village Dhoke Dandi Distt Tehsil Chakwal</t>
  </si>
  <si>
    <t>Dhoke DANDI</t>
  </si>
  <si>
    <t>Shalwana Arim</t>
  </si>
  <si>
    <t>Electric Pump</t>
  </si>
  <si>
    <t>GGPS DHOK DAROGHA</t>
  </si>
  <si>
    <t>Dhoke Darogha</t>
  </si>
  <si>
    <t>VPO MAIRA SHARIF TEH.PINDIGHEB ATTOCK</t>
  </si>
  <si>
    <t>Shafqat Noreen</t>
  </si>
  <si>
    <t>GGPS DHOK DASWANDI</t>
  </si>
  <si>
    <t>Dhoke Daswandi</t>
  </si>
  <si>
    <t>village dhoke daswandi post office kala gujran teh &amp;distt jhelm</t>
  </si>
  <si>
    <t>GGPS DHOK DATA DAKHLI</t>
  </si>
  <si>
    <t>Dhk Data</t>
  </si>
  <si>
    <t>govt model primary school dhk data vpo thoha mehram khan teh talagang district chakwal</t>
  </si>
  <si>
    <t>GGPS DHOK DATIAL</t>
  </si>
  <si>
    <t>Datial</t>
  </si>
  <si>
    <t>Dhok Datial</t>
  </si>
  <si>
    <t>GGPS DHOK DHAIR</t>
  </si>
  <si>
    <t>ggps dhok dhair</t>
  </si>
  <si>
    <t>GGPS DHOK DHILI</t>
  </si>
  <si>
    <t>DHOK Dhilli</t>
  </si>
  <si>
    <t>GGPS DHOK Dhilli V&amp;PO.Khabeki Tehsil Noushehra District Khushab</t>
  </si>
  <si>
    <t>GGPS DHOK DOSA</t>
  </si>
  <si>
    <t>Dhok Dosa</t>
  </si>
  <si>
    <t>vpo rangli tehsil jand district attock</t>
  </si>
  <si>
    <t>GGPS DHOK DUB</t>
  </si>
  <si>
    <t>Aranwali</t>
  </si>
  <si>
    <t>GGPS dhok dub</t>
  </si>
  <si>
    <t>Dhok Dub</t>
  </si>
  <si>
    <t>NASEEM NAZIR</t>
  </si>
  <si>
    <t>GGPS DHOK DULLEY KHEL NO.2 CHAKRALA MIANWALI</t>
  </si>
  <si>
    <t>Dhabba</t>
  </si>
  <si>
    <t>p/o dulley Khel 2</t>
  </si>
  <si>
    <t>Dulley Khel</t>
  </si>
  <si>
    <t>GGPS DHOK EITBAR</t>
  </si>
  <si>
    <t>Dhok Eitbar</t>
  </si>
  <si>
    <t>Village dhoke eitbar P/O Kotha Abdal Tehsil and district chakwal</t>
  </si>
  <si>
    <t>Dhoke Eitbar</t>
  </si>
  <si>
    <t>Tayyaba Tazeem</t>
  </si>
  <si>
    <t>GGPS DHOK FAQIRA</t>
  </si>
  <si>
    <t>Dhoke Faqira</t>
  </si>
  <si>
    <t>Tehsil talagang district chakwal village &amp;P.O dhok faqira</t>
  </si>
  <si>
    <t>GGPS DHOK FATAR SHAL</t>
  </si>
  <si>
    <t>Dk Fattershal</t>
  </si>
  <si>
    <t>vpo mogla tech talagng distt chkwal</t>
  </si>
  <si>
    <t>mogla</t>
  </si>
  <si>
    <t>dhoular</t>
  </si>
  <si>
    <t>GGPS DHOK FATEH KHAN</t>
  </si>
  <si>
    <t>Dk Fateh Khan</t>
  </si>
  <si>
    <t>dk Fateh Khan tehsil Fateh jung</t>
  </si>
  <si>
    <t>Afsheen Gulshan</t>
  </si>
  <si>
    <t>GGPS DHOK FATEH MUHAMMAD</t>
  </si>
  <si>
    <t>Dhok Fateh Muhammad Toba</t>
  </si>
  <si>
    <t>Shahiza Maqsood</t>
  </si>
  <si>
    <t>GGPS DHOK FIDA HUSSAIN</t>
  </si>
  <si>
    <t>Dhoke Fida  Hussain</t>
  </si>
  <si>
    <t>Dhoke Fida hussain</t>
  </si>
  <si>
    <t>Koat Fateh Khan</t>
  </si>
  <si>
    <t>Rasheeda Begum</t>
  </si>
  <si>
    <t>GGPS DHOK GALA</t>
  </si>
  <si>
    <t>dhoke gala</t>
  </si>
  <si>
    <t>dhoke gala kahuta</t>
  </si>
  <si>
    <t>kahuta</t>
  </si>
  <si>
    <t>Gull Badan Begum</t>
  </si>
  <si>
    <t>GGPS DHOK GALI</t>
  </si>
  <si>
    <t>dhok gali</t>
  </si>
  <si>
    <t>village Dhok Gali PO malhowali</t>
  </si>
  <si>
    <t>Dhok Gali</t>
  </si>
  <si>
    <t>Humaira Wahab</t>
  </si>
  <si>
    <t>GGPS DHOK GARORI CHAKRLA MIANWALI</t>
  </si>
  <si>
    <t>Dhibba karsiql</t>
  </si>
  <si>
    <t>Village Dhoke Garori PO Dhurnakka  Tehsil and  district  Mianwali</t>
  </si>
  <si>
    <t>garori</t>
  </si>
  <si>
    <t>Iqra Kalsoom</t>
  </si>
  <si>
    <t>GGPS DHOK GARR DAKHLI</t>
  </si>
  <si>
    <t>Garr</t>
  </si>
  <si>
    <t>p.o.b t.m khan</t>
  </si>
  <si>
    <t>Dhok Garr</t>
  </si>
  <si>
    <t>Tm Khan</t>
  </si>
  <si>
    <t>Itrat Bibi</t>
  </si>
  <si>
    <t>GGPS DHOK GHERY KHEL</t>
  </si>
  <si>
    <t>Dhoke ghery khel P/O kot qazi tehsil lawa</t>
  </si>
  <si>
    <t>Dhoke Ghery Khel</t>
  </si>
  <si>
    <t>GGPS DHOK GIDRAN</t>
  </si>
  <si>
    <t>Gidran</t>
  </si>
  <si>
    <t>g g PS gidran</t>
  </si>
  <si>
    <t>GGPS DHOK GONDAL</t>
  </si>
  <si>
    <t>Dk Gobdal</t>
  </si>
  <si>
    <t>vpo dk gondal</t>
  </si>
  <si>
    <t>Dk Gondal</t>
  </si>
  <si>
    <t>Jabir Pur</t>
  </si>
  <si>
    <t>GGPS DHOK GONDAL P/O DULLAH</t>
  </si>
  <si>
    <t>Dhok Gondal</t>
  </si>
  <si>
    <t>dhok Gondal dullah</t>
  </si>
  <si>
    <t>Sajeela Naveed</t>
  </si>
  <si>
    <t>GGPS DHOK GORIAN</t>
  </si>
  <si>
    <t>Dhok Gorian</t>
  </si>
  <si>
    <t>Bilqees Begum</t>
  </si>
  <si>
    <t>GGPS DHOK GUJAR</t>
  </si>
  <si>
    <t>DhokGujjar</t>
  </si>
  <si>
    <t>ggps dhoke gujar village Dhok gujjar post office Ara teh c sh District chakwal</t>
  </si>
  <si>
    <t>Fouzia Batool</t>
  </si>
  <si>
    <t>GGPS DHOK HAJI AHMED</t>
  </si>
  <si>
    <t>Dhok Haji Ahmed</t>
  </si>
  <si>
    <t>Dhok haji ahmed</t>
  </si>
  <si>
    <t>Rubina Saba</t>
  </si>
  <si>
    <t>GGPS DHOK HAKMAL PO DHURNAL</t>
  </si>
  <si>
    <t>Hakmal</t>
  </si>
  <si>
    <t>GGPS DHOK HALEEM</t>
  </si>
  <si>
    <t>Dhok Haleem</t>
  </si>
  <si>
    <t>VPO pirana Dhok Haleem P Gheb</t>
  </si>
  <si>
    <t>Bibi  Amna</t>
  </si>
  <si>
    <t>GGPS DHOK HAM</t>
  </si>
  <si>
    <t>Dhok Baza</t>
  </si>
  <si>
    <t>vpo Dhok Baza vilg dhok hum</t>
  </si>
  <si>
    <t>Dhok Hum</t>
  </si>
  <si>
    <t>GGPS DHOK HASOLIAH</t>
  </si>
  <si>
    <t>Dhoke Hasolian</t>
  </si>
  <si>
    <t>village dhoke hasolian post office hasola</t>
  </si>
  <si>
    <t>Zill-e-huma Javed</t>
  </si>
  <si>
    <t>GGPS DHOK HASOO PO DHODA</t>
  </si>
  <si>
    <t>Chachiyan</t>
  </si>
  <si>
    <t>village dhoke hassu p/o dhoda tehsil and district chakwal</t>
  </si>
  <si>
    <t>Uzma Bilquees</t>
  </si>
  <si>
    <t>GGPS DHOK HYDER KHAN</t>
  </si>
  <si>
    <t>Kairi</t>
  </si>
  <si>
    <t>dhok haider Khan village kairi post office lower topa tehsil murree</t>
  </si>
  <si>
    <t>Seher Bagla</t>
  </si>
  <si>
    <t>Nazma irshad</t>
  </si>
  <si>
    <t>GGPS DHOK INAYAT (DANDI)</t>
  </si>
  <si>
    <t>Dhok Inayat</t>
  </si>
  <si>
    <t>village dhok inayat</t>
  </si>
  <si>
    <t>GGPS DHOK INAYAT (MAIRA SHARIF)</t>
  </si>
  <si>
    <t>Ggps dhok inayat(dakhli prani)</t>
  </si>
  <si>
    <t>KAINAT HUSSAIN</t>
  </si>
  <si>
    <t>GGPS DHOK ISHRAL</t>
  </si>
  <si>
    <t>Dhok Ishral Po leti teh lawa district chakwal</t>
  </si>
  <si>
    <t>JAMILA KOUSAR</t>
  </si>
  <si>
    <t>GGPS DHOK JAMADARI</t>
  </si>
  <si>
    <t>Dhoke Jamadari VPO Mithial Teh Jand Distt Attock</t>
  </si>
  <si>
    <t>Sajjida Perveen</t>
  </si>
  <si>
    <t>GGPS DHOK JAMAL</t>
  </si>
  <si>
    <t>Dhok Jhamal</t>
  </si>
  <si>
    <t>GGPS dhok jhamal</t>
  </si>
  <si>
    <t>Nakkah Kahut</t>
  </si>
  <si>
    <t>GGPS DHOK JANWAL</t>
  </si>
  <si>
    <t>Janwal</t>
  </si>
  <si>
    <t>GGPS Janwal vpo sangwala</t>
  </si>
  <si>
    <t>Sangwala</t>
  </si>
  <si>
    <t>Iram Yasmin</t>
  </si>
  <si>
    <t>GGPS DHOK JAT</t>
  </si>
  <si>
    <t>Dhok Jatt</t>
  </si>
  <si>
    <t>dhok jatt</t>
  </si>
  <si>
    <t>Hina Naz</t>
  </si>
  <si>
    <t>GGPS DHOK JAWANDA</t>
  </si>
  <si>
    <t>Jawanda</t>
  </si>
  <si>
    <t>village Dhoke Jawanda tehsil and district attock</t>
  </si>
  <si>
    <t>Dhoke   Jawanda</t>
  </si>
  <si>
    <t>TALAT NAZLI</t>
  </si>
  <si>
    <t>GGPS DHOK JHAKAR QAZI</t>
  </si>
  <si>
    <t>Dhok jhakar qazi</t>
  </si>
  <si>
    <t>ghulam fatima</t>
  </si>
  <si>
    <t>GGPS DHOK JHALAR</t>
  </si>
  <si>
    <t>Dhok Jhallar</t>
  </si>
  <si>
    <t>vpo jasial teh talagang ditt chakwal</t>
  </si>
  <si>
    <t>Ulfat Yasmin</t>
  </si>
  <si>
    <t>GGPS DHOK JHAMAL</t>
  </si>
  <si>
    <t>ggps dhok jhmal dhurnal</t>
  </si>
  <si>
    <t>Zubaira sultana</t>
  </si>
  <si>
    <t>GGPS DHOK JOGIAN</t>
  </si>
  <si>
    <t>Dhok jogian</t>
  </si>
  <si>
    <t>dhok jogian</t>
  </si>
  <si>
    <t>Ishrat Riaz</t>
  </si>
  <si>
    <t>GGPS DHOK JUGIAL</t>
  </si>
  <si>
    <t>Budhail</t>
  </si>
  <si>
    <t>dhoke jugial vpo budhail teh talagang district chkwal</t>
  </si>
  <si>
    <t>GGPS DHOK KAHUT P/O KOT CHUDHRIAN</t>
  </si>
  <si>
    <t>Dhoke Kahut</t>
  </si>
  <si>
    <t>village dhoke Kahut PO Kot Chaudhrian tehsil and district chakwal</t>
  </si>
  <si>
    <t>Kotchaudhrian</t>
  </si>
  <si>
    <t>IMTIAZ AKHTAR</t>
  </si>
  <si>
    <t>GGPS DHOK KALA (BASAL)</t>
  </si>
  <si>
    <t>Dhoke Kala</t>
  </si>
  <si>
    <t>district attock tehsil jand village Dhoke kala</t>
  </si>
  <si>
    <t>Saima Mehtab</t>
  </si>
  <si>
    <t>GGPS DHOK KALIAL</t>
  </si>
  <si>
    <t>Dhoke Kalial p/o Dhoke Panah</t>
  </si>
  <si>
    <t>Dhoke Kalial</t>
  </si>
  <si>
    <t>sumaira banaras</t>
  </si>
  <si>
    <t>GGPS DHOK KALLO PIND</t>
  </si>
  <si>
    <t>Kanwa</t>
  </si>
  <si>
    <t>village dhok kallo pind tehsil Hassan abdal district attock</t>
  </si>
  <si>
    <t>Dhok Kallo Pind</t>
  </si>
  <si>
    <t>Mariam Akhter</t>
  </si>
  <si>
    <t>electric motr boring</t>
  </si>
  <si>
    <t>GGPS DHOK KAMAL</t>
  </si>
  <si>
    <t>Dhoke KAMAL</t>
  </si>
  <si>
    <t>GGPS DHOKE KAMAL TEH AND DISTT CHAKWAL</t>
  </si>
  <si>
    <t>DHOKE KAMAL</t>
  </si>
  <si>
    <t>GGPS DHOK KAMMAN KHAN</t>
  </si>
  <si>
    <t>Dhoke Kumma</t>
  </si>
  <si>
    <t>dhoke kumma khan</t>
  </si>
  <si>
    <t>Mc Ranial</t>
  </si>
  <si>
    <t>GGPS DHOK KARAMULLAH CHAKRALA</t>
  </si>
  <si>
    <t>GGPS DK Karamullah Chakrala</t>
  </si>
  <si>
    <t>GGPS DHOK KARMI</t>
  </si>
  <si>
    <t>vill Dhoke karmi</t>
  </si>
  <si>
    <t>Dhoke Karmi</t>
  </si>
  <si>
    <t>Memoona Iram</t>
  </si>
  <si>
    <t>boki</t>
  </si>
  <si>
    <t>GGPS DHOK KASHMIRIAN</t>
  </si>
  <si>
    <t>Kuram Andan</t>
  </si>
  <si>
    <t>village dhok kashmirian PO dhoke mian jeewan teh Sohawa district Jhelum</t>
  </si>
  <si>
    <t>Dhok Kashmirian</t>
  </si>
  <si>
    <t>Saeeda Parveen</t>
  </si>
  <si>
    <t>GGPS DHOK KATHAN</t>
  </si>
  <si>
    <t>Kathan</t>
  </si>
  <si>
    <t>Ggps dhok kathan p/o Ara teh choa.saiden.shah District chakwal</t>
  </si>
  <si>
    <t>Raheela jabeen</t>
  </si>
  <si>
    <t>GGPS DHOK KEER</t>
  </si>
  <si>
    <t>Dhok Keer</t>
  </si>
  <si>
    <t>V/p dhok keer</t>
  </si>
  <si>
    <t>Hina Tanveer</t>
  </si>
  <si>
    <t>GGPS DHOK KHALAS</t>
  </si>
  <si>
    <t>Patwali</t>
  </si>
  <si>
    <t>vpo Patwali,Dhoke Khalas Tehsil Talagang District Chakwal</t>
  </si>
  <si>
    <t>Rokash Afzal</t>
  </si>
  <si>
    <t>GGPS DHOK KHALIL PO LANGAH</t>
  </si>
  <si>
    <t>Dhok Khalil</t>
  </si>
  <si>
    <t>vill dhok khalil p/o langah</t>
  </si>
  <si>
    <t>balquis akhtar</t>
  </si>
  <si>
    <t>GGPS DHOK KHAN</t>
  </si>
  <si>
    <t>village dhok khan po saghar tehsil talagang district chakwal</t>
  </si>
  <si>
    <t>SADIA BIBI</t>
  </si>
  <si>
    <t>GGPS DHOK KHANA</t>
  </si>
  <si>
    <t>Dhok Khana</t>
  </si>
  <si>
    <t>vpo leti (dhok khana) teh lawa disst chakwal</t>
  </si>
  <si>
    <t>GGPS DHOK KHANDA</t>
  </si>
  <si>
    <t>Dhok khanda p/o chakda ban hafiz g Tehsil and District Mianwali</t>
  </si>
  <si>
    <t>Dhok Khanda</t>
  </si>
  <si>
    <t>GGPS DHOK KHAUR</t>
  </si>
  <si>
    <t>GGPS dok khaur Thoa Mahram Khan teh Talagang dist Chakwal</t>
  </si>
  <si>
    <t>Thoa Mahram Khan</t>
  </si>
  <si>
    <t>Thoha Mehram Khan 2</t>
  </si>
  <si>
    <t>Sidra Muneer</t>
  </si>
  <si>
    <t>GGPS DHOK KHETRAN</t>
  </si>
  <si>
    <t>Baiga</t>
  </si>
  <si>
    <t>village and post office baiga dhoke  khetran tehsil kotli sattian district Rawalpindi</t>
  </si>
  <si>
    <t>Dhoke  Khetran</t>
  </si>
  <si>
    <t>GGPS DHOK KHOKHAR</t>
  </si>
  <si>
    <t>Dhok Khokhar</t>
  </si>
  <si>
    <t>village dhok khokhar near to by pass road</t>
  </si>
  <si>
    <t>Humaira Nasreen</t>
  </si>
  <si>
    <t>GGPS DHOK KHOSHA</t>
  </si>
  <si>
    <t>Baghneelab</t>
  </si>
  <si>
    <t>village Dhoke khosha Post office Baghneelab Teh Attock</t>
  </si>
  <si>
    <t>Dhoke Khosha</t>
  </si>
  <si>
    <t>Surg</t>
  </si>
  <si>
    <t>GGPS DHOK KHUDA BUKHSH</t>
  </si>
  <si>
    <t>Dhok Shear Khan</t>
  </si>
  <si>
    <t>vill kanattie p o ghaziout  teh sohawa  dis Jhelum</t>
  </si>
  <si>
    <t>Kanattie</t>
  </si>
  <si>
    <t>Faiza Iqbal</t>
  </si>
  <si>
    <t>GGPS DHOK KIAL PO JAND</t>
  </si>
  <si>
    <t>DK Kial</t>
  </si>
  <si>
    <t>Village dk kial and Post office jand dist and Tehsil Chakwal</t>
  </si>
  <si>
    <t>GGPS DHOK KISRAN</t>
  </si>
  <si>
    <t>ggps dk. Kisran</t>
  </si>
  <si>
    <t>Dk Kisran</t>
  </si>
  <si>
    <t>Humara Ismail</t>
  </si>
  <si>
    <t>GGPS DHOK KUFRI</t>
  </si>
  <si>
    <t>Dhok Kufri</t>
  </si>
  <si>
    <t>dhok kufri</t>
  </si>
  <si>
    <t>Sadiqabad/Kufri</t>
  </si>
  <si>
    <t>Shahzadi Kausar</t>
  </si>
  <si>
    <t>local community</t>
  </si>
  <si>
    <t>GGPS DHOK LAINDI</t>
  </si>
  <si>
    <t>KOTSARANG</t>
  </si>
  <si>
    <t>vpo kotsarang dhok Laindi tehsil talagang district chakwal</t>
  </si>
  <si>
    <t>DHOK LAINDI</t>
  </si>
  <si>
    <t>Arifa Bibi</t>
  </si>
  <si>
    <t>GGPS DHOK LARR</t>
  </si>
  <si>
    <t>Dhok Larr</t>
  </si>
  <si>
    <t>VPO Jhatla, Teh.Talagang, Distt.Chakwal</t>
  </si>
  <si>
    <t>GGPS DHOK LILA BHOUN</t>
  </si>
  <si>
    <t>Dhok Lila bhoun teh kalar kahar distt chakwal</t>
  </si>
  <si>
    <t>Ameena Imtiaz</t>
  </si>
  <si>
    <t>GGPS DHOK LOHARAN LANGER</t>
  </si>
  <si>
    <t>GGPS Dhok Loharan Jand</t>
  </si>
  <si>
    <t>Dhok Loharan</t>
  </si>
  <si>
    <t>Nighat Rashid</t>
  </si>
  <si>
    <t>GGPS DHOK LUHIAN MUREED CHAKWAL</t>
  </si>
  <si>
    <t>GGPS Dhoke luhlian mureed</t>
  </si>
  <si>
    <t>KOUSER GULBAZ</t>
  </si>
  <si>
    <t>GGPS DHOK MAIDA</t>
  </si>
  <si>
    <t>Dhok Maida</t>
  </si>
  <si>
    <t>VPO Pinadi Sarhal, Dhok Maida, Teh. Jand, Distt. Attock</t>
  </si>
  <si>
    <t>Pindi Sarhal</t>
  </si>
  <si>
    <t>GGPS DHOK MAIKIN P/O THOA BAHADAR CHAKWAL</t>
  </si>
  <si>
    <t>Dhok Maiken</t>
  </si>
  <si>
    <t>Ggps dhok maiken</t>
  </si>
  <si>
    <t>Rizwana Manzoor</t>
  </si>
  <si>
    <t>GGPS DHOK MALIK</t>
  </si>
  <si>
    <t>ggps dk malik nilhad</t>
  </si>
  <si>
    <t>Nabeela Banaras</t>
  </si>
  <si>
    <t>GGPS DHOK MALIK MEHMOND</t>
  </si>
  <si>
    <t>dhok malik mehmand mehmand</t>
  </si>
  <si>
    <t>village dhok malik mehmand p/o jhatla tehsil &amp;district chakwal</t>
  </si>
  <si>
    <t>dhok malik mehmand</t>
  </si>
  <si>
    <t>Ghulam Shahzada</t>
  </si>
  <si>
    <t>GGPS DHOK MALIKAN(MAIRA SHARIF)</t>
  </si>
  <si>
    <t>Nihad</t>
  </si>
  <si>
    <t>dhok malikan near nilhad maira shrif</t>
  </si>
  <si>
    <t>Sidra Noor</t>
  </si>
  <si>
    <t>GGPS DHOK MALKAN P/O MOLHAL MUGHLAN</t>
  </si>
  <si>
    <t>Dk malkan</t>
  </si>
  <si>
    <t>village dk malkan p/o joor Teh&amp;Distt  Chakwal</t>
  </si>
  <si>
    <t>Sobia Salim</t>
  </si>
  <si>
    <t>GGPS DHOK MALLARIAN</t>
  </si>
  <si>
    <t>village p.o Choker .dhokmalyaran</t>
  </si>
  <si>
    <t>Dhokmalyaran</t>
  </si>
  <si>
    <t>Thathakhalil</t>
  </si>
  <si>
    <t>GGPS DHOK MANATHA</t>
  </si>
  <si>
    <t>Manata</t>
  </si>
  <si>
    <t>p/o barazai dhok manata</t>
  </si>
  <si>
    <t>GGPS DHOK MANGIAL</t>
  </si>
  <si>
    <t>Dhok Mangial</t>
  </si>
  <si>
    <t>dhok mangial</t>
  </si>
  <si>
    <t>Talagang Sharq</t>
  </si>
  <si>
    <t>TALAT MAH-JABEEN</t>
  </si>
  <si>
    <t>GGPS DHOK MANGTAL NO.1</t>
  </si>
  <si>
    <t>Farooqya Chowk</t>
  </si>
  <si>
    <t>Ggps Mangtal</t>
  </si>
  <si>
    <t>Dhoke Mangtal</t>
  </si>
  <si>
    <t>GGPS DHOK MANGWAL (MAJHWAN)CHAKRLA</t>
  </si>
  <si>
    <t>GGPS  Majhwan Mangwal  Markaz Namal Janubi Tehsil and District Mianwali.</t>
  </si>
  <si>
    <t>Dhok Majhwan</t>
  </si>
  <si>
    <t>Jawahir Khatoon</t>
  </si>
  <si>
    <t>GGPS DHOK MARI</t>
  </si>
  <si>
    <t>Dhok Mari</t>
  </si>
  <si>
    <t>Afshan Akram</t>
  </si>
  <si>
    <t>boar with electric motor</t>
  </si>
  <si>
    <t>GGPS DHOK MARIA AWAN</t>
  </si>
  <si>
    <t>Dhk Maira Awan</t>
  </si>
  <si>
    <t>vpo bheen</t>
  </si>
  <si>
    <t>GGPS DHOK MARRIAN</t>
  </si>
  <si>
    <t>Dhoke Marrian</t>
  </si>
  <si>
    <t>Tahira Rehman</t>
  </si>
  <si>
    <t>GGPS DHOK MARYAN</t>
  </si>
  <si>
    <t>madina town talagang</t>
  </si>
  <si>
    <t>Dhok Maarian</t>
  </si>
  <si>
    <t>MC Talagang</t>
  </si>
  <si>
    <t>Saira Ishaq</t>
  </si>
  <si>
    <t>GGPS DHOK MATWANI MEKHDOOM PUR SHARIF</t>
  </si>
  <si>
    <t>Makhdoom Pur Sharif VPO Mureed Teh Distt Chakwal</t>
  </si>
  <si>
    <t>GGPS DHOK MEHDI</t>
  </si>
  <si>
    <t>DHOK MEHDI</t>
  </si>
  <si>
    <t>village and post office DHOK MEHDI burhan</t>
  </si>
  <si>
    <t>DK Mehdi</t>
  </si>
  <si>
    <t>UZMA Shaheen</t>
  </si>
  <si>
    <t>GGPS DHOK MEHR MUHAMMAD CHAKRALA</t>
  </si>
  <si>
    <t>dhok mehr Mohammed</t>
  </si>
  <si>
    <t>Dhok Mehr Mohmd</t>
  </si>
  <si>
    <t>Ruqia Hayat</t>
  </si>
  <si>
    <t>GGPS DHOK MERA</t>
  </si>
  <si>
    <t>Dhok mera po box village bahter</t>
  </si>
  <si>
    <t>Dhok Mera</t>
  </si>
  <si>
    <t>Summera Naz</t>
  </si>
  <si>
    <t>GGPS DHOK MIAL</t>
  </si>
  <si>
    <t>JHATLA</t>
  </si>
  <si>
    <t>Madiha Almas</t>
  </si>
  <si>
    <t>GGPS DHOK MIAN KHAN</t>
  </si>
  <si>
    <t>distt Attock Tehseel Fateh Jang village and post office Jabbi</t>
  </si>
  <si>
    <t>Dk Mian Khan</t>
  </si>
  <si>
    <t>GGPS DHOK MIAN MEHR PO CHAK BAQIR SHAH</t>
  </si>
  <si>
    <t>Dhoke mian mehr</t>
  </si>
  <si>
    <t>ggps dhoke mian mehr po chak baqir shah</t>
  </si>
  <si>
    <t>Dhoke Mian Mehr</t>
  </si>
  <si>
    <t>Shabnam Khalid</t>
  </si>
  <si>
    <t>GGPS DHOK MIANA</t>
  </si>
  <si>
    <t>Raeka Maira</t>
  </si>
  <si>
    <t>Village Raeka maira pÃ³ chack beli Khan tehsil dist RWP</t>
  </si>
  <si>
    <t>Asmat Yasmin</t>
  </si>
  <si>
    <t>GGPS DHOK MILLAR</t>
  </si>
  <si>
    <t>dhok millar naseerabad tehsil pindi gheb</t>
  </si>
  <si>
    <t>Dhok Millar</t>
  </si>
  <si>
    <t>Ghreebwal</t>
  </si>
  <si>
    <t>mesile mo</t>
  </si>
  <si>
    <t>GGPS DHOK MIRCHU KHEL</t>
  </si>
  <si>
    <t>Mirchu khel</t>
  </si>
  <si>
    <t>Dhok Mirchu khel p/o Chakda Tehsil and District Mianwali</t>
  </si>
  <si>
    <t>Ban hafiz jee</t>
  </si>
  <si>
    <t>GGPS DHOK MIRZA</t>
  </si>
  <si>
    <t>Dhoke Mirza</t>
  </si>
  <si>
    <t>village Dhoke Mirza P.O Chountra tehsil district Rawalpindi</t>
  </si>
  <si>
    <t>Foqia Muzaffar</t>
  </si>
  <si>
    <t>GGPS DHOK MOHKA</t>
  </si>
  <si>
    <t>Dhok Mohka</t>
  </si>
  <si>
    <t>p/o gagr kalan</t>
  </si>
  <si>
    <t>Saima Shehzad</t>
  </si>
  <si>
    <t>GGPS DHOK MOMAN CHAKWAL</t>
  </si>
  <si>
    <t>dhok momin pindi road chakwal</t>
  </si>
  <si>
    <t>GGPS DHOK MOND</t>
  </si>
  <si>
    <t>SHAH RAY Bhadur BAHADUR</t>
  </si>
  <si>
    <t>P/O MAKI DHOK VILAGE DHOK MOND TEH FATEH JANG 
DIST ATTOCK</t>
  </si>
  <si>
    <t>DHOK MOND</t>
  </si>
  <si>
    <t>GALI GAGEER</t>
  </si>
  <si>
    <t>Saima Safdar</t>
  </si>
  <si>
    <t>GGPS DHOK MUGHLAN</t>
  </si>
  <si>
    <t>Dhak khana dulmi tamma village dhoke mughlan teh Gujar Khan distt rwp</t>
  </si>
  <si>
    <t>dhoke Mughlan</t>
  </si>
  <si>
    <t>GGPS DHOK MUJTABA</t>
  </si>
  <si>
    <t>Dk Mujtaba</t>
  </si>
  <si>
    <t>ggps dk mujtaba chingi</t>
  </si>
  <si>
    <t>chingi</t>
  </si>
  <si>
    <t>bhilomar</t>
  </si>
  <si>
    <t>GGPS DHOK MUNAWAR</t>
  </si>
  <si>
    <t>Dhok Munawar</t>
  </si>
  <si>
    <t>Dhok Munawar p\o Kala Gujran Teh &amp; District Jhelum</t>
  </si>
  <si>
    <t>Nazia Kausar</t>
  </si>
  <si>
    <t>GGPS DHOK MURID P/O MANGWAL</t>
  </si>
  <si>
    <t>Dhoke Murid</t>
  </si>
  <si>
    <t>GGPS  Dhoke  Murid  po  mangwal</t>
  </si>
  <si>
    <t>Saima Ambreen</t>
  </si>
  <si>
    <t>GGPS DHOK NAGIAL</t>
  </si>
  <si>
    <t>Pind Gulandazan</t>
  </si>
  <si>
    <t>Dhoke nagial p/o tatroot tehsil sohawa district jhelum</t>
  </si>
  <si>
    <t>Dhoke Nagial</t>
  </si>
  <si>
    <t>Haleema  Sadia</t>
  </si>
  <si>
    <t>GGPS DHOK NAIKEY KHEL CHAKRALA</t>
  </si>
  <si>
    <t>Dhibba krsial</t>
  </si>
  <si>
    <t>dhok neky khyl , dhok Ali khan , namal ,mianwali .</t>
  </si>
  <si>
    <t>Naiky Khel</t>
  </si>
  <si>
    <t>GGPS DHOK NAKKA</t>
  </si>
  <si>
    <t>Nakka</t>
  </si>
  <si>
    <t>vpo pindsultani tehsail jand distt attock</t>
  </si>
  <si>
    <t>Farhat Jahan</t>
  </si>
  <si>
    <t>GGPS DHOK NAMDAR</t>
  </si>
  <si>
    <t>Dhoke Namdar</t>
  </si>
  <si>
    <t>GGPS dhoke  namdar</t>
  </si>
  <si>
    <t>Dhok Namdar</t>
  </si>
  <si>
    <t>GGPS DHOK NAZAR ABAD DAKHLI CHAPPRI</t>
  </si>
  <si>
    <t>Dhok Nazarabad</t>
  </si>
  <si>
    <t>Dhok nazarabad Dakhli chapri</t>
  </si>
  <si>
    <t>GGPS DHOK NAZIAN</t>
  </si>
  <si>
    <t>DK Niazian</t>
  </si>
  <si>
    <t>Village and Post office Dhoda District and Tensile Chakwal</t>
  </si>
  <si>
    <t>Aqsa Ruba Tariq</t>
  </si>
  <si>
    <t>GGPS DHOK NOOR ABAD</t>
  </si>
  <si>
    <t>Hadsan Abdal</t>
  </si>
  <si>
    <t>Dhok noorabad Hassan abdal</t>
  </si>
  <si>
    <t>Dhok Noorabad</t>
  </si>
  <si>
    <t>Sundas Aziz</t>
  </si>
  <si>
    <t>GGPS DHOK NOOR MUHAMMAD JAHANGIR</t>
  </si>
  <si>
    <t>vpo dhadhar tehsil noshehra district khushab</t>
  </si>
  <si>
    <t>GGPS DHOK PAHAR KHAIL DHARNAL</t>
  </si>
  <si>
    <t>ggps pahare khail vpo dhurnal teh lawa district chakwal</t>
  </si>
  <si>
    <t>GGPS DHOK PAHAR PINDI GHEB</t>
  </si>
  <si>
    <t>pindigheb</t>
  </si>
  <si>
    <t>ggps dhokpahar mohalla haji ghulab khan pindigheb</t>
  </si>
  <si>
    <t>TMA pindigheb</t>
  </si>
  <si>
    <t>TAHIRA YASMEEN</t>
  </si>
  <si>
    <t>GGPS DHOK PAIRA P/O PARA</t>
  </si>
  <si>
    <t>vpo pira fatihal teh. talagang dist. chakwal</t>
  </si>
  <si>
    <t>Nargis Tasneem</t>
  </si>
  <si>
    <t>GGPS DHOK PATHAN</t>
  </si>
  <si>
    <t>Dkpathan</t>
  </si>
  <si>
    <t>vpo dk.pathan</t>
  </si>
  <si>
    <t>Saima Noureen</t>
  </si>
  <si>
    <t>GGPS DHOK PEERA CHAKRALA</t>
  </si>
  <si>
    <t>namal</t>
  </si>
  <si>
    <t>dhokpeera</t>
  </si>
  <si>
    <t>Dhokpeera</t>
  </si>
  <si>
    <t>GGPS DHOK PEHLA</t>
  </si>
  <si>
    <t>Dhoke Pehla</t>
  </si>
  <si>
    <t>vpo khunda jand Attock</t>
  </si>
  <si>
    <t>GGPS DHOK PHALLI</t>
  </si>
  <si>
    <t>Jab I Shah Dilawar</t>
  </si>
  <si>
    <t>ggpsdhokephalli</t>
  </si>
  <si>
    <t>Dhok Phali</t>
  </si>
  <si>
    <t>ZILE E HUMA</t>
  </si>
  <si>
    <t>GGPS DHOK PHULAH</t>
  </si>
  <si>
    <t>Dhoke Phullah</t>
  </si>
  <si>
    <t>Dhoke Phullah Dakhil Dhoke Kanial P.O Dhoke Loona</t>
  </si>
  <si>
    <t>Rabia Naeem</t>
  </si>
  <si>
    <t>GGPS DHOK QADA</t>
  </si>
  <si>
    <t>Dhoke Qada</t>
  </si>
  <si>
    <t>vill Dhoke Qada PO Chohan Teh Distt Chakwal</t>
  </si>
  <si>
    <t>sobia rafiq</t>
  </si>
  <si>
    <t>GGPS DHOK QAZI (LANGER)</t>
  </si>
  <si>
    <t>Dingi Nari</t>
  </si>
  <si>
    <t>Govt Girls Primary School Dhok Qazi</t>
  </si>
  <si>
    <t>Dhok Qazi</t>
  </si>
  <si>
    <t>Salma Mumtaz</t>
  </si>
  <si>
    <t>GGPS DHOK QUTAB DIN</t>
  </si>
  <si>
    <t>Dhoke Qutab Din</t>
  </si>
  <si>
    <t>Dhoke Qutab Din P.O Dhorian, Teh And Dist Chakwal</t>
  </si>
  <si>
    <t>GGPS DHOK RAHIM BUKSH</t>
  </si>
  <si>
    <t>Dhok Kala Khan</t>
  </si>
  <si>
    <t>Awan colony Dhok kala khan</t>
  </si>
  <si>
    <t>GGPS DHOK RAI NAIKA</t>
  </si>
  <si>
    <t>Dhoke Rai Naika</t>
  </si>
  <si>
    <t>Dhoke Rai naika teh fateh jang dist Attock</t>
  </si>
  <si>
    <t>Huma Fida</t>
  </si>
  <si>
    <t>GGPS DHOK RAJA</t>
  </si>
  <si>
    <t>Dhok Raja</t>
  </si>
  <si>
    <t>v.p.o Dullah village Dhok Raja Tehsil and district chakwal</t>
  </si>
  <si>
    <t>Tarannum Naz</t>
  </si>
  <si>
    <t>GGPS DHOK RAJGAN</t>
  </si>
  <si>
    <t>Jeroratiyal</t>
  </si>
  <si>
    <t>PS Dhok Rajgan</t>
  </si>
  <si>
    <t>Dhok Rajgan</t>
  </si>
  <si>
    <t>Asma Karamat</t>
  </si>
  <si>
    <t>GGPS DHOK RAKH</t>
  </si>
  <si>
    <t>Pind Rakh Dani</t>
  </si>
  <si>
    <t>p/o dhok rakh teh sohawa district jehlum</t>
  </si>
  <si>
    <t>Dhokrakh</t>
  </si>
  <si>
    <t>Sumiera Fiaz</t>
  </si>
  <si>
    <t>GGPS DHOK RANJA</t>
  </si>
  <si>
    <t>Dhok Ranjha</t>
  </si>
  <si>
    <t>Hunza Rizwan</t>
  </si>
  <si>
    <t>GGPS DHOK RANJHA</t>
  </si>
  <si>
    <t>dhoke ranjha</t>
  </si>
  <si>
    <t>GGP/S Dhok Ranjha</t>
  </si>
  <si>
    <t>GGPS DHOK RATTI</t>
  </si>
  <si>
    <t>VPo dandi Jaiswal jand attock</t>
  </si>
  <si>
    <t>GGPS DHOK REHAM ALI KHAN</t>
  </si>
  <si>
    <t>Dhok Reham Ali</t>
  </si>
  <si>
    <t>ggps dhok reham ali khan</t>
  </si>
  <si>
    <t>Dhok Reham Ali Khan</t>
  </si>
  <si>
    <t>Humaira Channa</t>
  </si>
  <si>
    <t>GGPS DHOK REHMANIA</t>
  </si>
  <si>
    <t>Kisran</t>
  </si>
  <si>
    <t>VPO KISRAN</t>
  </si>
  <si>
    <t>GGPS DHOK SAHUWAL CHAKRALA MIANWALI</t>
  </si>
  <si>
    <t>sahuwall</t>
  </si>
  <si>
    <t>Sahuwall</t>
  </si>
  <si>
    <t>Thammey Wali</t>
  </si>
  <si>
    <t>GGPS DHOK SAJWAL</t>
  </si>
  <si>
    <t>dk sajawal p/o jand teh and distt chakwal</t>
  </si>
  <si>
    <t>Dk Sajawal</t>
  </si>
  <si>
    <t>Iqra Sabha</t>
  </si>
  <si>
    <t>GGPS DHOK SAROBA (BHATIOT)</t>
  </si>
  <si>
    <t>Dhok saroba.Bhatiot</t>
  </si>
  <si>
    <t>GGPS DHOK SEELO</t>
  </si>
  <si>
    <t>Dhoke sello</t>
  </si>
  <si>
    <t>village post office Dhok Sello</t>
  </si>
  <si>
    <t>Um-E-Arbab</t>
  </si>
  <si>
    <t>GGPS DHOK SEHR</t>
  </si>
  <si>
    <t>village o post office sehr bagla murree</t>
  </si>
  <si>
    <t>Dhok Sehr</t>
  </si>
  <si>
    <t>Seema Shafiq</t>
  </si>
  <si>
    <t>GGPS DHOK SHARFA</t>
  </si>
  <si>
    <t>Dhok Sharfa</t>
  </si>
  <si>
    <t>ggps dhok sharf a attock</t>
  </si>
  <si>
    <t>GGPS DHOK SHARQI PINDI GHEB</t>
  </si>
  <si>
    <t>gaps dhok sharqi pindi gheb</t>
  </si>
  <si>
    <t>Naila Naveed</t>
  </si>
  <si>
    <t>GGPS DHOK SHATAL</t>
  </si>
  <si>
    <t>Shatal</t>
  </si>
  <si>
    <t>vpo shatal teh talagang distt chkwal</t>
  </si>
  <si>
    <t>Nazia Perveen</t>
  </si>
  <si>
    <t>GGPS DHOK SHER BAZ TALAGANG</t>
  </si>
  <si>
    <t>vpo pichnand teh.lawa dist.chakwal</t>
  </si>
  <si>
    <t>Dhok Sherbaz</t>
  </si>
  <si>
    <t>GGPS DHOK SHER KHAN</t>
  </si>
  <si>
    <t>Pira Fathal</t>
  </si>
  <si>
    <t>Dhoke Ujral</t>
  </si>
  <si>
    <t>Saadia</t>
  </si>
  <si>
    <t>GGPS DHOK SHREEN</t>
  </si>
  <si>
    <t>Ggps dhok shereen vpo dullah teh and district chakwal</t>
  </si>
  <si>
    <t>GGPS DHOK SIDU</t>
  </si>
  <si>
    <t>Dhook Saidu</t>
  </si>
  <si>
    <t>dhook saidu Taxila</t>
  </si>
  <si>
    <t>Nusrat Bibi</t>
  </si>
  <si>
    <t>GGPS DHOK SOKI</t>
  </si>
  <si>
    <t>Soki</t>
  </si>
  <si>
    <t>vpo pichnand dhoke soki</t>
  </si>
  <si>
    <t>Iffat Yasmin</t>
  </si>
  <si>
    <t>GGPS DHOK SULEMAN</t>
  </si>
  <si>
    <t>ggps dk suleman</t>
  </si>
  <si>
    <t>Dk Suleman</t>
  </si>
  <si>
    <t>GGPS DHOK SYEDAN (CHAKKI)</t>
  </si>
  <si>
    <t>Dhoke Saidan4</t>
  </si>
  <si>
    <t>dhoke saidan dhulian pindi gheb</t>
  </si>
  <si>
    <t>Dhoke Saidan</t>
  </si>
  <si>
    <t>GGPS DHOK TAJEY KHEL</t>
  </si>
  <si>
    <t>Village and post office dhibba karsial tehsil and district mianwali</t>
  </si>
  <si>
    <t>Tajy Khel</t>
  </si>
  <si>
    <t>GGPS DHOK TERBHATI (GOLRA)</t>
  </si>
  <si>
    <t>Dhok Terbethi</t>
  </si>
  <si>
    <t>Village Dhoke Terbethi PO Sanjwal</t>
  </si>
  <si>
    <t>GGPS DHOK TOOR</t>
  </si>
  <si>
    <t>Dhok Toor</t>
  </si>
  <si>
    <t>vill, dhok toor
p/o  dumman
teh &amp; dist  chakwal</t>
  </si>
  <si>
    <t>Jund Khanzada</t>
  </si>
  <si>
    <t>Saima Talat</t>
  </si>
  <si>
    <t>GGPS DHOK TRAKHAN</t>
  </si>
  <si>
    <t>Chryan</t>
  </si>
  <si>
    <t>village chryan post office ghulara gali tehsil murre distt raealpindi</t>
  </si>
  <si>
    <t>Sidra Nizar Abbasi</t>
  </si>
  <si>
    <t>GGPS DHOK TURIAL</t>
  </si>
  <si>
    <t>Pari</t>
  </si>
  <si>
    <t>Dhok Turial</t>
  </si>
  <si>
    <t>GGPS DHOK UCHAR CHAKRALA MIANWALI</t>
  </si>
  <si>
    <t>Dhok uchar</t>
  </si>
  <si>
    <t>GGPS DHOK VERIK</t>
  </si>
  <si>
    <t>Dhok Virk</t>
  </si>
  <si>
    <t>Village Dhok Virk P /o Nila disst  &amp; Teh Chakwal</t>
  </si>
  <si>
    <t>Dhok Virke</t>
  </si>
  <si>
    <t>Mussarrat Aziz</t>
  </si>
  <si>
    <t>GGPS DHOK WADHAN</t>
  </si>
  <si>
    <t>Dhok Wadhan</t>
  </si>
  <si>
    <t>vpo dhok wadhan</t>
  </si>
  <si>
    <t>Itrat Batool</t>
  </si>
  <si>
    <t>GGPS DHOK WALANA</t>
  </si>
  <si>
    <t>Dhoke Walana</t>
  </si>
  <si>
    <t>vpo karsal teh  district. chakwal</t>
  </si>
  <si>
    <t>Rubi Gul</t>
  </si>
  <si>
    <t>GGPS DHOK WALIAN</t>
  </si>
  <si>
    <t>Dhokwalian</t>
  </si>
  <si>
    <t>govt girls p/s dhokwalian</t>
  </si>
  <si>
    <t>Zahida Khatoon</t>
  </si>
  <si>
    <t>GGPS DHOK WARA</t>
  </si>
  <si>
    <t>Wara</t>
  </si>
  <si>
    <t>dhok wara sulemanabad</t>
  </si>
  <si>
    <t>Sulemanabad</t>
  </si>
  <si>
    <t>GGPS DHOK WARAICH</t>
  </si>
  <si>
    <t>Dhok Waraich</t>
  </si>
  <si>
    <t>dhok waraich</t>
  </si>
  <si>
    <t>GGPS DHOK WATTEY KHEL</t>
  </si>
  <si>
    <t>dhok watty khel po.dhibba karsial mainwali</t>
  </si>
  <si>
    <t>Watty Khel</t>
  </si>
  <si>
    <t>Saima Hameed</t>
  </si>
  <si>
    <t>GGPS DHOK ZAMAN CHAKRALA</t>
  </si>
  <si>
    <t>post Office dhok zaman</t>
  </si>
  <si>
    <t>Bun Hafiz Gee</t>
  </si>
  <si>
    <t>GGPS DHOK ZANDI</t>
  </si>
  <si>
    <t>government girls primary school dhok zandi thatha Khalil</t>
  </si>
  <si>
    <t>Dhok Zandi</t>
  </si>
  <si>
    <t>Munaza Manzoor</t>
  </si>
  <si>
    <t>GGPS DHOK ZAWAR</t>
  </si>
  <si>
    <t>Rehna Sadat</t>
  </si>
  <si>
    <t>Village and P/O Dhoke Zawar dakhli rehna sadat Teh Kallar Kahar Distt Chakwal</t>
  </si>
  <si>
    <t>Dhoke Zawar</t>
  </si>
  <si>
    <t>Anisa Faiz</t>
  </si>
  <si>
    <t>GGPS DHOK ZIARAT</t>
  </si>
  <si>
    <t>gali no 3 garoti rwp</t>
  </si>
  <si>
    <t>Rabia Farhat</t>
  </si>
  <si>
    <t>GGPS DHOKAR</t>
  </si>
  <si>
    <t>Dhokar</t>
  </si>
  <si>
    <t>Mouse shofar post kot Essa shah</t>
  </si>
  <si>
    <t>Talat Naheed Kamal</t>
  </si>
  <si>
    <t>GGPS DHOKE MIRZA GUL HASSAN</t>
  </si>
  <si>
    <t>Haffayal</t>
  </si>
  <si>
    <t>GGPS Dhoke Mirza gul Hassan moza haffayal dhoke planh</t>
  </si>
  <si>
    <t>Dhoke Planh</t>
  </si>
  <si>
    <t>Andeela Qamar</t>
  </si>
  <si>
    <t>GGPS DHOKE MOLVIAN (JALLO)</t>
  </si>
  <si>
    <t>G  G  P S  Dhok Molvian</t>
  </si>
  <si>
    <t>Dhok Molvian</t>
  </si>
  <si>
    <t>NAFEESA JABEEN</t>
  </si>
  <si>
    <t>GGPS DHOKE NUMBARDAR BILAWAL</t>
  </si>
  <si>
    <t>village and post office sui Cheemian tehsile gujarkhan</t>
  </si>
  <si>
    <t>Tehmina Bibi</t>
  </si>
  <si>
    <t>GGPS DHOKIWALI LAHORE</t>
  </si>
  <si>
    <t>Village Dhokiwali</t>
  </si>
  <si>
    <t>Government Girls Primary school dhokiwali lahore</t>
  </si>
  <si>
    <t>Dhokiwali</t>
  </si>
  <si>
    <t>Fouzia Ellahi</t>
  </si>
  <si>
    <t>GGPS DHOLAN WALA</t>
  </si>
  <si>
    <t>dholan Wala moza pakka wig sader union Karlu Wala Teh Mankera District Bhakkar</t>
  </si>
  <si>
    <t>Dholan Wala</t>
  </si>
  <si>
    <t>Karlu Wala</t>
  </si>
  <si>
    <t>Zeenat  Bibi</t>
  </si>
  <si>
    <t>GGPS DHOLANWAL BAND ROAD</t>
  </si>
  <si>
    <t>dholanwal band raod lhr</t>
  </si>
  <si>
    <t>Dholanwak</t>
  </si>
  <si>
    <t>Shahida Anjum</t>
  </si>
  <si>
    <t>GGPS DHOLAR PUR</t>
  </si>
  <si>
    <t>kot raja</t>
  </si>
  <si>
    <t>dera haakoo aana , dhoparpur near bypas kotmomin</t>
  </si>
  <si>
    <t>dholarpur</t>
  </si>
  <si>
    <t>tasmea batool</t>
  </si>
  <si>
    <t>GGPS DHOLAY WALA</t>
  </si>
  <si>
    <t>chungi no 04 cha dholy wala mouza halla kot addu</t>
  </si>
  <si>
    <t>Dholy Walla</t>
  </si>
  <si>
    <t>GGPS DHOLLA MUSTAQEEM</t>
  </si>
  <si>
    <t>Dolla Mustqeem</t>
  </si>
  <si>
    <t>Ggps Dolla Mustaqeem</t>
  </si>
  <si>
    <t>Kando Wal Sary</t>
  </si>
  <si>
    <t>GGPS DHONDAY</t>
  </si>
  <si>
    <t>Village Dhonday P/O Raiwind</t>
  </si>
  <si>
    <t>Arrian</t>
  </si>
  <si>
    <t>GGPS DHONGAY</t>
  </si>
  <si>
    <t>Dhongay</t>
  </si>
  <si>
    <t>afsheen fatima</t>
  </si>
  <si>
    <t>GGPS DHOOBLI</t>
  </si>
  <si>
    <t>Dobli</t>
  </si>
  <si>
    <t>Tibba Dobli</t>
  </si>
  <si>
    <t>Samina Karim</t>
  </si>
  <si>
    <t>GGPS DHOOL BAJWA</t>
  </si>
  <si>
    <t>Dahul Bajwa</t>
  </si>
  <si>
    <t>Village Dahul Bajwa P/ O kotli Syedan Tehsil Pasrur District Sialkot</t>
  </si>
  <si>
    <t>GGPS DHOOL SARAY</t>
  </si>
  <si>
    <t>Dhool Saray</t>
  </si>
  <si>
    <t>GGPS Dhool Saray</t>
  </si>
  <si>
    <t>ayeida kanwal</t>
  </si>
  <si>
    <t>GGPS DHOOL WALA</t>
  </si>
  <si>
    <t>chah dhaty wala moza feroz pur</t>
  </si>
  <si>
    <t>Chah Dhaty Wala</t>
  </si>
  <si>
    <t>Shameem Akhter</t>
  </si>
  <si>
    <t>GGPS DHOONDAY SHAH</t>
  </si>
  <si>
    <t>G G P/s Dhunday Shah</t>
  </si>
  <si>
    <t>Darbar Dhunday Shah</t>
  </si>
  <si>
    <t>Thatta Mohammad Shah</t>
  </si>
  <si>
    <t>Bilqis Akhter</t>
  </si>
  <si>
    <t>GGPS DHOOR KOT SURAJ MIANI MULTAN</t>
  </si>
  <si>
    <t>Alamdi Surah, Suraj Miani, Multan</t>
  </si>
  <si>
    <t>SHEHNAZ RABNAWAZ</t>
  </si>
  <si>
    <t>GGPS DHOORI</t>
  </si>
  <si>
    <t>Dhoori</t>
  </si>
  <si>
    <t>Ggps dhoori Lahore cantt</t>
  </si>
  <si>
    <t>electric water cooler4</t>
  </si>
  <si>
    <t>GGPS DHOOTA</t>
  </si>
  <si>
    <t>GGPS DHORAY WALA  PO DHANOT KAHOR PACCA</t>
  </si>
  <si>
    <t>moza dhoray wala post office dhanote</t>
  </si>
  <si>
    <t>Dhoray wala</t>
  </si>
  <si>
    <t>Shahana Mumtaz</t>
  </si>
  <si>
    <t>GGPS DHORAY WALA NO. 2 SHUJABAD</t>
  </si>
  <si>
    <t>Dhoray-wala</t>
  </si>
  <si>
    <t>Bagrin</t>
  </si>
  <si>
    <t>Rukhsana Bagum</t>
  </si>
  <si>
    <t>GGPS DHORAY WALA NO.1</t>
  </si>
  <si>
    <t>Thahta Ghabolan</t>
  </si>
  <si>
    <t>faqeer wala</t>
  </si>
  <si>
    <t>Amir Begum</t>
  </si>
  <si>
    <t>GGPS DHORAY WALA NO.1 SHUJABAD</t>
  </si>
  <si>
    <t>Dhoraywala</t>
  </si>
  <si>
    <t>Dhoraywala No1</t>
  </si>
  <si>
    <t>GGPS DHORAY WALA NO.2</t>
  </si>
  <si>
    <t>basti haji hussain,thatha gabolan</t>
  </si>
  <si>
    <t>Tehmina Ameer</t>
  </si>
  <si>
    <t>GGPS DHOREY KALYAR 3/10 THAL</t>
  </si>
  <si>
    <t>Kaliyar Wala</t>
  </si>
  <si>
    <t>Uchgul Imam</t>
  </si>
  <si>
    <t>Farhat Hina</t>
  </si>
  <si>
    <t>GGPS DHORI</t>
  </si>
  <si>
    <t>p/o khohar village dhori Sara.i.alamgir</t>
  </si>
  <si>
    <t>Sundas Jamil</t>
  </si>
  <si>
    <t>GGPS DHORI WALA</t>
  </si>
  <si>
    <t>Wahi salamt Raye</t>
  </si>
  <si>
    <t>basti miani moza wahi salamt raye</t>
  </si>
  <si>
    <t>Sardar shah Wala</t>
  </si>
  <si>
    <t>GGPS DHOSE</t>
  </si>
  <si>
    <t>village dhose tehsil chunia distrect kasur</t>
  </si>
  <si>
    <t>Chunia Hatthar</t>
  </si>
  <si>
    <t>Sakina Maqsood</t>
  </si>
  <si>
    <t>GGPS DHOUL BALA</t>
  </si>
  <si>
    <t>Dhoul Bala</t>
  </si>
  <si>
    <t>village and post office dhoul ranjha</t>
  </si>
  <si>
    <t>Maida Arshad</t>
  </si>
  <si>
    <t>GGPS DHUDDI</t>
  </si>
  <si>
    <t>Gg p/s Dhudi post office tiba naina tehsel kalur kot district bhakkar</t>
  </si>
  <si>
    <t>Dhudi</t>
  </si>
  <si>
    <t>Siraj Bibi</t>
  </si>
  <si>
    <t>GGPS DHUDDIAN</t>
  </si>
  <si>
    <t>Akiky Rasoolpur</t>
  </si>
  <si>
    <t>SIDRA YAQOOB</t>
  </si>
  <si>
    <t>GGPS DHUDHI</t>
  </si>
  <si>
    <t>Daya Choka Sherki</t>
  </si>
  <si>
    <t>Basti Dhudhi sinawn</t>
  </si>
  <si>
    <t>Basti Dhudhi</t>
  </si>
  <si>
    <t>Sinawn</t>
  </si>
  <si>
    <t>Samrah Abbas</t>
  </si>
  <si>
    <t>GGPS DHUDHI WALA</t>
  </si>
  <si>
    <t>dhudhi wala markaz akreanwala tehsil district jhang</t>
  </si>
  <si>
    <t>Dhudhi Wala</t>
  </si>
  <si>
    <t>Sadia Jawad</t>
  </si>
  <si>
    <t>GGPS DHUDIAL NO.2</t>
  </si>
  <si>
    <t>near rural hospital</t>
  </si>
  <si>
    <t>Andleeb Naz</t>
  </si>
  <si>
    <t>GGPS DHUDIAN WALI</t>
  </si>
  <si>
    <t>DHUDIANWALI</t>
  </si>
  <si>
    <t>Village Dhudianwali P/O peerochak tehsile sialkot district sialkot</t>
  </si>
  <si>
    <t>HUMERA IDREES</t>
  </si>
  <si>
    <t>GGPS DHUIN MUHAMMAD</t>
  </si>
  <si>
    <t>Dhuin  Muhammad</t>
  </si>
  <si>
    <t>dhuin Muhammad p/box head trim teh/dis jhang</t>
  </si>
  <si>
    <t>Dhuin Muhammad</t>
  </si>
  <si>
    <t>Mnsoorsial</t>
  </si>
  <si>
    <t>Samreen Akhter</t>
  </si>
  <si>
    <t>GGPS DHULAYKAY</t>
  </si>
  <si>
    <t>Dhullakey</t>
  </si>
  <si>
    <t>dhullakey goraya  p/o mundekey teh daska distt sialkot</t>
  </si>
  <si>
    <t>sadia bano</t>
  </si>
  <si>
    <t>GGPS DHULIAN</t>
  </si>
  <si>
    <t>village dhulian</t>
  </si>
  <si>
    <t>Dhulian</t>
  </si>
  <si>
    <t>Sadia Hussain</t>
  </si>
  <si>
    <t>GGPS DHULYANA</t>
  </si>
  <si>
    <t>Dhulyana</t>
  </si>
  <si>
    <t>Govt Girls Primary School Dhulyana</t>
  </si>
  <si>
    <t>Madeeha Manzoor</t>
  </si>
  <si>
    <t>GGPS DHUN</t>
  </si>
  <si>
    <t>Dhun</t>
  </si>
  <si>
    <t>Dhun  pobox Karianwala Gujrat</t>
  </si>
  <si>
    <t>Hazra Mughlan</t>
  </si>
  <si>
    <t>Shazia Khalid</t>
  </si>
  <si>
    <t>GGPS DHUNDI NO. 1</t>
  </si>
  <si>
    <t>M/C FAZIL PUR</t>
  </si>
  <si>
    <t>GGPS DHUNDI NO.1 FAZIL PUR</t>
  </si>
  <si>
    <t>Uzma Azhar</t>
  </si>
  <si>
    <t>GGPS DHUNDI NO. 3</t>
  </si>
  <si>
    <t>CHACK BANNAH GABOL</t>
  </si>
  <si>
    <t>BASTI GHAZI GABOL CHACK BANNAH GABOL DHUNDI NO3 BOHARR MORR RAJAN PUR</t>
  </si>
  <si>
    <t>BASTI GHAZI GABOL</t>
  </si>
  <si>
    <t>Sittara Begum</t>
  </si>
  <si>
    <t>GGPS DHUNI DAIL DARZIAN WALA</t>
  </si>
  <si>
    <t>village dhuni dave darzianwala</t>
  </si>
  <si>
    <t>Darzianwala</t>
  </si>
  <si>
    <t>SAKINA SHAHIN</t>
  </si>
  <si>
    <t>GGPS DHUNI DEV SARAK WALA</t>
  </si>
  <si>
    <t>Dhuni Dave Sarak Wala</t>
  </si>
  <si>
    <t>GGPS dhuni dave sarak wala</t>
  </si>
  <si>
    <t>Hassan Husaain</t>
  </si>
  <si>
    <t>GGPS DHUNNI KHURD</t>
  </si>
  <si>
    <t>Dhunni khurd</t>
  </si>
  <si>
    <t>Dhunni khurd p.o Dhunni kalan Teh phalia distt MB Din punjab Pakistan</t>
  </si>
  <si>
    <t>Dhunni kalan</t>
  </si>
  <si>
    <t>GGPS DHUPP SARRI CHAK 78</t>
  </si>
  <si>
    <t>Dhoop sari ch 78</t>
  </si>
  <si>
    <t>saima walayat</t>
  </si>
  <si>
    <t>GGPS DHURANIAN WALA</t>
  </si>
  <si>
    <t>DuranyaWala</t>
  </si>
  <si>
    <t>Durania Wala</t>
  </si>
  <si>
    <t>Surriya Perveen</t>
  </si>
  <si>
    <t>GGPS DHUSRI</t>
  </si>
  <si>
    <t>Dhusri</t>
  </si>
  <si>
    <t>ggps dhusri</t>
  </si>
  <si>
    <t>Salaary</t>
  </si>
  <si>
    <t>Namra</t>
  </si>
  <si>
    <t>GGPS DHUTAL</t>
  </si>
  <si>
    <t>Dhuttal</t>
  </si>
  <si>
    <t>dhuttal</t>
  </si>
  <si>
    <t>Nafeesa Kazmi</t>
  </si>
  <si>
    <t>GGPS DHUTTAY</t>
  </si>
  <si>
    <t>Dhutay</t>
  </si>
  <si>
    <t>dhutay-chunian-Kasur</t>
  </si>
  <si>
    <t>SHAMILA SIKANDAR ALI</t>
  </si>
  <si>
    <t>GGPS DIAL PUR</t>
  </si>
  <si>
    <t>Dial Pur</t>
  </si>
  <si>
    <t>village Dial Pur Tehsil Shakargarh District Narowal</t>
  </si>
  <si>
    <t>Shahnaz Yousaf</t>
  </si>
  <si>
    <t>GGPS DIARA GHAIR MUSTAQIL</t>
  </si>
  <si>
    <t>Basti shah wali daira din panah</t>
  </si>
  <si>
    <t>Basti Shah Wali</t>
  </si>
  <si>
    <t>Mahwish Hameed Malik</t>
  </si>
  <si>
    <t>GGPS DIARAM KALAN</t>
  </si>
  <si>
    <t>Diaram</t>
  </si>
  <si>
    <t>vlg diaram kalan</t>
  </si>
  <si>
    <t>Diaram Kalan</t>
  </si>
  <si>
    <t>Tara Singh</t>
  </si>
  <si>
    <t>Tasmia Hafeez</t>
  </si>
  <si>
    <t>GGPS DIGI MOHALA</t>
  </si>
  <si>
    <t>Diggi Mohala</t>
  </si>
  <si>
    <t>Diggi Mohalla fort abbas</t>
  </si>
  <si>
    <t>Azra Anjum</t>
  </si>
  <si>
    <t>GGPS DIL BAGH RAI</t>
  </si>
  <si>
    <t>Dil Bag Ray</t>
  </si>
  <si>
    <t>moza dil bag ray</t>
  </si>
  <si>
    <t>18 Gd</t>
  </si>
  <si>
    <t>GGPS DILA PUR</t>
  </si>
  <si>
    <t>Dilapur</t>
  </si>
  <si>
    <t>dilapur post office changa</t>
  </si>
  <si>
    <t>Roshan Bano</t>
  </si>
  <si>
    <t>GGPS DILAWAR WALA</t>
  </si>
  <si>
    <t>Dilawarwala</t>
  </si>
  <si>
    <t>GGPS DILAWER KAY KATHIA</t>
  </si>
  <si>
    <t>dilawar key kathia</t>
  </si>
  <si>
    <t>Dilawar Key Kathia</t>
  </si>
  <si>
    <t>Mir Dad Mafi</t>
  </si>
  <si>
    <t>GGPS DILDAR HUSSAIN BALOUCH</t>
  </si>
  <si>
    <t>mohallah imran abad khushab</t>
  </si>
  <si>
    <t>GGPS DILLY WALI EAST</t>
  </si>
  <si>
    <t>Qureshian</t>
  </si>
  <si>
    <t>GGPS DILLEWALI EAST</t>
  </si>
  <si>
    <t>DILLEWALI</t>
  </si>
  <si>
    <t>GGPS DIN COLONY</t>
  </si>
  <si>
    <t>Deen Colony</t>
  </si>
  <si>
    <t>deen colony sargodha</t>
  </si>
  <si>
    <t>Gillwala</t>
  </si>
  <si>
    <t>Um E kalsoom</t>
  </si>
  <si>
    <t>GGPS DIN MOHAMMAD WALA</t>
  </si>
  <si>
    <t>Chena pora</t>
  </si>
  <si>
    <t>chena pora</t>
  </si>
  <si>
    <t>Kaloor</t>
  </si>
  <si>
    <t>GGPS Din Muhammad</t>
  </si>
  <si>
    <t>Deen Muhammad</t>
  </si>
  <si>
    <t>shabnam parveen</t>
  </si>
  <si>
    <t>coolr</t>
  </si>
  <si>
    <t>GGPS DIN PUR COLONY</t>
  </si>
  <si>
    <t>GGps Deen pur colony khanpur</t>
  </si>
  <si>
    <t>Madeeha Shabir</t>
  </si>
  <si>
    <t>GGPS DIN PUR NEW</t>
  </si>
  <si>
    <t>DIN PUR</t>
  </si>
  <si>
    <t>BASTI LAJWANI TEHSIL KAROR LAL EASON DISTRICT LAYYAH.</t>
  </si>
  <si>
    <t>basti lajwani din pur New</t>
  </si>
  <si>
    <t>GGPS DIN PURA</t>
  </si>
  <si>
    <t>near saim nala tatly aali</t>
  </si>
  <si>
    <t>DINPURA</t>
  </si>
  <si>
    <t>Samina Ijaz</t>
  </si>
  <si>
    <t>GGPS DINA NATH MULTAN ROAD</t>
  </si>
  <si>
    <t>multan road</t>
  </si>
  <si>
    <t>EME Society</t>
  </si>
  <si>
    <t>Shahida Shaheen</t>
  </si>
  <si>
    <t>GGPS DINA NO.2</t>
  </si>
  <si>
    <t>Muhalla Azad Shah</t>
  </si>
  <si>
    <t>muhalla azad shah thekrian dina</t>
  </si>
  <si>
    <t>Thekrian</t>
  </si>
  <si>
    <t>Municipal Comettie Dina</t>
  </si>
  <si>
    <t>Fozia Afsheen</t>
  </si>
  <si>
    <t>GGPS DINA NO.4</t>
  </si>
  <si>
    <t>Domelli Mohalla Dina</t>
  </si>
  <si>
    <t>domelli mohalla dina</t>
  </si>
  <si>
    <t>Domelli Mohalla</t>
  </si>
  <si>
    <t>Safina Yasmin</t>
  </si>
  <si>
    <t>GGPS DINEY WALA</t>
  </si>
  <si>
    <t>Diney Wala</t>
  </si>
  <si>
    <t>Mian Diney Wala p/o shadia</t>
  </si>
  <si>
    <t>WA Bhachran 2</t>
  </si>
  <si>
    <t>Tahira Khan</t>
  </si>
  <si>
    <t>GGPS DINGA KORAI</t>
  </si>
  <si>
    <t>Basti ramzan khan p/o shehr sultan jatoi road</t>
  </si>
  <si>
    <t>Basti Lghari</t>
  </si>
  <si>
    <t>Cotla Gamon</t>
  </si>
  <si>
    <t>rakhshanda uzma</t>
  </si>
  <si>
    <t>GGPS DINGA NO.2</t>
  </si>
  <si>
    <t>Mohalla Mughal pura dinga</t>
  </si>
  <si>
    <t>E-pump</t>
  </si>
  <si>
    <t>GGPS DINGA NO.3</t>
  </si>
  <si>
    <t>Mohallah Tasaan Dinga</t>
  </si>
  <si>
    <t>Zoofishan Ansar</t>
  </si>
  <si>
    <t>GGPS DINGA WADARA</t>
  </si>
  <si>
    <t>Dinga Wadahry</t>
  </si>
  <si>
    <t>DINGA WADAHRY, HAFIZABAD</t>
  </si>
  <si>
    <t>Dinga Wadahary</t>
  </si>
  <si>
    <t>MARIAM JAVAD</t>
  </si>
  <si>
    <t>GGPS DINGI</t>
  </si>
  <si>
    <t>Suhli</t>
  </si>
  <si>
    <t>mauza Suhli Basti Dingi</t>
  </si>
  <si>
    <t>Dingi</t>
  </si>
  <si>
    <t>Amna Perveen</t>
  </si>
  <si>
    <t>GGPS DINGI NARI</t>
  </si>
  <si>
    <t>Village Dingi Nari</t>
  </si>
  <si>
    <t>Arifa Jan</t>
  </si>
  <si>
    <t>GGPS DINGIBALA</t>
  </si>
  <si>
    <t>Dingi Bala</t>
  </si>
  <si>
    <t>village dingi bala post office dullah</t>
  </si>
  <si>
    <t>Somia Nawaz</t>
  </si>
  <si>
    <t>GGPS DINGIZIR</t>
  </si>
  <si>
    <t>Dingizair</t>
  </si>
  <si>
    <t>village dingizair po dullah</t>
  </si>
  <si>
    <t>GGPS DINGWAL</t>
  </si>
  <si>
    <t>Dhingwal</t>
  </si>
  <si>
    <t>vpo dhingwal</t>
  </si>
  <si>
    <t>Muniza Batool</t>
  </si>
  <si>
    <t>GGPS DINGY</t>
  </si>
  <si>
    <t>GGPS Dingy</t>
  </si>
  <si>
    <t>Dingy</t>
  </si>
  <si>
    <t>Nawa Maneka</t>
  </si>
  <si>
    <t>Misbah Bano</t>
  </si>
  <si>
    <t>GGPS DINPUR</t>
  </si>
  <si>
    <t>Rustm Laghri</t>
  </si>
  <si>
    <t>basti laghri</t>
  </si>
  <si>
    <t>Basti Laghri</t>
  </si>
  <si>
    <t>Chak Peerowala</t>
  </si>
  <si>
    <t>zubaida Yamin</t>
  </si>
  <si>
    <t>GGPS DINPUR KHURD</t>
  </si>
  <si>
    <t>Din Pur Khurd</t>
  </si>
  <si>
    <t>din pur khurd</t>
  </si>
  <si>
    <t>Skg No 1</t>
  </si>
  <si>
    <t>Shazia Ghulam Rasool</t>
  </si>
  <si>
    <t>GGPS DIRKHAN WALA</t>
  </si>
  <si>
    <t>Warar Sipra</t>
  </si>
  <si>
    <t>Basti darkhan wala</t>
  </si>
  <si>
    <t>Basti Darkhan Wala</t>
  </si>
  <si>
    <t>GGPS DITAY WAL</t>
  </si>
  <si>
    <t>Dittewal</t>
  </si>
  <si>
    <t>village ,post office Dittewal Tehsil Dist Gujrat</t>
  </si>
  <si>
    <t>Bushra Sarwar</t>
  </si>
  <si>
    <t>GGPS DITTA SAMEEJA-B</t>
  </si>
  <si>
    <t>Ditta samija B</t>
  </si>
  <si>
    <t>GGPS Ditta sameejha (B) Basti Dharaleen</t>
  </si>
  <si>
    <t>Dharaleen</t>
  </si>
  <si>
    <t>Sayed Imam Shah</t>
  </si>
  <si>
    <t>GGPS DITTA SAMEEJA-C</t>
  </si>
  <si>
    <t>Ditta Sameeja C</t>
  </si>
  <si>
    <t>dosso wala</t>
  </si>
  <si>
    <t>Syed imam Shah</t>
  </si>
  <si>
    <t>Uzma Anwar</t>
  </si>
  <si>
    <t>GGPS DIWAL</t>
  </si>
  <si>
    <t>GgpsDiwal</t>
  </si>
  <si>
    <t>Diwa</t>
  </si>
  <si>
    <t>Naragi</t>
  </si>
  <si>
    <t>GGPS DOABA</t>
  </si>
  <si>
    <t>Alihdah</t>
  </si>
  <si>
    <t>G.GPS DOABA</t>
  </si>
  <si>
    <t>Basti Mondran</t>
  </si>
  <si>
    <t>FARHA AMBREEN</t>
  </si>
  <si>
    <t>GGPS DOABIAN WALA</t>
  </si>
  <si>
    <t>Doabianwala</t>
  </si>
  <si>
    <t>Doabianwala po Mananwala Tehsil &amp;distt. Sheikhupura</t>
  </si>
  <si>
    <t>Patti Karpal Singh</t>
  </si>
  <si>
    <t>Rubab Fatima Syed</t>
  </si>
  <si>
    <t>GGPS DOBA</t>
  </si>
  <si>
    <t>Doba</t>
  </si>
  <si>
    <t>govt girls primary school dk doba</t>
  </si>
  <si>
    <t>Doba Niraghi</t>
  </si>
  <si>
    <t>Sabbiha Jahangir</t>
  </si>
  <si>
    <t>GGPS DOBLE FAREED</t>
  </si>
  <si>
    <t>mohalla gareebad khanpur</t>
  </si>
  <si>
    <t>71 B</t>
  </si>
  <si>
    <t>Farhat naseer</t>
  </si>
  <si>
    <t>GGPS DOBURJI</t>
  </si>
  <si>
    <t>Doburgi</t>
  </si>
  <si>
    <t>ggps doburgi baggah</t>
  </si>
  <si>
    <t>Nadala Sindhwan</t>
  </si>
  <si>
    <t>Saima Sodager</t>
  </si>
  <si>
    <t>GGPS DOCHARKHA KUNIA LAL</t>
  </si>
  <si>
    <t>Tarar Basti</t>
  </si>
  <si>
    <t>GGPS Docharkha kunia lal</t>
  </si>
  <si>
    <t>Docharkha Kunia Lal</t>
  </si>
  <si>
    <t>Adila Javed</t>
  </si>
  <si>
    <t>GGPS DODA SAHAU WALA</t>
  </si>
  <si>
    <t>Doda Sahau Wala</t>
  </si>
  <si>
    <t>doda sahau wala teh:sahiwal dist: sahiwal</t>
  </si>
  <si>
    <t>Fakhar Karim</t>
  </si>
  <si>
    <t>GGPS DODAH ARIAN</t>
  </si>
  <si>
    <t>musa kanju</t>
  </si>
  <si>
    <t>GGPS Doda Arain</t>
  </si>
  <si>
    <t>Doda Arain</t>
  </si>
  <si>
    <t>sejha</t>
  </si>
  <si>
    <t>GGPS DODDI SANGHI BASTI MASTER KHUDA BUX MAHER</t>
  </si>
  <si>
    <t>Doodi Sangi</t>
  </si>
  <si>
    <t>GGPS  doodi Sangi basti master khuda bux maher</t>
  </si>
  <si>
    <t>Busti Master Khuda Bux  Maher</t>
  </si>
  <si>
    <t>GGPS DODEY WALA</t>
  </si>
  <si>
    <t>Ggps dody wala,basti gubra,daggar chit.</t>
  </si>
  <si>
    <t>Badti Gubra</t>
  </si>
  <si>
    <t>Shabana Naheed</t>
  </si>
  <si>
    <t>GGPS DODHAY</t>
  </si>
  <si>
    <t>Dodhay</t>
  </si>
  <si>
    <t>dodhay</t>
  </si>
  <si>
    <t>Khiaray Kalan</t>
  </si>
  <si>
    <t>Farwa- Sharafat</t>
  </si>
  <si>
    <t>GGPS DOGAL</t>
  </si>
  <si>
    <t>Government girls primary school Dougal</t>
  </si>
  <si>
    <t>Shazia Firdous</t>
  </si>
  <si>
    <t>GGPS DOGAR</t>
  </si>
  <si>
    <t>Dogar</t>
  </si>
  <si>
    <t>village Dogar p/o pindi umra tehsil shakargarh District Narowal</t>
  </si>
  <si>
    <t>GGPS DOGAR TOWN</t>
  </si>
  <si>
    <t>ajnianwala</t>
  </si>
  <si>
    <t>GGPS DOGGI</t>
  </si>
  <si>
    <t>doggi Moza mahota tehsil darya khan  district bhakkar</t>
  </si>
  <si>
    <t>Doggi</t>
  </si>
  <si>
    <t>Neelam Aziz</t>
  </si>
  <si>
    <t>GGPS DOGRAI KHURD</t>
  </si>
  <si>
    <t>Dograi Khurd</t>
  </si>
  <si>
    <t>GGPS dogarikhurd</t>
  </si>
  <si>
    <t>Bhengali</t>
  </si>
  <si>
    <t>Farhat Yamin</t>
  </si>
  <si>
    <t>paragon city</t>
  </si>
  <si>
    <t>GGPS DOGRAN KALAN</t>
  </si>
  <si>
    <t>Dogran Kalan</t>
  </si>
  <si>
    <t>village Dogran Kalan p/o Kotli Loharan west Tehseel Sialkot</t>
  </si>
  <si>
    <t>Shabana Talib</t>
  </si>
  <si>
    <t>GGPS DOGRAN WALA</t>
  </si>
  <si>
    <t>Dogranwala po Begowala Teh Sambrial Distt Sialkot</t>
  </si>
  <si>
    <t>sadia Nazir</t>
  </si>
  <si>
    <t>GGPS DOGRAN WALI</t>
  </si>
  <si>
    <t>Dogranwali</t>
  </si>
  <si>
    <t>zafarwal road village dogranwali p/o chawinda</t>
  </si>
  <si>
    <t>Dugri Haryan</t>
  </si>
  <si>
    <t>GGPS DOGRAN, TULAMBA</t>
  </si>
  <si>
    <t>Tulamba City</t>
  </si>
  <si>
    <t>GGOS, Mahalla Dogran, Tulamba, Teh. Mian Channu, Distt. Khanewal</t>
  </si>
  <si>
    <t>Mahallah Dogran</t>
  </si>
  <si>
    <t>MC Tulamba</t>
  </si>
  <si>
    <t>GGPS DOGRAY</t>
  </si>
  <si>
    <t>Dogray</t>
  </si>
  <si>
    <t>Ggps Dogray p/o mandi ahmedabad teh depalpur dist okara</t>
  </si>
  <si>
    <t>Sakina Parveen</t>
  </si>
  <si>
    <t>GGPS DOGRAY WALA</t>
  </si>
  <si>
    <t>Chah Dooghay Wala, Monza Korian  Tehsil Hang</t>
  </si>
  <si>
    <t>Chan Dooghay Wala</t>
  </si>
  <si>
    <t>ASIA PERVEEN</t>
  </si>
  <si>
    <t>GGPS DOHARY WALA NO.3 (FATEH KHAN WALA)</t>
  </si>
  <si>
    <t>Todar Pur</t>
  </si>
  <si>
    <t>fateh khan wala moza Todar pur</t>
  </si>
  <si>
    <t>Fateh Khan Wala</t>
  </si>
  <si>
    <t>GGPS DOHDAY</t>
  </si>
  <si>
    <t>dodha</t>
  </si>
  <si>
    <t>Kotly Bary Khan</t>
  </si>
  <si>
    <t>Sofia Ilyas</t>
  </si>
  <si>
    <t>GGPS DOHRIAN</t>
  </si>
  <si>
    <t>dohrian, markaz kot fateh Khan ,tehsil fateh jang ,dist Attock</t>
  </si>
  <si>
    <t>Dohrian</t>
  </si>
  <si>
    <t>Hafiza  Syeda Sana Fatima Naqvi</t>
  </si>
  <si>
    <t>GGPS DOLA BALA</t>
  </si>
  <si>
    <t>Dola Bala</t>
  </si>
  <si>
    <t>Dola Bala near Dak khana Bahadar Shah</t>
  </si>
  <si>
    <t>AurangAbad</t>
  </si>
  <si>
    <t>Ammara Qadeer</t>
  </si>
  <si>
    <t>GGPS DOLA ZAREEN</t>
  </si>
  <si>
    <t>Dolla Zareen</t>
  </si>
  <si>
    <t>Ggps dolla zaeeen</t>
  </si>
  <si>
    <t>Cecilia Sadaf</t>
  </si>
  <si>
    <t>GGPS DOLAY WALA</t>
  </si>
  <si>
    <t>Dolay Wala</t>
  </si>
  <si>
    <t>GGPS Dolay Wala</t>
  </si>
  <si>
    <t>Rabia Shahzadi</t>
  </si>
  <si>
    <t>GGPS DOLET PURA</t>
  </si>
  <si>
    <t>dollat pura</t>
  </si>
  <si>
    <t>doulat Pura</t>
  </si>
  <si>
    <t>Fakhra Nazeer</t>
  </si>
  <si>
    <t>GGPS DOLHAY</t>
  </si>
  <si>
    <t>Dullhay</t>
  </si>
  <si>
    <t>village Dullhay post office Feroz Pur Tehsil Zafarwal, Dist. Narowal</t>
  </si>
  <si>
    <t>Sabara sultana</t>
  </si>
  <si>
    <t>GGPS DOLIAN</t>
  </si>
  <si>
    <t>Btala</t>
  </si>
  <si>
    <t>vill dolian teh kahuta diss rwp</t>
  </si>
  <si>
    <t>Dolian</t>
  </si>
  <si>
    <t>Dubairan Hourd</t>
  </si>
  <si>
    <t>Anila Shaheen</t>
  </si>
  <si>
    <t>GGPS DOLLA</t>
  </si>
  <si>
    <t>Daula</t>
  </si>
  <si>
    <t>daula p o jandraka teh distt okara</t>
  </si>
  <si>
    <t>GGPS DOLLA SUTLAN</t>
  </si>
  <si>
    <t>Dolla Sultan</t>
  </si>
  <si>
    <t>moza dolla sultan p/o hujra shah mukeem</t>
  </si>
  <si>
    <t>Uzma Gulzar</t>
  </si>
  <si>
    <t>GGPS DOLLO WALL</t>
  </si>
  <si>
    <t>Dollowal</t>
  </si>
  <si>
    <t>chak dollowal tehsil depalpur district okara</t>
  </si>
  <si>
    <t>GGPS DOLOWALI</t>
  </si>
  <si>
    <t>Dolowali</t>
  </si>
  <si>
    <t>Village:  Dolowali P.O Dhoda, Tehsil Pasrur, Dist. Sialkot</t>
  </si>
  <si>
    <t>DOLOWALI</t>
  </si>
  <si>
    <t>Maria Gulzar</t>
  </si>
  <si>
    <t>GGPS DONA QUTAB SARU</t>
  </si>
  <si>
    <t>Dona Qutab Saru</t>
  </si>
  <si>
    <t>GGPS Dona Qutab Saru</t>
  </si>
  <si>
    <t>Dona qutab Saru</t>
  </si>
  <si>
    <t>Firdos Kosar</t>
  </si>
  <si>
    <t>GGPS DONGA AKUKA</t>
  </si>
  <si>
    <t>Donga Akuka</t>
  </si>
  <si>
    <t>Donga Bonga</t>
  </si>
  <si>
    <t>Mc Donga Bonga</t>
  </si>
  <si>
    <t>Tayyiba Ghaffar</t>
  </si>
  <si>
    <t>GGPS DONGI DAIM</t>
  </si>
  <si>
    <t>Dhore</t>
  </si>
  <si>
    <t>village n po dongi dam, tehsil gujar khan,distt rawalpindi</t>
  </si>
  <si>
    <t>Dongi Dam</t>
  </si>
  <si>
    <t>Adeela Nazir</t>
  </si>
  <si>
    <t>GGPS DONGI KALLAN</t>
  </si>
  <si>
    <t>Doungi kallan</t>
  </si>
  <si>
    <t>villdoungi doungi kallan p.o Daultala tehgujar khan dist rwp</t>
  </si>
  <si>
    <t>Doungi Kallan</t>
  </si>
  <si>
    <t>GGPS DONGI KHURD</t>
  </si>
  <si>
    <t>Doongi khurd</t>
  </si>
  <si>
    <t>Doongi khurd p/o Daulatala teh G.K distt RWP</t>
  </si>
  <si>
    <t>Afshan Qadeer</t>
  </si>
  <si>
    <t>GGPS DONGRY KALAN</t>
  </si>
  <si>
    <t>Dongry Kalan</t>
  </si>
  <si>
    <t>village dongry kalan p/o pindi poorbian</t>
  </si>
  <si>
    <t>Bushra Bugum</t>
  </si>
  <si>
    <t>GGPS DOODA KHAN ALLAH ABAD</t>
  </si>
  <si>
    <t>Got Mahi</t>
  </si>
  <si>
    <t>basti bhattian p,/o Allah abad</t>
  </si>
  <si>
    <t>GGPS DOOGAR</t>
  </si>
  <si>
    <t>Doogar</t>
  </si>
  <si>
    <t>Raquia Begum</t>
  </si>
  <si>
    <t>GGPS DOOSTRI KALAT</t>
  </si>
  <si>
    <t>dostri Kalat Barthi</t>
  </si>
  <si>
    <t>Dostri Kalat</t>
  </si>
  <si>
    <t>SAIMA SANA</t>
  </si>
  <si>
    <t>GGPS DORA</t>
  </si>
  <si>
    <t>Patti Darigh</t>
  </si>
  <si>
    <t>basti dora</t>
  </si>
  <si>
    <t>Dora</t>
  </si>
  <si>
    <t>Mahal Khakhe</t>
  </si>
  <si>
    <t>GGPS DORATTA</t>
  </si>
  <si>
    <t>Lang  Malana</t>
  </si>
  <si>
    <t>basti doratta</t>
  </si>
  <si>
    <t>Basti Doratta</t>
  </si>
  <si>
    <t>Mc M Garh</t>
  </si>
  <si>
    <t>Abida  Perveen</t>
  </si>
  <si>
    <t>GGPS DORAY WALA</t>
  </si>
  <si>
    <t>darbula</t>
  </si>
  <si>
    <t>doray wala</t>
  </si>
  <si>
    <t>rubina ramzan</t>
  </si>
  <si>
    <t>GGPS DOST ALI GORMANI</t>
  </si>
  <si>
    <t>Chak # 3 Kot Chutta</t>
  </si>
  <si>
    <t>Chah Mandar wala Kot Chutta</t>
  </si>
  <si>
    <t>Chah Mandar wala</t>
  </si>
  <si>
    <t>GGPS DOST ALI WALA</t>
  </si>
  <si>
    <t>MAUZA CHAHUDHRY UC CHAUDHRY 6 SHAH JAMAL ROAD NEAR QASIM CHOWK KOT ADU</t>
  </si>
  <si>
    <t>CHAH KHITHRI WALA</t>
  </si>
  <si>
    <t>GGPS DOST MOHAMMAD KHAN WALA</t>
  </si>
  <si>
    <t>dera Dost Muhammad khan wala</t>
  </si>
  <si>
    <t>GGPS DOST MUHAMMAD BUZDAR</t>
  </si>
  <si>
    <t>dost muhammad fazla kach</t>
  </si>
  <si>
    <t>HAMEEDA BIBI</t>
  </si>
  <si>
    <t>GGPS DOST PURA</t>
  </si>
  <si>
    <t>Dost Pura</t>
  </si>
  <si>
    <t>ggps dost pura</t>
  </si>
  <si>
    <t>Shamsa Naheed</t>
  </si>
  <si>
    <t>GGPS DOTAIL</t>
  </si>
  <si>
    <t>Dotail</t>
  </si>
  <si>
    <t>G GPS Dotail</t>
  </si>
  <si>
    <t>GGPS DOULAT ABAD</t>
  </si>
  <si>
    <t>Doultabad</t>
  </si>
  <si>
    <t>doultabad</t>
  </si>
  <si>
    <t>isma</t>
  </si>
  <si>
    <t>GGPS DOULAT PURA</t>
  </si>
  <si>
    <t>Dolat pur nankana sahib</t>
  </si>
  <si>
    <t>Tahira Ahmad</t>
  </si>
  <si>
    <t>GGPS DOYIAN</t>
  </si>
  <si>
    <t>Village Doyian Post Office Qutbal Fateh Jang Attock</t>
  </si>
  <si>
    <t>Doyian</t>
  </si>
  <si>
    <t>GGPS DR. WAZIR KHAN</t>
  </si>
  <si>
    <t>chah mazar wala moza thatha gabolan</t>
  </si>
  <si>
    <t>chah mazar wala</t>
  </si>
  <si>
    <t>Hameeda bibi</t>
  </si>
  <si>
    <t>GGPS DRABHI</t>
  </si>
  <si>
    <t>Vehowa North</t>
  </si>
  <si>
    <t>ggps drabhi vehoa</t>
  </si>
  <si>
    <t>Vehoa</t>
  </si>
  <si>
    <t>Uc Vehoa</t>
  </si>
  <si>
    <t>GGPS DRAHMAH</t>
  </si>
  <si>
    <t>haji ghazi</t>
  </si>
  <si>
    <t>ps darhama</t>
  </si>
  <si>
    <t>GGPS DRAJKEY</t>
  </si>
  <si>
    <t>Drajke</t>
  </si>
  <si>
    <t>village drajke disst gujrwala tehsill kamoki</t>
  </si>
  <si>
    <t>Gohma</t>
  </si>
  <si>
    <t>Neelam Naz</t>
  </si>
  <si>
    <t>GGPS DRAVI</t>
  </si>
  <si>
    <t>Govt Girls Primary School Dravi</t>
  </si>
  <si>
    <t>Rahat Hussain</t>
  </si>
  <si>
    <t>GGPS DRAZ WALA</t>
  </si>
  <si>
    <t>ggp/s Darazwala Moh#Muzafarkhel</t>
  </si>
  <si>
    <t>saeed fatima</t>
  </si>
  <si>
    <t>GGPS DRIGRI</t>
  </si>
  <si>
    <t>Khumbhi Grang</t>
  </si>
  <si>
    <t>G GPS DRIGRI  Bakhirpur</t>
  </si>
  <si>
    <t>Drigri</t>
  </si>
  <si>
    <t>Bakhirpur</t>
  </si>
  <si>
    <t>Naila Islam Qureshi</t>
  </si>
  <si>
    <t>GGPS DROHAR WAHIN</t>
  </si>
  <si>
    <t>Drohar Wahin</t>
  </si>
  <si>
    <t>drohar wahin mailsi</t>
  </si>
  <si>
    <t>Bulandpur</t>
  </si>
  <si>
    <t>GGPS DRUTAH KHURLAN</t>
  </si>
  <si>
    <t>AEO (W) BHOWANA NO.23</t>
  </si>
  <si>
    <t>Daruttah Kharlan</t>
  </si>
  <si>
    <t>GGps daruttah kharlan</t>
  </si>
  <si>
    <t>Uzma Zahra</t>
  </si>
  <si>
    <t>GGPS DUABA</t>
  </si>
  <si>
    <t>Duaba</t>
  </si>
  <si>
    <t>POboxjassar,Dwaba,Narowal.</t>
  </si>
  <si>
    <t>Abida  Qammar</t>
  </si>
  <si>
    <t>GGPS DUB GUMA</t>
  </si>
  <si>
    <t>Dub Goman</t>
  </si>
  <si>
    <t>Dub Goman p/o orrang</t>
  </si>
  <si>
    <t>Dub GOMAN</t>
  </si>
  <si>
    <t>Summera nawaz</t>
  </si>
  <si>
    <t>GGPS DUBBAR</t>
  </si>
  <si>
    <t>Dubbar</t>
  </si>
  <si>
    <t>Village Dubbar Bhattian</t>
  </si>
  <si>
    <t>Dubbar Bhattian</t>
  </si>
  <si>
    <t>Nawan Maneka Kalan</t>
  </si>
  <si>
    <t>Akhtar Begum</t>
  </si>
  <si>
    <t>GGPS DUDHAM KALAN</t>
  </si>
  <si>
    <t>Dudham kalan</t>
  </si>
  <si>
    <t>Ggps Dudham Kalan</t>
  </si>
  <si>
    <t>RAFAQAT ALI</t>
  </si>
  <si>
    <t>GGPS DUDIAN DE BHANIE</t>
  </si>
  <si>
    <t>Basti Dhudian p/o Harappa Sahiwal</t>
  </si>
  <si>
    <t>GGPS DUDRAH GHARBI</t>
  </si>
  <si>
    <t>Dhudra Gharbi</t>
  </si>
  <si>
    <t>dhudra gharbi tehsil and district gujrat</t>
  </si>
  <si>
    <t>Memoona Zanib</t>
  </si>
  <si>
    <t>GGPS DUFFER KHOKHARAN</t>
  </si>
  <si>
    <t>Daffar Khokhran</t>
  </si>
  <si>
    <t>Daffar khokhran</t>
  </si>
  <si>
    <t>Batool Fatima</t>
  </si>
  <si>
    <t>GGPS DUFFER LERGAR</t>
  </si>
  <si>
    <t>Daffar Langar</t>
  </si>
  <si>
    <t>Village Daffar Langar Nankana Sahib</t>
  </si>
  <si>
    <t>GGPS DUGRI HUNDLAN</t>
  </si>
  <si>
    <t>Dugri Hundlan</t>
  </si>
  <si>
    <t>dugri hundlan p/o kamal pur chishtian teh Pasrur dist sialkot</t>
  </si>
  <si>
    <t>Safina Fatima</t>
  </si>
  <si>
    <t>GGPS DUGRI MUSLIM</t>
  </si>
  <si>
    <t>Dugri Muslim</t>
  </si>
  <si>
    <t>Dugri Muslim tehsil Daska district Sialkot</t>
  </si>
  <si>
    <t>Buddha Goraya</t>
  </si>
  <si>
    <t>Mahwish Siddiqui</t>
  </si>
  <si>
    <t>GGPS DUHDIAN CHAR</t>
  </si>
  <si>
    <t>Dhudian Char</t>
  </si>
  <si>
    <t>GGPS dhudian char</t>
  </si>
  <si>
    <t>GGPS DUHMA MALIKA</t>
  </si>
  <si>
    <t>vill dhuma malka po daulatnagar teh and district gujrat</t>
  </si>
  <si>
    <t>GGPS DULAM</t>
  </si>
  <si>
    <t>Dulam</t>
  </si>
  <si>
    <t>Govt girls primary school dulam</t>
  </si>
  <si>
    <t>Ransiwal</t>
  </si>
  <si>
    <t>Ishrat Ara</t>
  </si>
  <si>
    <t>GGPS DULAY KEY MOHAR</t>
  </si>
  <si>
    <t>Dulley K Mahar</t>
  </si>
  <si>
    <t>ggps dulley k mahar</t>
  </si>
  <si>
    <t>Dullay Key Mahar</t>
  </si>
  <si>
    <t>GGPS DULCHI WALA</t>
  </si>
  <si>
    <t>Dulchi Wala</t>
  </si>
  <si>
    <t>dulchi wala po box morekhunda</t>
  </si>
  <si>
    <t>Sunbal Mulazim</t>
  </si>
  <si>
    <t>GGPS DULLAH BHUDERA</t>
  </si>
  <si>
    <t>Dullah Bhudera</t>
  </si>
  <si>
    <t>GGPS dullah bhudera</t>
  </si>
  <si>
    <t>Tayyaba Shahzadi</t>
  </si>
  <si>
    <t>GGPS DULLE WALA NORTH</t>
  </si>
  <si>
    <t>muhala ghareeb shah</t>
  </si>
  <si>
    <t>Nusrat Yasmin</t>
  </si>
  <si>
    <t>GGPS DULLEKE</t>
  </si>
  <si>
    <t>Dulleki</t>
  </si>
  <si>
    <t>Ggps dulleki</t>
  </si>
  <si>
    <t>Shubana Farooq</t>
  </si>
  <si>
    <t>GGPS DULLO KALAN</t>
  </si>
  <si>
    <t>Dullu Kalan</t>
  </si>
  <si>
    <t>dullu kalan behind ferozpur road lhr</t>
  </si>
  <si>
    <t>Dullu Khurd</t>
  </si>
  <si>
    <t>Shazia Rehman</t>
  </si>
  <si>
    <t>GGPS DULLO MULTANI</t>
  </si>
  <si>
    <t>Dullu Multani</t>
  </si>
  <si>
    <t>GGPS dullu multani</t>
  </si>
  <si>
    <t>GGPS DULMAN WALI</t>
  </si>
  <si>
    <t>Dulmanwali</t>
  </si>
  <si>
    <t>vill-dulmanwali,p/0-chawinda,teh-pasrur,distt-sialkot</t>
  </si>
  <si>
    <t>Muqaddas Jabeen</t>
  </si>
  <si>
    <t>GGPS DULMI KHTRAIL</t>
  </si>
  <si>
    <t>Dulmi Khtrail</t>
  </si>
  <si>
    <t>Dulmi khtrail P/O Dulmi Tamma Gujar khan</t>
  </si>
  <si>
    <t>GGPS DULMI TUMMA</t>
  </si>
  <si>
    <t>Dulmi</t>
  </si>
  <si>
    <t>Village Dulmi Tamma tehsil gkhan</t>
  </si>
  <si>
    <t>Dulmi Tamma</t>
  </si>
  <si>
    <t>Robina Anjum</t>
  </si>
  <si>
    <t>GGPS DULOO WALA</t>
  </si>
  <si>
    <t>MUHAMMAD  PUR</t>
  </si>
  <si>
    <t>POST OFFIC  SLEEMA  ABAD</t>
  </si>
  <si>
    <t>DULLOO WALA</t>
  </si>
  <si>
    <t>BUKHARA SHAREEF</t>
  </si>
  <si>
    <t>GGPS DULYAAL</t>
  </si>
  <si>
    <t>Bohrian</t>
  </si>
  <si>
    <t>bohrian dulyal</t>
  </si>
  <si>
    <t>Dulyal</t>
  </si>
  <si>
    <t>GGPS DUMIALI</t>
  </si>
  <si>
    <t>Village Dumiali Post Office Mandra, Gujar Khan</t>
  </si>
  <si>
    <t>Dumiali</t>
  </si>
  <si>
    <t>Anam Mushtaq</t>
  </si>
  <si>
    <t>GGPS DUMRA</t>
  </si>
  <si>
    <t>Dumra</t>
  </si>
  <si>
    <t>P/O Taunsa Sharif Basti Dumra</t>
  </si>
  <si>
    <t>Basti Dumra</t>
  </si>
  <si>
    <t>adeena khatoon</t>
  </si>
  <si>
    <t>GGPS DUNIYA PUR (OLD SEHJA)</t>
  </si>
  <si>
    <t>old sehja duniya pur khanpur</t>
  </si>
  <si>
    <t>Old Sehja</t>
  </si>
  <si>
    <t>Parveen Sadiq</t>
  </si>
  <si>
    <t>GGPS DUPHY</t>
  </si>
  <si>
    <t>Duphy</t>
  </si>
  <si>
    <t>GGPS_duphy</t>
  </si>
  <si>
    <t>Duphi makori</t>
  </si>
  <si>
    <t>Warra sehran</t>
  </si>
  <si>
    <t>nosheen shoukat</t>
  </si>
  <si>
    <t>GGPS DUPREE</t>
  </si>
  <si>
    <t>Dupri</t>
  </si>
  <si>
    <t>ggps dupri</t>
  </si>
  <si>
    <t>Duberan Khurd</t>
  </si>
  <si>
    <t>Andleeb Rashid</t>
  </si>
  <si>
    <t>GGPS DURI GUJRAN</t>
  </si>
  <si>
    <t>Shakargah</t>
  </si>
  <si>
    <t>village deorri gujjran p.o gorala</t>
  </si>
  <si>
    <t>Deori Gujjran</t>
  </si>
  <si>
    <t>Noreen Zia</t>
  </si>
  <si>
    <t>GGPS DURI WALA MANOPUR</t>
  </si>
  <si>
    <t>DURI WALA</t>
  </si>
  <si>
    <t>Mannoopur village duriwala</t>
  </si>
  <si>
    <t>Duri Wala</t>
  </si>
  <si>
    <t>Mandiyala Virkan</t>
  </si>
  <si>
    <t>Abida Qadir</t>
  </si>
  <si>
    <t>GGPS EAIS PUR</t>
  </si>
  <si>
    <t>Eais Pur</t>
  </si>
  <si>
    <t>eais pur  p.o jhato kay pasrure sialkot</t>
  </si>
  <si>
    <t>Dugrihurian</t>
  </si>
  <si>
    <t>GGPS EASAN KHAIL</t>
  </si>
  <si>
    <t>Peelowains tehsil noor pur thal khushab</t>
  </si>
  <si>
    <t>Umme kalsoom</t>
  </si>
  <si>
    <t>GGPS EESAI COLONY HASILPUR</t>
  </si>
  <si>
    <t>Eesai colony hasilpur</t>
  </si>
  <si>
    <t>Eesai colony</t>
  </si>
  <si>
    <t>ward no 12</t>
  </si>
  <si>
    <t>GGPS EHDIPUR</t>
  </si>
  <si>
    <t>Ahdipur</t>
  </si>
  <si>
    <t>Ahdipur Dist/Teh Narowal</t>
  </si>
  <si>
    <t>Chanderke</t>
  </si>
  <si>
    <t>Farzana Nasir</t>
  </si>
  <si>
    <t>GGPS EHSAN QADAR MAJOKA</t>
  </si>
  <si>
    <t>Ahmad Abad shumali Majoka</t>
  </si>
  <si>
    <t>Sidrah Aziz Khan</t>
  </si>
  <si>
    <t>GGPS EID GAH ARIFWALA</t>
  </si>
  <si>
    <t>Mohallah Eidgah Arifwala</t>
  </si>
  <si>
    <t>GGPS EID GAH GHARBI</t>
  </si>
  <si>
    <t>jandanwala Teh.k.kot dist bhakar</t>
  </si>
  <si>
    <t>Jandanwala Mc</t>
  </si>
  <si>
    <t>Sameena Gul Khan</t>
  </si>
  <si>
    <t>GGPS EID GAH JHANG CITY</t>
  </si>
  <si>
    <t>Moh Qazian wala ward no 8 jhang city</t>
  </si>
  <si>
    <t>jhang city</t>
  </si>
  <si>
    <t>shahida islam</t>
  </si>
  <si>
    <t>GGPS EID GAH LAWA NO.3</t>
  </si>
  <si>
    <t>Moh eid gah VPO &amp; TAEHSIL LAWA</t>
  </si>
  <si>
    <t>MC LAWA</t>
  </si>
  <si>
    <t>Nusrat  Perveen</t>
  </si>
  <si>
    <t>GGPS EID GAH LAYYAH</t>
  </si>
  <si>
    <t>Munaza Sagheer</t>
  </si>
  <si>
    <t>GGPS EID GHAH, KABIRWALA</t>
  </si>
  <si>
    <t>Jamil Colony</t>
  </si>
  <si>
    <t>near darul aloom jamil colony</t>
  </si>
  <si>
    <t>Aqeela Rubab</t>
  </si>
  <si>
    <t>GGPS EIDAL</t>
  </si>
  <si>
    <t>Eidal</t>
  </si>
  <si>
    <t>Chak Eidal, District Sahiwal</t>
  </si>
  <si>
    <t>EIDAL</t>
  </si>
  <si>
    <t>mUHAMMAD PUR</t>
  </si>
  <si>
    <t>Rozina Iffat</t>
  </si>
  <si>
    <t>GGPS EIDAY WALA MUZA SIKANDAR ABAD</t>
  </si>
  <si>
    <t>GGPS Eiday wala, sikandrabad, Shujabad</t>
  </si>
  <si>
    <t>Chah Eidaywala</t>
  </si>
  <si>
    <t>Jamshida Bi Bi</t>
  </si>
  <si>
    <t>GGPS EISA BHABHA</t>
  </si>
  <si>
    <t>Eesa Bhabha</t>
  </si>
  <si>
    <t>ggps eesa Bhabha basti Chrhoye Wala jatoi road shah jamal</t>
  </si>
  <si>
    <t>Basti Chrhoye Wala</t>
  </si>
  <si>
    <t>Usman Kuria</t>
  </si>
  <si>
    <t>Maria Rubab</t>
  </si>
  <si>
    <t>GGPS EISO GEGA</t>
  </si>
  <si>
    <t>Eiso Giga</t>
  </si>
  <si>
    <t>vpo saukanwind village easo giga tehsil pasrur district sialkot</t>
  </si>
  <si>
    <t>Saukinwind</t>
  </si>
  <si>
    <t>Aroosa M Ashraf</t>
  </si>
  <si>
    <t>GGPS EJAZ LAIL WALA</t>
  </si>
  <si>
    <t>Lail Wala</t>
  </si>
  <si>
    <t>moza lail choubara</t>
  </si>
  <si>
    <t>Roomasha Javed</t>
  </si>
  <si>
    <t>GGPS ELAH ABAD</t>
  </si>
  <si>
    <t>MC Ellah Abad</t>
  </si>
  <si>
    <t>Farhana yasmin</t>
  </si>
  <si>
    <t>GGPS ELAHI BAKHSH SANGHI</t>
  </si>
  <si>
    <t>Doodi Sangi Markaz Rukan Pur</t>
  </si>
  <si>
    <t>Basti Elahi Bukhsh sangi</t>
  </si>
  <si>
    <t>Basti Elahi Bukhsh Sangi</t>
  </si>
  <si>
    <t>Thual Khair Muhammad</t>
  </si>
  <si>
    <t>GGPS ELAHI BUX WALA</t>
  </si>
  <si>
    <t>Chutla</t>
  </si>
  <si>
    <t>Ggps elahi bukhs wala</t>
  </si>
  <si>
    <t>Elahi Bukhs Wala</t>
  </si>
  <si>
    <t>Khanwa Ghalva</t>
  </si>
  <si>
    <t>Farhat Rashid Hashmi</t>
  </si>
  <si>
    <t>GGPS ENO BHATTI</t>
  </si>
  <si>
    <t>Eno Bhatti</t>
  </si>
  <si>
    <t>post office bhagbanpura eno bhatti near karol ghatti</t>
  </si>
  <si>
    <t>New Karol</t>
  </si>
  <si>
    <t>Hifza Zafar</t>
  </si>
  <si>
    <t>GGPS ESA PAI BILAND</t>
  </si>
  <si>
    <t>GGPS ESAB KHAN WALA</t>
  </si>
  <si>
    <t>Dera Khalas Khelan  wala near mouza bazar musakhel tehsil and distt mianwali</t>
  </si>
  <si>
    <t>GGPS ESAN GOORAH</t>
  </si>
  <si>
    <t>Esan Gorah</t>
  </si>
  <si>
    <t>esan gorah</t>
  </si>
  <si>
    <t>Nasreen Kouser</t>
  </si>
  <si>
    <t>GGPS ESRA KAMBOH</t>
  </si>
  <si>
    <t>Esra Kamboh</t>
  </si>
  <si>
    <t>Kanduwal</t>
  </si>
  <si>
    <t>Raza Raheem</t>
  </si>
  <si>
    <t>GGPS ESSA LANGAH</t>
  </si>
  <si>
    <t>Essalangah</t>
  </si>
  <si>
    <t>essay langah P.O kanjroor tehsil shakar Garh district narowal</t>
  </si>
  <si>
    <t>EssaLangah</t>
  </si>
  <si>
    <t>GGPS ESSA NAGRI</t>
  </si>
  <si>
    <t>Moh.Essa Nagri Narowal</t>
  </si>
  <si>
    <t>Essa Nagri</t>
  </si>
  <si>
    <t>GGPS ESSA WALA</t>
  </si>
  <si>
    <t>basti essay wala</t>
  </si>
  <si>
    <t>Essay Wala</t>
  </si>
  <si>
    <t>Samina Fatima</t>
  </si>
  <si>
    <t>GGPS ESSANI</t>
  </si>
  <si>
    <t>Rolahre</t>
  </si>
  <si>
    <t>essani p/o bodo tahsil tunsa</t>
  </si>
  <si>
    <t>Essani</t>
  </si>
  <si>
    <t>Salma Mamtaz</t>
  </si>
  <si>
    <t>user Committee essani</t>
  </si>
  <si>
    <t>GGPS FACTORY AREA BHALWAL</t>
  </si>
  <si>
    <t>Alfazal Town</t>
  </si>
  <si>
    <t>ggps factory area bhalwal</t>
  </si>
  <si>
    <t>Huma Aslam</t>
  </si>
  <si>
    <t>GGPS FACTORY AREA CHENAB NAGAR</t>
  </si>
  <si>
    <t>Factory  Area  chenab  Nagar</t>
  </si>
  <si>
    <t>Darulsadar</t>
  </si>
  <si>
    <t>Razia Khanum</t>
  </si>
  <si>
    <t>GGPS FADDAH</t>
  </si>
  <si>
    <t>fadda tehsil mailsi district vehari</t>
  </si>
  <si>
    <t>maria saeed</t>
  </si>
  <si>
    <t>GGPS FAHIM ABAD</t>
  </si>
  <si>
    <t>Paka Kamar  Mushani</t>
  </si>
  <si>
    <t>wanda mala khel kamar mushani thsel esa khel district mianwali</t>
  </si>
  <si>
    <t>Wanda Mala Khel</t>
  </si>
  <si>
    <t>Rukhsana zaman</t>
  </si>
  <si>
    <t>GGPS FAIRD ABAD</t>
  </si>
  <si>
    <t>GGPS Faridabad</t>
  </si>
  <si>
    <t>GGPS FAISAL COLONY CHAKRALA</t>
  </si>
  <si>
    <t>KUND</t>
  </si>
  <si>
    <t>Faisal colony chakrala</t>
  </si>
  <si>
    <t>Ban Hafiz jee</t>
  </si>
  <si>
    <t>Anwar Sultana</t>
  </si>
  <si>
    <t>GGPS FAISAL MEHMOOD COLONY</t>
  </si>
  <si>
    <t>Fasialmehmood C</t>
  </si>
  <si>
    <t>St#8 Faisal mehmood colony  Okara</t>
  </si>
  <si>
    <t>GGPS FAISAL TOWN</t>
  </si>
  <si>
    <t>mullah faisal town skg</t>
  </si>
  <si>
    <t>Faisal Town Skg</t>
  </si>
  <si>
    <t>Shakargh No 2</t>
  </si>
  <si>
    <t>Hafiza Zahida Parveen</t>
  </si>
  <si>
    <t>GGPS FAITH SHER</t>
  </si>
  <si>
    <t>lawa</t>
  </si>
  <si>
    <t>g.g.p.s Fateh Sheri vpo letti the lawa disst chakwal</t>
  </si>
  <si>
    <t>letti</t>
  </si>
  <si>
    <t>GGPS FAIZ ABAD ALWALKAY</t>
  </si>
  <si>
    <t>Faizabad Alwalkay</t>
  </si>
  <si>
    <t>waan gharki dakhli Alwalkay</t>
  </si>
  <si>
    <t>Waan Gharki</t>
  </si>
  <si>
    <t>34Gd</t>
  </si>
  <si>
    <t>Fozia Ali</t>
  </si>
  <si>
    <t>GGPS FAIZ ABAD NO 2</t>
  </si>
  <si>
    <t>Kot Sai  Sing</t>
  </si>
  <si>
    <t>Basti faiz abad  sattlite town jhang</t>
  </si>
  <si>
    <t>Misbah Ambreen</t>
  </si>
  <si>
    <t>GGPS FAIZ ABASI</t>
  </si>
  <si>
    <t>Doda  Naich</t>
  </si>
  <si>
    <t>Basti solangi GGPS Faiz Abbasim</t>
  </si>
  <si>
    <t>Basti Solangi</t>
  </si>
  <si>
    <t>Ameenabad</t>
  </si>
  <si>
    <t>Fareeda Bibi</t>
  </si>
  <si>
    <t>GGPS FAIZ BHAND WALA</t>
  </si>
  <si>
    <t>Bhand Nashaib</t>
  </si>
  <si>
    <t>ggps faiz bhand wala p/o shah pur dhrutta tehsil and distt. layyah</t>
  </si>
  <si>
    <t>Mouza Bhand</t>
  </si>
  <si>
    <t>GGPS FAIZ BUKHSH PANWAR</t>
  </si>
  <si>
    <t>Chaknourang</t>
  </si>
  <si>
    <t>moza chak nourang</t>
  </si>
  <si>
    <t>Basti Panwaran</t>
  </si>
  <si>
    <t>GGPS FAIZ BUX CHACHAR</t>
  </si>
  <si>
    <t>Tajpur Peer Wala</t>
  </si>
  <si>
    <t>Basti Rais Faiz Bux chachar Rukan pur</t>
  </si>
  <si>
    <t>Basti Faiz Bux Chachar</t>
  </si>
  <si>
    <t>Thull Khair M</t>
  </si>
  <si>
    <t>Khadija Bb</t>
  </si>
  <si>
    <t>GGPS FAIZ COLONY T.T.SINGH</t>
  </si>
  <si>
    <t>Faiz Colony Tts</t>
  </si>
  <si>
    <t>Gmps faiz colony Toba Tek singh</t>
  </si>
  <si>
    <t>Municipal Committee   Ttsingh</t>
  </si>
  <si>
    <t>Ayesha Noreen</t>
  </si>
  <si>
    <t>GGPS FAIZ KHAN GASHKORI</t>
  </si>
  <si>
    <t>sahu wala kacha</t>
  </si>
  <si>
    <t>sahu wala basti qazi</t>
  </si>
  <si>
    <t>Shareen Akhter</t>
  </si>
  <si>
    <t>GGPS FAIZ KHAN KHAKWANI</t>
  </si>
  <si>
    <t>malkani basti</t>
  </si>
  <si>
    <t>adda mahmood shaheed dera faiz khan khakwani</t>
  </si>
  <si>
    <t>faiz khan</t>
  </si>
  <si>
    <t>Iqra Mumtaz qureshi</t>
  </si>
  <si>
    <t>GGPS FAIZ PUR</t>
  </si>
  <si>
    <t>Lati</t>
  </si>
  <si>
    <t>basti warn moza lati p/o seet pur</t>
  </si>
  <si>
    <t>Faheem Zahra</t>
  </si>
  <si>
    <t>GGPS FAIZ PUR COLONY</t>
  </si>
  <si>
    <t>Faizpurcoloy</t>
  </si>
  <si>
    <t>faizpur colony</t>
  </si>
  <si>
    <t>Faizpur Colony</t>
  </si>
  <si>
    <t>Faizpur Kala</t>
  </si>
  <si>
    <t>Naheed Anver</t>
  </si>
  <si>
    <t>GGPS FAIZ PUR JADEED</t>
  </si>
  <si>
    <t>Qasir Ghazlani</t>
  </si>
  <si>
    <t>basti qasir ghazlani</t>
  </si>
  <si>
    <t>GGPS FAIZ RASOOL SHAH</t>
  </si>
  <si>
    <t>ZAFFAR ABAD</t>
  </si>
  <si>
    <t>zafar a bad basti faiz rasool shah</t>
  </si>
  <si>
    <t>Basti Faiz Rasool Sh</t>
  </si>
  <si>
    <t>Zorkoot</t>
  </si>
  <si>
    <t>Jhok Haji Mahmood Wagi</t>
  </si>
  <si>
    <t>GGPS FAKHIR-ABAD MULTAN</t>
  </si>
  <si>
    <t>Kirlian Wala</t>
  </si>
  <si>
    <t>G. Girls primary school fakhrabad, basti tariqabad, near faiz town, multan</t>
  </si>
  <si>
    <t>GGPS FAQEER WALA</t>
  </si>
  <si>
    <t>FAQEER WALA</t>
  </si>
  <si>
    <t>Maria Ehsan</t>
  </si>
  <si>
    <t>GGPS FAQIR ABAD</t>
  </si>
  <si>
    <t>GGPS faqirabad VPO faqirabad Teh and distt attock</t>
  </si>
  <si>
    <t>Hafsah Ahmed</t>
  </si>
  <si>
    <t>suplied by mill</t>
  </si>
  <si>
    <t>GGPS FAQIR ABAD HAFIZ WALA</t>
  </si>
  <si>
    <t>faqir abad</t>
  </si>
  <si>
    <t>Hafiz wala</t>
  </si>
  <si>
    <t>GGPS FAQIR PURA BRANCH</t>
  </si>
  <si>
    <t>IShtiaq hosptial faqeer pora road gujranwala</t>
  </si>
  <si>
    <t>Faqir Pura</t>
  </si>
  <si>
    <t>peopes colony</t>
  </si>
  <si>
    <t>GGPS FAQIR SHAH</t>
  </si>
  <si>
    <t>Ghalwan 1</t>
  </si>
  <si>
    <t>basti Faqir Shah</t>
  </si>
  <si>
    <t>Faqir Shah</t>
  </si>
  <si>
    <t>Najma Rasheed</t>
  </si>
  <si>
    <t>GGPS FAQIRAN WALA</t>
  </si>
  <si>
    <t>Chack# 149C Faqeeran Wala</t>
  </si>
  <si>
    <t>Chack # 149C /TDA Jaman Shah</t>
  </si>
  <si>
    <t>Faqeeran Wala</t>
  </si>
  <si>
    <t>Jaman  Shah</t>
  </si>
  <si>
    <t>GGPS FAQIRAN WALI KALAN</t>
  </si>
  <si>
    <t>Faqiranwali Kalan</t>
  </si>
  <si>
    <t>po hanki head Faqiranwali kalan</t>
  </si>
  <si>
    <t>Faqiranwali kalan</t>
  </si>
  <si>
    <t>Ummara Aslam</t>
  </si>
  <si>
    <t>GGPS FAQIROO ARAIN</t>
  </si>
  <si>
    <t>Chaudhri</t>
  </si>
  <si>
    <t>chah khojy wala kot addu</t>
  </si>
  <si>
    <t>Chah Khojy Wala</t>
  </si>
  <si>
    <t>Chuhdhri</t>
  </si>
  <si>
    <t>Bushra Qadir</t>
  </si>
  <si>
    <t>GGPS FARASH</t>
  </si>
  <si>
    <t>Frash</t>
  </si>
  <si>
    <t>ward no.9 sohawa station teh sohawa distt jhelum</t>
  </si>
  <si>
    <t>Farkhanda Fatima</t>
  </si>
  <si>
    <t>GGPS FARID ABAD, KHANEWAL</t>
  </si>
  <si>
    <t>basti faridabad,shamkot road kwl</t>
  </si>
  <si>
    <t>Basti Faridabad</t>
  </si>
  <si>
    <t>Shagofta Sarwar</t>
  </si>
  <si>
    <t>GGPS FARID SANPAL, TULAMBA</t>
  </si>
  <si>
    <t>Fareed Sanpal</t>
  </si>
  <si>
    <t>GGPS Fareed Sanpal Teh.MIan Chanu Dist. Khanewal</t>
  </si>
  <si>
    <t>ChughtaPnjwana</t>
  </si>
  <si>
    <t>Salma Riaz</t>
  </si>
  <si>
    <t>GGPS FARID SHAH</t>
  </si>
  <si>
    <t>Farid Shah</t>
  </si>
  <si>
    <t>GGPS Farid Shah</t>
  </si>
  <si>
    <t>Arazi Dilawer</t>
  </si>
  <si>
    <t>GGPS FARID TOWN GUJRANWALA</t>
  </si>
  <si>
    <t>Fareed  Town</t>
  </si>
  <si>
    <t>GGPS Fareed Town  Street Shah Deen Wala Pasroor Road Gujranwala</t>
  </si>
  <si>
    <t>Fareed Town</t>
  </si>
  <si>
    <t>Shahnaz  Akhtar</t>
  </si>
  <si>
    <t>GGPS FARIDIA</t>
  </si>
  <si>
    <t>rakh kot mithn</t>
  </si>
  <si>
    <t>New Abadii</t>
  </si>
  <si>
    <t>Mithan Kot</t>
  </si>
  <si>
    <t>Asma Faheem</t>
  </si>
  <si>
    <t>GGPS FAROOQ ABAD BIN HABIB</t>
  </si>
  <si>
    <t>GGPS Farooqabad bin habib</t>
  </si>
  <si>
    <t>farooqabad binhabib</t>
  </si>
  <si>
    <t>purana Bhalwal</t>
  </si>
  <si>
    <t>GGPS FAROOQ KHAN WALA</t>
  </si>
  <si>
    <t>235wb</t>
  </si>
  <si>
    <t>chak no 235/WB Adda Zakheera Tehsil Dunya Pur District Lodhran</t>
  </si>
  <si>
    <t>GGPS FAROOQ MODEL</t>
  </si>
  <si>
    <t>Chisht Nagar</t>
  </si>
  <si>
    <t>chisht nagar</t>
  </si>
  <si>
    <t>GGPS FAROOQ-E- AZAM CHAKRALA</t>
  </si>
  <si>
    <t>ggps farooq e azam chakrala teh and district mianwali</t>
  </si>
  <si>
    <t>GGPS FARUKHPUR KOHNA</t>
  </si>
  <si>
    <t>Farukhpur Kohna</t>
  </si>
  <si>
    <t>farukhpur kohna post office qadirabad tehsil phalia district mandi bhauudin</t>
  </si>
  <si>
    <t>Samia Akram</t>
  </si>
  <si>
    <t>GGPS FARZAND ALI</t>
  </si>
  <si>
    <t>Kacha Bhuta</t>
  </si>
  <si>
    <t>ckh 19  Np basti farzand aki</t>
  </si>
  <si>
    <t>Basti farzand Ali</t>
  </si>
  <si>
    <t>samia latif</t>
  </si>
  <si>
    <t>GGPS FASEEH PUR</t>
  </si>
  <si>
    <t>Faseeh Pur</t>
  </si>
  <si>
    <t>GGPS Faseeh Pur P/O jassar teh./dist. narowal</t>
  </si>
  <si>
    <t>Fasih Pur</t>
  </si>
  <si>
    <t>Riffat Ara</t>
  </si>
  <si>
    <t>GGPS FASIAL COLONY</t>
  </si>
  <si>
    <t>Faisal colony farooqabad</t>
  </si>
  <si>
    <t>Muncipal Comety Farooqabad</t>
  </si>
  <si>
    <t>Saima ijaz</t>
  </si>
  <si>
    <t>GGPS FATAH</t>
  </si>
  <si>
    <t>Fatah</t>
  </si>
  <si>
    <t>ggps fatah</t>
  </si>
  <si>
    <t>Tahkat Pur</t>
  </si>
  <si>
    <t>Shazia    Basharat Ahmad</t>
  </si>
  <si>
    <t>GGPS FATATOOR</t>
  </si>
  <si>
    <t>Fatta Toor</t>
  </si>
  <si>
    <t>fatta toor post office fatta toor  tehsil zafarwal district Nsrowal</t>
  </si>
  <si>
    <t>GGPS FATAY WALI</t>
  </si>
  <si>
    <t>fateh wali hajwani</t>
  </si>
  <si>
    <t>GGPS FATEH ABAD</t>
  </si>
  <si>
    <t>bait uttra ghazi ghat distt m garh tehsil kot adu</t>
  </si>
  <si>
    <t>Nasreen Qasim</t>
  </si>
  <si>
    <t>GGPS FATEH BARERA</t>
  </si>
  <si>
    <t>Kot Shah</t>
  </si>
  <si>
    <t>Chack number 8N/P post office chack number 24N/P tehsile SDK district RYK</t>
  </si>
  <si>
    <t>8N/P</t>
  </si>
  <si>
    <t>GGPS FATEH COLONY</t>
  </si>
  <si>
    <t>Thatta Fateh Ali</t>
  </si>
  <si>
    <t>fateh colony</t>
  </si>
  <si>
    <t>Thatta Fate Ali Colony</t>
  </si>
  <si>
    <t>Chak No 158</t>
  </si>
  <si>
    <t>Akbari Bibi</t>
  </si>
  <si>
    <t>GGPS FATEH DERYA</t>
  </si>
  <si>
    <t>Fateh Derya</t>
  </si>
  <si>
    <t>fateh derya</t>
  </si>
  <si>
    <t>Meranpur</t>
  </si>
  <si>
    <t>GGPS FATEH DIN WALA</t>
  </si>
  <si>
    <t>Habiba Syal</t>
  </si>
  <si>
    <t>18 kassi vehari road chah tahli vala</t>
  </si>
  <si>
    <t>Chah Tahli Vala</t>
  </si>
  <si>
    <t>Nadia Tehreem</t>
  </si>
  <si>
    <t>GGPS FATEH GARH</t>
  </si>
  <si>
    <t>village fateh garh p.o. and tehsil kharian district gujrat</t>
  </si>
  <si>
    <t>Kashraf Jabeen</t>
  </si>
  <si>
    <t>GGPS FATEH JANG NO.1</t>
  </si>
  <si>
    <t>gov girls primary school no 1 fj</t>
  </si>
  <si>
    <t>MC Fateh Jang</t>
  </si>
  <si>
    <t>batool begum</t>
  </si>
  <si>
    <t>GGPS FATEH JANG NO.2</t>
  </si>
  <si>
    <t>govt girls primary school no 2 fateh jang</t>
  </si>
  <si>
    <t>TMA fateh jang</t>
  </si>
  <si>
    <t>Sabahat Jahan</t>
  </si>
  <si>
    <t>GGPS FATEH JANG NO.3</t>
  </si>
  <si>
    <t>mohalla garan wala fateh jang</t>
  </si>
  <si>
    <t>SYEDA MADEEHA</t>
  </si>
  <si>
    <t>GGPS FATEH KHAN</t>
  </si>
  <si>
    <t>basti fateh khan</t>
  </si>
  <si>
    <t>Amna Sarwar</t>
  </si>
  <si>
    <t>GGPS FATEH KHAN  KHELAN WALA</t>
  </si>
  <si>
    <t>Govt girls primary school fateh khan khelanwala</t>
  </si>
  <si>
    <t>Tanki system</t>
  </si>
  <si>
    <t>GGPS FATEH MUHAMMAD KHURD</t>
  </si>
  <si>
    <t>Fathe Mohd Kurd</t>
  </si>
  <si>
    <t>Fateh Muhammad Khurd</t>
  </si>
  <si>
    <t>Amtal Shafique</t>
  </si>
  <si>
    <t>GGPS FATEH NOOR TOWN</t>
  </si>
  <si>
    <t>fateh noor town Gali number 3</t>
  </si>
  <si>
    <t>Fateh Noor Town</t>
  </si>
  <si>
    <t>Shamsia Colony</t>
  </si>
  <si>
    <t>Asia mushtaq</t>
  </si>
  <si>
    <t>GGPS FATEH PUR DITTAN</t>
  </si>
  <si>
    <t>Fatah Pur Dittan</t>
  </si>
  <si>
    <t>vill Fateh pur Dittan post office kanjurr tehsil shakargarh Dist narowal</t>
  </si>
  <si>
    <t>Fatehpurdittan</t>
  </si>
  <si>
    <t>Kanjurr</t>
  </si>
  <si>
    <t>Arifa Zia</t>
  </si>
  <si>
    <t>GGPS FATEH PUR NO. 2</t>
  </si>
  <si>
    <t>Rajanpur</t>
  </si>
  <si>
    <t>sajjadabad colony near girls college rajanpur</t>
  </si>
  <si>
    <t>Municipal Commettie</t>
  </si>
  <si>
    <t>Nisar Fatima</t>
  </si>
  <si>
    <t>GGPS FATEH PUR NOON</t>
  </si>
  <si>
    <t>Fateh pur Noon</t>
  </si>
  <si>
    <t>fateh pur noon</t>
  </si>
  <si>
    <t>Fateh Pur Noon</t>
  </si>
  <si>
    <t>Tahira Hashim</t>
  </si>
  <si>
    <t>GGPS FATEH PURA</t>
  </si>
  <si>
    <t>pirhar sharqi</t>
  </si>
  <si>
    <t>ward # 7</t>
  </si>
  <si>
    <t>mc kot adu</t>
  </si>
  <si>
    <t>GGPS FATEH SHAH</t>
  </si>
  <si>
    <t>Fateh SHAH</t>
  </si>
  <si>
    <t>GG P S Fateh shah mouza Fateh shah thasil 18 hazri</t>
  </si>
  <si>
    <t>Fateh Shah</t>
  </si>
  <si>
    <t>Najma Nawaz</t>
  </si>
  <si>
    <t>GGPS FATEH SUHRANI</t>
  </si>
  <si>
    <t>qalandar wala</t>
  </si>
  <si>
    <t>p/o baseera</t>
  </si>
  <si>
    <t>malva</t>
  </si>
  <si>
    <t>basera</t>
  </si>
  <si>
    <t>saadia Rani</t>
  </si>
  <si>
    <t>GGPS FATEH ULLAH</t>
  </si>
  <si>
    <t>Fateh Ullah</t>
  </si>
  <si>
    <t>village Fateh ullah</t>
  </si>
  <si>
    <t>Hafsa Bibi</t>
  </si>
  <si>
    <t>GGPS FATIMA JINNAH KARIM TOWN FSD</t>
  </si>
  <si>
    <t>Karim Town</t>
  </si>
  <si>
    <t>karim town peoples colony # 2 fsd</t>
  </si>
  <si>
    <t>Muhala Ferozshah</t>
  </si>
  <si>
    <t>Farhat Bashir</t>
  </si>
  <si>
    <t>GGPS FATO CHAK</t>
  </si>
  <si>
    <t>Fattu chak</t>
  </si>
  <si>
    <t>fattu chak tehsil shakargarh diist.nrowal.</t>
  </si>
  <si>
    <t>Shaista Saeed</t>
  </si>
  <si>
    <t>GGPS FATOMAND GUJRANWALA</t>
  </si>
  <si>
    <t>Fatomand</t>
  </si>
  <si>
    <t>Government girls primary school fatomand Gujranwala</t>
  </si>
  <si>
    <t>Amtal Khial Ara</t>
  </si>
  <si>
    <t>GGPS FATOOT</t>
  </si>
  <si>
    <t>Fatoot</t>
  </si>
  <si>
    <t>Village Fatoot post office phagwari Tehsil Murree</t>
  </si>
  <si>
    <t>Zubda Munir</t>
  </si>
  <si>
    <t>GGPS FATTOWAL GUJRAN</t>
  </si>
  <si>
    <t>Fattowal gujran</t>
  </si>
  <si>
    <t>Fattowal gujran p/o baramanga</t>
  </si>
  <si>
    <t>Fattowall gujran</t>
  </si>
  <si>
    <t>Misbah serwar</t>
  </si>
  <si>
    <t>GGPS FATTU WALI</t>
  </si>
  <si>
    <t>Fattu wali</t>
  </si>
  <si>
    <t>fattu wali</t>
  </si>
  <si>
    <t>raman</t>
  </si>
  <si>
    <t>Rubeena Parveen</t>
  </si>
  <si>
    <t>GGPS FATU CHAK</t>
  </si>
  <si>
    <t>Fatuchak</t>
  </si>
  <si>
    <t>ggps fatuchak</t>
  </si>
  <si>
    <t>GGPS FATU WALA</t>
  </si>
  <si>
    <t>V.fatuwala p/o Gaggan tehsil fateh jang district attock</t>
  </si>
  <si>
    <t>Riffat Jabeen</t>
  </si>
  <si>
    <t>GGPS FATUI CHAK</t>
  </si>
  <si>
    <t>Fatoichak</t>
  </si>
  <si>
    <t>village fatoichak post office baramanga</t>
  </si>
  <si>
    <t>Wali Pur Boura</t>
  </si>
  <si>
    <t>Shaista Hina</t>
  </si>
  <si>
    <t>GGPS FAYYAZ ABAD NO.2</t>
  </si>
  <si>
    <t>Basti sial moza Qaiser  ghazlani</t>
  </si>
  <si>
    <t>Mryum Bibi</t>
  </si>
  <si>
    <t>GGPS FAZAL BIBI GALLA MEHAR NOOR WALA</t>
  </si>
  <si>
    <t>Mian Sansi road</t>
  </si>
  <si>
    <t>Gala Maher noor wala muhala islam Pura street no 07</t>
  </si>
  <si>
    <t>Chah Malian Wala</t>
  </si>
  <si>
    <t>GGPS FAZAL FOGANA</t>
  </si>
  <si>
    <t>Bakhoo Arbi</t>
  </si>
  <si>
    <t>moaza bakho arbi ,basti kharwala near mehmood shahid chowk .ahmed pur east</t>
  </si>
  <si>
    <t>Basti Kharwala</t>
  </si>
  <si>
    <t>Aaina Peerzada</t>
  </si>
  <si>
    <t>GGPS FAZAL GARH</t>
  </si>
  <si>
    <t>FAZAL GARH</t>
  </si>
  <si>
    <t>CHAK FAZAL GARH UC.BOYALE GANJ PAKPATTAN</t>
  </si>
  <si>
    <t>Boyale Ganj</t>
  </si>
  <si>
    <t>FROZAN JALIL</t>
  </si>
  <si>
    <t>GGPS FAZAL MODEL BAHAWAL PUR ROAD MULTAN</t>
  </si>
  <si>
    <t>Ramkali</t>
  </si>
  <si>
    <t>basti shorkot fazal model bahawalpur road multan</t>
  </si>
  <si>
    <t>Bastishorkot</t>
  </si>
  <si>
    <t>GGPS FAZAL PUR</t>
  </si>
  <si>
    <t>Fazalpur</t>
  </si>
  <si>
    <t>vilage fazalpur p.o kanjror tehsil skhragarh distrct narowal</t>
  </si>
  <si>
    <t>Mailusailu</t>
  </si>
  <si>
    <t>GGPS FAZAL PURA</t>
  </si>
  <si>
    <t>Fazalpura</t>
  </si>
  <si>
    <t>ggpsfazalpura</t>
  </si>
  <si>
    <t>Dar Ui Islam</t>
  </si>
  <si>
    <t>GGPS FAZIL GUMANI</t>
  </si>
  <si>
    <t>Gamani</t>
  </si>
  <si>
    <t>habib Abad moza gamani</t>
  </si>
  <si>
    <t>HabibAbad</t>
  </si>
  <si>
    <t>GGPS FAZIL KALROO</t>
  </si>
  <si>
    <t>basti jada chandia</t>
  </si>
  <si>
    <t>FazilKalro</t>
  </si>
  <si>
    <t>Shahila Almas</t>
  </si>
  <si>
    <t>GGPS FAZIL PUR MULTAN</t>
  </si>
  <si>
    <t>Basti FazilPur P/o Nawab Pur</t>
  </si>
  <si>
    <t>Lutaf Abad</t>
  </si>
  <si>
    <t>GGPS FAZIL TOWN</t>
  </si>
  <si>
    <t>Fazil Town</t>
  </si>
  <si>
    <t>ggps fazil town sgd</t>
  </si>
  <si>
    <t>GGPS FAZIL WALA</t>
  </si>
  <si>
    <t>Fazil Wala</t>
  </si>
  <si>
    <t>moza fazil wala bsti fazilwala</t>
  </si>
  <si>
    <t>fazilwala</t>
  </si>
  <si>
    <t>duranwala</t>
  </si>
  <si>
    <t>Kishwer Noreen</t>
  </si>
  <si>
    <t>GGPS FAZILA KATCHH</t>
  </si>
  <si>
    <t>THALEEL</t>
  </si>
  <si>
    <t>BASTI thaleel</t>
  </si>
  <si>
    <t>Zahidah Bibi</t>
  </si>
  <si>
    <t>GGPS FAZILPUR NO. 2</t>
  </si>
  <si>
    <t>GPS no 2 fazilpur</t>
  </si>
  <si>
    <t>GGPS FAZILPUR NO. 3</t>
  </si>
  <si>
    <t>NEAR IMAM BARGHA FAZIL PUR</t>
  </si>
  <si>
    <t>MAHALA MASTOI</t>
  </si>
  <si>
    <t>MC city fazilpur</t>
  </si>
  <si>
    <t>Amna Rahim</t>
  </si>
  <si>
    <t>GGPS FAZILPUR NO. 4</t>
  </si>
  <si>
    <t>NEAR BOYS DEGREE COLLEGE HAJIPUR ROAD FAZILPUR</t>
  </si>
  <si>
    <t>RAKH FAZILPUR</t>
  </si>
  <si>
    <t>SHEHLA MEHVISH</t>
  </si>
  <si>
    <t>GGPS FAZILPUR NO. 5</t>
  </si>
  <si>
    <t>near elementary school fazilpur</t>
  </si>
  <si>
    <t>Armish Zahra</t>
  </si>
  <si>
    <t>GGPS FEROZ PUR</t>
  </si>
  <si>
    <t>Feroz Pur post office Feroz Pur tehsil Zafarwal, Narowal</t>
  </si>
  <si>
    <t>GGPS FEROZA TOWN</t>
  </si>
  <si>
    <t>HayatLar</t>
  </si>
  <si>
    <t>ggps Feroza town</t>
  </si>
  <si>
    <t>Feroza</t>
  </si>
  <si>
    <t>GGPS FEROZY</t>
  </si>
  <si>
    <t>Ferozy</t>
  </si>
  <si>
    <t>village ferozy dhoke bhatian</t>
  </si>
  <si>
    <t>Sadia Qayum</t>
  </si>
  <si>
    <t>GGPS FIAZ ABAD</t>
  </si>
  <si>
    <t>Pai Ahna</t>
  </si>
  <si>
    <t>basti faizabad jhoran</t>
  </si>
  <si>
    <t>Saira Khursheed</t>
  </si>
  <si>
    <t>GGPS FIAZ ALI SHAH</t>
  </si>
  <si>
    <t>Tayab Blouch</t>
  </si>
  <si>
    <t>basti saddat mouza tayab blouch union council noor wala</t>
  </si>
  <si>
    <t>khadija bibi</t>
  </si>
  <si>
    <t>GGPS FIVE MARLA SCHEME</t>
  </si>
  <si>
    <t>mahal khakhi</t>
  </si>
  <si>
    <t>jinah colony near chowk nazir wala moza mahal khakhi</t>
  </si>
  <si>
    <t>jinah colony</t>
  </si>
  <si>
    <t>Khadija Rafiq</t>
  </si>
  <si>
    <t>GGPS FOJI COLONY</t>
  </si>
  <si>
    <t>FOJI Colony</t>
  </si>
  <si>
    <t>GGPS FOJI COLONY LIAQUAT PUR</t>
  </si>
  <si>
    <t>LIAQUAT PUR</t>
  </si>
  <si>
    <t>MC LIAQUAT PUR</t>
  </si>
  <si>
    <t>GGPS FORM KULIAN</t>
  </si>
  <si>
    <t>Farm Kulian</t>
  </si>
  <si>
    <t>farm kulian inayat da kot</t>
  </si>
  <si>
    <t>Zeenat Riaz</t>
  </si>
  <si>
    <t>GGPS FRASH</t>
  </si>
  <si>
    <t>village frash.teh g.khan. .distt  RWP</t>
  </si>
  <si>
    <t>manghot</t>
  </si>
  <si>
    <t>Amira Mubarak</t>
  </si>
  <si>
    <t>GGPS FREEDA AANA</t>
  </si>
  <si>
    <t>Fareed Aana</t>
  </si>
  <si>
    <t>village Fareed aana PO warburton</t>
  </si>
  <si>
    <t>Shreen Jhangar</t>
  </si>
  <si>
    <t>Shazia Parveen Arif</t>
  </si>
  <si>
    <t>GGPS FUJA DHARA</t>
  </si>
  <si>
    <t>Klach Fauja Dhara</t>
  </si>
  <si>
    <t>klachi fauj dhara</t>
  </si>
  <si>
    <t>Fuja Dhara</t>
  </si>
  <si>
    <t>ALLAH Yar Jutta</t>
  </si>
  <si>
    <t>Rabia Kiran</t>
  </si>
  <si>
    <t>GGPS GABOOL DHUNDI</t>
  </si>
  <si>
    <t>KOT ZABAIRY</t>
  </si>
  <si>
    <t>GGPS GBOOL DHUNDI</t>
  </si>
  <si>
    <t>BASTI BUDH</t>
  </si>
  <si>
    <t>Shahida Iqbal</t>
  </si>
  <si>
    <t>GGPS GADAAI</t>
  </si>
  <si>
    <t>gpodulle wala tesil daraya khan dist bhakkar</t>
  </si>
  <si>
    <t>hafiza</t>
  </si>
  <si>
    <t>GGPS GADGOR</t>
  </si>
  <si>
    <t>Gadgur</t>
  </si>
  <si>
    <t>moza gadgor p/o qadirabad tehsil phalia dist m.b.din</t>
  </si>
  <si>
    <t>Deera Gadgor</t>
  </si>
  <si>
    <t>Zareena shaheen</t>
  </si>
  <si>
    <t>GGPS GADO PINDI</t>
  </si>
  <si>
    <t>Gado Pindi</t>
  </si>
  <si>
    <t>gado pindi</t>
  </si>
  <si>
    <t>Misbahnoreen</t>
  </si>
  <si>
    <t>GGPS GADRANWALA</t>
  </si>
  <si>
    <t>choranwala</t>
  </si>
  <si>
    <t>Village Gidran Wala p/o shiekhmehmood   isakhel</t>
  </si>
  <si>
    <t>Gidranwala</t>
  </si>
  <si>
    <t>GGPS GADRIAM</t>
  </si>
  <si>
    <t>Gadriam</t>
  </si>
  <si>
    <t>village gadriam p/o gadriam tehsil sohawa district jhelum</t>
  </si>
  <si>
    <t>Pail Binny Khan</t>
  </si>
  <si>
    <t>GGPS GADU WALA</t>
  </si>
  <si>
    <t>Gaduwala</t>
  </si>
  <si>
    <t>GGPS Gaduwala  Tehsil Fatehjang District attock</t>
  </si>
  <si>
    <t>Badar i Munir</t>
  </si>
  <si>
    <t>GGPS GAGA</t>
  </si>
  <si>
    <t>Govt. Girls primary School Gaga</t>
  </si>
  <si>
    <t>GGPS GAGAN</t>
  </si>
  <si>
    <t>ggps gaggan tehsil fateh jang disst attock</t>
  </si>
  <si>
    <t>gaggan</t>
  </si>
  <si>
    <t>gulyal</t>
  </si>
  <si>
    <t>Ibrar Begum</t>
  </si>
  <si>
    <t>GGPS GAGAN THAL</t>
  </si>
  <si>
    <t>GGPS GAGAR WALI</t>
  </si>
  <si>
    <t>Gagarwali</t>
  </si>
  <si>
    <t>post office budha goriya GaggarWali</t>
  </si>
  <si>
    <t>Malomahay</t>
  </si>
  <si>
    <t>Zara Saeed</t>
  </si>
  <si>
    <t>GGPS GAGARI</t>
  </si>
  <si>
    <t>Gagari</t>
  </si>
  <si>
    <t>ggps gagari</t>
  </si>
  <si>
    <t>Anssa Zafar</t>
  </si>
  <si>
    <t>GGPS GAGAY WALI</t>
  </si>
  <si>
    <t>Gagay Wali</t>
  </si>
  <si>
    <t>gagay wali kotli loharan west sialkot</t>
  </si>
  <si>
    <t>Monghr</t>
  </si>
  <si>
    <t>GGPS GAGGA SARAI</t>
  </si>
  <si>
    <t>gagga sarai</t>
  </si>
  <si>
    <t>Parveen Nusrat</t>
  </si>
  <si>
    <t>GGPS GAGGAR</t>
  </si>
  <si>
    <t>vill gaggar p/o kulluwal teh sambrial dist sialkot</t>
  </si>
  <si>
    <t>GGPS GAGGAR KEY</t>
  </si>
  <si>
    <t>Gagger Key</t>
  </si>
  <si>
    <t>Ggps gagger key gujranwala</t>
  </si>
  <si>
    <t>Jandayala Bagh Wala</t>
  </si>
  <si>
    <t>Maddiha Saeed</t>
  </si>
  <si>
    <t>GGPS GAGGAR KHURD</t>
  </si>
  <si>
    <t>Gaggar khurd</t>
  </si>
  <si>
    <t>village Gaggar khurd P.Obox Gaggar kalan</t>
  </si>
  <si>
    <t>Anam javed</t>
  </si>
  <si>
    <t>GGPS GAGGAY</t>
  </si>
  <si>
    <t>Gaggay</t>
  </si>
  <si>
    <t>Govt Girls Primary school Gaggay tehsile Nowshera Virkan District Gujranwala</t>
  </si>
  <si>
    <t>Chak Chaudhery</t>
  </si>
  <si>
    <t>Safiya Ehsaan</t>
  </si>
  <si>
    <t>GGPS GAGHAR SAHARI</t>
  </si>
  <si>
    <t>p.o box gaggar,kasur</t>
  </si>
  <si>
    <t>Theh Sheikhum</t>
  </si>
  <si>
    <t>YASMIN KHALIL</t>
  </si>
  <si>
    <t>GGPS GAGIAN</t>
  </si>
  <si>
    <t>Gagian</t>
  </si>
  <si>
    <t>GGps Gagian</t>
  </si>
  <si>
    <t>GGPS GAGRANA NO. 2</t>
  </si>
  <si>
    <t>chah usman wala, moza gagrana, tehseel o zila jhang</t>
  </si>
  <si>
    <t>GGPS GAGRANA NO1</t>
  </si>
  <si>
    <t>khalilabad moza gagrana no 1</t>
  </si>
  <si>
    <t>Moza Gagana</t>
  </si>
  <si>
    <t>Nazma Farakh</t>
  </si>
  <si>
    <t>GGPS GAHARO WAL</t>
  </si>
  <si>
    <t>Gahrowal</t>
  </si>
  <si>
    <t>village gahrowal p o baddomalhi narowal</t>
  </si>
  <si>
    <t>Mohammad Rafiq</t>
  </si>
  <si>
    <t>GGPS GAHNAY WALA</t>
  </si>
  <si>
    <t>Chah Gahnay Wala</t>
  </si>
  <si>
    <t>Gahnay Wala</t>
  </si>
  <si>
    <t>Madiha Hussain</t>
  </si>
  <si>
    <t>GGPS GAIGI PHAKHRAL</t>
  </si>
  <si>
    <t>Gagi Pakhral</t>
  </si>
  <si>
    <t>gagi pakhral p o sugial tehsil sohawa district jhelum</t>
  </si>
  <si>
    <t>Phulray Seydan</t>
  </si>
  <si>
    <t>Misbah Hina</t>
  </si>
  <si>
    <t>GGPS GAJANA</t>
  </si>
  <si>
    <t>GAJYANA</t>
  </si>
  <si>
    <t>GMPS GAJYANA</t>
  </si>
  <si>
    <t>Gajyana</t>
  </si>
  <si>
    <t>Nathywala</t>
  </si>
  <si>
    <t>Ayesha rehman</t>
  </si>
  <si>
    <t>GGPS GAJAR GOLA STATION</t>
  </si>
  <si>
    <t>Kaliar Wala</t>
  </si>
  <si>
    <t>astation gajar gola</t>
  </si>
  <si>
    <t>SAGAR KALAN</t>
  </si>
  <si>
    <t>Shamum Akhtar</t>
  </si>
  <si>
    <t>GGPS GAJAR WALA</t>
  </si>
  <si>
    <t>khanpur junubi p/o 73tda bhakkar</t>
  </si>
  <si>
    <t>khanpur junubi</t>
  </si>
  <si>
    <t>GGPS GAJI WALA</t>
  </si>
  <si>
    <t>GGPS Gagi wala</t>
  </si>
  <si>
    <t>Gull Nasreen</t>
  </si>
  <si>
    <t>GGPS GAJJU</t>
  </si>
  <si>
    <t>Gajju</t>
  </si>
  <si>
    <t>Village GAJJU near dullanwa</t>
  </si>
  <si>
    <t>GGPS GAJJU HATTA SHUJABAD</t>
  </si>
  <si>
    <t>lakar mandi near AlShams Petroliam Jalapur road Shujabad</t>
  </si>
  <si>
    <t>Safia Khanam</t>
  </si>
  <si>
    <t>GGPS GAJOORI</t>
  </si>
  <si>
    <t>Bangi Khel Gharbi</t>
  </si>
  <si>
    <t>Village Gajoori Mattu khel, tola Bangi Khel, Isa Khel</t>
  </si>
  <si>
    <t>Gajoori Mattu Khel</t>
  </si>
  <si>
    <t>GGPS GAJU MATTA SHARQI</t>
  </si>
  <si>
    <t>Gajumatta</t>
  </si>
  <si>
    <t>ggps gajumatta sharqi</t>
  </si>
  <si>
    <t>GGPS GAKHAR NO.5</t>
  </si>
  <si>
    <t>Ggps no 5 gakhar</t>
  </si>
  <si>
    <t>Tahira Naheed</t>
  </si>
  <si>
    <t>GGPS GAKHAR SHARQI</t>
  </si>
  <si>
    <t>GGPS  Sharqi Gakkhar</t>
  </si>
  <si>
    <t>Gakkhar</t>
  </si>
  <si>
    <t>GGPS GAKHAR WALI</t>
  </si>
  <si>
    <t>Gakharwali</t>
  </si>
  <si>
    <t>GGPS GAKHARWALI</t>
  </si>
  <si>
    <t>Ghakharwali</t>
  </si>
  <si>
    <t>Madiha Altaf</t>
  </si>
  <si>
    <t>GGPS GALA GLORI</t>
  </si>
  <si>
    <t>Manyand</t>
  </si>
  <si>
    <t>Ggps galaglori</t>
  </si>
  <si>
    <t>Galaglori</t>
  </si>
  <si>
    <t>Maria Usman</t>
  </si>
  <si>
    <t>GGPS GALARY JANOOBI</t>
  </si>
  <si>
    <t>Gallary Janoobi</t>
  </si>
  <si>
    <t>gallaray jannobi</t>
  </si>
  <si>
    <t>GGPS GALI WALA</t>
  </si>
  <si>
    <t>Galli wala P /O Hayder Abad That Tehsil Mankera District Bhakker</t>
  </si>
  <si>
    <t>Galli Wala</t>
  </si>
  <si>
    <t>GGPS GALOOR MASU KHAN</t>
  </si>
  <si>
    <t>Gloor Massu Khan</t>
  </si>
  <si>
    <t>Busti Abdul Qadir Khan Abbasi Uc gloor massu khan post office rukan pur tahsil rahim yar khan</t>
  </si>
  <si>
    <t>Sughra Perveen</t>
  </si>
  <si>
    <t>GGPS GALORE</t>
  </si>
  <si>
    <t>ThohaKhalsa</t>
  </si>
  <si>
    <t>Vill Galore P/O Thoha Khalsa Teh Kahuta Dis RWP</t>
  </si>
  <si>
    <t>Galore</t>
  </si>
  <si>
    <t>GGPS GAMA GODEY WALA</t>
  </si>
  <si>
    <t>gama goday wala</t>
  </si>
  <si>
    <t>Gama Goday Wala</t>
  </si>
  <si>
    <t>GGPS GAMAN KHAN WALA</t>
  </si>
  <si>
    <t>Ggps gaman khan wala moza bait dabli bakhri Ahmad khan</t>
  </si>
  <si>
    <t>zubaida bibi</t>
  </si>
  <si>
    <t>GGPS GAMON SHAH WALA</t>
  </si>
  <si>
    <t>New New Lar</t>
  </si>
  <si>
    <t>new lar Dhand</t>
  </si>
  <si>
    <t>Dhand</t>
  </si>
  <si>
    <t>GGPS GANDA KASS</t>
  </si>
  <si>
    <t>village and post office gandakass</t>
  </si>
  <si>
    <t>Sehrish Waris</t>
  </si>
  <si>
    <t>GGPS GANDOWALI</t>
  </si>
  <si>
    <t>Gandowali</t>
  </si>
  <si>
    <t>gandowali p/o Ahmad Abad t/d Narowal</t>
  </si>
  <si>
    <t>GGPS GANDRA KHURD</t>
  </si>
  <si>
    <t>gandra khurd</t>
  </si>
  <si>
    <t>village gandra khurd gpo gujrat po gujrat</t>
  </si>
  <si>
    <t>madina syeda</t>
  </si>
  <si>
    <t>shakila iftikhar</t>
  </si>
  <si>
    <t>GGPS GANGA PUR</t>
  </si>
  <si>
    <t>Newal</t>
  </si>
  <si>
    <t>ggps gangs pur</t>
  </si>
  <si>
    <t>Gangapur</t>
  </si>
  <si>
    <t>GGPS GANGAWALI</t>
  </si>
  <si>
    <t>Village Ganga wail post office pindi ghen</t>
  </si>
  <si>
    <t>GGPS GANGAYALI</t>
  </si>
  <si>
    <t>Gangially</t>
  </si>
  <si>
    <t>GGPS gangially Moza gangially</t>
  </si>
  <si>
    <t>Naseem Murtaza</t>
  </si>
  <si>
    <t>GGPS GANGOHOTI MUSLIMAN</t>
  </si>
  <si>
    <t>Gangothi</t>
  </si>
  <si>
    <t>village gangothi p/o chowk pindori tehsil kallar syedan district rawalpindi</t>
  </si>
  <si>
    <t>Muzamal Yasin</t>
  </si>
  <si>
    <t>GGPS GANGWAL</t>
  </si>
  <si>
    <t>Village Gangwal P.o Gangwal Sialkot</t>
  </si>
  <si>
    <t>Gangwal</t>
  </si>
  <si>
    <t>Aqsa Nazir</t>
  </si>
  <si>
    <t>GGPS GANJ BALOCH</t>
  </si>
  <si>
    <t>chah ganj baloch bhakkar nasheeb</t>
  </si>
  <si>
    <t>Chah Ganja Balocha</t>
  </si>
  <si>
    <t>Gadola Daggar</t>
  </si>
  <si>
    <t>GGPS GANJAY SINDHU</t>
  </si>
  <si>
    <t>villsge Ganjay Sindhu</t>
  </si>
  <si>
    <t>village ganjay sindhu</t>
  </si>
  <si>
    <t>awan dhayewala</t>
  </si>
  <si>
    <t>sehrish hameed</t>
  </si>
  <si>
    <t>GGPS GANJAY WALA</t>
  </si>
  <si>
    <t>Ganjay Wala</t>
  </si>
  <si>
    <t>ganjay wala tehsil lalian district chiniot</t>
  </si>
  <si>
    <t>Shazia Nazir</t>
  </si>
  <si>
    <t>GGPS GANJEY CHAK NO. 27</t>
  </si>
  <si>
    <t>Ganjy Chak 27</t>
  </si>
  <si>
    <t>ganjy chak 27, pattoki</t>
  </si>
  <si>
    <t>GGPS GANJI JHULAAR</t>
  </si>
  <si>
    <t>Ganji Jhulaar</t>
  </si>
  <si>
    <t>GGPS Ganji Jhalar</t>
  </si>
  <si>
    <t>Lagar</t>
  </si>
  <si>
    <t>Masooda Bashir</t>
  </si>
  <si>
    <t>GGPS GANJIAN WALI KHURD</t>
  </si>
  <si>
    <t>Ganjianwali Khurd</t>
  </si>
  <si>
    <t>GG ps gunjian wali khurd near Adalat ghar sialkot</t>
  </si>
  <si>
    <t>Gunjian Wali Khurd</t>
  </si>
  <si>
    <t>Adalat Grah</t>
  </si>
  <si>
    <t>GGPS Ganjipur Moza Qutabpur</t>
  </si>
  <si>
    <t>basti Ganji pur</t>
  </si>
  <si>
    <t>Basti Ganji Pur</t>
  </si>
  <si>
    <t>Bushra Islam</t>
  </si>
  <si>
    <t>GGPS GANNO KHANI</t>
  </si>
  <si>
    <t>Rao Siddique town ,rakh Kot Mithan ,nazd Rojhan road.</t>
  </si>
  <si>
    <t>Siddique Town</t>
  </si>
  <si>
    <t>SHAMIM ASAD</t>
  </si>
  <si>
    <t>GGPS GAR</t>
  </si>
  <si>
    <t>Gar</t>
  </si>
  <si>
    <t>p/O BHOI GAR VILLAGE GAR HASSANABDAL ATTOCK</t>
  </si>
  <si>
    <t>Mehnaz</t>
  </si>
  <si>
    <t>GGPS GAR DAKHLI KOHLIA</t>
  </si>
  <si>
    <t>village gar post office  monno nagar tehsil hassan abdal district attock</t>
  </si>
  <si>
    <t>Ammara Butt</t>
  </si>
  <si>
    <t>GGPS GARAN</t>
  </si>
  <si>
    <t>Garan</t>
  </si>
  <si>
    <t>village garan post office Dakhali</t>
  </si>
  <si>
    <t>Saima Bano</t>
  </si>
  <si>
    <t>GGPS GARAY WAHIN</t>
  </si>
  <si>
    <t>Fathy Shah Wala</t>
  </si>
  <si>
    <t>gairy whain liaqat abad</t>
  </si>
  <si>
    <t>Gairy Wahain</t>
  </si>
  <si>
    <t>Gairy Whaim</t>
  </si>
  <si>
    <t>Razia Shabir</t>
  </si>
  <si>
    <t>GGPS GARBLA SYEDAN</t>
  </si>
  <si>
    <t>Garbla Syedan</t>
  </si>
  <si>
    <t>Village Garbla Syedan ,PO Gunna Kalan, Teh &amp; Distt: Sialkot</t>
  </si>
  <si>
    <t>Syeda Bushra Imran</t>
  </si>
  <si>
    <t>GGPS GARDAIZ PUR BASTI HADAN WALA</t>
  </si>
  <si>
    <t>Gardez Pur</t>
  </si>
  <si>
    <t>chah haddan wala moza gardez pur</t>
  </si>
  <si>
    <t>Haddan Wala</t>
  </si>
  <si>
    <t>GARDAIZ PUR</t>
  </si>
  <si>
    <t>Shahida Sahnaz</t>
  </si>
  <si>
    <t>GGPS GARDAN TOWN</t>
  </si>
  <si>
    <t>Momin Pura</t>
  </si>
  <si>
    <t>GGPS Garden Town</t>
  </si>
  <si>
    <t>Mominpura</t>
  </si>
  <si>
    <t>GGPS GARDAZ WALA</t>
  </si>
  <si>
    <t>raja pur</t>
  </si>
  <si>
    <t>gardaizwalla</t>
  </si>
  <si>
    <t>GGPS GARDEN TOWN SAHIWAL</t>
  </si>
  <si>
    <t>GOVT.GIRLS PRIMARY SCHOOL GARDEN TOWN SAHIWAL</t>
  </si>
  <si>
    <t>NOOR PARK</t>
  </si>
  <si>
    <t>Tanzeela Sardar</t>
  </si>
  <si>
    <t>GGPS GARDHARY LAL</t>
  </si>
  <si>
    <t>Mohalla Ghous Pura Sangla Hill</t>
  </si>
  <si>
    <t>Gardhary Lal Mohalla Ghous Pura Sangla Hill</t>
  </si>
  <si>
    <t>MC Sangla Hill</t>
  </si>
  <si>
    <t>NARGIS CHOUDHARY</t>
  </si>
  <si>
    <t>Canal Water</t>
  </si>
  <si>
    <t>GGPS GAREY WALA MULTAN</t>
  </si>
  <si>
    <t>Binda Sindela</t>
  </si>
  <si>
    <t>GGPS Basti Gary wala suraj meyani multan</t>
  </si>
  <si>
    <t>Nishat Perveen</t>
  </si>
  <si>
    <t>GGPS GARHA KHURD</t>
  </si>
  <si>
    <t>Garha Khurd</t>
  </si>
  <si>
    <t>Garha khurd Tehsil,Daska</t>
  </si>
  <si>
    <t>Kandansian</t>
  </si>
  <si>
    <t>Sumera Jabin</t>
  </si>
  <si>
    <t>GGPS GARHA MORE</t>
  </si>
  <si>
    <t>ggps garhamore tehsil malsi disst vehari</t>
  </si>
  <si>
    <t>Garhamore</t>
  </si>
  <si>
    <t>shanila ashi</t>
  </si>
  <si>
    <t>GGPS GARHEY WAHIN JHOKE VAINCE</t>
  </si>
  <si>
    <t>Garhey Wahin</t>
  </si>
  <si>
    <t>GGPS garhey wahin jhok wains</t>
  </si>
  <si>
    <t>Rah Wala</t>
  </si>
  <si>
    <t>Shakh E Madina</t>
  </si>
  <si>
    <t>Khalda Khalda</t>
  </si>
  <si>
    <t>GGPS GARHI ABDULLAH</t>
  </si>
  <si>
    <t>Garhi Abdullah</t>
  </si>
  <si>
    <t>Nazma Tanveer</t>
  </si>
  <si>
    <t>GGPS GARHI BAHU</t>
  </si>
  <si>
    <t>Garhi Bahu</t>
  </si>
  <si>
    <t>village garhi bahu post office doulatnagar tehsil and district Gujrat</t>
  </si>
  <si>
    <t>Doulat Nagar</t>
  </si>
  <si>
    <t>saima iqbal</t>
  </si>
  <si>
    <t>GGPS GARHI DADO</t>
  </si>
  <si>
    <t>GGPSgarhi dhoo dhoo jadeed</t>
  </si>
  <si>
    <t>Basti Ghulam Freed</t>
  </si>
  <si>
    <t>Raheela Shabir</t>
  </si>
  <si>
    <t>GGPS GARHI DADO QADEEM</t>
  </si>
  <si>
    <t>Gharee Dhoo Dhoo</t>
  </si>
  <si>
    <t>GGPS gharee dhoo dhoo p/o box bhung shareef</t>
  </si>
  <si>
    <t>Shakeela  Rais</t>
  </si>
  <si>
    <t>GGPS GARHI FATEH ULLAH NO 1</t>
  </si>
  <si>
    <t>kheevay wala moza Munday syed</t>
  </si>
  <si>
    <t>Kheevay Wala</t>
  </si>
  <si>
    <t>Uzma Zafar</t>
  </si>
  <si>
    <t>GGPS GARHI GHOUS</t>
  </si>
  <si>
    <t>Garhi ghous</t>
  </si>
  <si>
    <t>moh garhi ghous  hafizabad</t>
  </si>
  <si>
    <t>Garhi Ghous</t>
  </si>
  <si>
    <t>Kubrabibi</t>
  </si>
  <si>
    <t>GGPS GARHI KHAIR MUHAMMAD JHAK</t>
  </si>
  <si>
    <t>Garhi Khair Muhamad Jhak</t>
  </si>
  <si>
    <t>ggps garhi khair muhamad jhak</t>
  </si>
  <si>
    <t>Garhi Dhodho</t>
  </si>
  <si>
    <t>Salma Hassan</t>
  </si>
  <si>
    <t>GGPS GARHI MATTANI</t>
  </si>
  <si>
    <t>Garhi Mattani</t>
  </si>
  <si>
    <t>garhi mattani hazro Attock</t>
  </si>
  <si>
    <t>Maryam irshad</t>
  </si>
  <si>
    <t>GGPS GARHI MEHAY</t>
  </si>
  <si>
    <t>Garhy Mahy</t>
  </si>
  <si>
    <t>district sialkot tahseel pasrur po box sabazkot garhi mahay</t>
  </si>
  <si>
    <t>Shagufta Bano</t>
  </si>
  <si>
    <t>GGPS GARHI SULTAN SHAH NO.1</t>
  </si>
  <si>
    <t>Garhi Sultanshah</t>
  </si>
  <si>
    <t>fareedabad jampur</t>
  </si>
  <si>
    <t>Garhi Sultan Shah</t>
  </si>
  <si>
    <t>Tatarwala</t>
  </si>
  <si>
    <t>Shehnaz Begam</t>
  </si>
  <si>
    <t>GGPS GARHI SULTAN SHAH NO.2</t>
  </si>
  <si>
    <t>GARHI SULTAN SHAH</t>
  </si>
  <si>
    <t>MOZA GARHI SULTAN SHAH JAMPUR DISTRICT RAJANPUR</t>
  </si>
  <si>
    <t>ALLAH ANAD SHARQI</t>
  </si>
  <si>
    <t>GGPS GARI WALA SHUJABAD</t>
  </si>
  <si>
    <t>Chan malhy Wala p/o matotli</t>
  </si>
  <si>
    <t>Sadia Ishaq</t>
  </si>
  <si>
    <t>GGPS GARIAN WALA</t>
  </si>
  <si>
    <t>Muraba  Garianwala Chak Jalal Din P/O Hassan Khan Teh &amp; Dist  Jhang</t>
  </si>
  <si>
    <t>Garianwala</t>
  </si>
  <si>
    <t>GGPS GARMULA CHAK NO. 169</t>
  </si>
  <si>
    <t>Garmola</t>
  </si>
  <si>
    <t>GGPS Garmola</t>
  </si>
  <si>
    <t>GGPS GAROO</t>
  </si>
  <si>
    <t>garoo</t>
  </si>
  <si>
    <t>garoo teh fateh jang distt attock</t>
  </si>
  <si>
    <t>guliyal</t>
  </si>
  <si>
    <t>Bibi Shamim Akhter</t>
  </si>
  <si>
    <t>GGPS GARRA SIWAG</t>
  </si>
  <si>
    <t>basti garrah sewag post office laskani wala tehsil kror district layyah</t>
  </si>
  <si>
    <t>Basti Garrah Sewag</t>
  </si>
  <si>
    <t>FOUZIA ASIM</t>
  </si>
  <si>
    <t>GGPS GARRAH SHUMALI</t>
  </si>
  <si>
    <t>thal jhandi</t>
  </si>
  <si>
    <t>ward no 12 gGPS garah shumali</t>
  </si>
  <si>
    <t>robina akhtar</t>
  </si>
  <si>
    <t>GGPS GARRHA JATTAN</t>
  </si>
  <si>
    <t>vpo gurrah jattan</t>
  </si>
  <si>
    <t>Gurrah Jattan</t>
  </si>
  <si>
    <t>RIFAT YASMEEN</t>
  </si>
  <si>
    <t>GGPS GARRHI JALLA</t>
  </si>
  <si>
    <t>Garrhi Jalla</t>
  </si>
  <si>
    <t>village garrhi jalla p/o kalaske tehsile wazirabad district gujranwala</t>
  </si>
  <si>
    <t>GGPS GARROKA</t>
  </si>
  <si>
    <t>Dulle Wala</t>
  </si>
  <si>
    <t>Garroka P/O dulle wala</t>
  </si>
  <si>
    <t>Garroka</t>
  </si>
  <si>
    <t>Shumaila Liaqat</t>
  </si>
  <si>
    <t>GGPS GARWAN</t>
  </si>
  <si>
    <t>Garwan</t>
  </si>
  <si>
    <t>garwan</t>
  </si>
  <si>
    <t>Basti Garwan</t>
  </si>
  <si>
    <t>Janu Wala</t>
  </si>
  <si>
    <t>Najma Nisa</t>
  </si>
  <si>
    <t>GGPS GAT GHARBI</t>
  </si>
  <si>
    <t>Bait Sohni</t>
  </si>
  <si>
    <t>g.g.p.s gat gharbi</t>
  </si>
  <si>
    <t>Basti Gat</t>
  </si>
  <si>
    <t>Anila Arzoo</t>
  </si>
  <si>
    <t>GGPS GATTAL</t>
  </si>
  <si>
    <t>GGPS GATTAL vpo gattal</t>
  </si>
  <si>
    <t>GGPS GATTAR</t>
  </si>
  <si>
    <t>Gattar</t>
  </si>
  <si>
    <t>GGPS Gattar</t>
  </si>
  <si>
    <t>Misbah Mukhtar</t>
  </si>
  <si>
    <t>connection from masjid</t>
  </si>
  <si>
    <t>GGPS GATTARAKH</t>
  </si>
  <si>
    <t>Gata Raekh</t>
  </si>
  <si>
    <t>P/O Barthi Moza Gata Raekh</t>
  </si>
  <si>
    <t>Izza Abbas</t>
  </si>
  <si>
    <t>GGPS GATTIA</t>
  </si>
  <si>
    <t>Gattia</t>
  </si>
  <si>
    <t>Sharif hospital Asifabad wahcantt</t>
  </si>
  <si>
    <t>Asifabad</t>
  </si>
  <si>
    <t>Wahvillage</t>
  </si>
  <si>
    <t>GGPS GAUOO SHALLA</t>
  </si>
  <si>
    <t>Govt Girls Primary School Gau Shalla  Chichawatni</t>
  </si>
  <si>
    <t>M C  Urban</t>
  </si>
  <si>
    <t>Maqsooda Begum</t>
  </si>
  <si>
    <t>GGPS GAWA</t>
  </si>
  <si>
    <t>Taraf Nara</t>
  </si>
  <si>
    <t>village alamabad po lakkarmar tehsil Jand district attock</t>
  </si>
  <si>
    <t>Shamim Un Nisa</t>
  </si>
  <si>
    <t>self arranged</t>
  </si>
  <si>
    <t>GGPS GAZAR WANI</t>
  </si>
  <si>
    <t>Chack gazarwani</t>
  </si>
  <si>
    <t>chack gazarwani Markaz saddar deen</t>
  </si>
  <si>
    <t>Gazarwani</t>
  </si>
  <si>
    <t>Dhao</t>
  </si>
  <si>
    <t>GGPS GAZRAN</t>
  </si>
  <si>
    <t>Gazran</t>
  </si>
  <si>
    <t>Asia Sharif</t>
  </si>
  <si>
    <t>GGPS GAZRAN JPP.</t>
  </si>
  <si>
    <t>Lalwah</t>
  </si>
  <si>
    <t>p/o Juggo wala khas basti Hashim  wala union council Lalwah uc  no 165 tehsil Jalal pur pir wala Multan</t>
  </si>
  <si>
    <t>Hashim Wala</t>
  </si>
  <si>
    <t>Maria Jafar</t>
  </si>
  <si>
    <t>GGPS GEHNA LARD BASTI KUMHARAN</t>
  </si>
  <si>
    <t>Ghena Lar</t>
  </si>
  <si>
    <t>basti kottla meran</t>
  </si>
  <si>
    <t>Basti Kumhran</t>
  </si>
  <si>
    <t>Ghana lar</t>
  </si>
  <si>
    <t>GGPS GHAFOOR COLONY OKARA</t>
  </si>
  <si>
    <t>Ghafoor Colony Okara</t>
  </si>
  <si>
    <t>Government Girls Primary School Ghafoor Colony Okara</t>
  </si>
  <si>
    <t>Salma</t>
  </si>
  <si>
    <t>GGPS GHAFOOR WAH</t>
  </si>
  <si>
    <t>GHAFOOR WAH</t>
  </si>
  <si>
    <t>Samna Riaz</t>
  </si>
  <si>
    <t>GGPS GHAGHAR, NAWAN SHEHR (PEF,PSSP PHASE II)</t>
  </si>
  <si>
    <t>Ghaghar</t>
  </si>
  <si>
    <t>Kot Wala Mouza Ghaghar</t>
  </si>
  <si>
    <t>Kot Wala</t>
  </si>
  <si>
    <t>HaiderAbad</t>
  </si>
  <si>
    <t>Atiqa Akbar Khan</t>
  </si>
  <si>
    <t>GGPS GHAHI</t>
  </si>
  <si>
    <t>Gahi</t>
  </si>
  <si>
    <t>vpo gahi tehsil kallar kahar district chakwal</t>
  </si>
  <si>
    <t>Qurrat Ul Ain</t>
  </si>
  <si>
    <t>GGPS GHAJJANI</t>
  </si>
  <si>
    <t>basti gajjani dera ghazi khan</t>
  </si>
  <si>
    <t>Haleema bibi</t>
  </si>
  <si>
    <t>GGPS GHAKHAR</t>
  </si>
  <si>
    <t>GHAKHAR</t>
  </si>
  <si>
    <t>Ghakhar p/o Channan kharian Gujrat</t>
  </si>
  <si>
    <t>Zaheera Iqbal</t>
  </si>
  <si>
    <t>GGPS GHAL BALIAN WALA</t>
  </si>
  <si>
    <t>ggps ghalbalianwala</t>
  </si>
  <si>
    <t>Ghalbalian wala</t>
  </si>
  <si>
    <t>Shahbaz khel</t>
  </si>
  <si>
    <t>Fakhra Yasmeem</t>
  </si>
  <si>
    <t>GGPS GHALABKAY</t>
  </si>
  <si>
    <t>Ghalabke</t>
  </si>
  <si>
    <t>vpo ghalabky tehsil daka</t>
  </si>
  <si>
    <t>Ghalabkay</t>
  </si>
  <si>
    <t>Aisha</t>
  </si>
  <si>
    <t>GGPS GHALEY KHEL</t>
  </si>
  <si>
    <t>wandhi  ghund  wali tariqabad</t>
  </si>
  <si>
    <t>GGPS GHALIAN</t>
  </si>
  <si>
    <t>Kotli Loharan East</t>
  </si>
  <si>
    <t>kotli loharan east</t>
  </si>
  <si>
    <t>GGPS GHALLEY KHEL</t>
  </si>
  <si>
    <t>ggps galleay khel teh isakhel diss mianwali</t>
  </si>
  <si>
    <t>Ghalleay Khel</t>
  </si>
  <si>
    <t>Umayya Nawaz</t>
  </si>
  <si>
    <t>GGPS GHALLOO</t>
  </si>
  <si>
    <t>GGPS Ghallu</t>
  </si>
  <si>
    <t>Kaneez Kubra Abid</t>
  </si>
  <si>
    <t>GGPS GHALOO WALA</t>
  </si>
  <si>
    <t>Mutafariq Chhan</t>
  </si>
  <si>
    <t>Mutafariq chahan</t>
  </si>
  <si>
    <t>Ghaloo Wala</t>
  </si>
  <si>
    <t>Ammara Bibi</t>
  </si>
  <si>
    <t>GGPS GHANAKAR</t>
  </si>
  <si>
    <t>Ghanakar</t>
  </si>
  <si>
    <t>village ghanakar</t>
  </si>
  <si>
    <t>Shazia Ghulam Abbas</t>
  </si>
  <si>
    <t>GGPS GHANDI</t>
  </si>
  <si>
    <t>Ghandi</t>
  </si>
  <si>
    <t>ggps ghandi</t>
  </si>
  <si>
    <t>GGPS GHANDI CHAKRALA MIANWALI</t>
  </si>
  <si>
    <t>Dhoke ghandi chakrala district mianwali</t>
  </si>
  <si>
    <t>Dhoke Ghandi</t>
  </si>
  <si>
    <t>Irfana Bibi</t>
  </si>
  <si>
    <t>GGPS GHANI LAR</t>
  </si>
  <si>
    <t>Basti Ghani lar</t>
  </si>
  <si>
    <t>Ghani lar</t>
  </si>
  <si>
    <t>Jam pur</t>
  </si>
  <si>
    <t>Shazia Sadiq</t>
  </si>
  <si>
    <t>GGPS GHANIA NAU</t>
  </si>
  <si>
    <t>Ghania Nau</t>
  </si>
  <si>
    <t>Ghania Nau kamoke  Gujranwala</t>
  </si>
  <si>
    <t>Sarwar Tahira</t>
  </si>
  <si>
    <t>GGPS GHANIA PURANA KHONA</t>
  </si>
  <si>
    <t>Ghenya Khona</t>
  </si>
  <si>
    <t>Govt girls p/s ghenya purana</t>
  </si>
  <si>
    <t>Ghenya Purana</t>
  </si>
  <si>
    <t>GGPS GHANIS PUR</t>
  </si>
  <si>
    <t>Ganishpur</t>
  </si>
  <si>
    <t>ganishpur</t>
  </si>
  <si>
    <t>Battian Dewan</t>
  </si>
  <si>
    <t>Maddsara Nawaz</t>
  </si>
  <si>
    <t>GGPS GHANJERAN WALA GHARBI</t>
  </si>
  <si>
    <t>govt.girls primary school ghanjeran wala gharbi</t>
  </si>
  <si>
    <t>Ghanjeran Wala</t>
  </si>
  <si>
    <t>Aluwali</t>
  </si>
  <si>
    <t>Rukhsana Gul</t>
  </si>
  <si>
    <t>GGPS GHANNI PUR</t>
  </si>
  <si>
    <t>Katchi Abbadi</t>
  </si>
  <si>
    <t>katchi abadi ghuni pur</t>
  </si>
  <si>
    <t>Town Commity</t>
  </si>
  <si>
    <t>Hamida Bano</t>
  </si>
  <si>
    <t>GGPS GHANOKAY JAJJA</t>
  </si>
  <si>
    <t>Ghanokay Jajja</t>
  </si>
  <si>
    <t>ghanokay jajja</t>
  </si>
  <si>
    <t>Samaira Qayyum</t>
  </si>
  <si>
    <t>GGPS GHANOUNIAN</t>
  </si>
  <si>
    <t>Ghanounian</t>
  </si>
  <si>
    <t>govt girls primary school ghanounian</t>
  </si>
  <si>
    <t>Sofia Khatoon</t>
  </si>
  <si>
    <t>GGPS GHARAL</t>
  </si>
  <si>
    <t>Gharal</t>
  </si>
  <si>
    <t>dhoke GHARAL,v.p.o mithial,tehsil jand ,district Attock</t>
  </si>
  <si>
    <t>Mahvish Sultan</t>
  </si>
  <si>
    <t>GGPS GHARAT WALA</t>
  </si>
  <si>
    <t>ggps gharat wala</t>
  </si>
  <si>
    <t>Gharat Wala</t>
  </si>
  <si>
    <t>Yarukhel Pka</t>
  </si>
  <si>
    <t>GGPS GHAREEB ABAD NO. 2 MULTAN</t>
  </si>
  <si>
    <t>BASTI GHAREEB ABAD</t>
  </si>
  <si>
    <t>SCHOOL BASTI GHAREEB ABAD , MILL ISMAIL ABAD</t>
  </si>
  <si>
    <t>MUZAFAR ABAD</t>
  </si>
  <si>
    <t>Alliya Naz</t>
  </si>
  <si>
    <t>GGPS GHAREY BHAN,KHANEWAL</t>
  </si>
  <si>
    <t>makhdum pur</t>
  </si>
  <si>
    <t>officers colony makhdum pur</t>
  </si>
  <si>
    <t>makhdumpur</t>
  </si>
  <si>
    <t>Rifat Ara</t>
  </si>
  <si>
    <t>GGPS GHARGHAL</t>
  </si>
  <si>
    <t>Ghorghal</t>
  </si>
  <si>
    <t>village ghorghal p.o baramanga tehsil shakargarh district narowal</t>
  </si>
  <si>
    <t>Mobeen Khaliq</t>
  </si>
  <si>
    <t>GGPS GHARI DADO</t>
  </si>
  <si>
    <t>168p balochanh</t>
  </si>
  <si>
    <t>GGPS Ghari dadoo Po Ghari beghjar</t>
  </si>
  <si>
    <t>Tibbah balochanh</t>
  </si>
  <si>
    <t>muncipal Committee</t>
  </si>
  <si>
    <t>Sana Javed</t>
  </si>
  <si>
    <t>GGPS GHARI KANDI</t>
  </si>
  <si>
    <t>GGPS Ghari Kandi</t>
  </si>
  <si>
    <t>Qazi ghulam Qadir Channar</t>
  </si>
  <si>
    <t>asya bibi</t>
  </si>
  <si>
    <t>GGPS GHARIB ABAD GALIB STREET 3</t>
  </si>
  <si>
    <t>Faisal Abad</t>
  </si>
  <si>
    <t>GGPS Greeb abad school sdk</t>
  </si>
  <si>
    <t>GGPS GHARIB DIN</t>
  </si>
  <si>
    <t>ggps gharib din</t>
  </si>
  <si>
    <t>Basti Mazar Khan</t>
  </si>
  <si>
    <t>GGPS GHAROAN WALA</t>
  </si>
  <si>
    <t>Tani Khek</t>
  </si>
  <si>
    <t>vill    gharuanwala   po   kamar mushani  teh  isakhel</t>
  </si>
  <si>
    <t>Gharuanwala</t>
  </si>
  <si>
    <t>Shehla Anbreen</t>
  </si>
  <si>
    <t>GGPS GHAROTA</t>
  </si>
  <si>
    <t>Gharota</t>
  </si>
  <si>
    <t>GGPS gharota</t>
  </si>
  <si>
    <t>GGPS GHARSHEEN</t>
  </si>
  <si>
    <t>village GHARSHEEN</t>
  </si>
  <si>
    <t>Gharsheen</t>
  </si>
  <si>
    <t>Tabussam Mukhtiar</t>
  </si>
  <si>
    <t>GGPS GHARYAL KHURD</t>
  </si>
  <si>
    <t>Gharyal Khurd</t>
  </si>
  <si>
    <t>GGPS Gharyal Khurd PO box gharyal kalan tehsil Muridke district shekhiupura</t>
  </si>
  <si>
    <t>Amtal Mubshir</t>
  </si>
  <si>
    <t>GGPS GHARYALA 1 P/O MUKHDOOM RASHEED</t>
  </si>
  <si>
    <t>Basti Gharyala P.O. Makhdoom Rashid Multan</t>
  </si>
  <si>
    <t>Tamseela Jameel</t>
  </si>
  <si>
    <t>GGPS GHASEET PUR</t>
  </si>
  <si>
    <t>Ghaseet Pur</t>
  </si>
  <si>
    <t>Govt.Girls premry school Ghaseet pur Shakar garh.</t>
  </si>
  <si>
    <t>Jalala Sharif</t>
  </si>
  <si>
    <t>GGPS GHASS</t>
  </si>
  <si>
    <t>Ghuss</t>
  </si>
  <si>
    <t>ghuss</t>
  </si>
  <si>
    <t>Rukhsana Tasleem</t>
  </si>
  <si>
    <t>GGPS GHATTI NAHAR</t>
  </si>
  <si>
    <t>Ghree</t>
  </si>
  <si>
    <t>basti ghatti Nahar mouza ghree</t>
  </si>
  <si>
    <t>Ghatti Nahar</t>
  </si>
  <si>
    <t>GGPS GHATTIAN WALI</t>
  </si>
  <si>
    <t>Kat Abdul Haq</t>
  </si>
  <si>
    <t>p/o malik pura bahawal nagar</t>
  </si>
  <si>
    <t>Ghattian Wali</t>
  </si>
  <si>
    <t>Malik Pura</t>
  </si>
  <si>
    <t>GGPS GHAUS BAKHSH KHOKHAR</t>
  </si>
  <si>
    <t>basti moosa Khokhar moza heeran</t>
  </si>
  <si>
    <t>Modal Khokhar</t>
  </si>
  <si>
    <t>Misan Abad</t>
  </si>
  <si>
    <t>Samia Faiz</t>
  </si>
  <si>
    <t>GGPS GHAZAN ABAD</t>
  </si>
  <si>
    <t>ggpsghazan abad po shah bagh tehsil kallar distt rwp</t>
  </si>
  <si>
    <t>GGPS GHAZI ABAD</t>
  </si>
  <si>
    <t>CHHOHAN</t>
  </si>
  <si>
    <t>Moza Chhohan</t>
  </si>
  <si>
    <t>GHAZI ABAD</t>
  </si>
  <si>
    <t>Asima Ali</t>
  </si>
  <si>
    <t>GGPS GHAZI ABAD KOOCHA MEHNDI KHAN OLD</t>
  </si>
  <si>
    <t>Koocha Mehndi Khan</t>
  </si>
  <si>
    <t>GG P/S ghaziabad koocha mehndi khan old sadiqabad</t>
  </si>
  <si>
    <t>Koocha Mehndi Khan Old</t>
  </si>
  <si>
    <t>MC Sadiqabad B</t>
  </si>
  <si>
    <t>zahida siddiqui</t>
  </si>
  <si>
    <t>GGPS GHAZI ABAD NO. 2 (De-consolidated April-2016)</t>
  </si>
  <si>
    <t>GGPS Ghazi  Abad No.2</t>
  </si>
  <si>
    <t>Mc  Area</t>
  </si>
  <si>
    <t>Khurshid Khalid</t>
  </si>
  <si>
    <t>GGPS GHAZI CHAK</t>
  </si>
  <si>
    <t>Ghazi Chak</t>
  </si>
  <si>
    <t>Khadija Aslam</t>
  </si>
  <si>
    <t>GGPS GHAZI KAKA</t>
  </si>
  <si>
    <t>Ghazi Kaka</t>
  </si>
  <si>
    <t>GGPS Ghazi Kaka Kala Khatai Road Ferozwala Sheikhupura.</t>
  </si>
  <si>
    <t>GHAZI KAKA</t>
  </si>
  <si>
    <t>LUBAN WALA</t>
  </si>
  <si>
    <t>Farah Mukhtar</t>
  </si>
  <si>
    <t>GGPS GHAZI KHOKHAR</t>
  </si>
  <si>
    <t>ghazi khokhar</t>
  </si>
  <si>
    <t>govt girls primary school ghazi khohar gujrat</t>
  </si>
  <si>
    <t>munciple committe</t>
  </si>
  <si>
    <t>Shaista Akhtar</t>
  </si>
  <si>
    <t>GGPS GHAZI KOLI</t>
  </si>
  <si>
    <t>Ghazi Kohli</t>
  </si>
  <si>
    <t>GHAZI KOHLI</t>
  </si>
  <si>
    <t>GGPS GHAZI NARA</t>
  </si>
  <si>
    <t>Ghazi Nara</t>
  </si>
  <si>
    <t>teh Dina dist jehlum ghazinara</t>
  </si>
  <si>
    <t>GGPS GHAZIOT</t>
  </si>
  <si>
    <t>GHAZIOT</t>
  </si>
  <si>
    <t>V.p.o Ghaziot Tehsil sohawa District Jhelum</t>
  </si>
  <si>
    <t>NAGIAL</t>
  </si>
  <si>
    <t>Nazra Jabeen</t>
  </si>
  <si>
    <t>GGPS GHEL SATTIAN</t>
  </si>
  <si>
    <t>Govt .Girls Primary school ghel Sattian</t>
  </si>
  <si>
    <t>Kosia Bibi</t>
  </si>
  <si>
    <t>Well near School</t>
  </si>
  <si>
    <t>GGPS GHILZA</t>
  </si>
  <si>
    <t>Ghilza p/o litre tribal area DG khan.</t>
  </si>
  <si>
    <t>Ghilza</t>
  </si>
  <si>
    <t>natural spring</t>
  </si>
  <si>
    <t>GGPS GHOARA MAR</t>
  </si>
  <si>
    <t>Choi Gariaala</t>
  </si>
  <si>
    <t>Ghora Mar</t>
  </si>
  <si>
    <t>Bushra Shehzad</t>
  </si>
  <si>
    <t>biring</t>
  </si>
  <si>
    <t>GGPS GHOGA</t>
  </si>
  <si>
    <t>Gahoga</t>
  </si>
  <si>
    <t>village gÃ hoga p/o bhagowal teh/distt sialkot</t>
  </si>
  <si>
    <t>GGPS GHOI</t>
  </si>
  <si>
    <t>vill ghoi p.o bagh jameeri teh kallar syedan distt rawalpindi</t>
  </si>
  <si>
    <t>Nalamusalmanan</t>
  </si>
  <si>
    <t>GGPS GHOORA</t>
  </si>
  <si>
    <t>village and post office gurrah</t>
  </si>
  <si>
    <t>Farida Afsar</t>
  </si>
  <si>
    <t>imam bargah</t>
  </si>
  <si>
    <t>GGPS GHOR WALA MARDWAL</t>
  </si>
  <si>
    <t>vpo mardwal</t>
  </si>
  <si>
    <t>GGPS GHORA GALI</t>
  </si>
  <si>
    <t>post office and village: ghora gali , tehsil murree, district rawalpindi</t>
  </si>
  <si>
    <t>Asma Safdar</t>
  </si>
  <si>
    <t>GGPS GHORA HABIB</t>
  </si>
  <si>
    <t>Gurah Habib</t>
  </si>
  <si>
    <t>village gurah habib post office char</t>
  </si>
  <si>
    <t>Iram Maqsood</t>
  </si>
  <si>
    <t>GGPS GHORAN WALA SAFDARABAD</t>
  </si>
  <si>
    <t>Grohanwala</t>
  </si>
  <si>
    <t>G.G.p/s Grohanwala Post office bahilke tehsil safdarabad district Sheikhupura</t>
  </si>
  <si>
    <t>Dehori</t>
  </si>
  <si>
    <t>samina haider</t>
  </si>
  <si>
    <t>GGPS GHORRI</t>
  </si>
  <si>
    <t>Ghorri</t>
  </si>
  <si>
    <t>Village Ghorri P.O Aulakh Bhaike Tehsil noshera virkan</t>
  </si>
  <si>
    <t>Musarat Shakeel</t>
  </si>
  <si>
    <t>GGPS GHOS NAGAR DAKHALI RAJAR</t>
  </si>
  <si>
    <t>ghous nagar dakhli rajar</t>
  </si>
  <si>
    <t>Somyyia Yasmeen</t>
  </si>
  <si>
    <t>GGPS GHOSIA COLONY</t>
  </si>
  <si>
    <t>G.G Primary School, Ghousia Colony, Rahimyar Khan</t>
  </si>
  <si>
    <t>Ghousia Colony</t>
  </si>
  <si>
    <t>MC Ryk F</t>
  </si>
  <si>
    <t>zahida Iqbal</t>
  </si>
  <si>
    <t>GGPS GHOURGHUSTI NO. 2</t>
  </si>
  <si>
    <t>GGPS NO 2 MOHALLAH MANGLI GHOURGHUSHTI</t>
  </si>
  <si>
    <t>NUsrat Jabeen</t>
  </si>
  <si>
    <t>GGPS GHOUS ABAD NO. 2</t>
  </si>
  <si>
    <t>GGPS ghous Abad # 2</t>
  </si>
  <si>
    <t>Zeenat Parveen</t>
  </si>
  <si>
    <t>GGPS GHOUS MUHAMMAD WALA</t>
  </si>
  <si>
    <t>ghous wala</t>
  </si>
  <si>
    <t>ghous m wala</t>
  </si>
  <si>
    <t>kot maina</t>
  </si>
  <si>
    <t>Aasia Inayat</t>
  </si>
  <si>
    <t>GGPS GHOUS PUR GUJJRAN (GATHAY PHAKNI)</t>
  </si>
  <si>
    <t>Ghous Pur Gujran</t>
  </si>
  <si>
    <t>GGPS Ghos Pur Gujran</t>
  </si>
  <si>
    <t>Toqir Robina</t>
  </si>
  <si>
    <t>GGPS GHOUS PURA</t>
  </si>
  <si>
    <t>Fatehgarh</t>
  </si>
  <si>
    <t>Muhallah Ghouse Pura Sialkot.</t>
  </si>
  <si>
    <t>Ghouse Pura</t>
  </si>
  <si>
    <t>GGPS GHOUSIA ABAD CHUNIAN</t>
  </si>
  <si>
    <t>mohalla ghosia abad chunian</t>
  </si>
  <si>
    <t>Chunian Hithar</t>
  </si>
  <si>
    <t>Robina Mumtaz</t>
  </si>
  <si>
    <t>GGPS GHOWINDI BORDER</t>
  </si>
  <si>
    <t>Village Ghawindi Border Tehsil Cantt District lahore</t>
  </si>
  <si>
    <t>Ghawindi Border</t>
  </si>
  <si>
    <t>Asal Groky</t>
  </si>
  <si>
    <t>Zahida Parveen Akhtar</t>
  </si>
  <si>
    <t>GGPS GHOWINDI KHUSHAL SINGH</t>
  </si>
  <si>
    <t>GHOWINDI KHUSHAL Singh</t>
  </si>
  <si>
    <t>GGPS GHOWRA</t>
  </si>
  <si>
    <t>Gahora</t>
  </si>
  <si>
    <t>village Gahora p/o Thill Teh.Pind Dadan Khan District Jhelum</t>
  </si>
  <si>
    <t>GGPS GHREEB ABAD KUNDIAN</t>
  </si>
  <si>
    <t>rural kundian</t>
  </si>
  <si>
    <t>alam abad</t>
  </si>
  <si>
    <t>kundian rural</t>
  </si>
  <si>
    <t>seemab khawar</t>
  </si>
  <si>
    <t>GGPS GHUDIALA</t>
  </si>
  <si>
    <t>Ghudiala</t>
  </si>
  <si>
    <t>GGPS ghudiala</t>
  </si>
  <si>
    <t>ASIFA BATOOL QAMAR</t>
  </si>
  <si>
    <t>GGPS GHUG</t>
  </si>
  <si>
    <t>Ghug</t>
  </si>
  <si>
    <t>village GHUG Tehsil and district Sialkot</t>
  </si>
  <si>
    <t>GHUG</t>
  </si>
  <si>
    <t>Aneesa</t>
  </si>
  <si>
    <t>GGPS GHUGH</t>
  </si>
  <si>
    <t>Vill &amp; P / o Ghugh teh &amp; dist chakwal</t>
  </si>
  <si>
    <t>Bibi Shagufta</t>
  </si>
  <si>
    <t>GGPS GHUKIANI</t>
  </si>
  <si>
    <t>Ghukiani</t>
  </si>
  <si>
    <t>Ghukiani P/O Bhera Tehsil Bhera District Sargodha</t>
  </si>
  <si>
    <t>GGPS GHULAM</t>
  </si>
  <si>
    <t>GHULAM</t>
  </si>
  <si>
    <t>chak GHULAM</t>
  </si>
  <si>
    <t>Salma Hanif</t>
  </si>
  <si>
    <t>GGPS GHULAM ABAD</t>
  </si>
  <si>
    <t>Jakarta road  mohalah ghulamabad.</t>
  </si>
  <si>
    <t>Jinah Park</t>
  </si>
  <si>
    <t>Shazia Khalil</t>
  </si>
  <si>
    <t>GGPS GHULAM ADAM DADUANA</t>
  </si>
  <si>
    <t>chak. gulam. adam. daduana</t>
  </si>
  <si>
    <t>Chak Gulam Adam</t>
  </si>
  <si>
    <t>Salma Ahmad</t>
  </si>
  <si>
    <t>GGPS GHULAM AHMAD ABAD</t>
  </si>
  <si>
    <t>Awami Colony</t>
  </si>
  <si>
    <t>gulam ahmad abad awami colony sadiq abad</t>
  </si>
  <si>
    <t>10 N/p</t>
  </si>
  <si>
    <t>personaly purchase</t>
  </si>
  <si>
    <t>GGPS GHULAM FAREED CHANDIA</t>
  </si>
  <si>
    <t>Dhory Wala</t>
  </si>
  <si>
    <t>GGPS GHULAM FAREED MARAL</t>
  </si>
  <si>
    <t>basti ghulam fareed marral kotla drigh lqp</t>
  </si>
  <si>
    <t>Ghulam fareed marral</t>
  </si>
  <si>
    <t>HUMARA KHANUM</t>
  </si>
  <si>
    <t>GGPS GHULAM FARID MALIKA</t>
  </si>
  <si>
    <t>Nasira M Din</t>
  </si>
  <si>
    <t>GGPS GHULAM GHOS WALA</t>
  </si>
  <si>
    <t>GHULAM GHOUS WALA</t>
  </si>
  <si>
    <t>AIR LINE SOCIETY NEAR UCP LAHORE</t>
  </si>
  <si>
    <t>NISARABAD</t>
  </si>
  <si>
    <t>ALI RAZA ABAD</t>
  </si>
  <si>
    <t>Nahid Navid</t>
  </si>
  <si>
    <t>Society Water</t>
  </si>
  <si>
    <t>GGPS GHULAM HASSAN KAIFI</t>
  </si>
  <si>
    <t>ggps ghulam Hassan kaifi</t>
  </si>
  <si>
    <t>Kaifi</t>
  </si>
  <si>
    <t>Kotla Dlat</t>
  </si>
  <si>
    <t>Saliha Bashir</t>
  </si>
  <si>
    <t>GGPS GHULAM HASSAN KHAN WALA</t>
  </si>
  <si>
    <t>Sultan wala gharbi p /o khan Muhammad wala</t>
  </si>
  <si>
    <t>Maria Batool</t>
  </si>
  <si>
    <t>GGPS GHULAM HUSSAIN DRESHAK</t>
  </si>
  <si>
    <t>GHULAM HUSSAIN DARISHAK FAZIL PUR</t>
  </si>
  <si>
    <t>BASTI DARISHAK</t>
  </si>
  <si>
    <t>Zaib Un Nisa Awan</t>
  </si>
  <si>
    <t>GGPS GHULAM HUSSAIN VEROANA</t>
  </si>
  <si>
    <t>Ghulam Hussain Veroana</t>
  </si>
  <si>
    <t>moza ghulam hussain veroana post office mulfatyana kamalia</t>
  </si>
  <si>
    <t>Qadir Bukhsh</t>
  </si>
  <si>
    <t>GGPS GHULAM KHEL</t>
  </si>
  <si>
    <t>Mari city tehsil &amp; district mianwali</t>
  </si>
  <si>
    <t>Hina Rasheed</t>
  </si>
  <si>
    <t>GGPS GHULAM MOHAMMAD WALA</t>
  </si>
  <si>
    <t>Kotly Adil</t>
  </si>
  <si>
    <t>Basti ghulam Muhammad wala jppw multan</t>
  </si>
  <si>
    <t>Ghulam Muhammad Wala</t>
  </si>
  <si>
    <t>GGPS GHULAM MUHAMMAD</t>
  </si>
  <si>
    <t>Moza sadiqpur UC Ghooka basti gulam Muhammad</t>
  </si>
  <si>
    <t>kalsoom bi bi</t>
  </si>
  <si>
    <t>GGPS GHULAM MUHAMMAD COUNCELLOR</t>
  </si>
  <si>
    <t>TIBBI DHAKWAN</t>
  </si>
  <si>
    <t>BASTI GHULAM MUHAMMAD COUNCILOR</t>
  </si>
  <si>
    <t>Kaosar Sultana</t>
  </si>
  <si>
    <t>GGPS GHULAM MUHAMMAD KHAKHI</t>
  </si>
  <si>
    <t>Bhudhoo Wali</t>
  </si>
  <si>
    <t>ggpsgmk basti ghulam muhammad khakhi moza budhoo wali</t>
  </si>
  <si>
    <t>Ghulam Muhammad Khaki</t>
  </si>
  <si>
    <t>GGPS GHULAM MUHAMMAD PATHAN</t>
  </si>
  <si>
    <t>Nitherky</t>
  </si>
  <si>
    <t>Abadi Ghulam Muhammad Pathan Tehsil Bhowana District Chiniot</t>
  </si>
  <si>
    <t>Abadi Ghulam Muhammad Pathan</t>
  </si>
  <si>
    <t>CHAK#195JB</t>
  </si>
  <si>
    <t>Bilqees akhtar</t>
  </si>
  <si>
    <t>GGPS GHULAM MUHAMMAD SHAH</t>
  </si>
  <si>
    <t>bahar khaki</t>
  </si>
  <si>
    <t>basti  ghulam Muhammad  shah ,chanjni</t>
  </si>
  <si>
    <t>chanjni</t>
  </si>
  <si>
    <t>Ummaira Saba Ahmad Khalil</t>
  </si>
  <si>
    <t>GGPS GHULAM NABI CHATHA</t>
  </si>
  <si>
    <t>Gayamil</t>
  </si>
  <si>
    <t>Basti machi u/c gayamil tehseel rojhan</t>
  </si>
  <si>
    <t>Basti Machi</t>
  </si>
  <si>
    <t>Arosa Iqbal</t>
  </si>
  <si>
    <t>GGPS GHULAM RASOOL LUND</t>
  </si>
  <si>
    <t>GGPS GHULAM RASOOL NAICH</t>
  </si>
  <si>
    <t>bati ghulam rasool naich</t>
  </si>
  <si>
    <t>Basti Naich</t>
  </si>
  <si>
    <t>Mehnaz Bibi</t>
  </si>
  <si>
    <t>GGPS GHULAM RASOOL WALA</t>
  </si>
  <si>
    <t>Qaiser Pur</t>
  </si>
  <si>
    <t>Chan dhnau wala</t>
  </si>
  <si>
    <t>qaiser pur</t>
  </si>
  <si>
    <t>Shabana Farhat</t>
  </si>
  <si>
    <t>GGPS GHULAM SARWAR TARHALI</t>
  </si>
  <si>
    <t>Rais Pathan</t>
  </si>
  <si>
    <t>ggps ghulam server terhali allahabad  teh lqp dist ryk</t>
  </si>
  <si>
    <t>Basti Terhali</t>
  </si>
  <si>
    <t>Rehana Iqbal</t>
  </si>
  <si>
    <t>GGPS GHULAM SARWAR WALI</t>
  </si>
  <si>
    <t>basti Muhammadi  khanani seet pur.</t>
  </si>
  <si>
    <t>Basti Muhammadi</t>
  </si>
  <si>
    <t>Tayyaba Arshad</t>
  </si>
  <si>
    <t>GGPS GHULAM SHAH BOUDLA</t>
  </si>
  <si>
    <t>Ghulam Shah Bodla</t>
  </si>
  <si>
    <t>GGPS Ghulam Shah Bodla</t>
  </si>
  <si>
    <t>Pakeeza Arooj</t>
  </si>
  <si>
    <t>GGPS Ghulam Siddique Langrana</t>
  </si>
  <si>
    <t>basti ghulamsiddique langrana</t>
  </si>
  <si>
    <t>Lal Bibi</t>
  </si>
  <si>
    <t>GGPS GHULAMEY KHEL ROKHRI MIANWALI</t>
  </si>
  <si>
    <t>mahla samamd khel rokhri</t>
  </si>
  <si>
    <t>GGPS GHULAY KA BAGHLAY</t>
  </si>
  <si>
    <t>Ghulley k baghellay</t>
  </si>
  <si>
    <t>G G p/S ghullay k baghellay</t>
  </si>
  <si>
    <t>Ghullay k baghellay</t>
  </si>
  <si>
    <t>sobia Kiren</t>
  </si>
  <si>
    <t>GGPS GHULLAH WATTOWAN</t>
  </si>
  <si>
    <t>Ghulla watwan</t>
  </si>
  <si>
    <t>Govt. girls primary school ghulla watwan</t>
  </si>
  <si>
    <t>Ghullawattwan</t>
  </si>
  <si>
    <t>Ferozewatwan 2</t>
  </si>
  <si>
    <t>Razia  Begum</t>
  </si>
  <si>
    <t>GGPS GHUMAN</t>
  </si>
  <si>
    <t>Ghumman</t>
  </si>
  <si>
    <t>T/d ghujrat</t>
  </si>
  <si>
    <t>Chack Manjo</t>
  </si>
  <si>
    <t>nazia bibi</t>
  </si>
  <si>
    <t>GGPS GHUMAN MARI</t>
  </si>
  <si>
    <t>Basti Mari</t>
  </si>
  <si>
    <t>basti mari</t>
  </si>
  <si>
    <t>ghuman mari</t>
  </si>
  <si>
    <t>GGPS GHUMAND PUR</t>
  </si>
  <si>
    <t>CHABIANA</t>
  </si>
  <si>
    <t>Basti ghumand pur</t>
  </si>
  <si>
    <t>Ghumand Pur</t>
  </si>
  <si>
    <t>Zafarh Shaheen</t>
  </si>
  <si>
    <t>GGPS GHUMNAL</t>
  </si>
  <si>
    <t>Ghumnal</t>
  </si>
  <si>
    <t>Village Ghumnal P O Paktal</t>
  </si>
  <si>
    <t>Rahila Shoukat</t>
  </si>
  <si>
    <t>GGPS GHUMNANA GHARBI</t>
  </si>
  <si>
    <t>ggps ghamana gharbi toba road jhang</t>
  </si>
  <si>
    <t>Chak Ghamnaba</t>
  </si>
  <si>
    <t>GGPS GHUNIKAY KAY</t>
  </si>
  <si>
    <t>Ghanikay</t>
  </si>
  <si>
    <t>G G p/s ghanikay</t>
  </si>
  <si>
    <t>Hadiara</t>
  </si>
  <si>
    <t>GGPS GHUNWAL</t>
  </si>
  <si>
    <t>Ghunwal</t>
  </si>
  <si>
    <t>Village  Ghunwal  POBOX Chakkharak</t>
  </si>
  <si>
    <t>Amreena Shahnaz</t>
  </si>
  <si>
    <t>GGPS GHURAH AHMAD</t>
  </si>
  <si>
    <t>gurah Ahmed</t>
  </si>
  <si>
    <t>village  gurah  Ahmed  teh  dina   jhelum</t>
  </si>
  <si>
    <t>gurrah Ahmed</t>
  </si>
  <si>
    <t>jangeel</t>
  </si>
  <si>
    <t>Salma Sarwar</t>
  </si>
  <si>
    <t>GGPS GHURAL</t>
  </si>
  <si>
    <t>Ghural</t>
  </si>
  <si>
    <t>P.O  KOWANKH TEH&amp; Dist gujrat</t>
  </si>
  <si>
    <t>Sonia zareef</t>
  </si>
  <si>
    <t>GGPS GHURANIAN WALA</t>
  </si>
  <si>
    <t>Ghuranian Wala</t>
  </si>
  <si>
    <t>wandha Ghuranian wala</t>
  </si>
  <si>
    <t>GGPS GHURU KI JHUGIAN</t>
  </si>
  <si>
    <t>Guru Ki Jhugian</t>
  </si>
  <si>
    <t>Guru ki jhugian, kot radha kishen</t>
  </si>
  <si>
    <t>Nimra Karamat</t>
  </si>
  <si>
    <t>GGPS GIANA 3 SP</t>
  </si>
  <si>
    <t>Giana 3sp</t>
  </si>
  <si>
    <t>Govt Girls Primary School Giana 3sp</t>
  </si>
  <si>
    <t>FARIDA BANO</t>
  </si>
  <si>
    <t>GGPS GIASPUR</t>
  </si>
  <si>
    <t>Ghias pur</t>
  </si>
  <si>
    <t>Ghiaspur</t>
  </si>
  <si>
    <t>chandarky</t>
  </si>
  <si>
    <t>Muqadas Rafique</t>
  </si>
  <si>
    <t>GGPS GIDDIAN</t>
  </si>
  <si>
    <t>Arfa Rashid</t>
  </si>
  <si>
    <t>GGPS GIDOO WAHI</t>
  </si>
  <si>
    <t>Hasuwala</t>
  </si>
  <si>
    <t>ggps guduwahi basti latifabad</t>
  </si>
  <si>
    <t>Guduwahi</t>
  </si>
  <si>
    <t>Irshad Anyat</t>
  </si>
  <si>
    <t>GGPS GIDRRAN WALI</t>
  </si>
  <si>
    <t>Saggu shumali</t>
  </si>
  <si>
    <t>ggpsgidranwali</t>
  </si>
  <si>
    <t>Ggpsgidranwali</t>
  </si>
  <si>
    <t>Noon Dager</t>
  </si>
  <si>
    <t>Almas Musa</t>
  </si>
  <si>
    <t>GGPS GIGAY WALI</t>
  </si>
  <si>
    <t>Gigay Wali</t>
  </si>
  <si>
    <t>gigay wali</t>
  </si>
  <si>
    <t>Khushba Akhtar</t>
  </si>
  <si>
    <t>GGPS GILGHITTI</t>
  </si>
  <si>
    <t>Galgitti</t>
  </si>
  <si>
    <t>galgitti p/o dhensar paien tehsil kamoke dist grw</t>
  </si>
  <si>
    <t>Dhensar Paien</t>
  </si>
  <si>
    <t>Zartashia Akram</t>
  </si>
  <si>
    <t>GGPS GILL CHAHL</t>
  </si>
  <si>
    <t>Gill Chahal</t>
  </si>
  <si>
    <t>District Sialkot tahsil pasrur Gill chahal</t>
  </si>
  <si>
    <t>Lubna Mqbool</t>
  </si>
  <si>
    <t>GGPS GILL CHAK 114/RB</t>
  </si>
  <si>
    <t>Gill Chak No 114</t>
  </si>
  <si>
    <t>gill chak no 114 p/o baddo malhi 113 teh sangla dist NNS</t>
  </si>
  <si>
    <t>Baddo Malhi 113</t>
  </si>
  <si>
    <t>shumaila Asghar</t>
  </si>
  <si>
    <t>GGPS GILL KALAN</t>
  </si>
  <si>
    <t>Gill Kalan p/o Ahmad Abad</t>
  </si>
  <si>
    <t>Anjum Yasmeen</t>
  </si>
  <si>
    <t>GGPS GILL WALA</t>
  </si>
  <si>
    <t>GILL WALA</t>
  </si>
  <si>
    <t>GILL WALA TEHSIL SAFDERABAD, SHEIKHUPURA</t>
  </si>
  <si>
    <t>JHANDAYAN WALI</t>
  </si>
  <si>
    <t>Zareena Andleeb</t>
  </si>
  <si>
    <t>GGPS GILLANI MOHALLAH JARANWLA</t>
  </si>
  <si>
    <t>Usmania Park</t>
  </si>
  <si>
    <t>Gillani Muhallah Jaranwala</t>
  </si>
  <si>
    <t>Shahnaz Shabbir</t>
  </si>
  <si>
    <t>GGPS GINDI KHAKHI</t>
  </si>
  <si>
    <t>gindikhakhi</t>
  </si>
  <si>
    <t>Ggps gindi khakhi</t>
  </si>
  <si>
    <t>Gindikhakhi</t>
  </si>
  <si>
    <t>manik pur</t>
  </si>
  <si>
    <t>Salma Kausar</t>
  </si>
  <si>
    <t>GGPS GLO KOT</t>
  </si>
  <si>
    <t>Golokot</t>
  </si>
  <si>
    <t>Bushra Hameed</t>
  </si>
  <si>
    <t>GGPS GLOTIAN KALAN</t>
  </si>
  <si>
    <t>GGP/S Glotian Kalan</t>
  </si>
  <si>
    <t>Saeeda Anwar</t>
  </si>
  <si>
    <t>GGPS GLOTIAN KHURD (MOH. BUTRAN WALI)</t>
  </si>
  <si>
    <t>Moh Butranwali</t>
  </si>
  <si>
    <t>galotian khurd moh butranwali teh.daska district sialkot</t>
  </si>
  <si>
    <t>Galotian Khurd  Moh Butranwali</t>
  </si>
  <si>
    <t>Sarwat Yousaf</t>
  </si>
  <si>
    <t>GGPS GLOTIAN MORE</t>
  </si>
  <si>
    <t>More Galotian</t>
  </si>
  <si>
    <t>GGPS glotian more teh daska dist sialkot</t>
  </si>
  <si>
    <t>more glotian</t>
  </si>
  <si>
    <t>glotian khaurd</t>
  </si>
  <si>
    <t>GGPS GOBIND GARH, ABDUL HAKIM</t>
  </si>
  <si>
    <t>gobind garh</t>
  </si>
  <si>
    <t>moza gobind garh basti dharam pur abdulhakim</t>
  </si>
  <si>
    <t>dharam pur</t>
  </si>
  <si>
    <t>umeed garh</t>
  </si>
  <si>
    <t>Mah e noor</t>
  </si>
  <si>
    <t>GGPS GOBIND GHAR</t>
  </si>
  <si>
    <t>Gobind gar</t>
  </si>
  <si>
    <t>Ropay Wala</t>
  </si>
  <si>
    <t>Rohan</t>
  </si>
  <si>
    <t>RobinaMaqbool</t>
  </si>
  <si>
    <t>GGPS GODDA</t>
  </si>
  <si>
    <t>Ø¨Ù…Ù‚Ø§Ù… Ú¯ÙˆÚˆØ§ ÚˆØ§Ú©Ø®Ø§Ù†Û Ø®Ø§Øµ Ø¬Ú¾Ù…Ù¹ Ø´Ù…Ø§Ù„ÛŒ</t>
  </si>
  <si>
    <t>Summera shaheen</t>
  </si>
  <si>
    <t>GGPS GODHA</t>
  </si>
  <si>
    <t>Village Godha P.O Chabba Sanduwan Tehsil Noshera Virkan District Gujranwala</t>
  </si>
  <si>
    <t>Kot Laddha</t>
  </si>
  <si>
    <t>Summara Noreen</t>
  </si>
  <si>
    <t>GGPS GODI REHMAN HAROON ABAD</t>
  </si>
  <si>
    <t>Hnd</t>
  </si>
  <si>
    <t>govt girls primary school,godi rehman,haroonabad</t>
  </si>
  <si>
    <t>52/4-R</t>
  </si>
  <si>
    <t>GGPS GOGA</t>
  </si>
  <si>
    <t>Gogha</t>
  </si>
  <si>
    <t>Gogha tehsil kamoki (Gujranwala)</t>
  </si>
  <si>
    <t>Farah Shahzadi</t>
  </si>
  <si>
    <t>GGPS GOHAD PUR</t>
  </si>
  <si>
    <t>GGPS Gohad pur</t>
  </si>
  <si>
    <t>GGPS GOHAR ABAD</t>
  </si>
  <si>
    <t>basti goharabad daak khana thul wazir</t>
  </si>
  <si>
    <t>Basti Goharabad</t>
  </si>
  <si>
    <t>Bahoodipur Qureshiyan</t>
  </si>
  <si>
    <t>Hafeeza Bibi</t>
  </si>
  <si>
    <t>GGPS GOHAR GHULAB SINGH</t>
  </si>
  <si>
    <t>Gohar Gulab Singh</t>
  </si>
  <si>
    <t>Shabnam Sultan</t>
  </si>
  <si>
    <t>GGPS GOHAR MUHAMMAD DRGH</t>
  </si>
  <si>
    <t>shahzad colony street no.1</t>
  </si>
  <si>
    <t>Mc City Sadiq Abad</t>
  </si>
  <si>
    <t>Rakhshanda Kousar</t>
  </si>
  <si>
    <t>buy water can</t>
  </si>
  <si>
    <t>GGPS GOHAR PUR SANI</t>
  </si>
  <si>
    <t>Sharaqpur Sharif</t>
  </si>
  <si>
    <t>ghorpur shani</t>
  </si>
  <si>
    <t>Ghorpur Shani</t>
  </si>
  <si>
    <t>GGPS GOHRA BARATA</t>
  </si>
  <si>
    <t>Gohara Rajgan</t>
  </si>
  <si>
    <t>School Gohara Bharatha P/O Rawat Tehsil/ District Rawalpindi</t>
  </si>
  <si>
    <t>Gohara Bharatha</t>
  </si>
  <si>
    <t>GGPS GOHRA RAMIAL</t>
  </si>
  <si>
    <t>Gurah Rmial</t>
  </si>
  <si>
    <t>GGPS Gurah Ramial Rawalpindi</t>
  </si>
  <si>
    <t>Gurah Ramial</t>
  </si>
  <si>
    <t>Narjis Kazmi</t>
  </si>
  <si>
    <t>GGPS GOJRA MORE</t>
  </si>
  <si>
    <t>Gojra Mor</t>
  </si>
  <si>
    <t>gojra mor jhang</t>
  </si>
  <si>
    <t>Naghma Saz</t>
  </si>
  <si>
    <t>GGPS GOLABIAN</t>
  </si>
  <si>
    <t>Murad Wah</t>
  </si>
  <si>
    <t>Basti gullbian moza murad wah post ofice  kotla pathan</t>
  </si>
  <si>
    <t>Basti Gullabian</t>
  </si>
  <si>
    <t>Nida Jamil</t>
  </si>
  <si>
    <t>GGPS GOLIAN</t>
  </si>
  <si>
    <t>Golian</t>
  </si>
  <si>
    <t>GOLIAN</t>
  </si>
  <si>
    <t>Fahmida Khanam</t>
  </si>
  <si>
    <t>ha</t>
  </si>
  <si>
    <t>GGPS GOLRA</t>
  </si>
  <si>
    <t>VPO Golra attock</t>
  </si>
  <si>
    <t>GGPS GOLRA HASHAM</t>
  </si>
  <si>
    <t>Golra Hashim</t>
  </si>
  <si>
    <t>Village Golra Hashim, P.O Bhagwal,Tehsil Kharian,District Gujrat</t>
  </si>
  <si>
    <t>GGPS GOLRAN WALA</t>
  </si>
  <si>
    <t>Sodhre</t>
  </si>
  <si>
    <t>g g p.s golranwala</t>
  </si>
  <si>
    <t>Golranwala</t>
  </si>
  <si>
    <t>GGPS GOMMTI</t>
  </si>
  <si>
    <t>Gummti</t>
  </si>
  <si>
    <t>Sikryali</t>
  </si>
  <si>
    <t>Iram Batool</t>
  </si>
  <si>
    <t>GGPS GOND PUR</t>
  </si>
  <si>
    <t>GOND PUR</t>
  </si>
  <si>
    <t>Gond Pur, PO hazoor pur, bhera</t>
  </si>
  <si>
    <t>Kot Ahmed Khan</t>
  </si>
  <si>
    <t>GGPS GONDAL KOT</t>
  </si>
  <si>
    <t>Gondal Kot</t>
  </si>
  <si>
    <t>gondal kot</t>
  </si>
  <si>
    <t>Firdous Rafique</t>
  </si>
  <si>
    <t>GGPS Gondi Wala</t>
  </si>
  <si>
    <t>Gondiwala Wals</t>
  </si>
  <si>
    <t>Gondiwala</t>
  </si>
  <si>
    <t>Pool Nagsr</t>
  </si>
  <si>
    <t>sumaria ehsan</t>
  </si>
  <si>
    <t>GGPS GONGAY WALA</t>
  </si>
  <si>
    <t>Bahawalpur Sukhan</t>
  </si>
  <si>
    <t>gongay wala moza bahawalpur sukhan tehsil o zilla Multan</t>
  </si>
  <si>
    <t>Gongay Wala</t>
  </si>
  <si>
    <t>Kayan Pur</t>
  </si>
  <si>
    <t>Zakia Khatoon</t>
  </si>
  <si>
    <t>GGPS GOOHAL</t>
  </si>
  <si>
    <t>Goohal</t>
  </si>
  <si>
    <t>village goohal post office lawa.</t>
  </si>
  <si>
    <t>Ruquia Aslam</t>
  </si>
  <si>
    <t>water supply scheme goohal</t>
  </si>
  <si>
    <t>GGPS GOORE SIAL</t>
  </si>
  <si>
    <t>ggps gorsial</t>
  </si>
  <si>
    <t>GGPS GOPAL PURA</t>
  </si>
  <si>
    <t>Gopal Pura</t>
  </si>
  <si>
    <t>gopal pura</t>
  </si>
  <si>
    <t>Sundas Altaf</t>
  </si>
  <si>
    <t>GGPS GOPANG WALA</t>
  </si>
  <si>
    <t>Bastii Darkhan Fazilpur District Rajanpur</t>
  </si>
  <si>
    <t>Tatheer Batool Bukhari</t>
  </si>
  <si>
    <t>GGPS GOPAY RAI</t>
  </si>
  <si>
    <t>Gopy Rai</t>
  </si>
  <si>
    <t>Gopy Rai p/o&amp; Puran Pur Kamoki Gujranwala</t>
  </si>
  <si>
    <t>GGPS GOPY RAI</t>
  </si>
  <si>
    <t>Gopy Ray</t>
  </si>
  <si>
    <t>katar band road thoker lahore</t>
  </si>
  <si>
    <t>GGPS GORAHA</t>
  </si>
  <si>
    <t>Goraha</t>
  </si>
  <si>
    <t>Ggps goraha p/o mari shah sakhira Tehsil 18 hazari district jhang.</t>
  </si>
  <si>
    <t>Rukhsana Ali</t>
  </si>
  <si>
    <t>GGPS GORAI</t>
  </si>
  <si>
    <t>Nowshera Virkan</t>
  </si>
  <si>
    <t>Garmola Virkan</t>
  </si>
  <si>
    <t>Gulshan Maqbool</t>
  </si>
  <si>
    <t>GGPS GORAY WALA</t>
  </si>
  <si>
    <t>Goraywala</t>
  </si>
  <si>
    <t>GGPS GORAYA</t>
  </si>
  <si>
    <t>Kot Binidas</t>
  </si>
  <si>
    <t>Bushra Safdar</t>
  </si>
  <si>
    <t>GGPS GORRHILLA</t>
  </si>
  <si>
    <t>Gorehla</t>
  </si>
  <si>
    <t>Post office chak no.  173/p mouza gorrhilla</t>
  </si>
  <si>
    <t>Gorhila</t>
  </si>
  <si>
    <t>Bindor Abasian</t>
  </si>
  <si>
    <t>Jawaria Akram</t>
  </si>
  <si>
    <t>hand pump of village outside the school</t>
  </si>
  <si>
    <t>GGPS GORSIAN</t>
  </si>
  <si>
    <t>Gorsian</t>
  </si>
  <si>
    <t>gorsian</t>
  </si>
  <si>
    <t>Nafeesa Irum</t>
  </si>
  <si>
    <t>GGPS GOTH GADRA BAHAWALPUR</t>
  </si>
  <si>
    <t>Goth Gadra</t>
  </si>
  <si>
    <t>GGPS Goth Gadra One Unit Chowk Bahawalpur</t>
  </si>
  <si>
    <t>GGPS GOTH HAYAT</t>
  </si>
  <si>
    <t>Goth Hayat</t>
  </si>
  <si>
    <t>basti rao shabeer moza goth hayat liaquat pur</t>
  </si>
  <si>
    <t>Basti Rao Shabeer</t>
  </si>
  <si>
    <t>Kotla Nawab</t>
  </si>
  <si>
    <t>Fozia Qumer</t>
  </si>
  <si>
    <t>GGPS GOTH JOHRA BASTI MASORIAN</t>
  </si>
  <si>
    <t>Basti Masorian</t>
  </si>
  <si>
    <t>Roshan Beth</t>
  </si>
  <si>
    <t>Qamar Mumtaz</t>
  </si>
  <si>
    <t>GGPS GOTH MAHI</t>
  </si>
  <si>
    <t>GOTH MAHI</t>
  </si>
  <si>
    <t>GGPS Goth Mahi Basti  jam kuda bhaksh laar  Moza  Goth Mahi po Allah  Abad  LQP  District  Raheem  yar  khan</t>
  </si>
  <si>
    <t>GGPS GOTH MEHMOOD</t>
  </si>
  <si>
    <t>KOT SANJAR KHAN-FEMALE</t>
  </si>
  <si>
    <t>NAWAZ ABAD</t>
  </si>
  <si>
    <t>Goth Mehmood mahi chock sadiq abad.</t>
  </si>
  <si>
    <t>Goth Mehmood</t>
  </si>
  <si>
    <t>SAFIA SIRAJ</t>
  </si>
  <si>
    <t>GGPS GOTH MEHROO</t>
  </si>
  <si>
    <t>FAZEELAT KOUSAR</t>
  </si>
  <si>
    <t>GGPS GOTH NABI MUHAMMAD</t>
  </si>
  <si>
    <t>goth nabi Muhammad</t>
  </si>
  <si>
    <t>Goth nabi Muhammad</t>
  </si>
  <si>
    <t>khalida iqbal</t>
  </si>
  <si>
    <t>GGPS GOTH RAZA</t>
  </si>
  <si>
    <t>Joth Raza</t>
  </si>
  <si>
    <t>joth raza post office tibi izat ape</t>
  </si>
  <si>
    <t>Tibi Izat</t>
  </si>
  <si>
    <t>musarat sultana</t>
  </si>
  <si>
    <t>GGPS GOUSIA COLONY</t>
  </si>
  <si>
    <t>Ghousiacolony</t>
  </si>
  <si>
    <t>ghousia colony</t>
  </si>
  <si>
    <t>Nazia Khanam</t>
  </si>
  <si>
    <t>GGPS GRAIN MARKET KAMALIA</t>
  </si>
  <si>
    <t>mohalla Khalid colony kamalia</t>
  </si>
  <si>
    <t>Ghazalia Shaheen</t>
  </si>
  <si>
    <t>GGPS GRATTIAN</t>
  </si>
  <si>
    <t>Grattian</t>
  </si>
  <si>
    <t>village grattian post office  dinga</t>
  </si>
  <si>
    <t>Warrichanwala</t>
  </si>
  <si>
    <t>GGPS GUD PUR</t>
  </si>
  <si>
    <t>Whagwhan</t>
  </si>
  <si>
    <t>basti gudpur</t>
  </si>
  <si>
    <t>Shamshad Kosir</t>
  </si>
  <si>
    <t>GGPS GUDDAR MALKANA</t>
  </si>
  <si>
    <t>Guddarmalkana</t>
  </si>
  <si>
    <t>Guddar MalKana tehsil Dipal pur district okara</t>
  </si>
  <si>
    <t>Guddar MalKana</t>
  </si>
  <si>
    <t>Nighat Ameer</t>
  </si>
  <si>
    <t>GGPS GUDDI KHEL</t>
  </si>
  <si>
    <t>Yaru khel pakka</t>
  </si>
  <si>
    <t>Guddi khelanwala mianwali</t>
  </si>
  <si>
    <t>Guddi khelanwala</t>
  </si>
  <si>
    <t>Yaru khrl pakka</t>
  </si>
  <si>
    <t>GGPS GUDPUR</t>
  </si>
  <si>
    <t>Chak jhalaren</t>
  </si>
  <si>
    <t>GGPS  Gudpur December. Good. khan</t>
  </si>
  <si>
    <t>Waheeda Bano</t>
  </si>
  <si>
    <t>GGPS GUFF SINGAL</t>
  </si>
  <si>
    <t>Guff Sangal</t>
  </si>
  <si>
    <t>Village Guff Sangal post office kallarian tehsil kallar syedan  district Rawalpindi</t>
  </si>
  <si>
    <t>Guff  Sangal</t>
  </si>
  <si>
    <t>boring with motor</t>
  </si>
  <si>
    <t>GGPS GUJAR KATARIAN</t>
  </si>
  <si>
    <t>GUJJAR Katarian KATARIAN</t>
  </si>
  <si>
    <t>Village gujjar katarian P.O.kadlot teh sohawa district jhelum</t>
  </si>
  <si>
    <t>GUJJAR KATARIAN</t>
  </si>
  <si>
    <t>NASIM BANO</t>
  </si>
  <si>
    <t>GGPS GUJAR KOT</t>
  </si>
  <si>
    <t>Gujjarkot</t>
  </si>
  <si>
    <t>gujjarkot</t>
  </si>
  <si>
    <t>Kot Anayat Khan</t>
  </si>
  <si>
    <t>balqees bano</t>
  </si>
  <si>
    <t>GGPS GUJAR KOTLA</t>
  </si>
  <si>
    <t>Gujjarkotla</t>
  </si>
  <si>
    <t>village Gujjar Kotla  p.o  Guliana tehsil kharian disst Gujrat</t>
  </si>
  <si>
    <t>Sadia Kausar</t>
  </si>
  <si>
    <t>GGPS GUJAR KULAH</t>
  </si>
  <si>
    <t>Gujjar Kullah</t>
  </si>
  <si>
    <t>Gujjar Kulla</t>
  </si>
  <si>
    <t>ATTIA MUNAWAR</t>
  </si>
  <si>
    <t>GGPS GUJAR WALA NO 2</t>
  </si>
  <si>
    <t>bastÄ± barkhor dar wala (jamil town) taunsa road d g khan</t>
  </si>
  <si>
    <t>Basti Barkhordar Wala</t>
  </si>
  <si>
    <t>Churhatta 2</t>
  </si>
  <si>
    <t>GGPS GUJARKE</t>
  </si>
  <si>
    <t>Gujarky</t>
  </si>
  <si>
    <t>SAMINA FARHAT</t>
  </si>
  <si>
    <t>GGPS GUJGRAN</t>
  </si>
  <si>
    <t>Gujgran</t>
  </si>
  <si>
    <t>village Gujgran p/o tanda teh / distt gujrat</t>
  </si>
  <si>
    <t>GGPS GUJJAN WALA</t>
  </si>
  <si>
    <t>Gujjan Wala</t>
  </si>
  <si>
    <t>38/2R Basti Gujjan wala</t>
  </si>
  <si>
    <t>38/2R Gujjan Wala</t>
  </si>
  <si>
    <t>38/2R</t>
  </si>
  <si>
    <t>GGPS GUJJAR KHADA MULTAN</t>
  </si>
  <si>
    <t>Sadu Hasam</t>
  </si>
  <si>
    <t>altamish road gujjar khadda</t>
  </si>
  <si>
    <t>Gujjar Khadda</t>
  </si>
  <si>
    <t>Abbas Colony</t>
  </si>
  <si>
    <t>Hina Zahoor</t>
  </si>
  <si>
    <t>GGPS GUJJAR NO.1</t>
  </si>
  <si>
    <t>village &amp; P/O Gujjar, Tehsil Pind Dadan Khan, District jhelum</t>
  </si>
  <si>
    <t>Qusain Kanwal</t>
  </si>
  <si>
    <t>GGPS GUJJAR PURA NEHAR WALA</t>
  </si>
  <si>
    <t>Gujjar Pura</t>
  </si>
  <si>
    <t>gujjar pura nehar wala</t>
  </si>
  <si>
    <t>Gujjar Pura Nehar Wala</t>
  </si>
  <si>
    <t>Bhalikay</t>
  </si>
  <si>
    <t>Nabila Akram</t>
  </si>
  <si>
    <t>GGPS GUJJAR WALA</t>
  </si>
  <si>
    <t>Patti dargahi</t>
  </si>
  <si>
    <t>Gujjar Wala</t>
  </si>
  <si>
    <t>Zubida Bano</t>
  </si>
  <si>
    <t>GGPS GUJRAN WALA SHARQI</t>
  </si>
  <si>
    <t>ggps Dera Gujranwala Sharqi noor pur thal</t>
  </si>
  <si>
    <t>Dera Gujranwala</t>
  </si>
  <si>
    <t>Mehjabeen Fatima</t>
  </si>
  <si>
    <t>GGPS GUJRAN WALA SHUMALI</t>
  </si>
  <si>
    <t>ggps dera Gujranwala shumali teh noorpur distt khushab</t>
  </si>
  <si>
    <t>GGPS GUL BAHAR KALAN</t>
  </si>
  <si>
    <t>Gulbhar Kalan</t>
  </si>
  <si>
    <t>tehsil and district Sialkot village Gulbhar kalan Post office Jhai</t>
  </si>
  <si>
    <t>Najma Tassadaq</t>
  </si>
  <si>
    <t>GGPS GUL CHANDER</t>
  </si>
  <si>
    <t>village Gulchander p /o mehrajke tehsil pasrur distt sialkot</t>
  </si>
  <si>
    <t>Gulchander</t>
  </si>
  <si>
    <t>Mehwish Muqadus</t>
  </si>
  <si>
    <t>GGPS GUL KHAN WALA</t>
  </si>
  <si>
    <t>ggps chah gul khan wala PAF road Mianwali</t>
  </si>
  <si>
    <t>Chah gul khan wala</t>
  </si>
  <si>
    <t>Wattakhel</t>
  </si>
  <si>
    <t>GGPS GUL MUHAMMAD ARAIN</t>
  </si>
  <si>
    <t>Basti Gul Muhammad Arain  Tehsil Liaquat pur Distt Rahim Yar Khan</t>
  </si>
  <si>
    <t>Basti Gul Mohd Arain</t>
  </si>
  <si>
    <t>Salma Niaz</t>
  </si>
  <si>
    <t>GGPS GUL MUHAMMAD KOSH</t>
  </si>
  <si>
    <t>Ahmad Khan Dahir</t>
  </si>
  <si>
    <t>Basti Gul Muhammad kosh Moza Ahmad Khan dahir sadiq abad</t>
  </si>
  <si>
    <t>Basti Gul Muhammad Kosh</t>
  </si>
  <si>
    <t>Saima kousar</t>
  </si>
  <si>
    <t>GGPS GUL MUHAMMAD LANGHA</t>
  </si>
  <si>
    <t>GGP/S Gul Muhamad Langah sidhowali</t>
  </si>
  <si>
    <t>GGPS GUL MUHAMMAD NO 1  MULTAN</t>
  </si>
  <si>
    <t>18 kasi moza gull Muhammad vehari road multan</t>
  </si>
  <si>
    <t>Hakim Dein</t>
  </si>
  <si>
    <t>GGPS GUL MUHAMMAD NO 2  MULTAN</t>
  </si>
  <si>
    <t>Gul Muhammad Wala</t>
  </si>
  <si>
    <t>moza gul muhammad wala 18 kassi vehari road multan</t>
  </si>
  <si>
    <t>Gul Muhammad Walla</t>
  </si>
  <si>
    <t>GGPS GUL MUHAMMAD PANWAR</t>
  </si>
  <si>
    <t>Daira Jam Kammu P/o Tarinda Saway Khan Tehsil &amp;District  Rahim  Yar Khan</t>
  </si>
  <si>
    <t>Daira Jam Kammu</t>
  </si>
  <si>
    <t>Chak No 100/p</t>
  </si>
  <si>
    <t>Syeda Gull Noreen</t>
  </si>
  <si>
    <t>GGPS GUL WALA SHUJABAD DISTT. MULTAN</t>
  </si>
  <si>
    <t>Basti mithu</t>
  </si>
  <si>
    <t>chah gull wala Moza basti mithu tehsel shujaabad</t>
  </si>
  <si>
    <t>Naveed Afshan</t>
  </si>
  <si>
    <t>GGPS GULAB DASS</t>
  </si>
  <si>
    <t>Gulab Das</t>
  </si>
  <si>
    <t>gulab das</t>
  </si>
  <si>
    <t>Gulab Dass</t>
  </si>
  <si>
    <t>Sadia Arooj</t>
  </si>
  <si>
    <t>GGPS GULAB GURMANI</t>
  </si>
  <si>
    <t>gulab gurmani</t>
  </si>
  <si>
    <t>basti gulab gurmani p,o k aram dad q
ureshi</t>
  </si>
  <si>
    <t>k d  qureshi</t>
  </si>
  <si>
    <t>GGPS GULAB KOT</t>
  </si>
  <si>
    <t>Chak Mut No2</t>
  </si>
  <si>
    <t>Ggps gulab kot</t>
  </si>
  <si>
    <t>Basti Gulab Kot</t>
  </si>
  <si>
    <t>Chak Mut</t>
  </si>
  <si>
    <t>Kanwal Anwar</t>
  </si>
  <si>
    <t>GGPS GULAB WALA</t>
  </si>
  <si>
    <t>Sabz o jat</t>
  </si>
  <si>
    <t>GGPS Gulabwala basti piplan wala moza sabz o jat m.garh</t>
  </si>
  <si>
    <t>Piplan Wala</t>
  </si>
  <si>
    <t>Altaf Perveen</t>
  </si>
  <si>
    <t>GGPS GULAB WALA CHAK NO. 11/3</t>
  </si>
  <si>
    <t>gulab wala 11/3 thal</t>
  </si>
  <si>
    <t>Gulab Wala</t>
  </si>
  <si>
    <t>Manshad Fatima</t>
  </si>
  <si>
    <t>GGPS GULABI WALA BASTI NOOR PUR</t>
  </si>
  <si>
    <t>Ruknabad</t>
  </si>
  <si>
    <t>Chah Gulabi Wala p/o lar teh/Dist Multan</t>
  </si>
  <si>
    <t>GULABI WALA</t>
  </si>
  <si>
    <t>Laar</t>
  </si>
  <si>
    <t>Qaisra Rasheed</t>
  </si>
  <si>
    <t>GGPS GUL-GHOTOO</t>
  </si>
  <si>
    <t>Mohib Laskani</t>
  </si>
  <si>
    <t>basti mohib Laskani,Jhakar imam shah</t>
  </si>
  <si>
    <t>GGPS GULHAR</t>
  </si>
  <si>
    <t>PO rind jadda tehsil kehror pacca district lodhran</t>
  </si>
  <si>
    <t>Rind Jadda</t>
  </si>
  <si>
    <t>Saba Taskeen</t>
  </si>
  <si>
    <t>GGPS GULHARI</t>
  </si>
  <si>
    <t>Gulhari</t>
  </si>
  <si>
    <t>mouza gulhari</t>
  </si>
  <si>
    <t>Deh Mailsi</t>
  </si>
  <si>
    <t>Nafeesa Ahmad</t>
  </si>
  <si>
    <t>water coller</t>
  </si>
  <si>
    <t>GGPS GULISTAN COLONY SHAHKOT</t>
  </si>
  <si>
    <t>govt girls primary  school gilistan colony shahkaot</t>
  </si>
  <si>
    <t>Umar Pur Chak No 50</t>
  </si>
  <si>
    <t>Sanam Naz</t>
  </si>
  <si>
    <t>GGPS GULL WALA</t>
  </si>
  <si>
    <t>Gull Wala,Basira, Muzaffargarh</t>
  </si>
  <si>
    <t>hira mujeeb</t>
  </si>
  <si>
    <t>GGPS GULOO DE JAH</t>
  </si>
  <si>
    <t>peer chann punn</t>
  </si>
  <si>
    <t>basti din Muhammad ansari mouza peer chann punn p/o box mari Allah bachaya Tehsil khanpur</t>
  </si>
  <si>
    <t>guloo de jah</t>
  </si>
  <si>
    <t>mudbhora</t>
  </si>
  <si>
    <t>GGPS GULOO WALA</t>
  </si>
  <si>
    <t>Bathuni</t>
  </si>
  <si>
    <t>Guloo wala, Tehsil Bhera, district Sargodha</t>
  </si>
  <si>
    <t>GULOO WALA</t>
  </si>
  <si>
    <t>Noorpurnoon</t>
  </si>
  <si>
    <t>Hafeeza Mahjabeen Khan</t>
  </si>
  <si>
    <t>GGPS GULPUR</t>
  </si>
  <si>
    <t>Basti Gulpur Moza Thehri Zabti dak khana khas sadiq gargh Palace DNS</t>
  </si>
  <si>
    <t>GGPS GULPUR ICHRANI</t>
  </si>
  <si>
    <t>Gulpur Ichrani</t>
  </si>
  <si>
    <t>Bushra Mushtaq</t>
  </si>
  <si>
    <t>GGPS GULSHAIR WALA</t>
  </si>
  <si>
    <t>Makwal Hadair</t>
  </si>
  <si>
    <t>bsti verm wala maoza mkwl hdair</t>
  </si>
  <si>
    <t>Virum Wala</t>
  </si>
  <si>
    <t>Bndy Shah</t>
  </si>
  <si>
    <t>Miraj Elahi Sehrish</t>
  </si>
  <si>
    <t>GGPS GULSHAN ABAD</t>
  </si>
  <si>
    <t>basti gulshan abad dakhana 100/p rykhan</t>
  </si>
  <si>
    <t>Shabana Ahmreen</t>
  </si>
  <si>
    <t>GGPS GULSHAN ALTAF IRRIGATION COLONY</t>
  </si>
  <si>
    <t>Kachi Jamal</t>
  </si>
  <si>
    <t>GGP/S Gulshan Altaf khan pur</t>
  </si>
  <si>
    <t>Canal Calony</t>
  </si>
  <si>
    <t>74E</t>
  </si>
  <si>
    <t>GGPS GULSHAN BUKHTAWAR</t>
  </si>
  <si>
    <t>Gulshan Bukhtawar Bukhtawar Bashmoola Saroopwala</t>
  </si>
  <si>
    <t>GGPS Gulshan Bukhtawar, Bashmoola Saroopwala</t>
  </si>
  <si>
    <t>Gulshan Bukhtawar</t>
  </si>
  <si>
    <t>Asia Mushtaq</t>
  </si>
  <si>
    <t>GGPS GULSHAN-E-MEHAR MULTAN</t>
  </si>
  <si>
    <t>gulshan mehar</t>
  </si>
  <si>
    <t>gulshan mehar colony</t>
  </si>
  <si>
    <t>taraf mubarak dom</t>
  </si>
  <si>
    <t>GGPS GULYAL</t>
  </si>
  <si>
    <t>Vil gulyal po mallot sattian teh kotli sattian dis rwp</t>
  </si>
  <si>
    <t>Saima Kousar</t>
  </si>
  <si>
    <t>GGPS GULYAL KALAN</t>
  </si>
  <si>
    <t>Gulial Kalan</t>
  </si>
  <si>
    <t>gulial kalan</t>
  </si>
  <si>
    <t>GGPS GULZAR ARAIN</t>
  </si>
  <si>
    <t>muhammad wah basti gulzar arrain p/o same chani goth</t>
  </si>
  <si>
    <t>Muhammad Wah</t>
  </si>
  <si>
    <t>Ahmad Naich</t>
  </si>
  <si>
    <t>GGPS GULZAR E MUSTAFA</t>
  </si>
  <si>
    <t>Gulzar e Mustafa</t>
  </si>
  <si>
    <t>Gulzar e Mustafa Renala Khurd</t>
  </si>
  <si>
    <t>Municipal Commettee</t>
  </si>
  <si>
    <t>GGPS GULZAR WALI</t>
  </si>
  <si>
    <t>almurtza town taunsa</t>
  </si>
  <si>
    <t>Almurtza Town</t>
  </si>
  <si>
    <t>Urban1</t>
  </si>
  <si>
    <t>Irfana Qamar</t>
  </si>
  <si>
    <t>GGPS GUMMA</t>
  </si>
  <si>
    <t>Ghouma</t>
  </si>
  <si>
    <t>GGP/S Ghouma</t>
  </si>
  <si>
    <t>Rahat Bano</t>
  </si>
  <si>
    <t>GGPS GUMRALI</t>
  </si>
  <si>
    <t>Gumrali</t>
  </si>
  <si>
    <t>vill gumrali p/o mungowal teh/dist gujrat</t>
  </si>
  <si>
    <t>nargis yasmin</t>
  </si>
  <si>
    <t>GGPS GUMTY BAHAWAL NAGAR</t>
  </si>
  <si>
    <t>Kamal Muhmmad</t>
  </si>
  <si>
    <t>chk gumty</t>
  </si>
  <si>
    <t>Gumty</t>
  </si>
  <si>
    <t>Khythranwala</t>
  </si>
  <si>
    <t>RASHIDA HANIF</t>
  </si>
  <si>
    <t>GGPS GUNA KHURD</t>
  </si>
  <si>
    <t>Gunna Khurd</t>
  </si>
  <si>
    <t>village gunna khurd  p.o Gunna Kalan tehsil sialkot</t>
  </si>
  <si>
    <t>Prag Pur</t>
  </si>
  <si>
    <t>Nazia Ghlam Rasool</t>
  </si>
  <si>
    <t>GGPS GUNGA JAL</t>
  </si>
  <si>
    <t>ggps ganga jal minchnabad</t>
  </si>
  <si>
    <t>Gangajal</t>
  </si>
  <si>
    <t>Shamaila Iram</t>
  </si>
  <si>
    <t>GGPS GUNGA PIND</t>
  </si>
  <si>
    <t>Gunga Pind</t>
  </si>
  <si>
    <t>Village Gunga Pind p.o.&amp; Teh Hassan Abdal District Attock</t>
  </si>
  <si>
    <t>Arfi Shagufta</t>
  </si>
  <si>
    <t>GGPS GUNGA PUR</t>
  </si>
  <si>
    <t>Ganga pur</t>
  </si>
  <si>
    <t>Buchukipar</t>
  </si>
  <si>
    <t>GGPS GUNGA RAM DASA</t>
  </si>
  <si>
    <t>GGPS GUNGA RAMDASA jhugiyan khokharan bhera, sgd</t>
  </si>
  <si>
    <t>jhugiyan khokharan</t>
  </si>
  <si>
    <t>Hazoor pur</t>
  </si>
  <si>
    <t>Maria Habib Hashemi</t>
  </si>
  <si>
    <t>GGPS GUNIAN WALA</t>
  </si>
  <si>
    <t>Gunianwala</t>
  </si>
  <si>
    <t>vpo gunianwala, teh wzd ,distt gujranwala</t>
  </si>
  <si>
    <t>GGPS GUNIANA</t>
  </si>
  <si>
    <t>village Gunuana</t>
  </si>
  <si>
    <t>Kot  Khan</t>
  </si>
  <si>
    <t>GGPS GUNJIAL</t>
  </si>
  <si>
    <t>Gunjial Janubi</t>
  </si>
  <si>
    <t>GGPS GUR BAKHSH PURA</t>
  </si>
  <si>
    <t>Gurbakhshpura</t>
  </si>
  <si>
    <t>chakno9 gurbakhshpura,tehsil Malakwal, district m.b.din</t>
  </si>
  <si>
    <t>Chak9 Gurbakhshpura</t>
  </si>
  <si>
    <t>Surriya Nasim</t>
  </si>
  <si>
    <t>GGPS GURAH</t>
  </si>
  <si>
    <t>Gurah</t>
  </si>
  <si>
    <t>Village Gurah P.O Manghot Tehsil Gujar Khan District Rawalpindi</t>
  </si>
  <si>
    <t>GGPS GURAH MANTAN</t>
  </si>
  <si>
    <t>Gurah Mantan</t>
  </si>
  <si>
    <t>village gurah mantan p.o achh teh kharian district gujrat</t>
  </si>
  <si>
    <t>GGPS GURANI</t>
  </si>
  <si>
    <t>basti jurani p/ o pacca laran tehsil liaqut pur distric RYk1989</t>
  </si>
  <si>
    <t>Basti Jurani</t>
  </si>
  <si>
    <t>GGPS GURAWAN WALI</t>
  </si>
  <si>
    <t>village Gurwanwali p/o Mananwala</t>
  </si>
  <si>
    <t>Gurwanwali</t>
  </si>
  <si>
    <t>Mananwala Karpal  Singh</t>
  </si>
  <si>
    <t>Shagufta Rashid</t>
  </si>
  <si>
    <t>GGPS GURDIAL PUR</t>
  </si>
  <si>
    <t>Gurdialpur</t>
  </si>
  <si>
    <t>gradualpur mpur sansarsn</t>
  </si>
  <si>
    <t>Gurdial Pur</t>
  </si>
  <si>
    <t>Kbotri</t>
  </si>
  <si>
    <t>GGPS GURDITTA</t>
  </si>
  <si>
    <t>Gurditta</t>
  </si>
  <si>
    <t>Gmps Gurditta</t>
  </si>
  <si>
    <t>Nasreen Tahir</t>
  </si>
  <si>
    <t>GGPS GURRA SALIM</t>
  </si>
  <si>
    <t>gura salim</t>
  </si>
  <si>
    <t>GGPS Gura Salim</t>
  </si>
  <si>
    <t>Gura salim</t>
  </si>
  <si>
    <t>Shazia  Noreen</t>
  </si>
  <si>
    <t>GGPS GURRAH HASHIM SHAH</t>
  </si>
  <si>
    <t>Gurah Hasim Shah</t>
  </si>
  <si>
    <t>Gurah hashim shah</t>
  </si>
  <si>
    <t>Gurah Hashim Shah</t>
  </si>
  <si>
    <t>Sabahat Saleem</t>
  </si>
  <si>
    <t>GGPS GURRHA CHOUDRIAN</t>
  </si>
  <si>
    <t>vpo gurrah chaudrian</t>
  </si>
  <si>
    <t>gurrah chaudrian</t>
  </si>
  <si>
    <t>Farhatmunir</t>
  </si>
  <si>
    <t>GGPS GURU NANAK PURA</t>
  </si>
  <si>
    <t>mohalla nizampura farooqabad</t>
  </si>
  <si>
    <t>Farooqabad City</t>
  </si>
  <si>
    <t>Shehla Maqbool</t>
  </si>
  <si>
    <t>GGPS GURZ BARDAR</t>
  </si>
  <si>
    <t>Gurzbardar</t>
  </si>
  <si>
    <t>village gurzbardar p/o kalaswala tehsil pasrur district sialkot</t>
  </si>
  <si>
    <t>Kalaswala 98</t>
  </si>
  <si>
    <t>Samina Munawar</t>
  </si>
  <si>
    <t>GGPS GUSROR</t>
  </si>
  <si>
    <t>Gasroor</t>
  </si>
  <si>
    <t>Village Gasroor P.O Thati Tehsil Gujar Khan Distt Rawalpindi</t>
  </si>
  <si>
    <t>Thati</t>
  </si>
  <si>
    <t>Sehrish Douraiz</t>
  </si>
  <si>
    <t>GGPS GUT NASHAIB</t>
  </si>
  <si>
    <t>Kunal Nashib</t>
  </si>
  <si>
    <t>G.G P/S Gut Nashib</t>
  </si>
  <si>
    <t>Basti Gujjar</t>
  </si>
  <si>
    <t>Rubina Akhter</t>
  </si>
  <si>
    <t>GGPS HABIB ABAD PIPLAN</t>
  </si>
  <si>
    <t>Govt Primary School Habibabad</t>
  </si>
  <si>
    <t>Shabana Naseer</t>
  </si>
  <si>
    <t>GGPS HABIB GANJ</t>
  </si>
  <si>
    <t>Habib Gunj</t>
  </si>
  <si>
    <t>Darbar road mohala habib gunj</t>
  </si>
  <si>
    <t>shahnaz akhter</t>
  </si>
  <si>
    <t>GGPS HABIB KA</t>
  </si>
  <si>
    <t>Habibka</t>
  </si>
  <si>
    <t>mouza habibka minchinabad</t>
  </si>
  <si>
    <t>Iram Shaukat</t>
  </si>
  <si>
    <t>GGPS HABIB KINAL</t>
  </si>
  <si>
    <t>Dhuma</t>
  </si>
  <si>
    <t>GGMPSHabib kanyal Gujar Khan</t>
  </si>
  <si>
    <t>Habib Kanyal</t>
  </si>
  <si>
    <t>mamoona batool</t>
  </si>
  <si>
    <t>GGPS HABIB KOT</t>
  </si>
  <si>
    <t>HabibKot</t>
  </si>
  <si>
    <t>GGPS Habib Kot Haveli Lakha Okara</t>
  </si>
  <si>
    <t>Habib Kot</t>
  </si>
  <si>
    <t>3SP</t>
  </si>
  <si>
    <t>Naghmana Ahtsham</t>
  </si>
  <si>
    <t>GGPS HABIB ULLLAH KHAN WALA</t>
  </si>
  <si>
    <t>Bore Sharif</t>
  </si>
  <si>
    <t>wahanda Habib ullah Khan</t>
  </si>
  <si>
    <t>Habibullah</t>
  </si>
  <si>
    <t>Kalluan Walla</t>
  </si>
  <si>
    <t>Zeb ul Nisa</t>
  </si>
  <si>
    <t>GGPS HABIB WALA</t>
  </si>
  <si>
    <t>Basti nawan Zour Qusba Gujrat tehs.kotaadu dist.M.garh p/o Qusba gujrt</t>
  </si>
  <si>
    <t>Nawan Zour</t>
  </si>
  <si>
    <t>Aroosa Zaib</t>
  </si>
  <si>
    <t>GGPS HACHER</t>
  </si>
  <si>
    <t>Hacher</t>
  </si>
  <si>
    <t>hacher</t>
  </si>
  <si>
    <t>Maqsooda Tahira</t>
  </si>
  <si>
    <t>GGPS HADALI</t>
  </si>
  <si>
    <t>village hadali post office Dina tehsil Dina district jhelum</t>
  </si>
  <si>
    <t>Mc Dina</t>
  </si>
  <si>
    <t>Mehwish Amir</t>
  </si>
  <si>
    <t>GGPS HADDA JANUBI</t>
  </si>
  <si>
    <t>ggps hadda sb</t>
  </si>
  <si>
    <t>Chak #84 Sb</t>
  </si>
  <si>
    <t>Sitara Shameem</t>
  </si>
  <si>
    <t>GGPS HADKA</t>
  </si>
  <si>
    <t>Hadka</t>
  </si>
  <si>
    <t>hadka</t>
  </si>
  <si>
    <t>Barila Sharif</t>
  </si>
  <si>
    <t>GGPS HADOKAY</t>
  </si>
  <si>
    <t>Haddokey</t>
  </si>
  <si>
    <t>Jethikay</t>
  </si>
  <si>
    <t>Qamar U Nisa</t>
  </si>
  <si>
    <t>GGPS HADWALA</t>
  </si>
  <si>
    <t>Hadwala</t>
  </si>
  <si>
    <t>village hadwala p.o bashondat teh kallar syeden dist rawalpindi dist rawalpindi</t>
  </si>
  <si>
    <t>Bashondat</t>
  </si>
  <si>
    <t>GGPS HADWAR SHUMALI</t>
  </si>
  <si>
    <t>Hadwar</t>
  </si>
  <si>
    <t>GGPS hadwar shumali</t>
  </si>
  <si>
    <t>Hadwar Shumali</t>
  </si>
  <si>
    <t>GGPS HADYATA ABAD</t>
  </si>
  <si>
    <t>Hadayatabad</t>
  </si>
  <si>
    <t>c block ,LDA avenue 1, riwind road,lahore</t>
  </si>
  <si>
    <t>SHUKRIA BANO</t>
  </si>
  <si>
    <t>GGPS HAFEEZ ABAD WARD NO. 2</t>
  </si>
  <si>
    <t>ward no 5 karor</t>
  </si>
  <si>
    <t>GGPS HAFIZ ALLAH BUKHASH</t>
  </si>
  <si>
    <t>Mahar Sharif</t>
  </si>
  <si>
    <t>basti hafiz Allah bakhsh</t>
  </si>
  <si>
    <t>Basti Hafiz Allah Bakhsh</t>
  </si>
  <si>
    <t>Maqbool Akhtar</t>
  </si>
  <si>
    <t>GGPS HAFIZ JILAL</t>
  </si>
  <si>
    <t>Nawan Janobi</t>
  </si>
  <si>
    <t>Chah Tahir wala Nawan janobi</t>
  </si>
  <si>
    <t>Chah Tahir Wala</t>
  </si>
  <si>
    <t>GGPS HAFIZ NAWAZ WALA</t>
  </si>
  <si>
    <t>hafiz nawaz wala</t>
  </si>
  <si>
    <t>GGPS HAFIZ RASOOL BAKHSH</t>
  </si>
  <si>
    <t>Chak Rao</t>
  </si>
  <si>
    <t>basti Hamar mouza chak rao markaz jhuggi wala</t>
  </si>
  <si>
    <t>Basti Hamar</t>
  </si>
  <si>
    <t>Umm-e-Salma</t>
  </si>
  <si>
    <t>GGPS HAFIZ WAHID BAKHSH</t>
  </si>
  <si>
    <t>Basti Hafiz Wahid Buksh Choti Zareen</t>
  </si>
  <si>
    <t>Basti Hafiz Wahid Buksh</t>
  </si>
  <si>
    <t>Shabab Bashir</t>
  </si>
  <si>
    <t>GGPS HAFIZABAD</t>
  </si>
  <si>
    <t>Chabri Zeren</t>
  </si>
  <si>
    <t>basti hafiz Abad dgk</t>
  </si>
  <si>
    <t>Zarmina Hassan</t>
  </si>
  <si>
    <t>GGPS HAIDAR COLONY</t>
  </si>
  <si>
    <t>Potana Wala</t>
  </si>
  <si>
    <t>Mohala potanay wala near sheliyani mosque</t>
  </si>
  <si>
    <t>Asifa Tabassum</t>
  </si>
  <si>
    <t>GGPS HAIDAR HANS WALA</t>
  </si>
  <si>
    <t>Noshera Nashaib dakhana shahpur dorratta layyah</t>
  </si>
  <si>
    <t>Noshehra Nasheeb</t>
  </si>
  <si>
    <t>SURIYA BANO</t>
  </si>
  <si>
    <t>GGPS HAIDER ABAD  MOHALLA JANUBI</t>
  </si>
  <si>
    <t>Hayder  Abad</t>
  </si>
  <si>
    <t>hayder abad</t>
  </si>
  <si>
    <t>Hayder Abad</t>
  </si>
  <si>
    <t>Ruqia Shahin</t>
  </si>
  <si>
    <t>GGPS HAIDER ABAD KHAKWANI, TULAMBA</t>
  </si>
  <si>
    <t>Haiderabad Khakwani</t>
  </si>
  <si>
    <t>haiderabad khakwani, post office 20/8R, tehsil mianchannu district khanewal</t>
  </si>
  <si>
    <t>Iram Mafia</t>
  </si>
  <si>
    <t>GGPS HAIDER ABAD LEYYAH</t>
  </si>
  <si>
    <t>GGPS HAIDER ABAD NEAR ZILA COUNCIL LAYYAH</t>
  </si>
  <si>
    <t>Shouqat Perveen</t>
  </si>
  <si>
    <t>Electric Motor and Hand pump.</t>
  </si>
  <si>
    <t>GGPS HAIDER SOLGI</t>
  </si>
  <si>
    <t>Haider Solgi</t>
  </si>
  <si>
    <t>moza haider solgi p/o kotla musa khan tehsil ahmad pur east district bahawal pur</t>
  </si>
  <si>
    <t>Razia Hameed</t>
  </si>
  <si>
    <t>GGPS HAIDER WAHAN</t>
  </si>
  <si>
    <t>Haidar Quraishi</t>
  </si>
  <si>
    <t>chah shahbazi wala basit Haidar wahan</t>
  </si>
  <si>
    <t>Haidar Wahan</t>
  </si>
  <si>
    <t>GGPS HAIL</t>
  </si>
  <si>
    <t>government girls primary school hail</t>
  </si>
  <si>
    <t>Punjan Kasana</t>
  </si>
  <si>
    <t>Iqra Amjad</t>
  </si>
  <si>
    <t>GGPS HAIL JAMERI</t>
  </si>
  <si>
    <t>Sung</t>
  </si>
  <si>
    <t>p.o samblah village hail jumeri tehsil kahuta district rawalpindi</t>
  </si>
  <si>
    <t>Hail Jumeri</t>
  </si>
  <si>
    <t>Khadiyot</t>
  </si>
  <si>
    <t>Saleha Naz</t>
  </si>
  <si>
    <t>GGPS HAIRAN</t>
  </si>
  <si>
    <t>Hairan</t>
  </si>
  <si>
    <t>Hairan Tehsil &amp; district Sheikhupura</t>
  </si>
  <si>
    <t>Kerpal Singh</t>
  </si>
  <si>
    <t>Anam Tahseen</t>
  </si>
  <si>
    <t>GGPS Haji Abdul Raheem</t>
  </si>
  <si>
    <t>khrar buzdar</t>
  </si>
  <si>
    <t>kharar buzdar</t>
  </si>
  <si>
    <t>Bastion Abdul Raheem</t>
  </si>
  <si>
    <t>Gulnaz Bi Bi</t>
  </si>
  <si>
    <t>outside</t>
  </si>
  <si>
    <t>GGPS HAJI AFZAL BAG HORE ADHI KOT</t>
  </si>
  <si>
    <t>Ggps moh haji afzal baghoor VP/OAdhi Kot Tahsil Noor Pur Thal Distric Khushab</t>
  </si>
  <si>
    <t>Mureed Fatima</t>
  </si>
  <si>
    <t>Own arrangement</t>
  </si>
  <si>
    <t>GGPS HAJI AHMED ARAIN WALA</t>
  </si>
  <si>
    <t>moh naiyan wala Trag teh Isa khel distt mianwali</t>
  </si>
  <si>
    <t>Naiyan Wala</t>
  </si>
  <si>
    <t>GGPS HAJI ALLAH DITTA</t>
  </si>
  <si>
    <t>Muradwa</t>
  </si>
  <si>
    <t>Basti Malika Moza muradwa p/ o kotla pathan</t>
  </si>
  <si>
    <t>Basti Malika</t>
  </si>
  <si>
    <t>Sumayya Farooq</t>
  </si>
  <si>
    <t>GGPS HAJI AMIR BAKHSH</t>
  </si>
  <si>
    <t>Mohamad Khan</t>
  </si>
  <si>
    <t>ps haji Amir bux</t>
  </si>
  <si>
    <t>Haji Amir Bux</t>
  </si>
  <si>
    <t>Safoora Jalil</t>
  </si>
  <si>
    <t>GGPS HAJI BOOTA</t>
  </si>
  <si>
    <t>mohallah dhoke feroz painwal chakwal</t>
  </si>
  <si>
    <t>Dhoke Froze</t>
  </si>
  <si>
    <t>Rahela Nargis</t>
  </si>
  <si>
    <t>GGPS HAJI BUDHA KHAN</t>
  </si>
  <si>
    <t>Ggps haji bhudha khan markaz khan bela tehseel liaqatpur dist. rahimyar khan</t>
  </si>
  <si>
    <t>Haji Bhudha Khan</t>
  </si>
  <si>
    <t>Munaza Tehseen Robi</t>
  </si>
  <si>
    <t>GGPS HAJI CHAND STATION</t>
  </si>
  <si>
    <t>Station</t>
  </si>
  <si>
    <t>ggps haji chand station</t>
  </si>
  <si>
    <t>Haji Chand Statio</t>
  </si>
  <si>
    <t>Kalsoom Paras</t>
  </si>
  <si>
    <t>GGPS HAJI COLONY</t>
  </si>
  <si>
    <t>Haji Muhammad Colony</t>
  </si>
  <si>
    <t>GGPS Colony Haji Muhammad</t>
  </si>
  <si>
    <t>Colony Hajj Muhammad</t>
  </si>
  <si>
    <t>MC RYK B</t>
  </si>
  <si>
    <t>Farzana Akhtar</t>
  </si>
  <si>
    <t>GGPS HAJI DOST MUHAMMAD</t>
  </si>
  <si>
    <t>Basti Atta Muhammad talpur</t>
  </si>
  <si>
    <t>Basti Atta Muhammad Khan</t>
  </si>
  <si>
    <t>Doodara</t>
  </si>
  <si>
    <t>Farhat Atta</t>
  </si>
  <si>
    <t>GGPS HAJI GHALOO</t>
  </si>
  <si>
    <t>government girls primary school haji Ghaloo Wala</t>
  </si>
  <si>
    <t>Haji Ghaloo Wala</t>
  </si>
  <si>
    <t>Mishbah Batool</t>
  </si>
  <si>
    <t>GGPS HAJI GHAZI SHARQI</t>
  </si>
  <si>
    <t>basti abbas abad haji ghazi sharqi dera ghazi khan</t>
  </si>
  <si>
    <t>Basti Abbas Abad</t>
  </si>
  <si>
    <t>Umbreen zahra</t>
  </si>
  <si>
    <t>GGPS HAJI HAZOOR BUX</t>
  </si>
  <si>
    <t>Basti Haji Huzoor Bux Naich, P/O Jun Pur,  TEHSIL LIAQUAT PUR</t>
  </si>
  <si>
    <t>Basti Haji Huzoor Bux Naich</t>
  </si>
  <si>
    <t>GGPS HAJI HUSSAIN</t>
  </si>
  <si>
    <t>basti Haji Hussain po choti zareen</t>
  </si>
  <si>
    <t>Basti Haji Hussain</t>
  </si>
  <si>
    <t>Mutfariq chohan</t>
  </si>
  <si>
    <t>GGPS HAJI JINDI</t>
  </si>
  <si>
    <t>Tibba Chandia</t>
  </si>
  <si>
    <t>tibba chandia</t>
  </si>
  <si>
    <t>GGPS HAJI KOT</t>
  </si>
  <si>
    <t>Kot Haji</t>
  </si>
  <si>
    <t>Chah Piaray Wala post Office Bahmni Wala lodhran</t>
  </si>
  <si>
    <t>Piaray Wala</t>
  </si>
  <si>
    <t>Sanam Mehmood</t>
  </si>
  <si>
    <t>GGPS HAJI MOHALLA</t>
  </si>
  <si>
    <t>HAJI MOHALLA</t>
  </si>
  <si>
    <t>Haji Mohalla</t>
  </si>
  <si>
    <t>City M-B DIN</t>
  </si>
  <si>
    <t>Samra Iqbal</t>
  </si>
  <si>
    <t>GGPS HAJI MOHAMMAD NAWAZ KALHORA</t>
  </si>
  <si>
    <t>ggps M.nawaz kalhora basti kalhora jetha bhutta khanpur</t>
  </si>
  <si>
    <t>Sana Fakhar</t>
  </si>
  <si>
    <t>GGPS HAJI MUHAMMAD</t>
  </si>
  <si>
    <t>govt.girls primary school basti haji Muhammad bahawalpur</t>
  </si>
  <si>
    <t>Basti Haji Muhammad</t>
  </si>
  <si>
    <t>GGPS HAJI MUHAMMAD DULO WALA</t>
  </si>
  <si>
    <t>basti kaliaan lohanch nashaib layyah</t>
  </si>
  <si>
    <t>Basti Kaliaan</t>
  </si>
  <si>
    <t>Naseem Nawaz</t>
  </si>
  <si>
    <t>GGPS HAJI NAWAB DIN</t>
  </si>
  <si>
    <t>Magsi</t>
  </si>
  <si>
    <t>Haji Nawab Din</t>
  </si>
  <si>
    <t>Uroosa Ramzan</t>
  </si>
  <si>
    <t>GGPS HAJI NAZAR</t>
  </si>
  <si>
    <t>Basti haji nazar muhammad</t>
  </si>
  <si>
    <t>Basti Haji Nazar Muhammad</t>
  </si>
  <si>
    <t>GGPS HAJI PEER BUKHSH</t>
  </si>
  <si>
    <t>Ghulam Nabi Laar</t>
  </si>
  <si>
    <t>basti Haji Peer bukhsh Laar mouza ghulam nabi laar</t>
  </si>
  <si>
    <t>Basti Haji Peer BUkhsh</t>
  </si>
  <si>
    <t>Garhi Ikhtiar khan</t>
  </si>
  <si>
    <t>GGPS HAJI PUR CHUTA BHOK</t>
  </si>
  <si>
    <t>Chuta Bhuk</t>
  </si>
  <si>
    <t>haji pur chuta bhuk bahawalnagar</t>
  </si>
  <si>
    <t>Haji Pur Chuta Bhuk</t>
  </si>
  <si>
    <t>Musa Bhuta</t>
  </si>
  <si>
    <t>GGPS HAJI PUR NORTH, KABIRWALA</t>
  </si>
  <si>
    <t>HAJI PUR</t>
  </si>
  <si>
    <t>G.G.P.S HAJI PUR SHOMALI</t>
  </si>
  <si>
    <t>MONGA WALA</t>
  </si>
  <si>
    <t>Attia Rabbani</t>
  </si>
  <si>
    <t>GGPS HAJI PUR SOUTH, KABIRWALA</t>
  </si>
  <si>
    <t>Hajipur South</t>
  </si>
  <si>
    <t>haji pur south</t>
  </si>
  <si>
    <t>Asgri Khannam</t>
  </si>
  <si>
    <t>GGPS HAJI SALEH MUHAMMAD FEROZA</t>
  </si>
  <si>
    <t>Moza hayat lar basti saleh mohammad feeoza</t>
  </si>
  <si>
    <t>Basti Saleh Mohammad</t>
  </si>
  <si>
    <t>Rukhsana Bano</t>
  </si>
  <si>
    <t>GGPS HAJI SHAH</t>
  </si>
  <si>
    <t>ggps. hajishah</t>
  </si>
  <si>
    <t>Mehmeed Wala</t>
  </si>
  <si>
    <t>Downa</t>
  </si>
  <si>
    <t>Fozia Shabbir</t>
  </si>
  <si>
    <t>GGPS HAJI SHAH NAWAZ</t>
  </si>
  <si>
    <t>Kotla Niazi</t>
  </si>
  <si>
    <t>Ggps haji shah nawaz near dera ameer nawaz chandia</t>
  </si>
  <si>
    <t>Ambreen Arif</t>
  </si>
  <si>
    <t>GGPS HAJI SULTAN MEHMOOD PALUWAN</t>
  </si>
  <si>
    <t>Dera Haji Sultan Mehmood Paluan</t>
  </si>
  <si>
    <t>ggps dera haji sultan mehmood plu'an village roda daak khana khas roda tehsil and District khushab</t>
  </si>
  <si>
    <t>Farah Saleem</t>
  </si>
  <si>
    <t>GGPS HAJIAL</t>
  </si>
  <si>
    <t>Dhok Hajial</t>
  </si>
  <si>
    <t>vpo laiti dhok hajial</t>
  </si>
  <si>
    <t>Laiti</t>
  </si>
  <si>
    <t>MADIHA ALTAF</t>
  </si>
  <si>
    <t>GGPS HAJIKA</t>
  </si>
  <si>
    <t>Hajka</t>
  </si>
  <si>
    <t>Jhamat Ranjhawala</t>
  </si>
  <si>
    <t>GGPS HAJRI</t>
  </si>
  <si>
    <t>Hajrii</t>
  </si>
  <si>
    <t>Ggps hijri,post office malhowal tehsil pindigheb distt attock</t>
  </si>
  <si>
    <t>Hajri</t>
  </si>
  <si>
    <t>Hifza Qayyum</t>
  </si>
  <si>
    <t>GGPS HAKAM SADHAR KEY</t>
  </si>
  <si>
    <t>Hakim Sadhar Kay</t>
  </si>
  <si>
    <t>ggps hakim sadhar kay</t>
  </si>
  <si>
    <t>Pandat Manfool</t>
  </si>
  <si>
    <t>GGPS HAKEEM ABAD</t>
  </si>
  <si>
    <t>Hakeem abad</t>
  </si>
  <si>
    <t>Hakeem Abad</t>
  </si>
  <si>
    <t>GGPS HAKEEM ALLAH WASAYA</t>
  </si>
  <si>
    <t>Kallarwali</t>
  </si>
  <si>
    <t>esan wali pul p o kallarwali tehsil Jatoi Distt Muzaffargarh</t>
  </si>
  <si>
    <t>GGPS HAKEEM BASHIR</t>
  </si>
  <si>
    <t>Hyderpur</t>
  </si>
  <si>
    <t>basti zindalal</t>
  </si>
  <si>
    <t>Basti Zindalal</t>
  </si>
  <si>
    <t>Dhorkot</t>
  </si>
  <si>
    <t>Naveeda Malik</t>
  </si>
  <si>
    <t>GGPS HAKEEM DOST MUHAMMAD (De-consolidated April-2016)</t>
  </si>
  <si>
    <t>hakeeman wala</t>
  </si>
  <si>
    <t>Habiba Rehman</t>
  </si>
  <si>
    <t>GGPS HAKIM ABAD</t>
  </si>
  <si>
    <t>hakim abad</t>
  </si>
  <si>
    <t>hakim abad liaquat pur</t>
  </si>
  <si>
    <t>m.c. liaquat pur</t>
  </si>
  <si>
    <t>Tahira Kousar</t>
  </si>
  <si>
    <t>GGPS HAKIMAY WALA</t>
  </si>
  <si>
    <t>Hakmay Wala, Rustam Sargana</t>
  </si>
  <si>
    <t>Hakmay Wala</t>
  </si>
  <si>
    <t>Sofia  Riaz</t>
  </si>
  <si>
    <t>GGPS HAKRA</t>
  </si>
  <si>
    <t>g g p s hakra</t>
  </si>
  <si>
    <t>Basti Hakra</t>
  </si>
  <si>
    <t>GGPS HALAL PUR NOON</t>
  </si>
  <si>
    <t>Halal Pur Noon</t>
  </si>
  <si>
    <t>halal pur</t>
  </si>
  <si>
    <t>Halal Pur</t>
  </si>
  <si>
    <t>zeenat perveen</t>
  </si>
  <si>
    <t>GGPS HALAN PO SARJAL</t>
  </si>
  <si>
    <t>Hallan</t>
  </si>
  <si>
    <t>GGPS Hallan tehseel shakargarh post office sarjal</t>
  </si>
  <si>
    <t>Aamna Shahid</t>
  </si>
  <si>
    <t>GGPS HALEEM PUR</t>
  </si>
  <si>
    <t>Haleem Pur</t>
  </si>
  <si>
    <t>basti haleempur p/o uch Sharif tehsil ahmadpur east district bahawalpur</t>
  </si>
  <si>
    <t>GGPS HALEM KHICHI</t>
  </si>
  <si>
    <t>Haleem Khichi</t>
  </si>
  <si>
    <t>GGPS Haleem Khichi</t>
  </si>
  <si>
    <t>Syeda Shahina Anjum Bukhari</t>
  </si>
  <si>
    <t>GGPS HALLAR KAY PEMAR</t>
  </si>
  <si>
    <t>Hallar  Key Pemar</t>
  </si>
  <si>
    <t>hallar key pemar</t>
  </si>
  <si>
    <t>Hallar Key Pemar</t>
  </si>
  <si>
    <t>Yasmin Ismail</t>
  </si>
  <si>
    <t>GGPS HAMA RATH</t>
  </si>
  <si>
    <t>Hama Rath</t>
  </si>
  <si>
    <t>GGPS HAMARATH Arifwala Pakpattan</t>
  </si>
  <si>
    <t>GGPS HAMAD PUR</t>
  </si>
  <si>
    <t>Hamadpur</t>
  </si>
  <si>
    <t>hammad pur</t>
  </si>
  <si>
    <t>Hammad Pur</t>
  </si>
  <si>
    <t>Thamina Fazal</t>
  </si>
  <si>
    <t>GGPS HAMAYUN KHEL NO 1</t>
  </si>
  <si>
    <t>Kot Baylean</t>
  </si>
  <si>
    <t>wandha hamayoun khel post/ o koat baylean</t>
  </si>
  <si>
    <t>Hamayoun Khel</t>
  </si>
  <si>
    <t>Daher Umaid Ali Shah</t>
  </si>
  <si>
    <t>GGPS HAMEED ABAD</t>
  </si>
  <si>
    <t>GGPS Hameedabad</t>
  </si>
  <si>
    <t>Basti Qadir Pur</t>
  </si>
  <si>
    <t>Shehrzad Ameen Ghouri</t>
  </si>
  <si>
    <t>GGPS HAMEED KHASOORA</t>
  </si>
  <si>
    <t>basti hameed gasoora</t>
  </si>
  <si>
    <t>kotla dolat</t>
  </si>
  <si>
    <t>GGPS HAMEED KOT</t>
  </si>
  <si>
    <t>Village hameed kot</t>
  </si>
  <si>
    <t>Hameed Kot</t>
  </si>
  <si>
    <t>Rural Hernoli</t>
  </si>
  <si>
    <t>GGPS HAMEED NAGRI, KHANEWAL</t>
  </si>
  <si>
    <t>Hameed Nagri</t>
  </si>
  <si>
    <t>Basti Hameed Nagri chak no 17/A.H</t>
  </si>
  <si>
    <t>16/V</t>
  </si>
  <si>
    <t>Maggi Noureena</t>
  </si>
  <si>
    <t>GGPS HAMEED PUR</t>
  </si>
  <si>
    <t>Hameed Pur</t>
  </si>
  <si>
    <t>Hameed pur p/o Chawinda teh Pasrur distt sialkot</t>
  </si>
  <si>
    <t>Saima Naseer</t>
  </si>
  <si>
    <t>GGPS HAMEEDAY WALA SHUJABAD DISTT. MULTAN</t>
  </si>
  <si>
    <t>chah hameeday wala mmoza  qasir pur maytotlii</t>
  </si>
  <si>
    <t>Chah Hameeday Wala</t>
  </si>
  <si>
    <t>Sarwat Rehana</t>
  </si>
  <si>
    <t>GGPS HAMID PIR BUKHARI</t>
  </si>
  <si>
    <t>basti Hamid peer uc sahanwala</t>
  </si>
  <si>
    <t>Hamid peer</t>
  </si>
  <si>
    <t>Syeda  Shaista Imdad  Bukhari</t>
  </si>
  <si>
    <t>GGPS HAMID PUR KALAN NO.1</t>
  </si>
  <si>
    <t>Bisti mochiyan p/o  kotla mosa khan Ahmed pur east</t>
  </si>
  <si>
    <t>Bisti Mochiyan</t>
  </si>
  <si>
    <t>Wahi Bahwal Shah</t>
  </si>
  <si>
    <t>GGPS HAMID PUR KALAN NO.2</t>
  </si>
  <si>
    <t>post office wahi jogian, hamid pur kalan, Ahmed pur east,bahawalpur.</t>
  </si>
  <si>
    <t>Kotla Mosa Khan</t>
  </si>
  <si>
    <t>Saira Chishti</t>
  </si>
  <si>
    <t>GGPS HAMID PUR KANORA NO 1</t>
  </si>
  <si>
    <t>Hamid pur no 1</t>
  </si>
  <si>
    <t>Ishrat Hakim</t>
  </si>
  <si>
    <t>motor,handpump</t>
  </si>
  <si>
    <t>GGPS HAMID PUR KANORA NO 2</t>
  </si>
  <si>
    <t>Dosu Wala</t>
  </si>
  <si>
    <t>GGPS HAMID PUR TARELI MULTAN</t>
  </si>
  <si>
    <t>GGPS HAMID WALA</t>
  </si>
  <si>
    <t>chah Hamid Wala Mouza khera kot addu</t>
  </si>
  <si>
    <t>Hamid Wala</t>
  </si>
  <si>
    <t>GGPS HAMMAD COLONY NEW SHAD BAGH</t>
  </si>
  <si>
    <t>Hammad Colony</t>
  </si>
  <si>
    <t>Ggps new shad bagh hammad colony lahore</t>
  </si>
  <si>
    <t>Bhaghat Pura</t>
  </si>
  <si>
    <t>Shafqat Rani</t>
  </si>
  <si>
    <t>GGPS HAMOON KA NOU ABAD</t>
  </si>
  <si>
    <t>Hamoon Ky Nou Abad</t>
  </si>
  <si>
    <t>hamoon ky nou abad</t>
  </si>
  <si>
    <t>Rphela Tajeka</t>
  </si>
  <si>
    <t>Sumara Bagam</t>
  </si>
  <si>
    <t>GGPS HAMZA BHAIT</t>
  </si>
  <si>
    <t>GGPS Hamza Bhait</t>
  </si>
  <si>
    <t>Hamza Bhait</t>
  </si>
  <si>
    <t>GGPS HAMZAY WALI</t>
  </si>
  <si>
    <t>Ggps hamzay wali</t>
  </si>
  <si>
    <t>Bait  Bogha</t>
  </si>
  <si>
    <t>GGPS HANBRAN WALA</t>
  </si>
  <si>
    <t>kalluanwala</t>
  </si>
  <si>
    <t>p/o Awana wala tahseelesakhel dist mianwali</t>
  </si>
  <si>
    <t>Humbaranwala</t>
  </si>
  <si>
    <t>fazal khatoon</t>
  </si>
  <si>
    <t>GGPS HANESAR</t>
  </si>
  <si>
    <t>Haneser</t>
  </si>
  <si>
    <t>ggps haneser</t>
  </si>
  <si>
    <t>Dobaren Khurd</t>
  </si>
  <si>
    <t>Nadia Zubair Kayani</t>
  </si>
  <si>
    <t>GGPS HANGLOON KUCH</t>
  </si>
  <si>
    <t>Hingloon Kach</t>
  </si>
  <si>
    <t>moaza hingloon kach tribal area district dg khan</t>
  </si>
  <si>
    <t>Hingloon</t>
  </si>
  <si>
    <t>Hajra bibi</t>
  </si>
  <si>
    <t>GGPS HANI</t>
  </si>
  <si>
    <t>Hinni</t>
  </si>
  <si>
    <t>village Hinni P.O dial Tehsil sohawa Distt Jhelum</t>
  </si>
  <si>
    <t>GGPS HANIF KHELAN WALA</t>
  </si>
  <si>
    <t>Wan Bahchran</t>
  </si>
  <si>
    <t>nari miana post office wan bahchran</t>
  </si>
  <si>
    <t>Nari Miana</t>
  </si>
  <si>
    <t>Muzafar Pur North</t>
  </si>
  <si>
    <t>GGPS HANIF WALA</t>
  </si>
  <si>
    <t>Kot Khan Muhammad</t>
  </si>
  <si>
    <t>Rukhsana Kalsoom</t>
  </si>
  <si>
    <t>GGPS HANJ</t>
  </si>
  <si>
    <t>vill and post office Hanj, Teh Kharian, Distt Gujrat</t>
  </si>
  <si>
    <t>GGPS HANJRA</t>
  </si>
  <si>
    <t>Hunjra</t>
  </si>
  <si>
    <t>village hunjra p/o mohriky jaja the pasrur distt sialkot</t>
  </si>
  <si>
    <t>Soaknwind</t>
  </si>
  <si>
    <t>Nabeela Riaz</t>
  </si>
  <si>
    <t>GGPS HANJRAN WALA</t>
  </si>
  <si>
    <t>Hunjranwala</t>
  </si>
  <si>
    <t>GGPS Hunjranwala</t>
  </si>
  <si>
    <t>Humaira Safdar</t>
  </si>
  <si>
    <t>GGPS HAPHI</t>
  </si>
  <si>
    <t>Haphi</t>
  </si>
  <si>
    <t>GGPS HAPHÄ° p/o Chakora</t>
  </si>
  <si>
    <t>Sibgha Hafeez</t>
  </si>
  <si>
    <t>GGPS HAQ BAHOO</t>
  </si>
  <si>
    <t>Dagar City West</t>
  </si>
  <si>
    <t>ggps Haq hahoo bhakkar</t>
  </si>
  <si>
    <t>Bhakkar City 1</t>
  </si>
  <si>
    <t>Bhakkar No 1</t>
  </si>
  <si>
    <t>GGPS HAQ BAHU COLONY</t>
  </si>
  <si>
    <t>Kot Noulan</t>
  </si>
  <si>
    <t>mouza kotnoulan haq bahu colony</t>
  </si>
  <si>
    <t>Haq Bahu Colony</t>
  </si>
  <si>
    <t>Dossa</t>
  </si>
  <si>
    <t>Azra Ashiq</t>
  </si>
  <si>
    <t>GGPS HAQ NAWAZ WALA, KABIRWALA</t>
  </si>
  <si>
    <t>post office sher garh</t>
  </si>
  <si>
    <t>Haqnawaz Wala</t>
  </si>
  <si>
    <t>Chaknorang Shah</t>
  </si>
  <si>
    <t>Hajra Begum</t>
  </si>
  <si>
    <t>GGPS HAQUE NAWAZ BUZDAR</t>
  </si>
  <si>
    <t>Darkhast jamal khan</t>
  </si>
  <si>
    <t>rasheed khan basti buzdar</t>
  </si>
  <si>
    <t>Sameena Rani</t>
  </si>
  <si>
    <t>GGPS HAR DIL WALA</t>
  </si>
  <si>
    <t>Har Dil Wala</t>
  </si>
  <si>
    <t>har dil wala gaily wall</t>
  </si>
  <si>
    <t>Her Dil Wala</t>
  </si>
  <si>
    <t>Rwani</t>
  </si>
  <si>
    <t>Humera Noor</t>
  </si>
  <si>
    <t>GGPS HARAN WALA</t>
  </si>
  <si>
    <t>Haran Wala</t>
  </si>
  <si>
    <t>haranwala</t>
  </si>
  <si>
    <t>GGPS HARBASPUR</t>
  </si>
  <si>
    <t>village harbaspur gujrat</t>
  </si>
  <si>
    <t>Harbaspur</t>
  </si>
  <si>
    <t>Jorajlalpur</t>
  </si>
  <si>
    <t>Maria Shahzadi</t>
  </si>
  <si>
    <t>GGPS HARDO BAGH</t>
  </si>
  <si>
    <t>Hardo Bagh</t>
  </si>
  <si>
    <t>Nasira Ramzan</t>
  </si>
  <si>
    <t>GGPS HARDO UDDAY</t>
  </si>
  <si>
    <t>Hardo Udday</t>
  </si>
  <si>
    <t>hardo udday</t>
  </si>
  <si>
    <t>Maju Chak</t>
  </si>
  <si>
    <t>GGPS HAREE PUR</t>
  </si>
  <si>
    <t>Hari Pur</t>
  </si>
  <si>
    <t>hari pur</t>
  </si>
  <si>
    <t>Tahira Rahmat</t>
  </si>
  <si>
    <t>GGPS HAREN BORR</t>
  </si>
  <si>
    <t>HARAN BORE</t>
  </si>
  <si>
    <t>HARAN BORE  P/O BARTHI</t>
  </si>
  <si>
    <t>HAREEN BALOCH</t>
  </si>
  <si>
    <t>GGPS HARI HER</t>
  </si>
  <si>
    <t>hari har</t>
  </si>
  <si>
    <t>Nighat Zobia</t>
  </si>
  <si>
    <t>GGPS HARI KAY NAUL</t>
  </si>
  <si>
    <t>HARI KAY NOUL</t>
  </si>
  <si>
    <t>village HARI KAY NOUL</t>
  </si>
  <si>
    <t>GGPS HARI PUR</t>
  </si>
  <si>
    <t>HARIPUR</t>
  </si>
  <si>
    <t>village haripur post office saddar cantt ,tehsil and district Sialkot</t>
  </si>
  <si>
    <t>SYEDAWALI</t>
  </si>
  <si>
    <t>Amina Akram</t>
  </si>
  <si>
    <t>GGPS HARI PUR BAND</t>
  </si>
  <si>
    <t>Hari Pur Band</t>
  </si>
  <si>
    <t>hari pur band,teh.wzd.diss,grw</t>
  </si>
  <si>
    <t>Vunjuwali</t>
  </si>
  <si>
    <t>Tanvir Kausar</t>
  </si>
  <si>
    <t>electric water color</t>
  </si>
  <si>
    <t>GGPS HARI RAM PURA</t>
  </si>
  <si>
    <t>Hari Ram Pura</t>
  </si>
  <si>
    <t>shakoor Pura Moza Hari Ram pura</t>
  </si>
  <si>
    <t>Shakoor Pura Moza Hari Ram Pura</t>
  </si>
  <si>
    <t>Naila Latif</t>
  </si>
  <si>
    <t>GGPS HARI SINGH WALA</t>
  </si>
  <si>
    <t>Turbat Haji Shah</t>
  </si>
  <si>
    <t>hari singh wala p/o salmana</t>
  </si>
  <si>
    <t>Hari Singh Wala</t>
  </si>
  <si>
    <t>KOT KHAN</t>
  </si>
  <si>
    <t>GGPS HARIA STATION</t>
  </si>
  <si>
    <t>Rs Haria</t>
  </si>
  <si>
    <t>GGPS  Rs Haria</t>
  </si>
  <si>
    <t>GGPS HARNAY WALI</t>
  </si>
  <si>
    <t>Harney wali</t>
  </si>
  <si>
    <t>Harney Wali</t>
  </si>
  <si>
    <t>Chand Sultana</t>
  </si>
  <si>
    <t>given by neighbours</t>
  </si>
  <si>
    <t>GGPS HAROON ABAD</t>
  </si>
  <si>
    <t>haroon abad</t>
  </si>
  <si>
    <t>kotla ray walihan moza haroon abad</t>
  </si>
  <si>
    <t>haroonabad</t>
  </si>
  <si>
    <t>talbani</t>
  </si>
  <si>
    <t>GGPS HARPAL BHATTI</t>
  </si>
  <si>
    <t>Harpal Bhatti</t>
  </si>
  <si>
    <t>GGPS Harpal Bhatti Tehsil Nowsehra Virkan, Gujranwala</t>
  </si>
  <si>
    <t>Ratali Kalan</t>
  </si>
  <si>
    <t>Maria Arshad</t>
  </si>
  <si>
    <t>GGPS HARPAL KEY</t>
  </si>
  <si>
    <t>Harpalkey</t>
  </si>
  <si>
    <t>village harpalkey p/okhana nou lahore</t>
  </si>
  <si>
    <t>Shakara Jabeen</t>
  </si>
  <si>
    <t>GGPS HARPALO</t>
  </si>
  <si>
    <t>Harpllo</t>
  </si>
  <si>
    <t>basti arra</t>
  </si>
  <si>
    <t>Arra</t>
  </si>
  <si>
    <t>GGPS HARRER KALAN</t>
  </si>
  <si>
    <t>Harar Kalan</t>
  </si>
  <si>
    <t>Harar kalan post office khaira tehsil skg district narowal</t>
  </si>
  <si>
    <t>Fahmida  Begum</t>
  </si>
  <si>
    <t>GGPS HARRER KHURD</t>
  </si>
  <si>
    <t>Harar Khurd</t>
  </si>
  <si>
    <t>GGPS Harar Khurd,PO khaira,Teh Shakargarh</t>
  </si>
  <si>
    <t>Kaneez Begum</t>
  </si>
  <si>
    <t>GGPS HARSA BULLAH NO. 2</t>
  </si>
  <si>
    <t>HUSSAIN KHAN</t>
  </si>
  <si>
    <t>HARRIAN WALA MOUZA HUSSAIN KHAN, CHINIOT</t>
  </si>
  <si>
    <t>HARRIAN WALA</t>
  </si>
  <si>
    <t>ADLANA</t>
  </si>
  <si>
    <t>Shagufta Hameed</t>
  </si>
  <si>
    <t>GGPS HARWAN</t>
  </si>
  <si>
    <t>Numb Romal</t>
  </si>
  <si>
    <t>GGPS Harwan numb romal</t>
  </si>
  <si>
    <t>GGPS HARWANI</t>
  </si>
  <si>
    <t>Harwani</t>
  </si>
  <si>
    <t>ggps harwani</t>
  </si>
  <si>
    <t>GGPS HARYA</t>
  </si>
  <si>
    <t>Harrya</t>
  </si>
  <si>
    <t>Harrya Teh&amp; Disst Nankana</t>
  </si>
  <si>
    <t>Faiza Abdul Rehman</t>
  </si>
  <si>
    <t>GGPS HASAAN ABAD MULTAN</t>
  </si>
  <si>
    <t>bowa pur</t>
  </si>
  <si>
    <t>GG p/s hassanabad street 14B near gol masjid</t>
  </si>
  <si>
    <t>Rabia Qureshi</t>
  </si>
  <si>
    <t>GGPS HASAN KEY GAAMEY KHAN</t>
  </si>
  <si>
    <t>Gameykhan</t>
  </si>
  <si>
    <t>chack hasan k gamey khan</t>
  </si>
  <si>
    <t>Gamey Khan</t>
  </si>
  <si>
    <t>Jagga Baloch</t>
  </si>
  <si>
    <t>Sajida Feroz</t>
  </si>
  <si>
    <t>GGPS HASAN PUR TRAND</t>
  </si>
  <si>
    <t>Mouza hassan pur trund p/o har palo</t>
  </si>
  <si>
    <t>Khojay Wala</t>
  </si>
  <si>
    <t>Shahana Bibi</t>
  </si>
  <si>
    <t>GGPS HASHAM COLONY</t>
  </si>
  <si>
    <t>Hashim Colony</t>
  </si>
  <si>
    <t>GGPS Alhashim colony hnd</t>
  </si>
  <si>
    <t>GGPS HASHIM CHAKIR BAB</t>
  </si>
  <si>
    <t>Hashim Chakir Bab</t>
  </si>
  <si>
    <t>Moza Hashim chakir bab</t>
  </si>
  <si>
    <t>Doburji</t>
  </si>
  <si>
    <t>Nargis Fatima</t>
  </si>
  <si>
    <t>GGPS HASHIM WALA</t>
  </si>
  <si>
    <t>Amanpur</t>
  </si>
  <si>
    <t>main wala mozar aman pur khangarh muzaffargarh</t>
  </si>
  <si>
    <t>Maria mahnoor</t>
  </si>
  <si>
    <t>GGPS HASHMAT MIRALI, SARAI SIDHU</t>
  </si>
  <si>
    <t>Langri</t>
  </si>
  <si>
    <t>Basti langri hashmat mirali</t>
  </si>
  <si>
    <t>Hashmat mirali</t>
  </si>
  <si>
    <t>Hashmat Mirali</t>
  </si>
  <si>
    <t>GGPS HASHMI TAXALI GATE</t>
  </si>
  <si>
    <t>GGPS Hashmi texali gate lahore</t>
  </si>
  <si>
    <t>Zakia Saeed</t>
  </si>
  <si>
    <t>GGPS HASIL KHAN</t>
  </si>
  <si>
    <t>Ghaddi</t>
  </si>
  <si>
    <t>Near sultania super store Dera Ghazi Khan</t>
  </si>
  <si>
    <t>sharja town</t>
  </si>
  <si>
    <t>GGPS HASIL LAR</t>
  </si>
  <si>
    <t>moza faiz pur basti chachrran tehseel Ahmad pur district bahawalpur</t>
  </si>
  <si>
    <t>GGPS HASIL PUR</t>
  </si>
  <si>
    <t>Abdul Hakeem Colony</t>
  </si>
  <si>
    <t>abdul hakeem colony rajan pur</t>
  </si>
  <si>
    <t>MC Rajan Pur</t>
  </si>
  <si>
    <t>GGPS HASNAIN ABAD</t>
  </si>
  <si>
    <t>Vehniwal</t>
  </si>
  <si>
    <t>GGPS Hasnainabad darbar mian ranjha</t>
  </si>
  <si>
    <t>Mian Ranjha</t>
  </si>
  <si>
    <t>GGPS HASNAIN ABAD MIAN CHANNU</t>
  </si>
  <si>
    <t>Husnain Abad</t>
  </si>
  <si>
    <t>GGPS Husnain Abad mian channu</t>
  </si>
  <si>
    <t>GGPS HASNIAN ABAD</t>
  </si>
  <si>
    <t>joyia</t>
  </si>
  <si>
    <t>Hassanpur Tiwana</t>
  </si>
  <si>
    <t>Rani Shaheen Kousar</t>
  </si>
  <si>
    <t>GGPS HASSAN ABDAL</t>
  </si>
  <si>
    <t>Dakhli kot khan</t>
  </si>
  <si>
    <t>Dakhli Kot Khan</t>
  </si>
  <si>
    <t>Iram Zahara</t>
  </si>
  <si>
    <t>GGPS HASSAN ABDAL NO.2</t>
  </si>
  <si>
    <t>HASSAN ABDAL</t>
  </si>
  <si>
    <t>GOVERNMENT GIRLS PRIMARY SCHOOL NO.2 HASAN ABDAL DISTRICT ATTOCK</t>
  </si>
  <si>
    <t>RUBINA NAZ</t>
  </si>
  <si>
    <t>TURBAIN</t>
  </si>
  <si>
    <t>GGPS HASSAN ABDAL NO.3</t>
  </si>
  <si>
    <t>khawaja nagar hassan abdal</t>
  </si>
  <si>
    <t>bour</t>
  </si>
  <si>
    <t>GGPS HASSAN BHATIAN</t>
  </si>
  <si>
    <t>Hassan Bhattian</t>
  </si>
  <si>
    <t>village &amp; post office khanpur syedan tehsil pasrur district Sialkot</t>
  </si>
  <si>
    <t>Dullam Kahlwan</t>
  </si>
  <si>
    <t>Shamim Akhtar Jaffari</t>
  </si>
  <si>
    <t>GGPS HASSAN DA KOT</t>
  </si>
  <si>
    <t>HASSAN DA KOT</t>
  </si>
  <si>
    <t>HASSAN DA KOT LAHORE</t>
  </si>
  <si>
    <t>Lubna Yasmeen</t>
  </si>
  <si>
    <t>GGPS HASSAN DHEENDA</t>
  </si>
  <si>
    <t>Hassan dheenda</t>
  </si>
  <si>
    <t>hassan dhenda,tanda,gujrat</t>
  </si>
  <si>
    <t>hassan dhenda</t>
  </si>
  <si>
    <t>kamala chak</t>
  </si>
  <si>
    <t>Uzma Moazam</t>
  </si>
  <si>
    <t>GGPS HASSAN KHAIL BILAND</t>
  </si>
  <si>
    <t>ggps hassain khel biland</t>
  </si>
  <si>
    <t>GGPS HASSAN KHAKH WALA</t>
  </si>
  <si>
    <t>moza Patti naich ilaka sinawan tehsil kotaddu district m.garh</t>
  </si>
  <si>
    <t>Chah Purana</t>
  </si>
  <si>
    <t>GGPS HASSAN KHAN KILIA KHEL</t>
  </si>
  <si>
    <t>GGPS Hassan Khan Kalay Khel</t>
  </si>
  <si>
    <t>Asal Mana</t>
  </si>
  <si>
    <t>GGPS HASSAN PARK MURIDKE</t>
  </si>
  <si>
    <t>Govt Girls primary Hassan Park muridkr</t>
  </si>
  <si>
    <t>Rizwana Mehmood</t>
  </si>
  <si>
    <t>GGPS HASSAN PUR KHAS</t>
  </si>
  <si>
    <t>basti raseedabad hasanpur khacha</t>
  </si>
  <si>
    <t>Hasan Pur Khacha</t>
  </si>
  <si>
    <t>Rida Fayaz</t>
  </si>
  <si>
    <t>GGPS HASSAN PURA NO. 2</t>
  </si>
  <si>
    <t>Hassan Pura</t>
  </si>
  <si>
    <t>g g p s Hassan Pura</t>
  </si>
  <si>
    <t>Mc Pindi Bhattian</t>
  </si>
  <si>
    <t>Sidra Hameed</t>
  </si>
  <si>
    <t>GGPS HASSAN SHADOO</t>
  </si>
  <si>
    <t>Village Hassan Shadoo, Tola Bangi Khel, isa Khel</t>
  </si>
  <si>
    <t>Hassan Shadoo</t>
  </si>
  <si>
    <t>Ilum Taj Bibi</t>
  </si>
  <si>
    <t>GGPS HASSAN SHAH</t>
  </si>
  <si>
    <t>GGPS hassan shah</t>
  </si>
  <si>
    <t>NOREEN Farah</t>
  </si>
  <si>
    <t>GGPS HASSAN SHAH WALA</t>
  </si>
  <si>
    <t>Maher Shaha</t>
  </si>
  <si>
    <t>basti Hasan Shah wala</t>
  </si>
  <si>
    <t>Hasan Shah Wala</t>
  </si>
  <si>
    <t>GGPS HASSAN WAL</t>
  </si>
  <si>
    <t>Hassan Wal</t>
  </si>
  <si>
    <t>Government girls primary school hassan wal p.o gohadpur sialkot</t>
  </si>
  <si>
    <t>Bhalan Wala</t>
  </si>
  <si>
    <t>AZRA BANO</t>
  </si>
  <si>
    <t>GGPS HASSAN WALI</t>
  </si>
  <si>
    <t>P.o Khas Village Hassan Wali,District Gujranwala,Tehsil Wazirabad</t>
  </si>
  <si>
    <t>Hassan Wali</t>
  </si>
  <si>
    <t>Ladehwala Cheema</t>
  </si>
  <si>
    <t>GGPS HASSO KAY NOU ABAD</t>
  </si>
  <si>
    <t>Hassu Kay Nou Abad</t>
  </si>
  <si>
    <t>hassu kay nou abad</t>
  </si>
  <si>
    <t>Guder Malkana</t>
  </si>
  <si>
    <t>Ateeqa Anam</t>
  </si>
  <si>
    <t>GGPS HASTAL</t>
  </si>
  <si>
    <t>ggpshastal</t>
  </si>
  <si>
    <t>Shah-rai-sadullah</t>
  </si>
  <si>
    <t>GGPS HASU WALI</t>
  </si>
  <si>
    <t>Hasuwali</t>
  </si>
  <si>
    <t>moza hasuwali tehsil shorkot</t>
  </si>
  <si>
    <t>Rukhsana Iqbal</t>
  </si>
  <si>
    <t>GGPS HATARAN WALA</t>
  </si>
  <si>
    <t>hattu</t>
  </si>
  <si>
    <t>gg p/s hataran wsla</t>
  </si>
  <si>
    <t>hataran wala</t>
  </si>
  <si>
    <t>Tasleem Salamat</t>
  </si>
  <si>
    <t>GGPS HATARAN, ABDUL HAKIM</t>
  </si>
  <si>
    <t>Hattaran</t>
  </si>
  <si>
    <t>chah keeker wala moza hattaran tehsil kbirwala dist khanewal</t>
  </si>
  <si>
    <t>Hussain Abad Awal</t>
  </si>
  <si>
    <t>GGPS HATH RAADI, SARAI SIDHU</t>
  </si>
  <si>
    <t>dakhkhana sardarpur dandi sargana</t>
  </si>
  <si>
    <t>Hathradi</t>
  </si>
  <si>
    <t>Amina Hashmi</t>
  </si>
  <si>
    <t>GGPS HATHI WIND</t>
  </si>
  <si>
    <t>hathiwind</t>
  </si>
  <si>
    <t>hathiwind p/o bhera teh bhera dist sargodha</t>
  </si>
  <si>
    <t>Hathiwind</t>
  </si>
  <si>
    <t>khan Muhammad wala</t>
  </si>
  <si>
    <t>GGPS HATHIA DHAMIAL</t>
  </si>
  <si>
    <t>Hathia Dhamial</t>
  </si>
  <si>
    <t>vill &amp; po hathia dhamial sohawa jhelum</t>
  </si>
  <si>
    <t>Aliya Tariq</t>
  </si>
  <si>
    <t>donated water</t>
  </si>
  <si>
    <t>GGPS HATHIA KHAS</t>
  </si>
  <si>
    <t>Hathia Khas</t>
  </si>
  <si>
    <t>hathia Khas  post office hathia dhymail tehsile sohawa district  jhelum.</t>
  </si>
  <si>
    <t>GGPS HATTAR</t>
  </si>
  <si>
    <t>village Hattar post office Bhatti Gujar Tehsil Kallar kahar District chakwal</t>
  </si>
  <si>
    <t>Kallar kahar</t>
  </si>
  <si>
    <t>Shahnaz Rani</t>
  </si>
  <si>
    <t>GGPS HATTRIAN</t>
  </si>
  <si>
    <t>Hattrian</t>
  </si>
  <si>
    <t>hattrian tehsil kot radha kishen distt kasur</t>
  </si>
  <si>
    <t>Zefarkey</t>
  </si>
  <si>
    <t>Musarrat Din</t>
  </si>
  <si>
    <t>GGPS HAVALI NANAK CHAND</t>
  </si>
  <si>
    <t>Havali Nanak Chand</t>
  </si>
  <si>
    <t>havily nanak chand kotmomin sargodha</t>
  </si>
  <si>
    <t>Havily Nanak Chand</t>
  </si>
  <si>
    <t>GGPS HAVALI WALA SHUJABAD</t>
  </si>
  <si>
    <t>Chak  RS</t>
  </si>
  <si>
    <t>haveli  wala  near  chak  RS</t>
  </si>
  <si>
    <t>Haveli  Wala</t>
  </si>
  <si>
    <t>GGPS HAVALY PIRAN</t>
  </si>
  <si>
    <t>MOHAL</t>
  </si>
  <si>
    <t>mouza mohal kamalia</t>
  </si>
  <si>
    <t>Haveli Piran</t>
  </si>
  <si>
    <t>Muhammed Shah</t>
  </si>
  <si>
    <t>Fakhra Rehana</t>
  </si>
  <si>
    <t>GGPS HAVELI</t>
  </si>
  <si>
    <t>vpo orang abad village haveli jand attock</t>
  </si>
  <si>
    <t>Um-e-Rubab</t>
  </si>
  <si>
    <t>GGPS HAVELI BABA NAZAR</t>
  </si>
  <si>
    <t>Haveli Baba Nazr</t>
  </si>
  <si>
    <t>haveli baba nazar</t>
  </si>
  <si>
    <t>Haveli Baba Nazar</t>
  </si>
  <si>
    <t>Daftoo</t>
  </si>
  <si>
    <t>GGPS HAVELI BALAQA SINGH</t>
  </si>
  <si>
    <t>Haveli Malkan vali Near dera Ch.khushi ex Nazim Bhamba</t>
  </si>
  <si>
    <t>Haveli Malkan Wali</t>
  </si>
  <si>
    <t>Naheed Hassan</t>
  </si>
  <si>
    <t>GGPS HAVELI BATA</t>
  </si>
  <si>
    <t>Nithar Kay</t>
  </si>
  <si>
    <t>havali Bata near chamra moor</t>
  </si>
  <si>
    <t>Havali Bata</t>
  </si>
  <si>
    <t>SAMIA ABID</t>
  </si>
  <si>
    <t>GGPS HAVELI CHAK MUSIAN</t>
  </si>
  <si>
    <t>Havli Chk Mosian</t>
  </si>
  <si>
    <t>havli chk mosian</t>
  </si>
  <si>
    <t>GGPS HAVELI CHATO WALI</t>
  </si>
  <si>
    <t>HAVEELI CHATTO wali</t>
  </si>
  <si>
    <t>GGPS HAVEELI CHATTO WALI</t>
  </si>
  <si>
    <t>HAVEELI CHATTO Wali</t>
  </si>
  <si>
    <t>Sadia Tariq</t>
  </si>
  <si>
    <t>GGPS HAVELI GHATHAN WALI</t>
  </si>
  <si>
    <t>Haveli Ghtian Wali</t>
  </si>
  <si>
    <t>haveli ghtian wali</t>
  </si>
  <si>
    <t>Beron Raja Jung</t>
  </si>
  <si>
    <t>GGPS HAVELI GUJJAR PURA</t>
  </si>
  <si>
    <t>Gujjarpura</t>
  </si>
  <si>
    <t>ggps gujjarpura p/o mona depot teh malakwal dist mandi bahauddin</t>
  </si>
  <si>
    <t>GGPS HAVELI HABEEB ULLAH</t>
  </si>
  <si>
    <t>Haweli Habib-ul-Allah</t>
  </si>
  <si>
    <t>haweli moran wali post office kahana new Lahore</t>
  </si>
  <si>
    <t>Sriach</t>
  </si>
  <si>
    <t>Surriya Begum</t>
  </si>
  <si>
    <t>GGPS HAVELI JANJATAY</t>
  </si>
  <si>
    <t>Haveli Janjaty</t>
  </si>
  <si>
    <t>Haveli Janjaty Adda plot ,Lahore</t>
  </si>
  <si>
    <t>Jia Baga</t>
  </si>
  <si>
    <t>Hafiza Shabina Kousar</t>
  </si>
  <si>
    <t>GGPS HAVELI KAMLAY KHAN</t>
  </si>
  <si>
    <t>Rosa</t>
  </si>
  <si>
    <t>ggps havily kamly khan</t>
  </si>
  <si>
    <t>Havaily Kamly Khan</t>
  </si>
  <si>
    <t>Ram Thamn</t>
  </si>
  <si>
    <t>sehrish amin khan</t>
  </si>
  <si>
    <t>GGPS HAVELI KARIM DAD</t>
  </si>
  <si>
    <t>Havaili Kareem  Dad</t>
  </si>
  <si>
    <t>GGPS Havaili Kareem Dad</t>
  </si>
  <si>
    <t>Havaili Kareem Dad</t>
  </si>
  <si>
    <t>Ththa Kareem Dad</t>
  </si>
  <si>
    <t>GGPS HAVELI KORANGA, ABDUL HAKIM</t>
  </si>
  <si>
    <t>GGPS Haveli Koranga Abdul Hakim</t>
  </si>
  <si>
    <t>Havaily Koranga</t>
  </si>
  <si>
    <t>Syeda Shazia</t>
  </si>
  <si>
    <t>GGPS HAVELI KUMHARAN WALI</t>
  </si>
  <si>
    <t>Haveli Kumharan</t>
  </si>
  <si>
    <t>G.g.p.s. haveli kumharan.wali.</t>
  </si>
  <si>
    <t>Kumharan Wali</t>
  </si>
  <si>
    <t>Hardoshri</t>
  </si>
  <si>
    <t>Shagufta Namet</t>
  </si>
  <si>
    <t>GGPS HAVELI LELIAN WALI</t>
  </si>
  <si>
    <t>Wariyat</t>
  </si>
  <si>
    <t>haveli Lilian wali (wariyat)</t>
  </si>
  <si>
    <t>BUSHARA FATIMA</t>
  </si>
  <si>
    <t>GGPS HAVELI MALIKAN WALI</t>
  </si>
  <si>
    <t>Havali Malkan Wali</t>
  </si>
  <si>
    <t>haveli malkan wali</t>
  </si>
  <si>
    <t>Havali malkan wali</t>
  </si>
  <si>
    <t>Bhamba Klan</t>
  </si>
  <si>
    <t>Rubina Asghar</t>
  </si>
  <si>
    <t>GGPS HAVELI MIAN SHER</t>
  </si>
  <si>
    <t>govt girls primary school havely mian sher lilliani</t>
  </si>
  <si>
    <t>GGPS HAVELI MIAN SHER ALI</t>
  </si>
  <si>
    <t>Hvali Mian Sher Ali</t>
  </si>
  <si>
    <t>Ggps hvali mian shrer Ali</t>
  </si>
  <si>
    <t>GGPS HAVELI MOHINGIR</t>
  </si>
  <si>
    <t>Pharh Pur</t>
  </si>
  <si>
    <t>mouza pharh pur basti dharhan wali thesil 18 hazari district jhang</t>
  </si>
  <si>
    <t>Dharan Wala</t>
  </si>
  <si>
    <t>Madiha Zafar Khan</t>
  </si>
  <si>
    <t>GGPS HAVELI MORAN WALI</t>
  </si>
  <si>
    <t>Havaily Moran Wali</t>
  </si>
  <si>
    <t>Havaily Moran Wali,LHR</t>
  </si>
  <si>
    <t>Haveli Moran Wali</t>
  </si>
  <si>
    <t>Ruqqia Zafar</t>
  </si>
  <si>
    <t>GGPS HAVELI MUNSHI WALI</t>
  </si>
  <si>
    <t>GGPS HAVELI NATHOO WALI</t>
  </si>
  <si>
    <t>Haveli Nathoo Wali</t>
  </si>
  <si>
    <t>haveli nathoo wali qadi wind kasur</t>
  </si>
  <si>
    <t>Kauser Perven</t>
  </si>
  <si>
    <t>GGPS HAVELI PANNAY KHAN</t>
  </si>
  <si>
    <t>havaily pannay Khan baroon raja jang</t>
  </si>
  <si>
    <t>Havaily Pannay  Khan</t>
  </si>
  <si>
    <t>Baroon Raja Jang</t>
  </si>
  <si>
    <t>Zaib U Nisa</t>
  </si>
  <si>
    <t>GGPS HAVELI PHARIAN WALI</t>
  </si>
  <si>
    <t>Haveli Pharian Wali</t>
  </si>
  <si>
    <t>haveli pharian wali</t>
  </si>
  <si>
    <t>Herdo Sahari</t>
  </si>
  <si>
    <t>Kosar Hanif</t>
  </si>
  <si>
    <t>GGPS HAVELI RAMIANA</t>
  </si>
  <si>
    <t>Havely Ramayana</t>
  </si>
  <si>
    <t>havali Ramayana p/o khas tehsil &amp; district kasur</t>
  </si>
  <si>
    <t>Ramyana</t>
  </si>
  <si>
    <t>Hardo Saharif</t>
  </si>
  <si>
    <t>GGPS HAVELI SOHAN SINGH</t>
  </si>
  <si>
    <t>Haveli Sohan Singh</t>
  </si>
  <si>
    <t>haveli sohan singh</t>
  </si>
  <si>
    <t>Musarat Ameen</t>
  </si>
  <si>
    <t>GGPS HAVELI TALIAN WALI</t>
  </si>
  <si>
    <t>haveli telian wali Raja Jung,Distt. Kasur.</t>
  </si>
  <si>
    <t>Haveli Telian Wali</t>
  </si>
  <si>
    <t>Beroon Raja Jung</t>
  </si>
  <si>
    <t>Azra Malik</t>
  </si>
  <si>
    <t>GGPS HAVELI TARKANA WALI</t>
  </si>
  <si>
    <t>GGPS hawaili tarkhana wali</t>
  </si>
  <si>
    <t>Hawaili Tarkhana Wali</t>
  </si>
  <si>
    <t>HUMMARA SHAFAAT</t>
  </si>
  <si>
    <t>GGPS HAVELI TEEKHIAN WALI</t>
  </si>
  <si>
    <t>Teekhina Wali</t>
  </si>
  <si>
    <t>rode Radha kishan havli teekhina wali</t>
  </si>
  <si>
    <t>Hardu Shari</t>
  </si>
  <si>
    <t>ZUBAIDA KOUSER</t>
  </si>
  <si>
    <t>GGPS HAWALLIAN</t>
  </si>
  <si>
    <t>tensile kallar syedan district Rawalpindi.. p.o box banahal pattan</t>
  </si>
  <si>
    <t>Hwailian</t>
  </si>
  <si>
    <t>sabiha tabraiz</t>
  </si>
  <si>
    <t>GGPS HAWELI WALA</t>
  </si>
  <si>
    <t>Thada theem</t>
  </si>
  <si>
    <t>Haveli arain nazad super chowk</t>
  </si>
  <si>
    <t>Haveli wala</t>
  </si>
  <si>
    <t>Munciple Commetti</t>
  </si>
  <si>
    <t>Zarina Bano</t>
  </si>
  <si>
    <t>GGPS HAYAT ABAD CHICHAWATNI</t>
  </si>
  <si>
    <t>Hayat Abad</t>
  </si>
  <si>
    <t>street n0 19 hayat abad</t>
  </si>
  <si>
    <t>GGPS Hayat Muhammad</t>
  </si>
  <si>
    <t>khrar Buzdar tribal area DGKhan</t>
  </si>
  <si>
    <t>Khrar Buzdar</t>
  </si>
  <si>
    <t>Sundas Mustafa</t>
  </si>
  <si>
    <t>GGPS HAYAT PUR</t>
  </si>
  <si>
    <t>Chuchak</t>
  </si>
  <si>
    <t>G.g.p.s hayat Pur</t>
  </si>
  <si>
    <t>GGPS HAYAT PUR NOON BHALWAL</t>
  </si>
  <si>
    <t>Hayat Pur Noon</t>
  </si>
  <si>
    <t>GGPS HAYAT PUR NOON bhalwal</t>
  </si>
  <si>
    <t>M C Bhalwal</t>
  </si>
  <si>
    <t>Safia Kouser</t>
  </si>
  <si>
    <t>GGPS HAYAT SHAH WALA</t>
  </si>
  <si>
    <t>Basti Hayat shah mouza mondka muzaffargarh</t>
  </si>
  <si>
    <t>Hayat Shah</t>
  </si>
  <si>
    <t>Hifza Ali</t>
  </si>
  <si>
    <t>GGPS HAYYAL MIR GALA</t>
  </si>
  <si>
    <t>Hayal Mirgala</t>
  </si>
  <si>
    <t>hayal mirgala p/o choa khalsa teh kalar syedan distt rwp</t>
  </si>
  <si>
    <t>GGPS HAYYAT BUKSH</t>
  </si>
  <si>
    <t>Hayyat Baksh</t>
  </si>
  <si>
    <t>Hayyat Baksh.P.O/ tehsil.kallar Syedan.DISTT.RWP</t>
  </si>
  <si>
    <t>Irfana Anbreen</t>
  </si>
  <si>
    <t>GGPS HAZARA JANUBI</t>
  </si>
  <si>
    <t>Hazara Janubi</t>
  </si>
  <si>
    <t>ggps hazara janubi bhakkar</t>
  </si>
  <si>
    <t>Asia Ahsan</t>
  </si>
  <si>
    <t>GGPS HAZARA SHUMALI</t>
  </si>
  <si>
    <t>hazara shumali dakkhana khas thseil piplan district mainwali</t>
  </si>
  <si>
    <t>asma ameer</t>
  </si>
  <si>
    <t>GGPS HAZOOR BAKHSH</t>
  </si>
  <si>
    <t>GGPS basti hazoor baksh</t>
  </si>
  <si>
    <t>Hazoorbaksh</t>
  </si>
  <si>
    <t>GGPS HAZOOR SINGH</t>
  </si>
  <si>
    <t>Gurmakh Singh</t>
  </si>
  <si>
    <t>Chak hazoor  singh</t>
  </si>
  <si>
    <t>Hazoor Singh</t>
  </si>
  <si>
    <t>GGPS HAZOORI WALA</t>
  </si>
  <si>
    <t>Pirwala</t>
  </si>
  <si>
    <t>Hazoori Wala</t>
  </si>
  <si>
    <t>Jaleel Akhtar</t>
  </si>
  <si>
    <t>GGPS HAZOORI WALA MULTAN</t>
  </si>
  <si>
    <t>cha Hazoori Wala</t>
  </si>
  <si>
    <t>Nishat Parveen</t>
  </si>
  <si>
    <t>GGPS HAZRAT WALA NO. 2</t>
  </si>
  <si>
    <t>KOTLA ESSAN</t>
  </si>
  <si>
    <t>DERA ROAD NEAR GLOBAL COTTOn FACTORY KOTLA Esan</t>
  </si>
  <si>
    <t>GGPS HEAD AMIN GARH</t>
  </si>
  <si>
    <t>Head Amin Garh RYK</t>
  </si>
  <si>
    <t>GGPS HEAD BHADWAL</t>
  </si>
  <si>
    <t>Khan Pur Junabi</t>
  </si>
  <si>
    <t>Govt .Girls.. p/S Head Bhidwal</t>
  </si>
  <si>
    <t>Head  Bhidwal</t>
  </si>
  <si>
    <t>GGPS HEAD PAKKA KIRAR WALA</t>
  </si>
  <si>
    <t>govt girls primary school head pacca mianwali</t>
  </si>
  <si>
    <t>Head Pacca</t>
  </si>
  <si>
    <t>Gul Miri</t>
  </si>
  <si>
    <t>Yasmin Sultana</t>
  </si>
  <si>
    <t>GGPS HEAD TAUNSA SHARIQ SIDE</t>
  </si>
  <si>
    <t>basti shekhan</t>
  </si>
  <si>
    <t>Basti Shekhan</t>
  </si>
  <si>
    <t>Hajrah Rehman</t>
  </si>
  <si>
    <t>GGPS HEAD TOBA</t>
  </si>
  <si>
    <t>Thal Jhndi</t>
  </si>
  <si>
    <t>chak no.165 headtoba. ladhana</t>
  </si>
  <si>
    <t>headtoba</t>
  </si>
  <si>
    <t>Anam Islam</t>
  </si>
  <si>
    <t>GGPS HEDRA</t>
  </si>
  <si>
    <t>Haidra</t>
  </si>
  <si>
    <t>g.g.p.s haidra tehsil hazro district Attock</t>
  </si>
  <si>
    <t>GGPS HEEMAN MEHROOKA</t>
  </si>
  <si>
    <t>GGPS Heeman Mehrooka</t>
  </si>
  <si>
    <t>Machi Sing</t>
  </si>
  <si>
    <t>Wajiha Kiran</t>
  </si>
  <si>
    <t>GGPS HEEMAY WALA</t>
  </si>
  <si>
    <t>Heemay Wal</t>
  </si>
  <si>
    <t>heemay wal p/o khudian khas</t>
  </si>
  <si>
    <t>Marali</t>
  </si>
  <si>
    <t>Razia Rehmat</t>
  </si>
  <si>
    <t>GGPS HEERA JHUN</t>
  </si>
  <si>
    <t>Heera Jhun</t>
  </si>
  <si>
    <t>GGP school Heera jhun p/o kot naina tehsile Shakargarh Dist narowal</t>
  </si>
  <si>
    <t>HEERA JHUN</t>
  </si>
  <si>
    <t>GGPS HEIGHER</t>
  </si>
  <si>
    <t>village haiger p/o hardo dury teh and distt grw</t>
  </si>
  <si>
    <t>Uggo chak</t>
  </si>
  <si>
    <t>Atifa Zafar</t>
  </si>
  <si>
    <t>GGPS HELAN MORE PHALIA</t>
  </si>
  <si>
    <t>Haideri Mohlla</t>
  </si>
  <si>
    <t>Raikay</t>
  </si>
  <si>
    <t>GGPS HELLA KALRRA</t>
  </si>
  <si>
    <t>Hela Kalra</t>
  </si>
  <si>
    <t>g g p s hela kalra</t>
  </si>
  <si>
    <t>Hela Watwan</t>
  </si>
  <si>
    <t>shazia mehmood</t>
  </si>
  <si>
    <t>GGPS HERAPUR</t>
  </si>
  <si>
    <t>Herapur</t>
  </si>
  <si>
    <t>village herapur near dullanwala retail kharian</t>
  </si>
  <si>
    <t>NAFEESA LIAQAT</t>
  </si>
  <si>
    <t>GGPS HERCHOKI HITTAR</t>
  </si>
  <si>
    <t>Herchoki Hithar</t>
  </si>
  <si>
    <t>GGPS Herchoki Hithar</t>
  </si>
  <si>
    <t>sughra mansha</t>
  </si>
  <si>
    <t>GGPS HERDO KE MUHAMMAD</t>
  </si>
  <si>
    <t>Herdo Muhammad Ke Muhammad Ke</t>
  </si>
  <si>
    <t>village Herdo Muhammad ke p.o khudian khas t/d kasur</t>
  </si>
  <si>
    <t>Herdo  Muhammad Ke</t>
  </si>
  <si>
    <t>GGPS HERDO MALLI</t>
  </si>
  <si>
    <t>Herdomaly</t>
  </si>
  <si>
    <t>ggps herdomaly</t>
  </si>
  <si>
    <t>China Verkan</t>
  </si>
  <si>
    <t>Shagufta Naseem</t>
  </si>
  <si>
    <t>GGPS HERDO RATTA</t>
  </si>
  <si>
    <t>Herdoratta</t>
  </si>
  <si>
    <t>Herdoratta tehsil pindi bhattian district Hafizabad</t>
  </si>
  <si>
    <t>Lubna Ishaq</t>
  </si>
  <si>
    <t>GGPS HERDO SAHARI</t>
  </si>
  <si>
    <t>herdo sahari otar</t>
  </si>
  <si>
    <t>Qaisara Parveen</t>
  </si>
  <si>
    <t>GGPS HERDOO THAHEEM</t>
  </si>
  <si>
    <t>Herdoothaheem</t>
  </si>
  <si>
    <t>g.g.p.s herdoothaheem post office ameerpursadat</t>
  </si>
  <si>
    <t>Ameerpursadat</t>
  </si>
  <si>
    <t>Sumaira Saleem Qaiser</t>
  </si>
  <si>
    <t>GGPS HERGAN</t>
  </si>
  <si>
    <t>Hargan</t>
  </si>
  <si>
    <t>Village Hargan.Tahsil Pasrur.Distt.Sialkot.</t>
  </si>
  <si>
    <t>Zeba Naheed</t>
  </si>
  <si>
    <t>GGPS HERNANWALI</t>
  </si>
  <si>
    <t>Haranawali</t>
  </si>
  <si>
    <t>haranawali po box mehrajkey tehsil pasrur district sialkot</t>
  </si>
  <si>
    <t>Bajra Ghari</t>
  </si>
  <si>
    <t>Adeela</t>
  </si>
  <si>
    <t>GGPS HERSA BULLAH NO 1</t>
  </si>
  <si>
    <t>Harsa Bullah</t>
  </si>
  <si>
    <t>moza harsa bullah jhang road chiniot</t>
  </si>
  <si>
    <t>Sahrish Nawaz</t>
  </si>
  <si>
    <t>GGPS HERSA NEHRA</t>
  </si>
  <si>
    <t>Hersa Nehra</t>
  </si>
  <si>
    <t>Hersa Nehra p/o muhammdi sharife</t>
  </si>
  <si>
    <t>Kurak Muhammdi</t>
  </si>
  <si>
    <t>Ruqyia Perveen</t>
  </si>
  <si>
    <t>GGPS HERVANCE PUR</t>
  </si>
  <si>
    <t>Harvaincepor</t>
  </si>
  <si>
    <t>village harvaincepor tehsil pasrur distt sialkot</t>
  </si>
  <si>
    <t>Naseeran Bibi</t>
  </si>
  <si>
    <t>GGPS HERYAL</t>
  </si>
  <si>
    <t>Heryal</t>
  </si>
  <si>
    <t>Govt. girls primary school heryal post office bheko Chak tehsil SKG.</t>
  </si>
  <si>
    <t>Nosheen Arshid</t>
  </si>
  <si>
    <t>GGPS HIGHWAY COLONY</t>
  </si>
  <si>
    <t>Highway Colony</t>
  </si>
  <si>
    <t>GGPS Highway Colony</t>
  </si>
  <si>
    <t>Highway Colony city</t>
  </si>
  <si>
    <t>Urban-21</t>
  </si>
  <si>
    <t>Nusrat Shakeela</t>
  </si>
  <si>
    <t>GGPS HILTOPA</t>
  </si>
  <si>
    <t>Village HillTopa Post Office Mallot Sattian Teh Kotli Sattian Dist RWP</t>
  </si>
  <si>
    <t>HillTopa</t>
  </si>
  <si>
    <t>GGPS HIMMAT SHAH</t>
  </si>
  <si>
    <t>ggps himatshah</t>
  </si>
  <si>
    <t>Himatshah</t>
  </si>
  <si>
    <t>Rabia Manzoor</t>
  </si>
  <si>
    <t>GGPS HINDAL KHEL</t>
  </si>
  <si>
    <t>GGPS Hindalkhel p/o sultankhel teh esakhel dist mianwali</t>
  </si>
  <si>
    <t>Amna Azmatullah</t>
  </si>
  <si>
    <t>GGPS HINDAL WALA</t>
  </si>
  <si>
    <t>Hindal Wala</t>
  </si>
  <si>
    <t>ggps hindal wala moza hindal wala po mochh teh distt mianwali</t>
  </si>
  <si>
    <t>GGPS HINDRAN WALA</t>
  </si>
  <si>
    <t>post office Dullewala wala tiba haindana wala</t>
  </si>
  <si>
    <t>Haindana Wala</t>
  </si>
  <si>
    <t>shaheen kusar</t>
  </si>
  <si>
    <t>GGPS HINJRA ABAD</t>
  </si>
  <si>
    <t>Hunjrai mustakil sharqi</t>
  </si>
  <si>
    <t>maoza hunjrai mustaqil sharqi</t>
  </si>
  <si>
    <t>isran wala</t>
  </si>
  <si>
    <t>Ahsan pur</t>
  </si>
  <si>
    <t>Rida fatima</t>
  </si>
  <si>
    <t>GGPS HIRAJ PONARANG</t>
  </si>
  <si>
    <t>village haraj v p o narang chakwal</t>
  </si>
  <si>
    <t>Furhan Batool Syed</t>
  </si>
  <si>
    <t>GGPS HIRAN WALA KALAN</t>
  </si>
  <si>
    <t>Heranwala alan</t>
  </si>
  <si>
    <t>Haranwala kalan</t>
  </si>
  <si>
    <t>Heranwala kalan</t>
  </si>
  <si>
    <t>joura sian</t>
  </si>
  <si>
    <t>GGPS HIRAN WALA KHURD</t>
  </si>
  <si>
    <t>Hairanwala Khurd</t>
  </si>
  <si>
    <t>Hairanwala  Khurd</t>
  </si>
  <si>
    <t>Maria Razzaq</t>
  </si>
  <si>
    <t>GGPS HJYIAL</t>
  </si>
  <si>
    <t>Hajial</t>
  </si>
  <si>
    <t>ggps hajial po tharpal Teh District chakwal</t>
  </si>
  <si>
    <t>Miss Asia Batool</t>
  </si>
  <si>
    <t>GGPS HOKRA</t>
  </si>
  <si>
    <t>village hokra post office new murree teh murree dist rwp</t>
  </si>
  <si>
    <t>Huma Jabeen</t>
  </si>
  <si>
    <t>GGPS HOOLAN WALI</t>
  </si>
  <si>
    <t>HolanWali Moza fateh pur</t>
  </si>
  <si>
    <t>Holan Wali</t>
  </si>
  <si>
    <t>GGPS HOON</t>
  </si>
  <si>
    <t>village Hoon PO. Hoon Rawalpindi</t>
  </si>
  <si>
    <t>GGPS HOSHIANA P/O NAI WALA'</t>
  </si>
  <si>
    <t>ChapranWala</t>
  </si>
  <si>
    <t>GGPS Basti Hoshiana nai wala Multan sadar</t>
  </si>
  <si>
    <t>Basti Hoshiana</t>
  </si>
  <si>
    <t>Johk Lashkarpur</t>
  </si>
  <si>
    <t>GGPS HOSI HERAJ, P/O KOT ISLAM, ABDUL HAKIM</t>
  </si>
  <si>
    <t>Hosi Hraj</t>
  </si>
  <si>
    <t>mouza hosi hraj kot islam kabirwala</t>
  </si>
  <si>
    <t>Javaria Bibi</t>
  </si>
  <si>
    <t>GGPS HOSPITAL MOCHI WALA</t>
  </si>
  <si>
    <t>GGPS Ada Hospital Mochiwala</t>
  </si>
  <si>
    <t>Ada Hospital Mochiwala</t>
  </si>
  <si>
    <t>GGPS HOTERIAN</t>
  </si>
  <si>
    <t>Birgran</t>
  </si>
  <si>
    <t>markaz sehr bagla</t>
  </si>
  <si>
    <t>Hoterian</t>
  </si>
  <si>
    <t>GGPS HOUSING COLONY 1 SAMUNDRI</t>
  </si>
  <si>
    <t>Salaughter House</t>
  </si>
  <si>
    <t>housing colony no1 samundri</t>
  </si>
  <si>
    <t>Mc samundri</t>
  </si>
  <si>
    <t>Farida Yasmin Gill</t>
  </si>
  <si>
    <t>GGPS HOUSING SCHEME</t>
  </si>
  <si>
    <t>Housing Scheme Burewala</t>
  </si>
  <si>
    <t>Zahida Sharif</t>
  </si>
  <si>
    <t>GGPS HUBI PUR</t>
  </si>
  <si>
    <t>Hubipur Pur</t>
  </si>
  <si>
    <t>Hubipur, Zafarwal, Narowal</t>
  </si>
  <si>
    <t>Hubipur</t>
  </si>
  <si>
    <t>Bushra Shahbaz</t>
  </si>
  <si>
    <t>GGPS HUDDAY WALA</t>
  </si>
  <si>
    <t>chah padi Wala moza dya chokha sharqi</t>
  </si>
  <si>
    <t>Padi Wala</t>
  </si>
  <si>
    <t>farhana fakhar</t>
  </si>
  <si>
    <t>GGPS HUJJAN</t>
  </si>
  <si>
    <t>GGPS Hujjan</t>
  </si>
  <si>
    <t>Thatha Karimdad</t>
  </si>
  <si>
    <t>Tayyba Khalid</t>
  </si>
  <si>
    <t>GGPS HUJRAH LALIAN</t>
  </si>
  <si>
    <t>Ggps  Hujrah</t>
  </si>
  <si>
    <t>Hujrah</t>
  </si>
  <si>
    <t>GGPS HUMAYOON WALA</t>
  </si>
  <si>
    <t>Gurmani Sherqi</t>
  </si>
  <si>
    <t>bsti gamoon wala</t>
  </si>
  <si>
    <t>Kainat Fatima</t>
  </si>
  <si>
    <t>GGPS HUMBLE WALA</t>
  </si>
  <si>
    <t>Humble Wala</t>
  </si>
  <si>
    <t>basti humble wala</t>
  </si>
  <si>
    <t>Gahimammar</t>
  </si>
  <si>
    <t>Saima Jamshaid</t>
  </si>
  <si>
    <t>GGPS HUMMAL</t>
  </si>
  <si>
    <t>Hamal</t>
  </si>
  <si>
    <t>Basti hamal p/o kathgarh tehsil tunsa sharif disst.dgk</t>
  </si>
  <si>
    <t>Basti Hamal</t>
  </si>
  <si>
    <t>Babbi</t>
  </si>
  <si>
    <t>Rehana Abid</t>
  </si>
  <si>
    <t>GGPS HUNJRA</t>
  </si>
  <si>
    <t>vpo Hunjra tehsil and district gujrat</t>
  </si>
  <si>
    <t>Chak Manjoo</t>
  </si>
  <si>
    <t>GGPS HUNJRAI KHURD</t>
  </si>
  <si>
    <t>Hanjrai Khurd</t>
  </si>
  <si>
    <t>hanjrai khurd</t>
  </si>
  <si>
    <t>Hanjrai Kalan</t>
  </si>
  <si>
    <t>Afshan Arshad  Head Teacher</t>
  </si>
  <si>
    <t>GGPS HUSSAIN ABAD KHAS</t>
  </si>
  <si>
    <t>Zarina Parveen</t>
  </si>
  <si>
    <t>GGPS HUSSAIN ABAD NO.2 ABDUL HAKIM</t>
  </si>
  <si>
    <t>Husain Abad Awal</t>
  </si>
  <si>
    <t>Hashmat wala,Husain Husain Abad Awal Teh kabirewala distr khanewal</t>
  </si>
  <si>
    <t>Hashmatwala</t>
  </si>
  <si>
    <t>HUMERA NAUREEN</t>
  </si>
  <si>
    <t>GGPS HUSSAIN ABAD SAHIWAL</t>
  </si>
  <si>
    <t>g g p school husssainabad</t>
  </si>
  <si>
    <t>MC Sahiwal</t>
  </si>
  <si>
    <t>GGPS HUSSAIN ABAD TANDLIANWALA</t>
  </si>
  <si>
    <t>MOHALA</t>
  </si>
  <si>
    <t>GGPS HUSSAIN ABAD OKARA ROAD TEHSIL TANDLIANWALA</t>
  </si>
  <si>
    <t>Hussaina Bad</t>
  </si>
  <si>
    <t>Ghazala Asghar</t>
  </si>
  <si>
    <t>GGPS HUSSAIN COLONY</t>
  </si>
  <si>
    <t>Hussain colony</t>
  </si>
  <si>
    <t>Nasreen Ahktar</t>
  </si>
  <si>
    <t>GGPS HUSSAIN KHAN NO 2</t>
  </si>
  <si>
    <t>Hussain Khan</t>
  </si>
  <si>
    <t>mouza hussain khan</t>
  </si>
  <si>
    <t>Kishwar Naz</t>
  </si>
  <si>
    <t>GGPS HUSSAIN NAGAR</t>
  </si>
  <si>
    <t>husain nagar teh sambrial dis sialkot</t>
  </si>
  <si>
    <t>Husain Nagar</t>
  </si>
  <si>
    <t>GGPS HUSSAIN PUR ARI WALA, TULAMBA</t>
  </si>
  <si>
    <t>Husain Pur Ari Wala</t>
  </si>
  <si>
    <t>ggps Husain pur Ari Wala</t>
  </si>
  <si>
    <t>9-B/8R</t>
  </si>
  <si>
    <t>Sajida Noreen</t>
  </si>
  <si>
    <t>GGPS HUSSAKE SANI</t>
  </si>
  <si>
    <t>Husseki Sani</t>
  </si>
  <si>
    <t>Matteki</t>
  </si>
  <si>
    <t>GGPS HYDER WALA</t>
  </si>
  <si>
    <t>Khair Pur Sadaat</t>
  </si>
  <si>
    <t>bastii badanii hydar wala p/o khair pur sadaat</t>
  </si>
  <si>
    <t>Hyder Wala</t>
  </si>
  <si>
    <t>GGPS HYDERABAD</t>
  </si>
  <si>
    <t>Laal Baghali</t>
  </si>
  <si>
    <t>Basti Hyderabad, Mouza Laal Baghali, Tehsil Kahror Pakka, Distt. Lodhran.</t>
  </si>
  <si>
    <t>Basti Hyderabad</t>
  </si>
  <si>
    <t>Nadia Bagum</t>
  </si>
  <si>
    <t>GGPS IBRAHIM KHAN WALA</t>
  </si>
  <si>
    <t>basti Baarra Mashori, P/O Mehmood Kot Town</t>
  </si>
  <si>
    <t>Baarra Mashori</t>
  </si>
  <si>
    <t>Fouzia Munir</t>
  </si>
  <si>
    <t>GGPS ICHRIAL</t>
  </si>
  <si>
    <t>Ichral</t>
  </si>
  <si>
    <t>village ichrall post office gagen fateh jang attock</t>
  </si>
  <si>
    <t>Ichrall</t>
  </si>
  <si>
    <t>Shakeela Rohi</t>
  </si>
  <si>
    <t>GGPS IFTIKHAR WALA</t>
  </si>
  <si>
    <t>r.wsli tehsil and district m.garh</t>
  </si>
  <si>
    <t>Gagry Wala</t>
  </si>
  <si>
    <t>Rwali</t>
  </si>
  <si>
    <t>Razia Qamar</t>
  </si>
  <si>
    <t>GGPS IHSAAN PEER WALA</t>
  </si>
  <si>
    <t>AHSAN PIR WALA, TEHSIL KAROR LAL EASON DISTRICT LAYYAH.</t>
  </si>
  <si>
    <t>AHSAN PIR WALA</t>
  </si>
  <si>
    <t>najma kalsoom</t>
  </si>
  <si>
    <t>GGPS IKHLAS</t>
  </si>
  <si>
    <t>VPO Ikhlas</t>
  </si>
  <si>
    <t>GGPS IKRAM CHAK 330 GB SAMANABAD</t>
  </si>
  <si>
    <t>33ogb Samanabad</t>
  </si>
  <si>
    <t>chak no 330 gb samanabad</t>
  </si>
  <si>
    <t>330gb Samanabad</t>
  </si>
  <si>
    <t>330gb Kotly</t>
  </si>
  <si>
    <t>Naheed Nazar</t>
  </si>
  <si>
    <t>GGPS ILLYAS WALA</t>
  </si>
  <si>
    <t>Khokhr</t>
  </si>
  <si>
    <t>p.o mehmood kot basti khandoya moza khokhr tehsil kot addu distt muzaffargarh</t>
  </si>
  <si>
    <t>Basti khandoya</t>
  </si>
  <si>
    <t>Syeda Masooma Nisar</t>
  </si>
  <si>
    <t>GGPS ILMI KHEL</t>
  </si>
  <si>
    <t>wandha allami khel kamar mushani</t>
  </si>
  <si>
    <t>Wandha Almi Khel</t>
  </si>
  <si>
    <t>Asma Ahmed</t>
  </si>
  <si>
    <t>GGPS IMAM BUKHASH CHANDIA</t>
  </si>
  <si>
    <t>basti imam bux chandia</t>
  </si>
  <si>
    <t>Imam Bux Chandia</t>
  </si>
  <si>
    <t>NOSHEEN SAIF</t>
  </si>
  <si>
    <t>GGPS IMAM DIN WALA</t>
  </si>
  <si>
    <t>Bhor Shareef</t>
  </si>
  <si>
    <t>wandha imamdin wala</t>
  </si>
  <si>
    <t>Imamdin Wala</t>
  </si>
  <si>
    <t>GGPS IMAM SHAH</t>
  </si>
  <si>
    <t>ggps imam shah moza azeem shah</t>
  </si>
  <si>
    <t>Basti Karam hussain Shah</t>
  </si>
  <si>
    <t>safia bibi</t>
  </si>
  <si>
    <t>GGPS IMAMIA COLONY</t>
  </si>
  <si>
    <t>Imamia Colony</t>
  </si>
  <si>
    <t>imamia colony ferozwala district sheikhupura</t>
  </si>
  <si>
    <t>Sumera Gulnaz</t>
  </si>
  <si>
    <t>GGPS IMTIAZ ABAD</t>
  </si>
  <si>
    <t>Basti machi wala Sumra Nashaib Layyah</t>
  </si>
  <si>
    <t>Ruqia Sultana</t>
  </si>
  <si>
    <t>GGPS INAYAT PUR</t>
  </si>
  <si>
    <t>anayat pur</t>
  </si>
  <si>
    <t>ggps annayat pur</t>
  </si>
  <si>
    <t>ikhlas pur</t>
  </si>
  <si>
    <t>Misbah  Aslam</t>
  </si>
  <si>
    <t>GGPS INAYAT PUR NASIR NAGAR MULTAN</t>
  </si>
  <si>
    <t>Adda bund bosan Anayat pur nasir nagar</t>
  </si>
  <si>
    <t>Anayat pur</t>
  </si>
  <si>
    <t>Kousar Bukhari</t>
  </si>
  <si>
    <t>GGPS INAYAT PUR NO.1 KABIRWALA</t>
  </si>
  <si>
    <t>mustajri wala moza inayat pur</t>
  </si>
  <si>
    <t>Mustajri Wala</t>
  </si>
  <si>
    <t>Iffat Rasheed</t>
  </si>
  <si>
    <t>GGPS INAYAT PUR NO.2 KABIRWALA</t>
  </si>
  <si>
    <t>Inayat Pur Post office Haji Pur Tehsil Kabirwala</t>
  </si>
  <si>
    <t>Ianayat Pur</t>
  </si>
  <si>
    <t>Moonganwala</t>
  </si>
  <si>
    <t>GGPS INJRA AFGHANA</t>
  </si>
  <si>
    <t>Ggps injra afghan</t>
  </si>
  <si>
    <t>Injra Afghan</t>
  </si>
  <si>
    <t>Zar nisa</t>
  </si>
  <si>
    <t>GGPS IQBAL ABAD</t>
  </si>
  <si>
    <t>IQBAL Abad</t>
  </si>
  <si>
    <t>GGPS IQBAL COLONY BHALWAL</t>
  </si>
  <si>
    <t>Iqbal Colony</t>
  </si>
  <si>
    <t>iqbal colony</t>
  </si>
  <si>
    <t>GGPS IQBAL MODEL DASTGEER COLONY AMIN TOWN</t>
  </si>
  <si>
    <t>Dastagir Colony</t>
  </si>
  <si>
    <t>street no 7 dastagir colony amin town</t>
  </si>
  <si>
    <t>GGPS IQBAL NAGAR NEW</t>
  </si>
  <si>
    <t>Umrana Shumali</t>
  </si>
  <si>
    <t>GGPS IQBAL NAGAR MARKAZ MACHIWAL</t>
  </si>
  <si>
    <t>7/2thal Shumali</t>
  </si>
  <si>
    <t>Sumira Batool</t>
  </si>
  <si>
    <t>GGPS IQBAL PURA</t>
  </si>
  <si>
    <t>MaharSharif</t>
  </si>
  <si>
    <t>GGPS Iqbalpura MaharSharif Tahseel Chishtian</t>
  </si>
  <si>
    <t>Basti Iqbalpura</t>
  </si>
  <si>
    <t>Tahira Sadiq</t>
  </si>
  <si>
    <t>GGPS IQBAL SHAH WALA</t>
  </si>
  <si>
    <t>Asifa Nousheen</t>
  </si>
  <si>
    <t>GGPS IQBAL TOWN FSD</t>
  </si>
  <si>
    <t>Iqbal Twon</t>
  </si>
  <si>
    <t>iqbal twon fsd</t>
  </si>
  <si>
    <t>Saima Akram</t>
  </si>
  <si>
    <t>GGPS IQBAL ZAILDAR (DHOK GHAZI KEHL)</t>
  </si>
  <si>
    <t>stala more po dhibba karsial mianwali</t>
  </si>
  <si>
    <t>Stala More</t>
  </si>
  <si>
    <t>GGPS IQRA CHAK NO. 60/DB</t>
  </si>
  <si>
    <t>Chak 60db</t>
  </si>
  <si>
    <t>chak no 60 d.b</t>
  </si>
  <si>
    <t>Chak 60 Db</t>
  </si>
  <si>
    <t>Rukhsana Ashraf</t>
  </si>
  <si>
    <t>GGPS IQRA CHAK NO.117/DB JADEED BASTI</t>
  </si>
  <si>
    <t>Chak 117 d.b bastee jadeed tailwala</t>
  </si>
  <si>
    <t>117/db Bastee Jadeed</t>
  </si>
  <si>
    <t>GGPS IQRA CHAK NO.50/DB (E) COLONY</t>
  </si>
  <si>
    <t>basti muslimabad chak no 50db E</t>
  </si>
  <si>
    <t>50db</t>
  </si>
  <si>
    <t>Nafees Abdul Rehman</t>
  </si>
  <si>
    <t>GGPS IQRA GHAREEB ABAD</t>
  </si>
  <si>
    <t>GGP/S Iqra Ghreeb Abad Hasilpur</t>
  </si>
  <si>
    <t>GhreebAbad</t>
  </si>
  <si>
    <t>GGPS IQRA WASU JANUBI</t>
  </si>
  <si>
    <t>village Wasu Mandibahauddin</t>
  </si>
  <si>
    <t>Farzana Shoukat</t>
  </si>
  <si>
    <t>GGPS ISALAM PURA MOCHH</t>
  </si>
  <si>
    <t>mohallah islampora mochh p/o.mochh</t>
  </si>
  <si>
    <t>Aleena Ashfaq</t>
  </si>
  <si>
    <t>GGPS ISHAQ WALA</t>
  </si>
  <si>
    <t>Ajub arain</t>
  </si>
  <si>
    <t>ggp/s ishaq wala</t>
  </si>
  <si>
    <t>bahawal nala</t>
  </si>
  <si>
    <t>gull qaim mustui</t>
  </si>
  <si>
    <t>SYEDA Um-ul-Banin</t>
  </si>
  <si>
    <t>GGPS ISHRI SINGH WALA</t>
  </si>
  <si>
    <t>Ishri Sing</t>
  </si>
  <si>
    <t>GGPS ishri sing wala</t>
  </si>
  <si>
    <t>Ishri Singh</t>
  </si>
  <si>
    <t>Roa khan Wala</t>
  </si>
  <si>
    <t>GGPS ISLAM ABAD KHUSHAB</t>
  </si>
  <si>
    <t>Husainbad</t>
  </si>
  <si>
    <t>mohalla husiasbad</t>
  </si>
  <si>
    <t>GGPS ISLAM NAGAR CHAK ISLAM NAGAR 131 EB</t>
  </si>
  <si>
    <t>Chak Islam nagar p/o 131/EB Teh Arifwala Dist. Pakpattan.</t>
  </si>
  <si>
    <t>Moin Kote</t>
  </si>
  <si>
    <t>GGPS ISLAM NAGAR HAVELI</t>
  </si>
  <si>
    <t>Haveli city</t>
  </si>
  <si>
    <t>Ggps islam nagar</t>
  </si>
  <si>
    <t>Rafia paerveen</t>
  </si>
  <si>
    <t>GGPS ISLAM NAGAR NO. 1</t>
  </si>
  <si>
    <t>khichian basti</t>
  </si>
  <si>
    <t>Khichian Vasti</t>
  </si>
  <si>
    <t>Rohja Wali</t>
  </si>
  <si>
    <t>Um-e-kalsoom</t>
  </si>
  <si>
    <t>GGPS ISLAM NAGAR SILLANWALI</t>
  </si>
  <si>
    <t>mahla islamnagar sillanwali</t>
  </si>
  <si>
    <t>Mahla Islamagar</t>
  </si>
  <si>
    <t>GGPS ISLAM NAGGAR</t>
  </si>
  <si>
    <t>Islam Naggar</t>
  </si>
  <si>
    <t>Mohallah Islam Naggar Darya Khan Dist Bhakkar</t>
  </si>
  <si>
    <t>Darya Khan-2</t>
  </si>
  <si>
    <t>Jazba Saroosh</t>
  </si>
  <si>
    <t>GGPS ISLAM PUR NASHEEB</t>
  </si>
  <si>
    <t>Islam Pur Nasheeb1</t>
  </si>
  <si>
    <t>Islam pur nasheeb p.o. haso balial tassel Ahmed pur sail distic ham
jhang</t>
  </si>
  <si>
    <t>Islam Pur Nasheeb</t>
  </si>
  <si>
    <t>Fatah Pur Peratii</t>
  </si>
  <si>
    <t>Shazia Khan</t>
  </si>
  <si>
    <t>GGPS ISLAM PURA KUSHAB</t>
  </si>
  <si>
    <t>rana chowk islampura khushab</t>
  </si>
  <si>
    <t>GGPS ISLAM PURA WILSON PUR</t>
  </si>
  <si>
    <t>Islampora</t>
  </si>
  <si>
    <t>ggps islampora wilsonpor</t>
  </si>
  <si>
    <t>Noor ul ain riaz</t>
  </si>
  <si>
    <t>GGPS ISLAM WALA (De-consolidated April-2016)</t>
  </si>
  <si>
    <t>Bahadur Town</t>
  </si>
  <si>
    <t>GGPS Islam wala jhang</t>
  </si>
  <si>
    <t>Chah Dinar Wala</t>
  </si>
  <si>
    <t>GGPS ISLAMABAD</t>
  </si>
  <si>
    <t>Vehnival Tha</t>
  </si>
  <si>
    <t>Govt girls primary school Islamabad.</t>
  </si>
  <si>
    <t>Dhuhdi Wala</t>
  </si>
  <si>
    <t>GGPS ISLAMABAD MORE</t>
  </si>
  <si>
    <t>islamabad mor</t>
  </si>
  <si>
    <t>GGPS ISLAMABAD SADDAR SHAMALI</t>
  </si>
  <si>
    <t>Hadriya chowk Block D, Dgk</t>
  </si>
  <si>
    <t>Dgk</t>
  </si>
  <si>
    <t>Uma-Salma</t>
  </si>
  <si>
    <t>GGPS ISLAMIA MODEL SAMANABAD</t>
  </si>
  <si>
    <t>GG islamia model primary school near Bismillah park samanabad</t>
  </si>
  <si>
    <t>Shabila Tarnnum</t>
  </si>
  <si>
    <t>GGPS ISLAMIA PUNJ PEER MUGHAL PURA</t>
  </si>
  <si>
    <t>Punj Peer</t>
  </si>
  <si>
    <t>ggps islamia punj peer mugal pura</t>
  </si>
  <si>
    <t>punj Peer</t>
  </si>
  <si>
    <t>Amra Sohail</t>
  </si>
  <si>
    <t>GGPS ISMAEL PUR</t>
  </si>
  <si>
    <t>Ismail Pur</t>
  </si>
  <si>
    <t>moza Ismail pur dak khana hateji tahseel APE zillahBWP</t>
  </si>
  <si>
    <t>GGPS ISMAIL</t>
  </si>
  <si>
    <t>Ismail</t>
  </si>
  <si>
    <t>district attock tehsil fateh jang p/o kot fateh khan village ismail</t>
  </si>
  <si>
    <t>Bibi Kinzulhasnat</t>
  </si>
  <si>
    <t>GGPS ISMAIL JHANDEER</t>
  </si>
  <si>
    <t>Kotli Wajwah</t>
  </si>
  <si>
    <t>moza Kotli wajwah tehseel lodhran district lodhran</t>
  </si>
  <si>
    <t>Ismaeel Jhandeer</t>
  </si>
  <si>
    <t>GGPS ISMAIL PUR</t>
  </si>
  <si>
    <t>ismail pur</t>
  </si>
  <si>
    <t>Riffat Faza</t>
  </si>
  <si>
    <t>GGPS ISMAIL WALA</t>
  </si>
  <si>
    <t>barhaman basti alurid mehmood kot</t>
  </si>
  <si>
    <t>Barhamn Wala</t>
  </si>
  <si>
    <t>Sobia Yasmin</t>
  </si>
  <si>
    <t>GGPS ISMAILIA</t>
  </si>
  <si>
    <t>Ismailiya</t>
  </si>
  <si>
    <t>village ismailia tehsil hassanabdal district attock</t>
  </si>
  <si>
    <t>Ismailia</t>
  </si>
  <si>
    <t>Misbah Ul Ain Bibi</t>
  </si>
  <si>
    <t>GGPS ISPLANGI</t>
  </si>
  <si>
    <t>ISPALANGI</t>
  </si>
  <si>
    <t>ISPALANGI P/O VEHOVA</t>
  </si>
  <si>
    <t>khadeja baloch</t>
  </si>
  <si>
    <t>GGPS ISRAI PUR</t>
  </si>
  <si>
    <t>GGPS israipur</t>
  </si>
  <si>
    <t>Aziza Bad</t>
  </si>
  <si>
    <t>Sadiq ABad</t>
  </si>
  <si>
    <t>Rameem Bibi</t>
  </si>
  <si>
    <t>GGPS ISRANI</t>
  </si>
  <si>
    <t>p/o Israni tehsil khairpur district bahawalpur</t>
  </si>
  <si>
    <t>GGPS ISSA NAGAR</t>
  </si>
  <si>
    <t>Issa Nager</t>
  </si>
  <si>
    <t>ggps issa nager</t>
  </si>
  <si>
    <t>Sagodha</t>
  </si>
  <si>
    <t>Mc Factory Area</t>
  </si>
  <si>
    <t>GGPS ITTIFAQ PURA</t>
  </si>
  <si>
    <t>Ittifaq Pura</t>
  </si>
  <si>
    <t>mohallah ittifaqpura near railwayline sialkot</t>
  </si>
  <si>
    <t>Pindi Araian</t>
  </si>
  <si>
    <t>Samina Sadeeq</t>
  </si>
  <si>
    <t>GGPS JAAFAR ABAD</t>
  </si>
  <si>
    <t>Qaiser Ghazlani</t>
  </si>
  <si>
    <t>Basti Mohsin Abad, Moza qaiser ghazlani</t>
  </si>
  <si>
    <t>Mohsin Abad</t>
  </si>
  <si>
    <t>M/c Jatoi</t>
  </si>
  <si>
    <t>Mustabshra Khurshed</t>
  </si>
  <si>
    <t>GGPS JAAL WALA</t>
  </si>
  <si>
    <t>TIBBA CHANDIA</t>
  </si>
  <si>
    <t>BASTI MEERANI KOT TAHIR</t>
  </si>
  <si>
    <t>BASTI MEERANI</t>
  </si>
  <si>
    <t>Nadia Haider</t>
  </si>
  <si>
    <t>GGPS JAAM JAN MUHAMMAD</t>
  </si>
  <si>
    <t>kachi mandi lqp</t>
  </si>
  <si>
    <t>Jam Jan Muhammad</t>
  </si>
  <si>
    <t>Saddiqa Bano</t>
  </si>
  <si>
    <t>GGPS JABA (ATTOCK)</t>
  </si>
  <si>
    <t>village Jaba attock</t>
  </si>
  <si>
    <t>GGPS JABA DAKHLI SARWALA</t>
  </si>
  <si>
    <t>GGPS JABA DAKHALI SARWALA DHOK PATHAN</t>
  </si>
  <si>
    <t>SARWALA</t>
  </si>
  <si>
    <t>Shin Bagh</t>
  </si>
  <si>
    <t>GGPS JABBAR DERVAISH</t>
  </si>
  <si>
    <t>Jabber DERVAISH</t>
  </si>
  <si>
    <t>Jabber dervaish</t>
  </si>
  <si>
    <t>Jabber</t>
  </si>
  <si>
    <t>GGPS JABLLAY WALA</t>
  </si>
  <si>
    <t>mjaldi wala</t>
  </si>
  <si>
    <t>Basti kasai wala Moza Mujaldi wala district Lodhran</t>
  </si>
  <si>
    <t>basti kasai wala</t>
  </si>
  <si>
    <t>Danwaran</t>
  </si>
  <si>
    <t>GGPS JABOKA NO.1</t>
  </si>
  <si>
    <t>GGPS JADDA MAIN BAZAR SHAHDARA</t>
  </si>
  <si>
    <t>main bazar shahdara town lahore</t>
  </si>
  <si>
    <t>Fareeha Saeed</t>
  </si>
  <si>
    <t>GGPS JADEED COLONY HASILPUR</t>
  </si>
  <si>
    <t>Hasilpur 2</t>
  </si>
  <si>
    <t>chak 62f Jadeed colony</t>
  </si>
  <si>
    <t>Chak 62f</t>
  </si>
  <si>
    <t>GGPS JADEED KAHEERI</t>
  </si>
  <si>
    <t>Kaheeri Snawan</t>
  </si>
  <si>
    <t>basti Hajipur</t>
  </si>
  <si>
    <t>Basti Hajipur</t>
  </si>
  <si>
    <t>GGPS JADEED NO. 2 LALIAN</t>
  </si>
  <si>
    <t>Lalian District Chiniot</t>
  </si>
  <si>
    <t>Kausar Shehnaz</t>
  </si>
  <si>
    <t>GGPS JADEED TAPPAY WALA</t>
  </si>
  <si>
    <t>near lateef abad p/o sinawan kot adu</t>
  </si>
  <si>
    <t>Chah Tappah</t>
  </si>
  <si>
    <t>GGPS JADHA</t>
  </si>
  <si>
    <t>Jadha</t>
  </si>
  <si>
    <t>Village jadha tehsil pasrus district sialkot</t>
  </si>
  <si>
    <t>Rabia Zafar Sandho</t>
  </si>
  <si>
    <t>GGPS JADO LAKH</t>
  </si>
  <si>
    <t>jado Lakh</t>
  </si>
  <si>
    <t>Jado Lakh</t>
  </si>
  <si>
    <t>GHULAM FATIMA QAISRANI</t>
  </si>
  <si>
    <t>GGPS JAFAR PUR</t>
  </si>
  <si>
    <t>basti Jafar pur</t>
  </si>
  <si>
    <t>Basti Jafar Pur</t>
  </si>
  <si>
    <t>Yasmeen Kanwal</t>
  </si>
  <si>
    <t>GGPS JAFAR WALA</t>
  </si>
  <si>
    <t>Jafar Wala</t>
  </si>
  <si>
    <t>Jafar wala</t>
  </si>
  <si>
    <t>Chak 342</t>
  </si>
  <si>
    <t>GGPS JAFER ALI CHANNAR</t>
  </si>
  <si>
    <t>Mad Peer Wah</t>
  </si>
  <si>
    <t>Moza mad peer wah</t>
  </si>
  <si>
    <t>Mad peer Wah</t>
  </si>
  <si>
    <t>GGPS JAFRIAN WALA</t>
  </si>
  <si>
    <t>g g p s jafrianwala</t>
  </si>
  <si>
    <t>Jafrinwala</t>
  </si>
  <si>
    <t>Sobia Shoukat</t>
  </si>
  <si>
    <t>GGPS JAG DA CHAK</t>
  </si>
  <si>
    <t>Jag Da Chak</t>
  </si>
  <si>
    <t>Jag Da Chak p/0 Haft Mudder NNS</t>
  </si>
  <si>
    <t>Jamila Tufail</t>
  </si>
  <si>
    <t>GGPS JAGAAL</t>
  </si>
  <si>
    <t>vill jaggal p.o box Pindi amuluk teh.zafarwal dist. narowal</t>
  </si>
  <si>
    <t>Bhatia Dewan</t>
  </si>
  <si>
    <t>GGPS JAGAN DEH</t>
  </si>
  <si>
    <t>Jagan Deh</t>
  </si>
  <si>
    <t>moza jagan deh</t>
  </si>
  <si>
    <t>Shahnaz bibi</t>
  </si>
  <si>
    <t>GGPS JAGEER BHATTI DAHRI</t>
  </si>
  <si>
    <t>Jageer Bhatti</t>
  </si>
  <si>
    <t>GGPS Jageer Bhatti Dahri</t>
  </si>
  <si>
    <t>Mari Shaikh Shajra</t>
  </si>
  <si>
    <t>Aasia Kanwal</t>
  </si>
  <si>
    <t>GGPS JAGGAN WALA</t>
  </si>
  <si>
    <t>jagganwala</t>
  </si>
  <si>
    <t>Qila Ramkaur</t>
  </si>
  <si>
    <t>Farkhnda Nazar</t>
  </si>
  <si>
    <t>GGPS JAGGAT SINGH</t>
  </si>
  <si>
    <t>Jaggat Singh</t>
  </si>
  <si>
    <t>Jaggat singh</t>
  </si>
  <si>
    <t>Saheefa Aslam</t>
  </si>
  <si>
    <t>GGPS JAGGO KALAN</t>
  </si>
  <si>
    <t>Jaggo Kalan</t>
  </si>
  <si>
    <t>jaggo kalan post off.qadirabad teh.phalia distt.m.b.din</t>
  </si>
  <si>
    <t>GGPS JAGGU</t>
  </si>
  <si>
    <t>Jaggu</t>
  </si>
  <si>
    <t>jaggu p/ o dak jattan teh sarai alamgir disstt gujrat</t>
  </si>
  <si>
    <t>Iram Sarwar</t>
  </si>
  <si>
    <t>GGPS JAGO WALA HITAR</t>
  </si>
  <si>
    <t>Jago Wala Hithar post office khudian khas</t>
  </si>
  <si>
    <t>Jago Wala Hithar</t>
  </si>
  <si>
    <t>Atika Naeem</t>
  </si>
  <si>
    <t>GGPS JAGR WALI</t>
  </si>
  <si>
    <t>Ameena Abad</t>
  </si>
  <si>
    <t>GGPS Jagar wali</t>
  </si>
  <si>
    <t>JAGAR Wali</t>
  </si>
  <si>
    <t>Shahnila Suleman</t>
  </si>
  <si>
    <t>GGPS JAHAN KHAN</t>
  </si>
  <si>
    <t>basti jahan khan</t>
  </si>
  <si>
    <t>Kaneez Aasma</t>
  </si>
  <si>
    <t>GGPS JAHAN WALA</t>
  </si>
  <si>
    <t>village jahan wala p/o dadu wala teh kallur kot disst bhakkar</t>
  </si>
  <si>
    <t>Jahan Wala</t>
  </si>
  <si>
    <t>Ghulaman No 2</t>
  </si>
  <si>
    <t>Aroosa Bibi</t>
  </si>
  <si>
    <t>GGPS JAHANA SAGGLA</t>
  </si>
  <si>
    <t>Jahana Saghla</t>
  </si>
  <si>
    <t>GGPS Jahana Saghla</t>
  </si>
  <si>
    <t>MADIHA RAMZAN</t>
  </si>
  <si>
    <t>GGPS JAHANAY WALA</t>
  </si>
  <si>
    <t>Jahanaywala</t>
  </si>
  <si>
    <t>Khaitran Wala</t>
  </si>
  <si>
    <t>GGPS JAHANGIR ABAD FARM, KACHA KHUH</t>
  </si>
  <si>
    <t>Livestock JahangirAbad Farm Kacha Khuh</t>
  </si>
  <si>
    <t>JahangirAbad Farm</t>
  </si>
  <si>
    <t>GGPS JAHANGIR ABAD MULTAN</t>
  </si>
  <si>
    <t>Jahangrabad</t>
  </si>
  <si>
    <t>Jahangrabad 5 marla sceem multan</t>
  </si>
  <si>
    <t>GGPS JAHANGIR PURA</t>
  </si>
  <si>
    <t>Mirza Virka</t>
  </si>
  <si>
    <t>jahangir pura p\o mirzan virkan</t>
  </si>
  <si>
    <t>Jahangir Pura</t>
  </si>
  <si>
    <t>Ambreen Neelam</t>
  </si>
  <si>
    <t>GGPS JAHANIAN</t>
  </si>
  <si>
    <t>District and P/O Hafizabad village jahanian</t>
  </si>
  <si>
    <t>Solange Awan</t>
  </si>
  <si>
    <t>GGPS JAHANIAN SHAH</t>
  </si>
  <si>
    <t>Izzat Batool</t>
  </si>
  <si>
    <t>GGPS JAHAR MAHIA</t>
  </si>
  <si>
    <t>Jahar Mahia</t>
  </si>
  <si>
    <t>jahar mahia p/o bhagowal pasrur sialkot</t>
  </si>
  <si>
    <t>Cahar Bajwa</t>
  </si>
  <si>
    <t>Talat Naz</t>
  </si>
  <si>
    <t>GGPS JAHDA</t>
  </si>
  <si>
    <t>Jhada</t>
  </si>
  <si>
    <t>village Jhada P/O Talwandi Bhindran Teh&amp;Diss Narowal</t>
  </si>
  <si>
    <t>Datywal</t>
  </si>
  <si>
    <t>Safiya Ramzan</t>
  </si>
  <si>
    <t>GGPS JAHLAR</t>
  </si>
  <si>
    <t>GGPS JAID PUR</t>
  </si>
  <si>
    <t>Jaid Pur</t>
  </si>
  <si>
    <t>village jaid pur post office jpj district gujrat</t>
  </si>
  <si>
    <t>Sonia Afzal</t>
  </si>
  <si>
    <t>GGPS JAID WALI</t>
  </si>
  <si>
    <t>village jaidwali teh  pasrur dist sialkot</t>
  </si>
  <si>
    <t>Jaidwali</t>
  </si>
  <si>
    <t>GGPS JAISAK</t>
  </si>
  <si>
    <t>Jaisak</t>
  </si>
  <si>
    <t>ggps jaisak teh sahiwal dist sargodha</t>
  </si>
  <si>
    <t>Najma Nourin</t>
  </si>
  <si>
    <t>GGPS JAISAL KALASRA NASHAIB</t>
  </si>
  <si>
    <t>jaisal nashaib</t>
  </si>
  <si>
    <t>jasal kalasra nashaib</t>
  </si>
  <si>
    <t>Jasal Nashaib</t>
  </si>
  <si>
    <t>Noshaba Hassan</t>
  </si>
  <si>
    <t>GGPS JAITHEL</t>
  </si>
  <si>
    <t>JAITHEL</t>
  </si>
  <si>
    <t>JAITHEL tehsil pd khan DISTRICT jhelum</t>
  </si>
  <si>
    <t>Tehmeena Afzal</t>
  </si>
  <si>
    <t>GGPS JAJIAL</t>
  </si>
  <si>
    <t>jajyal</t>
  </si>
  <si>
    <t>village jajyal p/o pindi porbian tehsil zafarwal district narowal</t>
  </si>
  <si>
    <t>Zainib Bibi</t>
  </si>
  <si>
    <t>GGPS JAJJAY RAMDAS</t>
  </si>
  <si>
    <t>Jajjay Ramdas</t>
  </si>
  <si>
    <t>vill Jajjay Ramdas p o Badiana teh and distt Sialkot</t>
  </si>
  <si>
    <t>GGPS JAJU PUR</t>
  </si>
  <si>
    <t>Jajo Pur</t>
  </si>
  <si>
    <t>Govt p/s jajo Pur  p o  Chawinda Tehsil  Pasrur  Sialkot</t>
  </si>
  <si>
    <t>Kapor Pur</t>
  </si>
  <si>
    <t>GGPS JAKHAR</t>
  </si>
  <si>
    <t>village jakhar po bhaddar the kharian</t>
  </si>
  <si>
    <t>Bushra Nisa</t>
  </si>
  <si>
    <t>GGPS JAL KHO</t>
  </si>
  <si>
    <t>Jalkhu</t>
  </si>
  <si>
    <t>Village Jalkho P/O Mrajkay Tehsil Pasrur District Sialkot</t>
  </si>
  <si>
    <t>Mrajkay</t>
  </si>
  <si>
    <t>Sobia Tazem</t>
  </si>
  <si>
    <t>GGPS JALA ZAREEN</t>
  </si>
  <si>
    <t>Jalla Zareen</t>
  </si>
  <si>
    <t>Vill. Jalla Zareen teh. Sahiwal distt. Sargodha</t>
  </si>
  <si>
    <t>Abida Zafar</t>
  </si>
  <si>
    <t>GGPS JALAL ANNA</t>
  </si>
  <si>
    <t>Jalal Ana</t>
  </si>
  <si>
    <t>jalal ana p o mian raheeman teh dist hafiz abad</t>
  </si>
  <si>
    <t>Nahrian Wala</t>
  </si>
  <si>
    <t>Shakeela Bashir</t>
  </si>
  <si>
    <t>GGPS JALAL KHATOON</t>
  </si>
  <si>
    <t>Jkhtoon</t>
  </si>
  <si>
    <t>jalal khtoon</t>
  </si>
  <si>
    <t>J Khtoon</t>
  </si>
  <si>
    <t>Bholy Vala</t>
  </si>
  <si>
    <t>Raise Bano</t>
  </si>
  <si>
    <t>GGPS JALAL KOHNA</t>
  </si>
  <si>
    <t>jalal Kohna</t>
  </si>
  <si>
    <t>Govt   Girls  primary school Jalal kohna</t>
  </si>
  <si>
    <t>Jalal kohna</t>
  </si>
  <si>
    <t>jalal nou</t>
  </si>
  <si>
    <t>Taswer khanm</t>
  </si>
  <si>
    <t>GGPS JALAL KOT OKARA</t>
  </si>
  <si>
    <t>jalal kot</t>
  </si>
  <si>
    <t>Ward No 27</t>
  </si>
  <si>
    <t>GGPS JALAL PUR KOHNA</t>
  </si>
  <si>
    <t>jalal pur</t>
  </si>
  <si>
    <t>jalal pur kohna P/O jalal pur bhattian District: hafizabad</t>
  </si>
  <si>
    <t>jalal pur kohna</t>
  </si>
  <si>
    <t>Jalal pur bhattian</t>
  </si>
  <si>
    <t>Farhat Rehana</t>
  </si>
  <si>
    <t>GGPS JALAL PUR SHARIF GHARI</t>
  </si>
  <si>
    <t>GGPS Jalal pur Sharif gharbi teh p d khan distt jhelum</t>
  </si>
  <si>
    <t>GGPS JALAL QUM</t>
  </si>
  <si>
    <t>Jalal Quham</t>
  </si>
  <si>
    <t>Moza Jalal Quham teh mailsi district vehari</t>
  </si>
  <si>
    <t>GGPS JALALPUR SAYEDAN</t>
  </si>
  <si>
    <t>Jalalpur Syedan</t>
  </si>
  <si>
    <t>jalalpur syedan</t>
  </si>
  <si>
    <t>Hassan Pur Tiwana Hamoka</t>
  </si>
  <si>
    <t>GGPS JALANDHAR WALA</t>
  </si>
  <si>
    <t>Jalandher Wala Mianwali</t>
  </si>
  <si>
    <t>Zahida Azeem</t>
  </si>
  <si>
    <t>GGPS JALAR SUGLA</t>
  </si>
  <si>
    <t>ggps jhalar sughla</t>
  </si>
  <si>
    <t>New Abadi Jhalar Sughla</t>
  </si>
  <si>
    <t>Chak No737GB</t>
  </si>
  <si>
    <t>Shumaila Shaheen</t>
  </si>
  <si>
    <t>GGPS JALBANI</t>
  </si>
  <si>
    <t>Basti jalbani</t>
  </si>
  <si>
    <t>GGPS JALIAN WALA</t>
  </si>
  <si>
    <t>Jallianwala</t>
  </si>
  <si>
    <t>Jalliawala</t>
  </si>
  <si>
    <t>Moma Kalan</t>
  </si>
  <si>
    <t>Uzam Naeem</t>
  </si>
  <si>
    <t>GGPS JALIL ABAD</t>
  </si>
  <si>
    <t>basti jalil Abad</t>
  </si>
  <si>
    <t>Basti Jalilabad</t>
  </si>
  <si>
    <t>GGPS JALIL PUR SHARIF LOKRI</t>
  </si>
  <si>
    <t>Jps</t>
  </si>
  <si>
    <t>vpo jps distt jehlum</t>
  </si>
  <si>
    <t>GGPS JALIL PUR, ABDUL HAKIM</t>
  </si>
  <si>
    <t>JalilPur</t>
  </si>
  <si>
    <t>government girls primary school JalilPur markz gobaind garh tehsil kabirwala district khanewal</t>
  </si>
  <si>
    <t>GGPS JALL DHUP SARI</t>
  </si>
  <si>
    <t>Jal</t>
  </si>
  <si>
    <t>Mohallah kanialanwala jal dhup sari</t>
  </si>
  <si>
    <t>GGPS JALLA BALA</t>
  </si>
  <si>
    <t>jalla Bala tehsil sahiwal district Sargodha</t>
  </si>
  <si>
    <t>GGPS JALLA BHARWANA SHUMALI (De-consolidated April-2016)</t>
  </si>
  <si>
    <t>Jallah Bharwana</t>
  </si>
  <si>
    <t>jallah bharwana shumali</t>
  </si>
  <si>
    <t>QAIM BHARWANA</t>
  </si>
  <si>
    <t>Zakia Nazeer</t>
  </si>
  <si>
    <t>GGPS JALLAH NAICH, MOOHI WALA KABIRWALA</t>
  </si>
  <si>
    <t>basti dinga mouza okanwala</t>
  </si>
  <si>
    <t>Basti Dinga</t>
  </si>
  <si>
    <t>Shafqat Saleem</t>
  </si>
  <si>
    <t>GGPS JALLU KHEL</t>
  </si>
  <si>
    <t>KAMMAR MUSHANI NO.1-FEMALE</t>
  </si>
  <si>
    <t>Mohalla Jallu khel</t>
  </si>
  <si>
    <t>MC Kammar Mushani</t>
  </si>
  <si>
    <t>GGPS JALLU WALA</t>
  </si>
  <si>
    <t>Chorhatta</t>
  </si>
  <si>
    <t>basti mitak wala nazd chowk churhata, dgkhan</t>
  </si>
  <si>
    <t>Mitak Wala</t>
  </si>
  <si>
    <t>Sitwat Gull</t>
  </si>
  <si>
    <t>GGPS JALO WALI</t>
  </si>
  <si>
    <t>Jalowali</t>
  </si>
  <si>
    <t>p./o Chawinda vill jalowali teh pasrur dis sialkot</t>
  </si>
  <si>
    <t>RiFFAT UROOJ</t>
  </si>
  <si>
    <t>GGPS JALPOHAN WALI</t>
  </si>
  <si>
    <t>Jalphanwali</t>
  </si>
  <si>
    <t>village jalphonwali tehsil and district Sialkot</t>
  </si>
  <si>
    <t>Jalphonwali</t>
  </si>
  <si>
    <t>Kamanwala</t>
  </si>
  <si>
    <t>GGPS JALWANA</t>
  </si>
  <si>
    <t>ggps jallowana</t>
  </si>
  <si>
    <t>Anila Hamid</t>
  </si>
  <si>
    <t>GGPS JALYANA</t>
  </si>
  <si>
    <t>VILLAGE JALYANA</t>
  </si>
  <si>
    <t>JALYANA</t>
  </si>
  <si>
    <t>Sobia Noor</t>
  </si>
  <si>
    <t>GGPS JAM ABDUL MALIK</t>
  </si>
  <si>
    <t>Havali ghareb sha</t>
  </si>
  <si>
    <t>basti jam abdul malik</t>
  </si>
  <si>
    <t>BASTI abdul malik</t>
  </si>
  <si>
    <t>Hayat lar</t>
  </si>
  <si>
    <t>GGPS JAM AHMAD DIN</t>
  </si>
  <si>
    <t>basti maken p/o sehja</t>
  </si>
  <si>
    <t>Basti Maken</t>
  </si>
  <si>
    <t>ASIA IQBAL</t>
  </si>
  <si>
    <t>GGPS JAM AKRAM SOJHAL</t>
  </si>
  <si>
    <t>Chohar Wala</t>
  </si>
  <si>
    <t>Moza chohar wala feroza tehsil liaquat pur dis ramhim yar Khan</t>
  </si>
  <si>
    <t>Basti Jam Akram</t>
  </si>
  <si>
    <t>GGPS JAM ALLAH DITTA KHORE</t>
  </si>
  <si>
    <t>Mosa Khukhr</t>
  </si>
  <si>
    <t>jam allah ditta khur  muza mosa khukhr gmps</t>
  </si>
  <si>
    <t>Basti Khur</t>
  </si>
  <si>
    <t>Muenspl Comety</t>
  </si>
  <si>
    <t>Hummara Irum</t>
  </si>
  <si>
    <t>GGPS JAM AZIZ BUKHASH</t>
  </si>
  <si>
    <t>Chouhar Wala</t>
  </si>
  <si>
    <t>Basti Aziz bukhsh</t>
  </si>
  <si>
    <t>Basti Mahr</t>
  </si>
  <si>
    <t>Hayat  Laar</t>
  </si>
  <si>
    <t>Shamim Abkhter</t>
  </si>
  <si>
    <t>GGPS JAM BASHIR BURRAH</t>
  </si>
  <si>
    <t>basti jam bashir ahmad burraha tehsil liaquat pur distt rahim yar khan</t>
  </si>
  <si>
    <t>Basti Jam Bashir Ahmad Burraha</t>
  </si>
  <si>
    <t>Taranda Muhammad Panah</t>
  </si>
  <si>
    <t>GGPS JAM BHADAR NONARI</t>
  </si>
  <si>
    <t>Basti Jam Bahadar Nonari</t>
  </si>
  <si>
    <t>Razia Kusser</t>
  </si>
  <si>
    <t>GGPS JAM FAIZ</t>
  </si>
  <si>
    <t>Gotth Hayat</t>
  </si>
  <si>
    <t>Government Girls Primary School Jam Faiz</t>
  </si>
  <si>
    <t>Jam Faiz</t>
  </si>
  <si>
    <t>GGPS JAM GAMMAN</t>
  </si>
  <si>
    <t>Ghimi</t>
  </si>
  <si>
    <t>moza ghimi p / o Allah Abad tehsil liaqutpur district rahim yar khan</t>
  </si>
  <si>
    <t>Jam Gamman</t>
  </si>
  <si>
    <t>Kotla Nawa</t>
  </si>
  <si>
    <t>RAFIA PARVEEN</t>
  </si>
  <si>
    <t>GGPS JAM ILYAS</t>
  </si>
  <si>
    <t>basti jamilyas mouza malikpur</t>
  </si>
  <si>
    <t>Jamilyas</t>
  </si>
  <si>
    <t>afia nargisl</t>
  </si>
  <si>
    <t>GGPS JAM KALOO SANGHI</t>
  </si>
  <si>
    <t>taj pur peer wala</t>
  </si>
  <si>
    <t>basti jam kaloo sangi p/o rukan pur tehsil and disttrict rahim yar khan</t>
  </si>
  <si>
    <t>basti jam kaloo sangi</t>
  </si>
  <si>
    <t>thull khair muhammad</t>
  </si>
  <si>
    <t>Rizwana Jaffari</t>
  </si>
  <si>
    <t>GGPS JAM KARAM</t>
  </si>
  <si>
    <t>Shabir Ahmedabad</t>
  </si>
  <si>
    <t>Government GirlsPrimary schoolBasti Jam Karam</t>
  </si>
  <si>
    <t>Jam Karam</t>
  </si>
  <si>
    <t>Rozina Rukan</t>
  </si>
  <si>
    <t>GGPS JAM KHAN MUHAMMAD</t>
  </si>
  <si>
    <t>Basti panoh moza Goth Mahi Allah bad</t>
  </si>
  <si>
    <t>ALLAH BAD</t>
  </si>
  <si>
    <t>Fahmida Bukhari</t>
  </si>
  <si>
    <t>GGPS JAM MANZOOR AHMED LAR</t>
  </si>
  <si>
    <t>Kotla Drigh</t>
  </si>
  <si>
    <t>basti jam manzoor lar</t>
  </si>
  <si>
    <t>Cotla Drigh</t>
  </si>
  <si>
    <t>GGPS JAM MISREE</t>
  </si>
  <si>
    <t>kot ghunya</t>
  </si>
  <si>
    <t>basti jam misree</t>
  </si>
  <si>
    <t>jam misree</t>
  </si>
  <si>
    <t>94 np</t>
  </si>
  <si>
    <t>sidra khan</t>
  </si>
  <si>
    <t>GGPS JAM MUHAMMAD RAFIQ</t>
  </si>
  <si>
    <t>Lownwala</t>
  </si>
  <si>
    <t>Basti jam Mohammad Rafiq mouza lowmwala p/o Allah Abad tehsil lqp</t>
  </si>
  <si>
    <t>Jam Muhammad Rafiq</t>
  </si>
  <si>
    <t>NAIMA  CHAND</t>
  </si>
  <si>
    <t>GGPS JAM MUHAMMAD SAILRA</t>
  </si>
  <si>
    <t>Silra</t>
  </si>
  <si>
    <t>basti silra p/o Muhammad pur tehsil jampur district rajanpur</t>
  </si>
  <si>
    <t>ZOYA HINA</t>
  </si>
  <si>
    <t>GGPS JAM PALLU KHOR</t>
  </si>
  <si>
    <t>govt.girls primary school jam pallu khor markaz mubarakpur teh.ahmadpu east</t>
  </si>
  <si>
    <t>Khoran</t>
  </si>
  <si>
    <t>Tasneem Sattar</t>
  </si>
  <si>
    <t>GGPS JAM PUR</t>
  </si>
  <si>
    <t>GGPS  jampur</t>
  </si>
  <si>
    <t>Hamid  Pur  Kenora</t>
  </si>
  <si>
    <t>Sidra Iqbal</t>
  </si>
  <si>
    <t>GGPS JAMAL DIN</t>
  </si>
  <si>
    <t>Gabran</t>
  </si>
  <si>
    <t>GGPS JAMAL DIN MOUZA GABRAN BASTI JAMAL DIN TEHSIL LIAQUATPUR</t>
  </si>
  <si>
    <t>Jamil Din</t>
  </si>
  <si>
    <t>Shazia Asad</t>
  </si>
  <si>
    <t>GGPS JAMAL JAND</t>
  </si>
  <si>
    <t>Jamal Jand</t>
  </si>
  <si>
    <t>vill.jamal jand p/o mehrajkey tehsil pasrur dist. sialkot</t>
  </si>
  <si>
    <t>Mehrajkey</t>
  </si>
  <si>
    <t>GGPS JAMAL KHAIL</t>
  </si>
  <si>
    <t>Pellowains</t>
  </si>
  <si>
    <t>peelo wains</t>
  </si>
  <si>
    <t>Peelo wains</t>
  </si>
  <si>
    <t>GGPS JAMAL PURA</t>
  </si>
  <si>
    <t>jamal pura</t>
  </si>
  <si>
    <t>Rozeena Mussawar</t>
  </si>
  <si>
    <t>GGPS JAMAL WALA SHUJABAD</t>
  </si>
  <si>
    <t>Lasoori</t>
  </si>
  <si>
    <t>chah jamal wala moza lasoori</t>
  </si>
  <si>
    <t>Tath Ghalwan</t>
  </si>
  <si>
    <t>Saira Bukhari</t>
  </si>
  <si>
    <t>GGPS JAMALA</t>
  </si>
  <si>
    <t>moaza jamala</t>
  </si>
  <si>
    <t>Ladha Boher</t>
  </si>
  <si>
    <t>Nilam Jameel</t>
  </si>
  <si>
    <t>GGPS JAMALI BALOCHAN</t>
  </si>
  <si>
    <t>jamali balochan district khushab</t>
  </si>
  <si>
    <t>GGPS JAMALI KALAN</t>
  </si>
  <si>
    <t>Jamali Kalan</t>
  </si>
  <si>
    <t>mouza jamali kalan teh 18 hazari distt.jhang</t>
  </si>
  <si>
    <t>GGPS JAMALI KHURD NO. 1</t>
  </si>
  <si>
    <t>GGPS Jamali Khurd no. 1 Tehsil 18-Hazari District Jhang</t>
  </si>
  <si>
    <t>MC 18-Hazari</t>
  </si>
  <si>
    <t>Jamila Bibi</t>
  </si>
  <si>
    <t>GGPS JAMALI KHURD NO. 2</t>
  </si>
  <si>
    <t>GGPS Jamali Khurd No. 2. Near 18 Hazari District Jhang</t>
  </si>
  <si>
    <t>5 Marla Scheme</t>
  </si>
  <si>
    <t>GGPS JAMALPURA RAIWIND</t>
  </si>
  <si>
    <t>jamal pura thsil raiwind dist lhr</t>
  </si>
  <si>
    <t>Jodudhrre</t>
  </si>
  <si>
    <t>Asifa Qasim</t>
  </si>
  <si>
    <t>GGPS Jamani</t>
  </si>
  <si>
    <t>Inaitii</t>
  </si>
  <si>
    <t>GGPS JAMANI KARAMPUR KPT</t>
  </si>
  <si>
    <t>Basti Jamani</t>
  </si>
  <si>
    <t>Sidra Irshad</t>
  </si>
  <si>
    <t>GGPS JAMAR GHAL</t>
  </si>
  <si>
    <t>Jamarghal</t>
  </si>
  <si>
    <t>vill &amp; P/O jamarghal teh &amp; distt jhelum</t>
  </si>
  <si>
    <t>Taskeen Anwar</t>
  </si>
  <si>
    <t>GGPS JAMGILL</t>
  </si>
  <si>
    <t>GGPS Jamgil</t>
  </si>
  <si>
    <t>Jamgil</t>
  </si>
  <si>
    <t>Yasmeen Abdulwahid</t>
  </si>
  <si>
    <t>GGPS JAMHOOR</t>
  </si>
  <si>
    <t>Jamhoor</t>
  </si>
  <si>
    <t>Ggps Basti jamhoor Markaz sher shah</t>
  </si>
  <si>
    <t>GGPS JAMHOOR WALA</t>
  </si>
  <si>
    <t>basti  jahmoor wala muzffargarh</t>
  </si>
  <si>
    <t>Jahmoor wala</t>
  </si>
  <si>
    <t>Gullnaz Parveen</t>
  </si>
  <si>
    <t>GGPS JAMIA RAHEEMIA</t>
  </si>
  <si>
    <t>THellah Noor Jahanian</t>
  </si>
  <si>
    <t>GGPS Jamia Rahimia thella noor jahanian BWP</t>
  </si>
  <si>
    <t>GGPS JAMIAT SINGH</t>
  </si>
  <si>
    <t>Jamait Singh</t>
  </si>
  <si>
    <t>Jamiat Singh Depalpur</t>
  </si>
  <si>
    <t>Jamiat Singh</t>
  </si>
  <si>
    <t>Iram Tariq</t>
  </si>
  <si>
    <t>GGPS JAMKAY</t>
  </si>
  <si>
    <t>Jamkay</t>
  </si>
  <si>
    <t>jamkay p/o fatta toor</t>
  </si>
  <si>
    <t>Sayyada Ramzan Bibi</t>
  </si>
  <si>
    <t>GGPS JAMKAY CHEEMA NO.1</t>
  </si>
  <si>
    <t>Jamke cheema</t>
  </si>
  <si>
    <t>Rafia Amin</t>
  </si>
  <si>
    <t>GGPS JAMMAN</t>
  </si>
  <si>
    <t>Jamman</t>
  </si>
  <si>
    <t>GGPS jamman</t>
  </si>
  <si>
    <t>GGPS JAMMAN KAY</t>
  </si>
  <si>
    <t>Gahi Jammu Wala</t>
  </si>
  <si>
    <t>gahi Jammu Wala tehsil and district kasur</t>
  </si>
  <si>
    <t>Shakila Shafi</t>
  </si>
  <si>
    <t>GGPS JAMMO WALA</t>
  </si>
  <si>
    <t>Faridaa bad</t>
  </si>
  <si>
    <t>basti khair muhammad wali kahror pakka</t>
  </si>
  <si>
    <t>chaah khair muhammad walaa</t>
  </si>
  <si>
    <t>Faridaa baad</t>
  </si>
  <si>
    <t>GGPS JAMNA</t>
  </si>
  <si>
    <t>Jamna</t>
  </si>
  <si>
    <t>Govt girls primary school Jamna post office railway road teh &amp; dist Gujrat</t>
  </si>
  <si>
    <t>Hariawala</t>
  </si>
  <si>
    <t>Syeda Attia tr Rehman</t>
  </si>
  <si>
    <t>GGPS JAMPUR CITY NO. 1</t>
  </si>
  <si>
    <t>DAMISS GATE JAMPUR</t>
  </si>
  <si>
    <t>GARBI JAMPUR</t>
  </si>
  <si>
    <t>Zubiadha Khanam</t>
  </si>
  <si>
    <t>GGPS JAMPUR CITY NO. 2</t>
  </si>
  <si>
    <t>NAWAN BAIGRAJ</t>
  </si>
  <si>
    <t>MUNCIPAL COMMITTEE NEAR GOVT  COMMERCE COLLEGE JAMPUR</t>
  </si>
  <si>
    <t>GGPS JAMPUR CITY NO. 5</t>
  </si>
  <si>
    <t>Muhammdia Clony</t>
  </si>
  <si>
    <t>near post ofice muhqmmdia clony jampur</t>
  </si>
  <si>
    <t>Robina Afzal</t>
  </si>
  <si>
    <t>GGPS JAMPUR NO. 3</t>
  </si>
  <si>
    <t>CITY JAMPUR</t>
  </si>
  <si>
    <t>BASTI SHEIKHAN MOHALA ALIPUR JAMPUR</t>
  </si>
  <si>
    <t>jamila mubeen</t>
  </si>
  <si>
    <t>GGPS JAMRANI JADEED</t>
  </si>
  <si>
    <t>Jamrani Jadeed</t>
  </si>
  <si>
    <t>jamrani jadeed tehsil ahmadpur east bahawal pur</t>
  </si>
  <si>
    <t>Naushehra Jadeed</t>
  </si>
  <si>
    <t>Rashida Mehboob</t>
  </si>
  <si>
    <t>GGPS JAMSHER KHURD</t>
  </si>
  <si>
    <t>jamher khurd</t>
  </si>
  <si>
    <t>Belqees Akhtar</t>
  </si>
  <si>
    <t>GGPS JAMWAL</t>
  </si>
  <si>
    <t>skg</t>
  </si>
  <si>
    <t>Riffat</t>
  </si>
  <si>
    <t>GGPS JAN MUHAMMAD KHALRY</t>
  </si>
  <si>
    <t>government girls primary school jan muhammad khlri chah chate wala</t>
  </si>
  <si>
    <t>Chah Chate Wala</t>
  </si>
  <si>
    <t>naveeda ghani</t>
  </si>
  <si>
    <t>GGPS JAN MUHAMMAD NAU</t>
  </si>
  <si>
    <t>Jan Muh Nau</t>
  </si>
  <si>
    <t>Mouza jan Muh Nau</t>
  </si>
  <si>
    <t>Kot Essa Shafh</t>
  </si>
  <si>
    <t>Nazia Bashir</t>
  </si>
  <si>
    <t>GGPS JAN MUHAMMAD WALA</t>
  </si>
  <si>
    <t>Jana</t>
  </si>
  <si>
    <t>govt girls primary school jan  muhammad wala markaz g m raja</t>
  </si>
  <si>
    <t>Chah Karrori</t>
  </si>
  <si>
    <t>GGPS JAN MUHAMMAD ZANGLANI</t>
  </si>
  <si>
    <t>basti peer wala post office paigah</t>
  </si>
  <si>
    <t>Peer Wala</t>
  </si>
  <si>
    <t>Nasira Ejaz</t>
  </si>
  <si>
    <t>GGPS JAN NAGAR</t>
  </si>
  <si>
    <t>GGPS Jan Nagar</t>
  </si>
  <si>
    <t>Jan Nagar</t>
  </si>
  <si>
    <t>GGPS JAN PURA</t>
  </si>
  <si>
    <t>Janpura</t>
  </si>
  <si>
    <t>janpura</t>
  </si>
  <si>
    <t>Snodia Iffat</t>
  </si>
  <si>
    <t>GGPS JAN WALA</t>
  </si>
  <si>
    <t>Mosa Molana</t>
  </si>
  <si>
    <t>Moza mosa molana basti jan wala tehsil and district muzafargarh</t>
  </si>
  <si>
    <t>Jan Wala</t>
  </si>
  <si>
    <t>Aisha Sadiqa</t>
  </si>
  <si>
    <t>GGPS JANA JABBI</t>
  </si>
  <si>
    <t>Jabbi Sharif district khushab</t>
  </si>
  <si>
    <t>GGPS JAND HARNI</t>
  </si>
  <si>
    <t>Mohra Kanyal</t>
  </si>
  <si>
    <t>village Jandharni post office Sukho teh gujar khan district Rawalpindi</t>
  </si>
  <si>
    <t>Jandharni</t>
  </si>
  <si>
    <t>Salma Bano</t>
  </si>
  <si>
    <t>GGPS JAND NAJAR</t>
  </si>
  <si>
    <t>JANDNIJAR</t>
  </si>
  <si>
    <t>P/o Jand Ninar dhok Tehsildar Teh.Gujar Khan dist Rawalpindi.</t>
  </si>
  <si>
    <t>Dhok Tehsildar</t>
  </si>
  <si>
    <t>Bhdana</t>
  </si>
  <si>
    <t>Nosheen Taj</t>
  </si>
  <si>
    <t>GGPS JAND NO.1</t>
  </si>
  <si>
    <t>moh khandani shafa khsna</t>
  </si>
  <si>
    <t>Mc Jand</t>
  </si>
  <si>
    <t>Raana Aslam</t>
  </si>
  <si>
    <t>GGPS JAND NO.2</t>
  </si>
  <si>
    <t>mohalla Langar khan'a jand</t>
  </si>
  <si>
    <t>GGPS JAND NO.3</t>
  </si>
  <si>
    <t>mohallah haji bazar jand</t>
  </si>
  <si>
    <t>Mrs Neelam Mushtaq</t>
  </si>
  <si>
    <t>GGPS JAND NO.4</t>
  </si>
  <si>
    <t>Mohallah hussain abad jand</t>
  </si>
  <si>
    <t>Saira Khurshid</t>
  </si>
  <si>
    <t>GGPS JAND NO.5</t>
  </si>
  <si>
    <t>moh Hussain abad</t>
  </si>
  <si>
    <t>GGPS JAND WALA</t>
  </si>
  <si>
    <t>village Jandwala</t>
  </si>
  <si>
    <t>GGPS JAND WALI COLONY</t>
  </si>
  <si>
    <t>jund Wala Colony</t>
  </si>
  <si>
    <t>Jund Wala Colony</t>
  </si>
  <si>
    <t>GGPS JANDALA BAKHRAL</t>
  </si>
  <si>
    <t>Jandala Pakhral</t>
  </si>
  <si>
    <t>GMPS Jandala Pakhral</t>
  </si>
  <si>
    <t>NAVIDA TARIQ</t>
  </si>
  <si>
    <t>GGPS JANDANWALA</t>
  </si>
  <si>
    <t>Jhandawala</t>
  </si>
  <si>
    <t>Moza jandanwala chak 204 w. B</t>
  </si>
  <si>
    <t>Chak Ajmal Wala</t>
  </si>
  <si>
    <t>Asmat Parveen</t>
  </si>
  <si>
    <t>GGPS JANDARAN KALAN</t>
  </si>
  <si>
    <t>Jandran Kalan</t>
  </si>
  <si>
    <t>jandran kalan</t>
  </si>
  <si>
    <t>Jujh Kalan</t>
  </si>
  <si>
    <t>GGPS JANDIAL FAIZULLAH</t>
  </si>
  <si>
    <t>Jandial Faizullah</t>
  </si>
  <si>
    <t>Robia Perveen</t>
  </si>
  <si>
    <t>GGPS JANDIAL MAHMOOD</t>
  </si>
  <si>
    <t>Jandial Mehmood</t>
  </si>
  <si>
    <t>vpo jandial mehmood</t>
  </si>
  <si>
    <t>Jand Khan Zada</t>
  </si>
  <si>
    <t>Zartaj Zubaida</t>
  </si>
  <si>
    <t>GGPS JANDIYALI BANGLA , 56/15-L MIAN CHANNU</t>
  </si>
  <si>
    <t>Jandile Bangla</t>
  </si>
  <si>
    <t>basti jandile bangla tehsil main channu</t>
  </si>
  <si>
    <t>56/15-L</t>
  </si>
  <si>
    <t>GGPS JANDOO WAL</t>
  </si>
  <si>
    <t>Jandowal</t>
  </si>
  <si>
    <t>Moza jandowal</t>
  </si>
  <si>
    <t>GGPS JANDRAN</t>
  </si>
  <si>
    <t>jandran</t>
  </si>
  <si>
    <t>Bhtyan Dewan</t>
  </si>
  <si>
    <t>Imrana Firdous</t>
  </si>
  <si>
    <t>GGPS JANGA SINGH WALA</t>
  </si>
  <si>
    <t>Janga Singh Wala</t>
  </si>
  <si>
    <t>ggps janga singh wala</t>
  </si>
  <si>
    <t>Kull</t>
  </si>
  <si>
    <t>Adila Sarwar</t>
  </si>
  <si>
    <t>GGPS JANGAL BHIRA NO.2 NADIRABAD PHATIK INDUSTRIAL STATE</t>
  </si>
  <si>
    <t>Jungle Bhirah</t>
  </si>
  <si>
    <t>GGPS jungle bhirah no.2 industrial state Multan</t>
  </si>
  <si>
    <t>Zubaida begham</t>
  </si>
  <si>
    <t>GGPS JANGALAT BLOCK NO.1</t>
  </si>
  <si>
    <t>Dadfatiyana</t>
  </si>
  <si>
    <t>forest colony block no. 1 chichawatni</t>
  </si>
  <si>
    <t>37/12L</t>
  </si>
  <si>
    <t>Fozia Saleem</t>
  </si>
  <si>
    <t>GGPS JANGLE</t>
  </si>
  <si>
    <t>GGP/school jangle</t>
  </si>
  <si>
    <t>Naima Sajjad</t>
  </si>
  <si>
    <t>GGPS JANGLE ABDULLAH SHAH</t>
  </si>
  <si>
    <t>Jungle Abdullah Shah</t>
  </si>
  <si>
    <t>jungal    abdullah  shah</t>
  </si>
  <si>
    <t>Jungle Karlan Wala</t>
  </si>
  <si>
    <t>Munazah Gulshan</t>
  </si>
  <si>
    <t>GGPS JANGLE FAIZ PUR</t>
  </si>
  <si>
    <t>Jungle Faiz Pur</t>
  </si>
  <si>
    <t>GGPS jungle faiz pur basti jungle faiz pur bahawalpur road</t>
  </si>
  <si>
    <t>Chak 1 Faiz</t>
  </si>
  <si>
    <t>Ambreen Noor</t>
  </si>
  <si>
    <t>GGPS JANGLE JASWANT GARH</t>
  </si>
  <si>
    <t>Jungle Jaswant Garh</t>
  </si>
  <si>
    <t>Govt girls primary school jungle jaswant garh multan saddar</t>
  </si>
  <si>
    <t>Muneerabad</t>
  </si>
  <si>
    <t>Samina Shaheen Malik</t>
  </si>
  <si>
    <t>GGPS JANGLORA</t>
  </si>
  <si>
    <t>Phuklyan</t>
  </si>
  <si>
    <t>GGPS janglora</t>
  </si>
  <si>
    <t>janglora</t>
  </si>
  <si>
    <t>Samina Rafiq</t>
  </si>
  <si>
    <t>GGPS JANHATTAL</t>
  </si>
  <si>
    <t>Janhattal</t>
  </si>
  <si>
    <t>janhattal p/o khalol kahuta rawalpindi</t>
  </si>
  <si>
    <t>Mehreen Akhtar</t>
  </si>
  <si>
    <t>GGPS JANI SHAH</t>
  </si>
  <si>
    <t>JANI SHAH</t>
  </si>
  <si>
    <t>chiniot</t>
  </si>
  <si>
    <t>Sajida Atta</t>
  </si>
  <si>
    <t>GGPS JANJOAN WALA</t>
  </si>
  <si>
    <t>Shadia Shumali</t>
  </si>
  <si>
    <t>shadia shumali</t>
  </si>
  <si>
    <t>Umbreen Akhtar</t>
  </si>
  <si>
    <t>GGPS JANNAY WALI</t>
  </si>
  <si>
    <t>Janaywali</t>
  </si>
  <si>
    <t>G G p/s Janaywali , tehsil pasrur, District Sialkot</t>
  </si>
  <si>
    <t>GGPS JANO WALI</t>
  </si>
  <si>
    <t>Thaiklan</t>
  </si>
  <si>
    <t>Basti jano wali</t>
  </si>
  <si>
    <t>Basti Jano wali</t>
  </si>
  <si>
    <t>Mahjabeenshakir</t>
  </si>
  <si>
    <t>GGPS JANOO WALA</t>
  </si>
  <si>
    <t>Janoowala</t>
  </si>
  <si>
    <t>P/O Mubarakpur</t>
  </si>
  <si>
    <t>Tasneem Akhtar Naqvi</t>
  </si>
  <si>
    <t>GGPS JANTRA</t>
  </si>
  <si>
    <t>Jantrah</t>
  </si>
  <si>
    <t>vill jantrah p.o Lehtrar Teh kahuta Rwp</t>
  </si>
  <si>
    <t>GGPS JANWAL</t>
  </si>
  <si>
    <t>village janwal p/o chakdaulat jhelum</t>
  </si>
  <si>
    <t>Zaineb Gulzar</t>
  </si>
  <si>
    <t>GGPS JARAY WALA</t>
  </si>
  <si>
    <t>Ggp/s jaray wala</t>
  </si>
  <si>
    <t>Jaray Wala</t>
  </si>
  <si>
    <t>GGPS JARGER</t>
  </si>
  <si>
    <t>Jarger</t>
  </si>
  <si>
    <t>village Jarger post office malhuwali tehsil Pindigheb district attock</t>
  </si>
  <si>
    <t>GGPS JARH LEGHARI</t>
  </si>
  <si>
    <t>Jarh Leghari</t>
  </si>
  <si>
    <t>basti jarh leghari</t>
  </si>
  <si>
    <t>Tasleem Bibi</t>
  </si>
  <si>
    <t>GGPS JARH RATHAIB</t>
  </si>
  <si>
    <t>Jarh Ratheib</t>
  </si>
  <si>
    <t>Govt Girls primary School Jarh Ratheib post office kanday wali basti Jarh Ratheib</t>
  </si>
  <si>
    <t>Manukpur</t>
  </si>
  <si>
    <t>GGPS JARMOT KHURD</t>
  </si>
  <si>
    <t>Dakhli Mohra Burj</t>
  </si>
  <si>
    <t>VILL JARMOT KHURD P/O JARMOT KALAN TEH GUJAR KHAN DIST RWP</t>
  </si>
  <si>
    <t>Jarmot Khurd</t>
  </si>
  <si>
    <t>Afshan Kanwal</t>
  </si>
  <si>
    <t>GGPS JARPAAL</t>
  </si>
  <si>
    <t>ggps.jarpal</t>
  </si>
  <si>
    <t>Barapind</t>
  </si>
  <si>
    <t>GGPS JARWAL</t>
  </si>
  <si>
    <t>Jarwal</t>
  </si>
  <si>
    <t>village Jarwal P/O Charwa Tehsil Pasrur District Sialkot</t>
  </si>
  <si>
    <t>GGPS JASLANI KALAN</t>
  </si>
  <si>
    <t>Jaslani Kalan</t>
  </si>
  <si>
    <t>jaslani kalan</t>
  </si>
  <si>
    <t>Sheerin Jhangar</t>
  </si>
  <si>
    <t>Irfana Irshad</t>
  </si>
  <si>
    <t>GGPS JASPAL</t>
  </si>
  <si>
    <t>Jaspal</t>
  </si>
  <si>
    <t>Thillay</t>
  </si>
  <si>
    <t>Sania Asgher</t>
  </si>
  <si>
    <t>GGPS JASPAL KOTLI</t>
  </si>
  <si>
    <t>Jaspal Kotli</t>
  </si>
  <si>
    <t>jaspal kotli</t>
  </si>
  <si>
    <t>Rasool Pot Bhalian</t>
  </si>
  <si>
    <t>Sakeena Begum</t>
  </si>
  <si>
    <t>GGPS JASSAY WALA QADIRPUR LAR</t>
  </si>
  <si>
    <t>Jassy Wala</t>
  </si>
  <si>
    <t>GGPS Jassy wala Domra</t>
  </si>
  <si>
    <t>Shahida Kausar</t>
  </si>
  <si>
    <t>GGPS JASSOKE</t>
  </si>
  <si>
    <t>Jassoke</t>
  </si>
  <si>
    <t>Village Jassoke, teh.pindi Bhatti and distt. Hafizabad</t>
  </si>
  <si>
    <t>Madhoran Kalan</t>
  </si>
  <si>
    <t>Maryum Mehmood</t>
  </si>
  <si>
    <t>GGPS JASWALA</t>
  </si>
  <si>
    <t>Jaswala</t>
  </si>
  <si>
    <t>Village jaswala p /o manglora tehsil Kallar syedan district RWP</t>
  </si>
  <si>
    <t>Rakeebun Nisa</t>
  </si>
  <si>
    <t>GGPS JAT DANGRA, TULAMBA</t>
  </si>
  <si>
    <t>Jat Dangra</t>
  </si>
  <si>
    <t>9b 8r</t>
  </si>
  <si>
    <t>GGPS JATAIL SURKHURU</t>
  </si>
  <si>
    <t>Jatal Surkhru</t>
  </si>
  <si>
    <t>GGPS Jatal Surkhuru p/o missa kaswal</t>
  </si>
  <si>
    <t>Jatal Surkhuru</t>
  </si>
  <si>
    <t>Jhand Melu</t>
  </si>
  <si>
    <t>Aneesa Iram</t>
  </si>
  <si>
    <t>GGPS JATALA</t>
  </si>
  <si>
    <t>Jatla</t>
  </si>
  <si>
    <t>jatla</t>
  </si>
  <si>
    <t>GGPS JATAN WALA</t>
  </si>
  <si>
    <t>jattan wala</t>
  </si>
  <si>
    <t>Jattan WALA</t>
  </si>
  <si>
    <t>Kamar  Pakka</t>
  </si>
  <si>
    <t>Mussarrat Naheed</t>
  </si>
  <si>
    <t>GGPS JATHEKAY NO.2</t>
  </si>
  <si>
    <t>Jathekay</t>
  </si>
  <si>
    <t>village and p/o jathikey tehsil sambrial district Sialkot</t>
  </si>
  <si>
    <t>Sobia Noureen</t>
  </si>
  <si>
    <t>GGPS JATHIANA</t>
  </si>
  <si>
    <t>Jathiana p/o same tehsil &amp; distt Okara</t>
  </si>
  <si>
    <t>Zubera Bibi</t>
  </si>
  <si>
    <t>GGPS JATHOL LAHORE CANTT.</t>
  </si>
  <si>
    <t>Jathol</t>
  </si>
  <si>
    <t>village jathol near kamaha</t>
  </si>
  <si>
    <t>Zeenat Saher</t>
  </si>
  <si>
    <t>GGPS JATIPUR</t>
  </si>
  <si>
    <t>Jaiti Pur</t>
  </si>
  <si>
    <t>jaiti pur</t>
  </si>
  <si>
    <t>Dhrayala Jalip</t>
  </si>
  <si>
    <t>Samina Tanveer</t>
  </si>
  <si>
    <t>GGPS JATOI SHUMALI</t>
  </si>
  <si>
    <t>p\s jatoi shumali</t>
  </si>
  <si>
    <t>basti esenwala</t>
  </si>
  <si>
    <t>muncipal Committee Jatoi</t>
  </si>
  <si>
    <t>Rizwana naz</t>
  </si>
  <si>
    <t>GGPS JATOO QALAT</t>
  </si>
  <si>
    <t>Jatto</t>
  </si>
  <si>
    <t>bast jatto kalat barthi</t>
  </si>
  <si>
    <t>Alina Rauf</t>
  </si>
  <si>
    <t>GGPS JATRI</t>
  </si>
  <si>
    <t>Jatri</t>
  </si>
  <si>
    <t>Po coloney shoukat abad adda jatri</t>
  </si>
  <si>
    <t>Bismillah Kousar</t>
  </si>
  <si>
    <t>GGPS JATRI NAO WASEER</t>
  </si>
  <si>
    <t>jatri nou waseer</t>
  </si>
  <si>
    <t>SUMAIRA ASLAM</t>
  </si>
  <si>
    <t>GGPS JATRIA KHURD</t>
  </si>
  <si>
    <t>Jatria khurd</t>
  </si>
  <si>
    <t>jatria khurd p/o chak rajadi tehsil kharian distt.gujrat</t>
  </si>
  <si>
    <t>Shamim Asma</t>
  </si>
  <si>
    <t>GGPS JATRIKE</t>
  </si>
  <si>
    <t>jatrike tehsil muridke district sheikhupura</t>
  </si>
  <si>
    <t>Nighat Qudsia</t>
  </si>
  <si>
    <t>GGPS JATTAR</t>
  </si>
  <si>
    <t>vpo kanjrur tehsil shakargarh district Narowal</t>
  </si>
  <si>
    <t>Nassem Akhter</t>
  </si>
  <si>
    <t>GGPS Jattay Wala</t>
  </si>
  <si>
    <t>govt girls primary jetthay wala school paigah chak 58</t>
  </si>
  <si>
    <t>Jetthay</t>
  </si>
  <si>
    <t>Rabia  Tasneem</t>
  </si>
  <si>
    <t>GGPS JATTEPUR</t>
  </si>
  <si>
    <t>Jattepur</t>
  </si>
  <si>
    <t>village Jattepur p/o kajror Teh Dist NWL .</t>
  </si>
  <si>
    <t>Chanerkey Rajpotan</t>
  </si>
  <si>
    <t>Nabila Ghaffar</t>
  </si>
  <si>
    <t>GGPS JATTO WAKAL</t>
  </si>
  <si>
    <t>jattuwakal gujrat</t>
  </si>
  <si>
    <t>GGPS JATTOO SIAL</t>
  </si>
  <si>
    <t>basti  Jattoo Sial</t>
  </si>
  <si>
    <t>Jattoo Sial</t>
  </si>
  <si>
    <t>Tahira Mehmood Bhatti</t>
  </si>
  <si>
    <t>GGPS JAUHARABAD MORE COLONY SANDRAL</t>
  </si>
  <si>
    <t>Jauharabad More</t>
  </si>
  <si>
    <t>jauharabad More</t>
  </si>
  <si>
    <t>Rabia Maqsood</t>
  </si>
  <si>
    <t>GGPS JAUND</t>
  </si>
  <si>
    <t>Jound</t>
  </si>
  <si>
    <t>village jound</t>
  </si>
  <si>
    <t>GGPS JAVED ABAD</t>
  </si>
  <si>
    <t>Mohammad Shah P/O Shadia</t>
  </si>
  <si>
    <t>Mohammad Shah</t>
  </si>
  <si>
    <t>Khudeja Bibi</t>
  </si>
  <si>
    <t>GGPS JAVED NAGAR</t>
  </si>
  <si>
    <t>Javed Nagar</t>
  </si>
  <si>
    <t>GGPS Javed nagar</t>
  </si>
  <si>
    <t>Treday Wala</t>
  </si>
  <si>
    <t>Fozia Bilal</t>
  </si>
  <si>
    <t>GGPS JAVED NASIR ABAD</t>
  </si>
  <si>
    <t>Mado Ki</t>
  </si>
  <si>
    <t>moza mado ki dakhana khas tehsil o zila jhang</t>
  </si>
  <si>
    <t>GGPS JAVED PARK</t>
  </si>
  <si>
    <t>Javed Park</t>
  </si>
  <si>
    <t>Govt.Girls primary school, javed park, shahdara</t>
  </si>
  <si>
    <t>Hafiza Aleena Mumtaz</t>
  </si>
  <si>
    <t>GGPS JAVIEN WALA</t>
  </si>
  <si>
    <t>basti javien Wala, mauza sadhan wali, p /o basira, tehsil &amp; district muzaffar garh</t>
  </si>
  <si>
    <t>Javien Wala</t>
  </si>
  <si>
    <t>Sadia Gulzar</t>
  </si>
  <si>
    <t>GGPS JAWA</t>
  </si>
  <si>
    <t>village jawa p/o mallot Sattian tehsil kotli sattian district Rwp</t>
  </si>
  <si>
    <t>GGPS JAWAHER PUR</t>
  </si>
  <si>
    <t>Jawahar Pur</t>
  </si>
  <si>
    <t>Jawarpur p/o mandi faiza abad</t>
  </si>
  <si>
    <t>Naveeda Akhter</t>
  </si>
  <si>
    <t>GGPS JAWAHRAN WALI</t>
  </si>
  <si>
    <t>Soraj Gang</t>
  </si>
  <si>
    <t>basti jawahranwali bwn, punjab, Pakistan.</t>
  </si>
  <si>
    <t>Jawahranwali</t>
  </si>
  <si>
    <t>Arshad Akhter</t>
  </si>
  <si>
    <t>GGPS JAWAL</t>
  </si>
  <si>
    <t>Jawal</t>
  </si>
  <si>
    <t>village jwal po mhra hayat</t>
  </si>
  <si>
    <t>GGPS JAWAYA BALOCH</t>
  </si>
  <si>
    <t>Jaway Baloch</t>
  </si>
  <si>
    <t>government girls p/s Jawaya Bloch</t>
  </si>
  <si>
    <t>Jwaya Bloch</t>
  </si>
  <si>
    <t>Hakumat Garh</t>
  </si>
  <si>
    <t>Masoom Fatima</t>
  </si>
  <si>
    <t>GGPS JAWERIA QAIM SHAH WALA</t>
  </si>
  <si>
    <t>Qaim Shah</t>
  </si>
  <si>
    <t>Qaim shah Wala p/o mokal</t>
  </si>
  <si>
    <t>Qaim Shah Wala</t>
  </si>
  <si>
    <t>GGPS JAWIA PANWAR</t>
  </si>
  <si>
    <t>Jawia Panwar</t>
  </si>
  <si>
    <t>GGPS JAY SINGH WALA</t>
  </si>
  <si>
    <t>Jaysinghwala</t>
  </si>
  <si>
    <t>jaysinghwala.narang mandi</t>
  </si>
  <si>
    <t>Mahtasoja</t>
  </si>
  <si>
    <t>Sobia Firdous</t>
  </si>
  <si>
    <t>GGPS JEAND WALI</t>
  </si>
  <si>
    <t>Jeand Wali</t>
  </si>
  <si>
    <t>G.G.P.S Jeand Wali</t>
  </si>
  <si>
    <t>Sardar Garh</t>
  </si>
  <si>
    <t>GGPS JEENDAR KHURD</t>
  </si>
  <si>
    <t>Jhinder Khurd</t>
  </si>
  <si>
    <t>govt. girls primary school Jindarr khurd post office karianwala district Gujrat</t>
  </si>
  <si>
    <t>Jeendar Khurd</t>
  </si>
  <si>
    <t>IRAM SHAHZADI</t>
  </si>
  <si>
    <t>GGPS JEETO GILL</t>
  </si>
  <si>
    <t>Jeeto Gill</t>
  </si>
  <si>
    <t>village Jeeto Gill tehsil pasroor district sialkot</t>
  </si>
  <si>
    <t>Talwandi Inayt Khan</t>
  </si>
  <si>
    <t>Asima Safdar</t>
  </si>
  <si>
    <t>GGPS JEOKAY</t>
  </si>
  <si>
    <t>Jeokay</t>
  </si>
  <si>
    <t>Samina Shahzadi</t>
  </si>
  <si>
    <t>GGPS JETHA MARI</t>
  </si>
  <si>
    <t>jetha mari tehsil khair pur tamewali dist bwp</t>
  </si>
  <si>
    <t>Jetha Mari</t>
  </si>
  <si>
    <t>Tamanna Nazir</t>
  </si>
  <si>
    <t>GGPS JEUNA</t>
  </si>
  <si>
    <t>Jeuna</t>
  </si>
  <si>
    <t>ggps jeuna tehsil noshehra distt grw</t>
  </si>
  <si>
    <t>Muzzamil Yasmeen</t>
  </si>
  <si>
    <t>GGPS JEVAN SHAH</t>
  </si>
  <si>
    <t>JEVAN SHAH  Tehsil Arifwala Wala distt ppn</t>
  </si>
  <si>
    <t>GGPS JEVEN PURA KHURD</t>
  </si>
  <si>
    <t>jevan pura khurd</t>
  </si>
  <si>
    <t>GGPS JEWAN SHAH</t>
  </si>
  <si>
    <t>Jewan Shah</t>
  </si>
  <si>
    <t>Moza jewan shah po box mirdad mafi district sahiwal</t>
  </si>
  <si>
    <t>Shumaila Kanwal</t>
  </si>
  <si>
    <t>GGPS JEWAN WAL</t>
  </si>
  <si>
    <t>Jewanwall</t>
  </si>
  <si>
    <t>GGPS JEWAN Wall</t>
  </si>
  <si>
    <t>GGPS JEWARA</t>
  </si>
  <si>
    <t>GGPS Jewra Tehsil Kahuta</t>
  </si>
  <si>
    <t>GGPS JHADA</t>
  </si>
  <si>
    <t>GG PS jhada</t>
  </si>
  <si>
    <t>GGPS JHAGLAN WALA MOZA</t>
  </si>
  <si>
    <t>Jhaglanwala</t>
  </si>
  <si>
    <t>JHAGLANWALA  Lalian</t>
  </si>
  <si>
    <t>JHAGLANWALA</t>
  </si>
  <si>
    <t>Naseem Hussain</t>
  </si>
  <si>
    <t>GGPS JHAJHA</t>
  </si>
  <si>
    <t>jhajha</t>
  </si>
  <si>
    <t>Asmat Khatoon</t>
  </si>
  <si>
    <t>GGPS JHAJHA WANA</t>
  </si>
  <si>
    <t>Jhajhwana</t>
  </si>
  <si>
    <t>GGPS Jhajhwana PO Shakargarh</t>
  </si>
  <si>
    <t>GGPS JHAKAR PUR MULTAN</t>
  </si>
  <si>
    <t>Jhakar Pur</t>
  </si>
  <si>
    <t>chah kuriya wala jhakar pur dak khana ismailabad multan</t>
  </si>
  <si>
    <t>Chah Kuriya Wala Jhakar Pur</t>
  </si>
  <si>
    <t>Navida Aziz</t>
  </si>
  <si>
    <t>GGPS JHAKKAR</t>
  </si>
  <si>
    <t>Jhakkar</t>
  </si>
  <si>
    <t>ggps jhakkar</t>
  </si>
  <si>
    <t>Pir Ashaab</t>
  </si>
  <si>
    <t>hufsa zanab</t>
  </si>
  <si>
    <t>GGPS JHAKKAR IMAM SHAH</t>
  </si>
  <si>
    <t>Jakhar Imam Shah</t>
  </si>
  <si>
    <t>jakhar imam shah</t>
  </si>
  <si>
    <t>GGPS JHALALRIEN</t>
  </si>
  <si>
    <t>jhalari</t>
  </si>
  <si>
    <t>norwa nala basti jhalari</t>
  </si>
  <si>
    <t>GGPS JHALAR ABDUL QAADIR</t>
  </si>
  <si>
    <t>Jhallar Abdul Qadir</t>
  </si>
  <si>
    <t>jhallar Abdul qadir</t>
  </si>
  <si>
    <t>GGPS JHALAR BULAQA SINGH</t>
  </si>
  <si>
    <t>Jhallar Balaqa Jhallar Bulaqa Singh</t>
  </si>
  <si>
    <t>GGPS Jhallar Balaqa Singh tehsil &amp;District Nankana Sahib</t>
  </si>
  <si>
    <t>Jhallar Balaqa Singh</t>
  </si>
  <si>
    <t>Kot Hussain Khan</t>
  </si>
  <si>
    <t>Fouzia Shahnaz</t>
  </si>
  <si>
    <t>GGPS JHALAR DINA TULA</t>
  </si>
  <si>
    <t>Jhalar Dina Tulla</t>
  </si>
  <si>
    <t>chak no 116/7-CR Moza Jhalar Dina Tulla, Tehsil Chichawatni Distt Sahiwal</t>
  </si>
  <si>
    <t>Kousar Anjum</t>
  </si>
  <si>
    <t>GGPS JHALAR MEHR SHAH</t>
  </si>
  <si>
    <t>Jhalar MEHER Shah</t>
  </si>
  <si>
    <t>JHALLAR MEHER SHAH</t>
  </si>
  <si>
    <t>JHALLAR MEHER Shah</t>
  </si>
  <si>
    <t>Basma farhat</t>
  </si>
  <si>
    <t>GGPS JHALAR SUNDAR SINGH</t>
  </si>
  <si>
    <t>ggps jhallar sundar singh</t>
  </si>
  <si>
    <t>Jahllar Suder Singh</t>
  </si>
  <si>
    <t>Farooqabad Village</t>
  </si>
  <si>
    <t>Yasmeenkausar</t>
  </si>
  <si>
    <t>GGPS JHALAR WAHAB</t>
  </si>
  <si>
    <t>JHALAR WAHAB</t>
  </si>
  <si>
    <t>Jhalar wahab Tehsil Lalian  District Chiniot</t>
  </si>
  <si>
    <t>Aqsa Ramzan</t>
  </si>
  <si>
    <t>GGPS JHALARIEN SHUMALI</t>
  </si>
  <si>
    <t>ggps jhalarien shumali</t>
  </si>
  <si>
    <t>Jhalarien Shumali</t>
  </si>
  <si>
    <t>Shazia Nawazish</t>
  </si>
  <si>
    <t>GGPS JHALIAN WALA</t>
  </si>
  <si>
    <t>Jhalian Wala</t>
  </si>
  <si>
    <t>post office Jalhan village jhalian wala</t>
  </si>
  <si>
    <t>GGPS JHALLAR</t>
  </si>
  <si>
    <t>trag sharki</t>
  </si>
  <si>
    <t>p/o trag village jhallar teh eesakhel dist mianwali.</t>
  </si>
  <si>
    <t>jhallar</t>
  </si>
  <si>
    <t>trag</t>
  </si>
  <si>
    <t>Sajda Rashid</t>
  </si>
  <si>
    <t>GGPS JHALLAR ABDUL REHMAN</t>
  </si>
  <si>
    <t>near kotla esan</t>
  </si>
  <si>
    <t>GGPS JHALLAR SAWAN SINGH</t>
  </si>
  <si>
    <t>Jhallar Sawan Singh</t>
  </si>
  <si>
    <t>Umm E Habiba</t>
  </si>
  <si>
    <t>GGPS JHALLAR ZAILDAR</t>
  </si>
  <si>
    <t>Zaildaran</t>
  </si>
  <si>
    <t>jhallar zaildaran</t>
  </si>
  <si>
    <t>Jhallar</t>
  </si>
  <si>
    <t>Rukhsana Akhter</t>
  </si>
  <si>
    <t>GGPS JHAMARA</t>
  </si>
  <si>
    <t>Jhamera</t>
  </si>
  <si>
    <t>jhamera, post office Mandi Sadiq gunj... Minchinabad</t>
  </si>
  <si>
    <t>GGPS JHAMAT ABAD</t>
  </si>
  <si>
    <t>Jhamat Abad</t>
  </si>
  <si>
    <t>village Jhamat Abad po chak kamala tehsil nd dist gujrat</t>
  </si>
  <si>
    <t>Jhamt Abad</t>
  </si>
  <si>
    <t>Zonia Javaid</t>
  </si>
  <si>
    <t>GGPS JHAMAT JANUBI NO 1</t>
  </si>
  <si>
    <t>jhmat janobi duly wala</t>
  </si>
  <si>
    <t>JhmatJanobi 1</t>
  </si>
  <si>
    <t>Jhmat Shumali</t>
  </si>
  <si>
    <t>RABIA MUBEEN</t>
  </si>
  <si>
    <t>GGPS JHAMBIAN</t>
  </si>
  <si>
    <t>Jhumbian</t>
  </si>
  <si>
    <t>village jhumbian post office pindibhago tehsil pasrur district sialkot</t>
  </si>
  <si>
    <t>Shaista Mobashar</t>
  </si>
  <si>
    <t>GGPS JHAMRA</t>
  </si>
  <si>
    <t>District Attock, Tehsil Jand, Dhoke Jhamra, V.P.O. Mithial</t>
  </si>
  <si>
    <t>Hameeda Bibi</t>
  </si>
  <si>
    <t>GGPS JHAMRA SHARQI</t>
  </si>
  <si>
    <t>p/o JHAMRA TEH kallar kahar distt chakwal</t>
  </si>
  <si>
    <t>Musaratjabeen</t>
  </si>
  <si>
    <t>Water Tank</t>
  </si>
  <si>
    <t>GGPS JHAMTAN WALA</t>
  </si>
  <si>
    <t>Kinyalanwala</t>
  </si>
  <si>
    <t>Shehnaz Mehreen</t>
  </si>
  <si>
    <t>GGPS JHANB</t>
  </si>
  <si>
    <t>moza jhanb lahore road chiniot</t>
  </si>
  <si>
    <t>Mamoona Rahm Din</t>
  </si>
  <si>
    <t>GGPS JHANBI WAHIN</t>
  </si>
  <si>
    <t>Jahnbiwahin</t>
  </si>
  <si>
    <t>GGPS Jhanbiwahin</t>
  </si>
  <si>
    <t>Jaladi Wahin</t>
  </si>
  <si>
    <t>Shahpurphul</t>
  </si>
  <si>
    <t>Fozia Chakori</t>
  </si>
  <si>
    <t>GGPS JHANBI WALA SHUJABAD DISTT. MULTAN</t>
  </si>
  <si>
    <t>Satburji</t>
  </si>
  <si>
    <t>Jhanbhi wala P/o Bagrain</t>
  </si>
  <si>
    <t>JHANBHI WALA</t>
  </si>
  <si>
    <t>Gardaizpur</t>
  </si>
  <si>
    <t>Sughra Malik</t>
  </si>
  <si>
    <t>GGPS JHANDA MERA</t>
  </si>
  <si>
    <t>Jhanda Mera</t>
  </si>
  <si>
    <t>village jhanda mera po gadriam tehsil sohawa district jhelum</t>
  </si>
  <si>
    <t>pail Bannay Khan</t>
  </si>
  <si>
    <t>Sumeera Noreen</t>
  </si>
  <si>
    <t>GGPS JHANDAY KHAN</t>
  </si>
  <si>
    <t>GGps Jhanday Khan markz rajanpur</t>
  </si>
  <si>
    <t>Basti KASRA</t>
  </si>
  <si>
    <t>GGPS JHANDAY WALI</t>
  </si>
  <si>
    <t>govt girls primary school jhanday wali</t>
  </si>
  <si>
    <t>GGPS JHANDEER DURAIJA</t>
  </si>
  <si>
    <t>Jhandeer Duraija</t>
  </si>
  <si>
    <t>basti shery wala moza jhandeer duraija sharqi</t>
  </si>
  <si>
    <t>Basti Shery Wala</t>
  </si>
  <si>
    <t>Kashifabad</t>
  </si>
  <si>
    <t>Shamim Bibi</t>
  </si>
  <si>
    <t>GGPS JHANDI</t>
  </si>
  <si>
    <t>Jhandi</t>
  </si>
  <si>
    <t>basti Fauj Ali Gandi miran pur</t>
  </si>
  <si>
    <t>Basti Fauj Ali Jhandi</t>
  </si>
  <si>
    <t>Sana Munawar</t>
  </si>
  <si>
    <t>GGPS JHANDIAL</t>
  </si>
  <si>
    <t>jhandial</t>
  </si>
  <si>
    <t>VPO JHANDIAL TEHSIL FATEHJANG DISTRICT ATTOCK</t>
  </si>
  <si>
    <t>Dhurnaal</t>
  </si>
  <si>
    <t>Hafizah Tanzeela Kausar</t>
  </si>
  <si>
    <t>GGPS JHANDIAN WALA</t>
  </si>
  <si>
    <t>Jhandian Wala</t>
  </si>
  <si>
    <t>GGPS Jhandian wala</t>
  </si>
  <si>
    <t>Sumaira Kalsoom</t>
  </si>
  <si>
    <t>GGPS JHANDIAN WALI</t>
  </si>
  <si>
    <t>Jhandianwali chak no.170 RB Jhandianwali Teh. Safdarabad SKP</t>
  </si>
  <si>
    <t>GGPS JHANG</t>
  </si>
  <si>
    <t>vill Jhang tehsile fateh jang distt Attock</t>
  </si>
  <si>
    <t>GGPS JHANG KHOKHRAN</t>
  </si>
  <si>
    <t>Jhang Khokhran</t>
  </si>
  <si>
    <t>village jhang khokhran post office Domeli tehsil Sohawa district jhelum</t>
  </si>
  <si>
    <t>Saba Ghazanfar</t>
  </si>
  <si>
    <t>GGPS JHANG KHURD</t>
  </si>
  <si>
    <t>Jhang Khurd</t>
  </si>
  <si>
    <t>GGPS jhang khurd  p/o looni bajwat sialkot</t>
  </si>
  <si>
    <t>tabassum iqbal</t>
  </si>
  <si>
    <t>GGPS JHANGARWAN</t>
  </si>
  <si>
    <t>jhangarwaan</t>
  </si>
  <si>
    <t>shahpur bhangoo</t>
  </si>
  <si>
    <t>Sakhian Begun</t>
  </si>
  <si>
    <t>GGPS JHANGI</t>
  </si>
  <si>
    <t>jhangi</t>
  </si>
  <si>
    <t>Safina Sultan</t>
  </si>
  <si>
    <t>GGPS JHANGI AHMED KHAN</t>
  </si>
  <si>
    <t>basti jhangi ahmad khan p/o lar janubi</t>
  </si>
  <si>
    <t>Basti jhangi Ahmad Khan</t>
  </si>
  <si>
    <t>Nida Rehman</t>
  </si>
  <si>
    <t>GGPS JHANGI KAY</t>
  </si>
  <si>
    <t>GGPS Jhangi Kay</t>
  </si>
  <si>
    <t>Jhangi Kay P/O Qila Ahmed Abad Teh Pasrur Dis Sialkot</t>
  </si>
  <si>
    <t>Jhangi Kay</t>
  </si>
  <si>
    <t>Zeenia Shah</t>
  </si>
  <si>
    <t>GGPS JHANGI PEER BUKHSH</t>
  </si>
  <si>
    <t>Jhangi Raam</t>
  </si>
  <si>
    <t>jhangi peer bakhsh</t>
  </si>
  <si>
    <t>Jhangi Peer Bakhsh</t>
  </si>
  <si>
    <t>Patti Bulanda</t>
  </si>
  <si>
    <t>GGPS JHANGI SHAH KHAKI</t>
  </si>
  <si>
    <t>jhangi shah khaki</t>
  </si>
  <si>
    <t>Jhangi Shah Khaki</t>
  </si>
  <si>
    <t>Nasreengilani</t>
  </si>
  <si>
    <t>GGPS JHANGLA</t>
  </si>
  <si>
    <t>Jhangla</t>
  </si>
  <si>
    <t>Durratta jhangla</t>
  </si>
  <si>
    <t>Jangla Durratta</t>
  </si>
  <si>
    <t>GGPS JHANGRA SHARQI</t>
  </si>
  <si>
    <t>jhangra sharki</t>
  </si>
  <si>
    <t>ggps jhangra sharki</t>
  </si>
  <si>
    <t>bhawalpur ghalwan</t>
  </si>
  <si>
    <t>Nasreen Akhtar Jameel</t>
  </si>
  <si>
    <t>GGPS JHANIAN</t>
  </si>
  <si>
    <t>GGPS jahanian</t>
  </si>
  <si>
    <t>Tariq Hafeez</t>
  </si>
  <si>
    <t>GGPS JHANTLA</t>
  </si>
  <si>
    <t>Jhantla</t>
  </si>
  <si>
    <t>Vill Jhantla P/O Gulyana distt Gujrat</t>
  </si>
  <si>
    <t>Somia Shaheen</t>
  </si>
  <si>
    <t>GGPS JHAR</t>
  </si>
  <si>
    <t>Jhar</t>
  </si>
  <si>
    <t>village jhar Post office ugoki sialkot</t>
  </si>
  <si>
    <t>Joria Kalan</t>
  </si>
  <si>
    <t>Asima Mumtaz</t>
  </si>
  <si>
    <t>GGPS JHARIAN WALA</t>
  </si>
  <si>
    <t>Jharianwala</t>
  </si>
  <si>
    <t>jharianwala</t>
  </si>
  <si>
    <t>Qilaramkour</t>
  </si>
  <si>
    <t>Zahra Parveen</t>
  </si>
  <si>
    <t>GGPS JHARMAN</t>
  </si>
  <si>
    <t>JHARMAN</t>
  </si>
  <si>
    <t>GGPS JHARMAN SAHIWAL</t>
  </si>
  <si>
    <t>58GD</t>
  </si>
  <si>
    <t>ASMA NAZIR</t>
  </si>
  <si>
    <t>GGPS JHAT</t>
  </si>
  <si>
    <t>Jhat</t>
  </si>
  <si>
    <t>dhok jhat</t>
  </si>
  <si>
    <t>Anbreen Akhter</t>
  </si>
  <si>
    <t>GGPS JHATLA HATIAL</t>
  </si>
  <si>
    <t>dhoke jhatla</t>
  </si>
  <si>
    <t>Jhatla Hatial</t>
  </si>
  <si>
    <t>Rehana Faizan</t>
  </si>
  <si>
    <t>GGPS JHAWRA</t>
  </si>
  <si>
    <t>Jhawra</t>
  </si>
  <si>
    <t>Riaz Qureshi Road Jhawra</t>
  </si>
  <si>
    <t>GGPS JHEDWAN AREY WALA</t>
  </si>
  <si>
    <t>jhedwan</t>
  </si>
  <si>
    <t>basti jhedwan</t>
  </si>
  <si>
    <t>Bashiran Begum</t>
  </si>
  <si>
    <t>GGPS JHEENDAR KALAN</t>
  </si>
  <si>
    <t>Jinder kalan</t>
  </si>
  <si>
    <t>post office karianwala village jinder kalan</t>
  </si>
  <si>
    <t>Hazaran Mughlan</t>
  </si>
  <si>
    <t>Mubashra Rizwan</t>
  </si>
  <si>
    <t>GGPS JHEJOWALI</t>
  </si>
  <si>
    <t>Jhejowali</t>
  </si>
  <si>
    <t>village jhejowali p.o gumtala tehsil shakargarh district narowal</t>
  </si>
  <si>
    <t>Tenzeela Kanwal</t>
  </si>
  <si>
    <t>electric pupm</t>
  </si>
  <si>
    <t>GGPS JHELAN WALI</t>
  </si>
  <si>
    <t>Basti Jheelan Wali Maoza Jheelan wali</t>
  </si>
  <si>
    <t>Shakeela Bi Bi</t>
  </si>
  <si>
    <t>GGPS JHENDA KOHNA</t>
  </si>
  <si>
    <t>Jhenda Kohna</t>
  </si>
  <si>
    <t>jhenda kohna teh and disst sheikhupura</t>
  </si>
  <si>
    <t>Maki 460</t>
  </si>
  <si>
    <t>Aleena Shabbir</t>
  </si>
  <si>
    <t>GGPS JHETHAL</t>
  </si>
  <si>
    <t>JETHAL</t>
  </si>
  <si>
    <t>VPO JETHAL TEHSIL AND DISTRICT CHAKWAL</t>
  </si>
  <si>
    <t>Uzma Tabassam</t>
  </si>
  <si>
    <t>GGPS JHIDO</t>
  </si>
  <si>
    <t>Ggps Mouza jhedu</t>
  </si>
  <si>
    <t>Akbar Shar</t>
  </si>
  <si>
    <t>Hajran Bibi</t>
  </si>
  <si>
    <t>GGPS JHOK HAFIZ WALI</t>
  </si>
  <si>
    <t>Jhoke Hafiz Wali</t>
  </si>
  <si>
    <t>Jhoke Hafiz Wali Bhakkar</t>
  </si>
  <si>
    <t>Hummwali</t>
  </si>
  <si>
    <t>GGPS JHOK JASKANI</t>
  </si>
  <si>
    <t>jhouk jaskani karor</t>
  </si>
  <si>
    <t>jhouk jaskani</t>
  </si>
  <si>
    <t>karor thal jandi</t>
  </si>
  <si>
    <t>SHAISTA MUMTAZ</t>
  </si>
  <si>
    <t>GGPS JHOK LASHKAR PUR</t>
  </si>
  <si>
    <t>post office khas jhoke lashkar pur tehsil multan sadar</t>
  </si>
  <si>
    <t>Abida Fraz</t>
  </si>
  <si>
    <t>GGPS JHOK REHMAN WALI</t>
  </si>
  <si>
    <t>GGPS JHOK REHMAN WALI, TEH PIPLAN, DISTT MIANWALI</t>
  </si>
  <si>
    <t>Jhok Rehman Wali</t>
  </si>
  <si>
    <t>GGPS JHOK SHEKHUM</t>
  </si>
  <si>
    <t>Jhoke Sheikhum</t>
  </si>
  <si>
    <t>jhoke sheikhum</t>
  </si>
  <si>
    <t>Amina Wazir</t>
  </si>
  <si>
    <t>GGPS JHOK USMAN</t>
  </si>
  <si>
    <t>Jhoke Usman</t>
  </si>
  <si>
    <t>Moza Jhoke  Usman  Tehsil&amp;Dist  Jhang</t>
  </si>
  <si>
    <t>GGPS JHOK UTRA NO. 2</t>
  </si>
  <si>
    <t>jhokeutra</t>
  </si>
  <si>
    <t>jhoke utra</t>
  </si>
  <si>
    <t>GGPS JHOK WALA</t>
  </si>
  <si>
    <t>Jhok wala</t>
  </si>
  <si>
    <t>GGPS jhok wala</t>
  </si>
  <si>
    <t>Asia Kousar</t>
  </si>
  <si>
    <t>GGPS JHOKE AHIR</t>
  </si>
  <si>
    <t>Bahawalgarh</t>
  </si>
  <si>
    <t>basti sahi Wala moza bahawalgarh</t>
  </si>
  <si>
    <t>Sahi Wala</t>
  </si>
  <si>
    <t>Gulshan Ghafoor</t>
  </si>
  <si>
    <t>GGPS JHOKE BAKHWANI</t>
  </si>
  <si>
    <t>tehsil taunsa mangrotha east</t>
  </si>
  <si>
    <t>Sabra Begum</t>
  </si>
  <si>
    <t>GGPS JHOKE FATEH MUHAMMAD</t>
  </si>
  <si>
    <t>jmps jhoke fateh moh sial</t>
  </si>
  <si>
    <t>Jhoke Fateh Moh Sial</t>
  </si>
  <si>
    <t>GGPS JHOKE GHULAM QADIR</t>
  </si>
  <si>
    <t>Jhatak Bighwari</t>
  </si>
  <si>
    <t>GGPS jhok ghulam qadir basti sokar tehsil taunsa</t>
  </si>
  <si>
    <t>Basti Sokar</t>
  </si>
  <si>
    <t>GGPS JHOKE JAFFAR SHAH</t>
  </si>
  <si>
    <t>Warah Sehran</t>
  </si>
  <si>
    <t>Jhoke Jaffar shah warah sehran karor lalesan</t>
  </si>
  <si>
    <t>Jhoke Jaffar Shah</t>
  </si>
  <si>
    <t>Aneela urf  Sonia</t>
  </si>
  <si>
    <t>GGPS JHOKE KALASRA</t>
  </si>
  <si>
    <t>Ehsaan Pur Mustaqil</t>
  </si>
  <si>
    <t>Mujahid Abad Zahid Wala Ehsaan Pur Tehsil Kot Addu</t>
  </si>
  <si>
    <t>Zahid Wala</t>
  </si>
  <si>
    <t>Ehsaan Pur</t>
  </si>
  <si>
    <t>Rubab Fatima</t>
  </si>
  <si>
    <t>GGPS JHOKE KHICHI</t>
  </si>
  <si>
    <t>Jhoke Khichi</t>
  </si>
  <si>
    <t>jhoke khichi</t>
  </si>
  <si>
    <t>Kharal</t>
  </si>
  <si>
    <t>GGPS JHOKE LAL SHAH</t>
  </si>
  <si>
    <t>Jhok lal shah</t>
  </si>
  <si>
    <t>jhok lal shah p/o jhok qalandar bakhsh</t>
  </si>
  <si>
    <t>jhok lal shah</t>
  </si>
  <si>
    <t>panjgraen</t>
  </si>
  <si>
    <t>Sadaf Afreen</t>
  </si>
  <si>
    <t>GGPS JHOKE MAHAR</t>
  </si>
  <si>
    <t>JHOK MAHAR</t>
  </si>
  <si>
    <t>Basti jindani jhok mahar tehsil jampur district Rajanpur</t>
  </si>
  <si>
    <t>GGPS JHOKE MAKWAL</t>
  </si>
  <si>
    <t>Jhok Makwal</t>
  </si>
  <si>
    <t>GGPS JHOKE SAMTIA</t>
  </si>
  <si>
    <t>GGPS Jhok Samtia</t>
  </si>
  <si>
    <t>Jhok Samtia</t>
  </si>
  <si>
    <t>Nasim Bagum</t>
  </si>
  <si>
    <t>GGPS JHOKE SHAH MUHAMMAD</t>
  </si>
  <si>
    <t>government  girls primary school jhoke Shah Muhammad</t>
  </si>
  <si>
    <t>Jhoke Shah Muhammad</t>
  </si>
  <si>
    <t>Sahira Iqbal</t>
  </si>
  <si>
    <t>GGPS JHOKE UTRA</t>
  </si>
  <si>
    <t>Hyat Pur</t>
  </si>
  <si>
    <t>jhoke uttera lodhran</t>
  </si>
  <si>
    <t>Jhoke Uttera</t>
  </si>
  <si>
    <t>Chumb Kulayar</t>
  </si>
  <si>
    <t>Qurshia Choudhry</t>
  </si>
  <si>
    <t>GGPS JHOKE VAINS KHURD</t>
  </si>
  <si>
    <t>GGPS jhoke wains khurd multan</t>
  </si>
  <si>
    <t>Zakia Qadri</t>
  </si>
  <si>
    <t>GGPS JHORE CHAKRALA MIANWALI</t>
  </si>
  <si>
    <t>Thamaywali</t>
  </si>
  <si>
    <t>P.O. Village Jhore, Thesil n Disst Mianwali</t>
  </si>
  <si>
    <t>Jhore</t>
  </si>
  <si>
    <t>GGPS JHOTIAN WALA</t>
  </si>
  <si>
    <t>Jhotianwala</t>
  </si>
  <si>
    <t>jhotianwala</t>
  </si>
  <si>
    <t>Jabeen Naz</t>
  </si>
  <si>
    <t>GGPS JHUBANA</t>
  </si>
  <si>
    <t>paka jhubana</t>
  </si>
  <si>
    <t>Jhubana</t>
  </si>
  <si>
    <t>GGPS JHUGAY CHABELAN</t>
  </si>
  <si>
    <t>Jughay Chabailan</t>
  </si>
  <si>
    <t>Jhugay Chabailan</t>
  </si>
  <si>
    <t>Jajal</t>
  </si>
  <si>
    <t>HUMERA SABIR</t>
  </si>
  <si>
    <t>GGPS JHUGGI WALA NO. 2</t>
  </si>
  <si>
    <t>jhuggi wala no 2</t>
  </si>
  <si>
    <t>Nazia Mumtaz Khan</t>
  </si>
  <si>
    <t>GGPS JHUGHIAN HAMOON</t>
  </si>
  <si>
    <t>Jhugian Hamoon</t>
  </si>
  <si>
    <t>jhugian hamoon</t>
  </si>
  <si>
    <t>GGPS JHUGIAN</t>
  </si>
  <si>
    <t>Jhugian</t>
  </si>
  <si>
    <t>jhugian bhera</t>
  </si>
  <si>
    <t>Ranjhan Wala</t>
  </si>
  <si>
    <t>Nuzhat Raana</t>
  </si>
  <si>
    <t>GGPS JHUGIAN ALPHA</t>
  </si>
  <si>
    <t>Jhugian Alpha</t>
  </si>
  <si>
    <t>Jhugian alpha new airport road Lahore cantt</t>
  </si>
  <si>
    <t>GGPS JHUGIAN CHAMRAN</t>
  </si>
  <si>
    <t>Jhughia Chambran</t>
  </si>
  <si>
    <t>Jhugian chambran</t>
  </si>
  <si>
    <t>Jhugian Chambran</t>
  </si>
  <si>
    <t>BUSHRA KHANUM</t>
  </si>
  <si>
    <t>GGPS JHUGIAN KALAN</t>
  </si>
  <si>
    <t>Juggian Kalan</t>
  </si>
  <si>
    <t>juggian kalan p/o khudian khas</t>
  </si>
  <si>
    <t>Surraiya Saif</t>
  </si>
  <si>
    <t>GGPS JHUGIAN KARNALIAN</t>
  </si>
  <si>
    <t>Jhuggian Karnalian</t>
  </si>
  <si>
    <t>jhuggian karnalian p/o manawala Teh.shahkot Disst. Nankana sahib</t>
  </si>
  <si>
    <t>Shamim Akhthar</t>
  </si>
  <si>
    <t>GGPS JHUGIAN KHURD</t>
  </si>
  <si>
    <t>Jhugian Khurd</t>
  </si>
  <si>
    <t>GGPS Jhugian khurd p/o khudian khas kasur</t>
  </si>
  <si>
    <t>Virum Hithar</t>
  </si>
  <si>
    <t>Anila Karim Bakhish</t>
  </si>
  <si>
    <t>GGPS JHUGIAN LAKHODHER</t>
  </si>
  <si>
    <t>jhugian lakhodair bhani road lahore</t>
  </si>
  <si>
    <t>Jhugian Lakhodair</t>
  </si>
  <si>
    <t>Robina Naseeb Khan</t>
  </si>
  <si>
    <t>GGPS JHUGIAN LODHRAY</t>
  </si>
  <si>
    <t>Jhuggian Lodhray</t>
  </si>
  <si>
    <t>Jhuggian Lodhray p/o Sham ki bhattian multan road Lahore</t>
  </si>
  <si>
    <t>GGPS JHUGIAN MAKHAN SINGH</t>
  </si>
  <si>
    <t>Jhugian Makhan Singh</t>
  </si>
  <si>
    <t>Jungian Makhan Singh</t>
  </si>
  <si>
    <t>GGPS JHUGIAN MUHAMMAD BAKHSH</t>
  </si>
  <si>
    <t>Jallo More</t>
  </si>
  <si>
    <t>jhuggian Muhammad bakhsh</t>
  </si>
  <si>
    <t>Jhuggian Muhammad Bakhsh</t>
  </si>
  <si>
    <t>Do Gary Kallan</t>
  </si>
  <si>
    <t>Mrs Tasneem Iftikhar</t>
  </si>
  <si>
    <t>GGPS JHUGIAN NOOR PUR</t>
  </si>
  <si>
    <t>Noorpur Jagian</t>
  </si>
  <si>
    <t>noor pur jhugian Lahore cantt</t>
  </si>
  <si>
    <t>Noor Pur Jhugian</t>
  </si>
  <si>
    <t>Akhtar Mehmood</t>
  </si>
  <si>
    <t>GGPS JHUMAT JANOOBI NO 2</t>
  </si>
  <si>
    <t>jhamat janobi</t>
  </si>
  <si>
    <t>Jhamat Janobi</t>
  </si>
  <si>
    <t>Uzma khalil</t>
  </si>
  <si>
    <t>GGPS JHUMBIAN DALALAN</t>
  </si>
  <si>
    <t>Jhumian Dalalan</t>
  </si>
  <si>
    <t>vilg jhumian dalalan post office chaprar teh and distt sialkot</t>
  </si>
  <si>
    <t>Zakia Bagum</t>
  </si>
  <si>
    <t>GGPS JIA MUSA SHAHDRA</t>
  </si>
  <si>
    <t>Qot Mohibo</t>
  </si>
  <si>
    <t>Bariyan wala chowk  near stop no 25 shiekhopora road shahdara</t>
  </si>
  <si>
    <t>The Qot Mohibo</t>
  </si>
  <si>
    <t>GGPS JIA PUR</t>
  </si>
  <si>
    <t>Jaipur</t>
  </si>
  <si>
    <t>Vill JaiPur PO Mararian Teh Kharian Distt Gujrat</t>
  </si>
  <si>
    <t>GGPS JINAH ABAD</t>
  </si>
  <si>
    <t>Valvet Mor</t>
  </si>
  <si>
    <t>ggp/s jinnah abad multan</t>
  </si>
  <si>
    <t>Bsti Valvet</t>
  </si>
  <si>
    <t>Shershah</t>
  </si>
  <si>
    <t>GGPS JINAH COLONY, CHAK NO 16 GHAGH</t>
  </si>
  <si>
    <t>16 Ghagh Jinnah Colony</t>
  </si>
  <si>
    <t>16 Ghagh Jinnah  Colony</t>
  </si>
  <si>
    <t>Ghazala Samreen</t>
  </si>
  <si>
    <t>GGPS JIND WADDA</t>
  </si>
  <si>
    <t>Mehmood Garh</t>
  </si>
  <si>
    <t>sardar Garh</t>
  </si>
  <si>
    <t>Jind Waddah</t>
  </si>
  <si>
    <t>Razia Nawaz</t>
  </si>
  <si>
    <t>GGPS JINDHAR</t>
  </si>
  <si>
    <t>Jindhar</t>
  </si>
  <si>
    <t>village jindhar p/o lessar kalan tehsil zafarwal district narowal</t>
  </si>
  <si>
    <t>Hussan Muhammad</t>
  </si>
  <si>
    <t>GGPS JINDO WALA</t>
  </si>
  <si>
    <t>FatehPur Janobi</t>
  </si>
  <si>
    <t>Government girls primary school jindo wala</t>
  </si>
  <si>
    <t>Jindo Wala</t>
  </si>
  <si>
    <t>ASMA BIBI</t>
  </si>
  <si>
    <t>GGPS JINDOO CHANNAR NO.1</t>
  </si>
  <si>
    <t>Jindo Channar</t>
  </si>
  <si>
    <t>mouza jindo channar basti ghulam rassol</t>
  </si>
  <si>
    <t>Mud Peer Waah</t>
  </si>
  <si>
    <t>Mumtaz perveen</t>
  </si>
  <si>
    <t>GGPS JINDOO PIR KAMAL</t>
  </si>
  <si>
    <t>ggps jindoo peer kamal</t>
  </si>
  <si>
    <t>Jindoo Peer</t>
  </si>
  <si>
    <t>Shabana Khadim</t>
  </si>
  <si>
    <t>GGPS JINDOO WALA</t>
  </si>
  <si>
    <t>GG p/s jindu wala lodhran.</t>
  </si>
  <si>
    <t>jindu Wala</t>
  </si>
  <si>
    <t>Yasmin Mushtaq</t>
  </si>
  <si>
    <t>GGPS JINDRA DAIRY</t>
  </si>
  <si>
    <t>Jindra Dairy</t>
  </si>
  <si>
    <t>jindra dairy</t>
  </si>
  <si>
    <t>Lcb</t>
  </si>
  <si>
    <t>GGPS JINDRA KALAN</t>
  </si>
  <si>
    <t>Jindra Kalan</t>
  </si>
  <si>
    <t>jindra kalan</t>
  </si>
  <si>
    <t>GGPS JINNAH ABAD CHAKWAL</t>
  </si>
  <si>
    <t>jinah abad</t>
  </si>
  <si>
    <t>odherwal by pass,jinnah abadi</t>
  </si>
  <si>
    <t>Jinnah abadi</t>
  </si>
  <si>
    <t>odherwal</t>
  </si>
  <si>
    <t>GGPS JINNAH ABADI</t>
  </si>
  <si>
    <t>5 Marhla Skeem  near Khyban-e-Faiz</t>
  </si>
  <si>
    <t>5 Marhla Skeem</t>
  </si>
  <si>
    <t>Municipal Commety</t>
  </si>
  <si>
    <t>GGPS JINNAH ABADI 24 A</t>
  </si>
  <si>
    <t>Jinnah Abadi 24/A jadeed</t>
  </si>
  <si>
    <t>Jinnah Abadi 24 A</t>
  </si>
  <si>
    <t>GGPS JINNAH COLONY</t>
  </si>
  <si>
    <t>Qurat Ul Ain Zahra</t>
  </si>
  <si>
    <t>GGPS JINNAH COLONY DHERAMA</t>
  </si>
  <si>
    <t>GGPS Jinnah colony Dharema Sargodha</t>
  </si>
  <si>
    <t>GGPS JINNAH COLONY NO.1 JAHANIAN</t>
  </si>
  <si>
    <t>GGPS jinnah colony no one jahanian</t>
  </si>
  <si>
    <t>Samreen Mushtaq</t>
  </si>
  <si>
    <t>GGPS JINNAH COLONY NO.2 JAHANIAN</t>
  </si>
  <si>
    <t>Jahania</t>
  </si>
  <si>
    <t>jinnah colony no.2 jahanian</t>
  </si>
  <si>
    <t>GGPS JINNAH MEMORIAL MIANA PURA (E)</t>
  </si>
  <si>
    <t>New Mianapura</t>
  </si>
  <si>
    <t>GGPS jinnah memorial Mianapura East</t>
  </si>
  <si>
    <t>Miana Pura</t>
  </si>
  <si>
    <t>Magdeline Saleem</t>
  </si>
  <si>
    <t>GGPS JINNAH NAROWAL</t>
  </si>
  <si>
    <t>mohallah Mohammad  pura nwl</t>
  </si>
  <si>
    <t>Narowal 4</t>
  </si>
  <si>
    <t>Saima Arshad</t>
  </si>
  <si>
    <t>GGPS JIWANA BANGLA</t>
  </si>
  <si>
    <t>Chak Nmbar 44r</t>
  </si>
  <si>
    <t>chak nbar 4\4r jowana bangla</t>
  </si>
  <si>
    <t>Chak Nmbr 44r</t>
  </si>
  <si>
    <t>Sanobar Gul</t>
  </si>
  <si>
    <t>GGPS JODHA DHUDDI</t>
  </si>
  <si>
    <t>Ablani</t>
  </si>
  <si>
    <t>basti jodha dhuddi shah pur Sharif p.o khas moza ablani</t>
  </si>
  <si>
    <t>Basti Jodha Dhuddi</t>
  </si>
  <si>
    <t>Khairo Ghazi Khanana</t>
  </si>
  <si>
    <t>Asifa Qamar</t>
  </si>
  <si>
    <t>GGPS JODHA RAM</t>
  </si>
  <si>
    <t>Pepalwala</t>
  </si>
  <si>
    <t>jodha ram duniapur</t>
  </si>
  <si>
    <t>Jodharam</t>
  </si>
  <si>
    <t>Chack355/ W B</t>
  </si>
  <si>
    <t>Gulnaz Ansari</t>
  </si>
  <si>
    <t>GGPS JODHAY WALI KHURD</t>
  </si>
  <si>
    <t>Jodhay Wali Khurd</t>
  </si>
  <si>
    <t>Vill.Jodhay Wali Khurd,Chungi no.8,St.Bonga,Bhagowal Rd Sialkot</t>
  </si>
  <si>
    <t>Hashmat</t>
  </si>
  <si>
    <t>GGPS JODHEY</t>
  </si>
  <si>
    <t>Jodhay</t>
  </si>
  <si>
    <t>jodhay</t>
  </si>
  <si>
    <t>KotNainan</t>
  </si>
  <si>
    <t>Nadia Aslam</t>
  </si>
  <si>
    <t>GGPS JODHI SULTAN</t>
  </si>
  <si>
    <t>Kanwewala</t>
  </si>
  <si>
    <t>jodhi sultan  tehsile lalian district chiniot</t>
  </si>
  <si>
    <t>Jodhi Sultan</t>
  </si>
  <si>
    <t>GGPS JODHIKAY</t>
  </si>
  <si>
    <t>JOHDAY KAY</t>
  </si>
  <si>
    <t>johdy ky</t>
  </si>
  <si>
    <t>MAHNAT DARSHAN</t>
  </si>
  <si>
    <t>Nasira Mobeen</t>
  </si>
  <si>
    <t>GGPS JODHKEY LUNDIANWALA</t>
  </si>
  <si>
    <t>Jodhkey</t>
  </si>
  <si>
    <t>moza jodhkey tehsil jaranwala district faislabad</t>
  </si>
  <si>
    <t>Aqsa Anwar</t>
  </si>
  <si>
    <t>GGPS JODHO DHEER</t>
  </si>
  <si>
    <t>Govt. Girls Primary School Jodhu Dheer Tehsil Raiwind, Lahore.</t>
  </si>
  <si>
    <t>muniba tufail</t>
  </si>
  <si>
    <t>GGPS JOEYYAN</t>
  </si>
  <si>
    <t>Joeyyan</t>
  </si>
  <si>
    <t>post office phagwari</t>
  </si>
  <si>
    <t>Humara sarwar</t>
  </si>
  <si>
    <t>GGPS JOGAY KOT</t>
  </si>
  <si>
    <t>jogay kot tehsil and didtrict nankana sahib</t>
  </si>
  <si>
    <t>Mumtaz Rani</t>
  </si>
  <si>
    <t>GGPS JOGE</t>
  </si>
  <si>
    <t>Joge</t>
  </si>
  <si>
    <t>Joge P/O Phuklian area Bajwat Teh / Distt Sialkot</t>
  </si>
  <si>
    <t>Wod girran</t>
  </si>
  <si>
    <t>Zunaira Nazeer</t>
  </si>
  <si>
    <t>GGPS JOGI MARA</t>
  </si>
  <si>
    <t>Village Jogi mera P.O Dhurnal Tehsil Fatehjang Distt Attock</t>
  </si>
  <si>
    <t>Rabia Bi Bi</t>
  </si>
  <si>
    <t>GGPS JOGIAN WALA</t>
  </si>
  <si>
    <t>mohallah qurishan wala</t>
  </si>
  <si>
    <t>mohallah qurishan</t>
  </si>
  <si>
    <t>urban area</t>
  </si>
  <si>
    <t>Salma Khanam</t>
  </si>
  <si>
    <t>GGPS JOGO CHAK</t>
  </si>
  <si>
    <t>chak jogo</t>
  </si>
  <si>
    <t>GGPS JOHAR COLONY</t>
  </si>
  <si>
    <t>Cobthan</t>
  </si>
  <si>
    <t>GGPS street no 1 johar colony sadikabad</t>
  </si>
  <si>
    <t>Mewati Basti Johar Colony</t>
  </si>
  <si>
    <t>Tallat Ali</t>
  </si>
  <si>
    <t>GGPS JOHAR COLONY SARGODHA</t>
  </si>
  <si>
    <t>Johar Colony</t>
  </si>
  <si>
    <t>Johar colony</t>
  </si>
  <si>
    <t>GGPS JOHK GAMON</t>
  </si>
  <si>
    <t>manghy htti</t>
  </si>
  <si>
    <t>ggps jhok gamon basti borian wala moza manghtii</t>
  </si>
  <si>
    <t>borian wala basti</t>
  </si>
  <si>
    <t>qasba charram</t>
  </si>
  <si>
    <t>Rehana Anwar</t>
  </si>
  <si>
    <t>GGPS JOHLAY</t>
  </si>
  <si>
    <t>Johlay</t>
  </si>
  <si>
    <t>village johlay po sukho</t>
  </si>
  <si>
    <t>Mehwish Saddique</t>
  </si>
  <si>
    <t>GGPS JOHNI</t>
  </si>
  <si>
    <t>johni</t>
  </si>
  <si>
    <t>Misbah Talib</t>
  </si>
  <si>
    <t>GGPS JOHRRAN WALI</t>
  </si>
  <si>
    <t>school jhodran wali basti rawan wali,qazi wala qureshiaan ,post office dunga bunga tehsil and district bahawalnagar</t>
  </si>
  <si>
    <t>Jhodran Wali</t>
  </si>
  <si>
    <t>Masud Parveen</t>
  </si>
  <si>
    <t>GGPS JOI WAR</t>
  </si>
  <si>
    <t>Hamidabad</t>
  </si>
  <si>
    <t>basti jio war</t>
  </si>
  <si>
    <t>Joi War</t>
  </si>
  <si>
    <t>Bhashti</t>
  </si>
  <si>
    <t>GGPS JOIA MOZA GODA</t>
  </si>
  <si>
    <t>Joia moza goda</t>
  </si>
  <si>
    <t>KOUSAR JAMIL</t>
  </si>
  <si>
    <t>GGPS JOIYA WALA</t>
  </si>
  <si>
    <t>basti darkhan wali katchi pakki</t>
  </si>
  <si>
    <t>Darkhan Wali</t>
  </si>
  <si>
    <t>GGPS JOIYAN WALA</t>
  </si>
  <si>
    <t>moh eidgaah Mitha tiwana</t>
  </si>
  <si>
    <t>Nadia Sharif</t>
  </si>
  <si>
    <t>GGPS JOJH</t>
  </si>
  <si>
    <t>Jojh</t>
  </si>
  <si>
    <t>ggpsjojh post office sabzpeer teh hassanabdal district attock</t>
  </si>
  <si>
    <t>Mehwish Naseem</t>
  </si>
  <si>
    <t>GGPS JOOR</t>
  </si>
  <si>
    <t>vpo joor teh/distt chakwal</t>
  </si>
  <si>
    <t>Joor</t>
  </si>
  <si>
    <t>Tanker facility</t>
  </si>
  <si>
    <t>GGPS JOOTA KASSI NO.1 NAWAN SHEHR</t>
  </si>
  <si>
    <t>Mamdal</t>
  </si>
  <si>
    <t>ggps joota Kassi no 1 dak khana mamdal kabirwala</t>
  </si>
  <si>
    <t>Rabia Asif</t>
  </si>
  <si>
    <t>GGPS JOOTAR</t>
  </si>
  <si>
    <t>jadwanga</t>
  </si>
  <si>
    <t>basti joter p/o lakhani</t>
  </si>
  <si>
    <t>joter</t>
  </si>
  <si>
    <t>sumaira rashid</t>
  </si>
  <si>
    <t>GGPS JORAN WALA</t>
  </si>
  <si>
    <t>G g p s joranwala alluwali</t>
  </si>
  <si>
    <t>GGPS JORHA</t>
  </si>
  <si>
    <t>Johra</t>
  </si>
  <si>
    <t>village johra PO fazla tribal area taunsa</t>
  </si>
  <si>
    <t>GHULAM JANNAT</t>
  </si>
  <si>
    <t>GGPS JORIAN</t>
  </si>
  <si>
    <t>Jorian</t>
  </si>
  <si>
    <t>village jorian post office dhamail tehsil &amp; district Rawalpindi</t>
  </si>
  <si>
    <t>Sajida Rehmaan</t>
  </si>
  <si>
    <t>GGPS JORRI SIKKHON</t>
  </si>
  <si>
    <t>Jorki Sikhon</t>
  </si>
  <si>
    <t>GGPS Jorki Sikhon</t>
  </si>
  <si>
    <t>Giryaabd</t>
  </si>
  <si>
    <t>Alia Hina</t>
  </si>
  <si>
    <t>GGPS JOURA JALALPUR</t>
  </si>
  <si>
    <t>Village Joura Jalalpur post office Khas Tehsile and District Gujrat</t>
  </si>
  <si>
    <t>JOURA JALALPUR</t>
  </si>
  <si>
    <t>GGPS JOUT ALI</t>
  </si>
  <si>
    <t>basti darbar Ahmed sheer</t>
  </si>
  <si>
    <t>Darbar Ahmed sheer</t>
  </si>
  <si>
    <t>Raeesa Khalil</t>
  </si>
  <si>
    <t>GGPS JOWALA SINGH WALA</t>
  </si>
  <si>
    <t>Jawala Sing Wala</t>
  </si>
  <si>
    <t>jawalasing wala chak no 35 teh shahkot district nankana sahib</t>
  </si>
  <si>
    <t>Jawalla Sing Wala</t>
  </si>
  <si>
    <t>shagfta parveen</t>
  </si>
  <si>
    <t>GGPS JOWAY SHAH WALA</t>
  </si>
  <si>
    <t>bsti joway shah wala moza khji wala kehror pacca</t>
  </si>
  <si>
    <t>Joway Shah Wala</t>
  </si>
  <si>
    <t>Mari Bhago</t>
  </si>
  <si>
    <t>Nabeela Aqeel</t>
  </si>
  <si>
    <t>GGPS JOWINDA PANWAN</t>
  </si>
  <si>
    <t>Jowinda Pannu</t>
  </si>
  <si>
    <t>jowinda pannu</t>
  </si>
  <si>
    <t>Sumera Tabbsum</t>
  </si>
  <si>
    <t>GGPS JOYA</t>
  </si>
  <si>
    <t>joya</t>
  </si>
  <si>
    <t>village joya  p.o khan por sayeda  Teh. pasror Dist. sialkot</t>
  </si>
  <si>
    <t>kingra</t>
  </si>
  <si>
    <t>GGPS JOYA MAIR</t>
  </si>
  <si>
    <t>Joya Mair</t>
  </si>
  <si>
    <t>village joya mair post office khoday tehsil and district chakwal</t>
  </si>
  <si>
    <t>Ballokassar</t>
  </si>
  <si>
    <t>Farah Nisar</t>
  </si>
  <si>
    <t>GGPS JOYIAN WALA</t>
  </si>
  <si>
    <t>Lakh badhar</t>
  </si>
  <si>
    <t>govt girls primary school joiyan wala</t>
  </si>
  <si>
    <t>GGPS JUGGAT PUR</t>
  </si>
  <si>
    <t>Juggat Pur</t>
  </si>
  <si>
    <t>village juggat pur p.o box dhanawali</t>
  </si>
  <si>
    <t>Habiba Naureen</t>
  </si>
  <si>
    <t>GGPS JUGHIAN CHAK 292/RB</t>
  </si>
  <si>
    <t>Jhugian Chak#292</t>
  </si>
  <si>
    <t>GGPS JHGIAN CHAK NO 292</t>
  </si>
  <si>
    <t>jhugian chak 292</t>
  </si>
  <si>
    <t>JHGIAN Chak#292</t>
  </si>
  <si>
    <t>GGPS JUGHIAN SIALAN</t>
  </si>
  <si>
    <t>Thatha Khuda Yaar</t>
  </si>
  <si>
    <t>jughian sialan near kot abdul malak</t>
  </si>
  <si>
    <t>JUHGIAN SIALAN</t>
  </si>
  <si>
    <t>KOT ABDUL MALAK</t>
  </si>
  <si>
    <t>MISBAH KHALIQ</t>
  </si>
  <si>
    <t>GGPS JUGIAN</t>
  </si>
  <si>
    <t>Jugian</t>
  </si>
  <si>
    <t>jugian near taxila grid station.taxila</t>
  </si>
  <si>
    <t>Samra Muzzamil</t>
  </si>
  <si>
    <t>bored</t>
  </si>
  <si>
    <t>GGPS JUGIAN MAROOK</t>
  </si>
  <si>
    <t>Jhugian Mahrok</t>
  </si>
  <si>
    <t>Bhon Muzabta</t>
  </si>
  <si>
    <t>GGPS JUGWAL</t>
  </si>
  <si>
    <t>Jugwal</t>
  </si>
  <si>
    <t>village Jugwal P.O box sukho chack the Skg dist narowal</t>
  </si>
  <si>
    <t>Wajiha Hassan</t>
  </si>
  <si>
    <t>GGPS JUMA MOHANA</t>
  </si>
  <si>
    <t>JUMA MOHANA</t>
  </si>
  <si>
    <t>basti abdulla tarali moza juma mohana the.Liquat pur</t>
  </si>
  <si>
    <t>Basti Abdulla Tarali</t>
  </si>
  <si>
    <t>Arfa Ulfat Ishaq</t>
  </si>
  <si>
    <t>GGPS JUMAH WALI</t>
  </si>
  <si>
    <t>Mithan Wali</t>
  </si>
  <si>
    <t>Basti Jummah Wali</t>
  </si>
  <si>
    <t>Jummah Wali</t>
  </si>
  <si>
    <t>Mehvish Raza</t>
  </si>
  <si>
    <t>GGPS JUMMAY WALA</t>
  </si>
  <si>
    <t>Gulzarpur</t>
  </si>
  <si>
    <t>jumma wala post office gulzarpur</t>
  </si>
  <si>
    <t>Jumma wala</t>
  </si>
  <si>
    <t>GGPS JUND HASSAN QATAL</t>
  </si>
  <si>
    <t>Geriyan</t>
  </si>
  <si>
    <t>GGPS Mohallah Gariyan</t>
  </si>
  <si>
    <t>Mohallah Geriyan</t>
  </si>
  <si>
    <t>GGPS JUNEY KEY</t>
  </si>
  <si>
    <t>jonekey</t>
  </si>
  <si>
    <t>Aqeela Aslam</t>
  </si>
  <si>
    <t>GGPS JUNGLE BARALI (OLD)</t>
  </si>
  <si>
    <t>Jungle Burali</t>
  </si>
  <si>
    <t>Tubewell M. Ali arain (late)</t>
  </si>
  <si>
    <t>Jungle Burali Old</t>
  </si>
  <si>
    <t>Shahida Yaseen</t>
  </si>
  <si>
    <t>GGPS JUNGLE BARALI NO. 2 (NEW)</t>
  </si>
  <si>
    <t>Jungle burali</t>
  </si>
  <si>
    <t>Moza Jungle burali new</t>
  </si>
  <si>
    <t>Mahfooz Akhter</t>
  </si>
  <si>
    <t>GGPS JUNGLE BARALI RAIT WALI</t>
  </si>
  <si>
    <t>college town vehari</t>
  </si>
  <si>
    <t>Jungle Burali Rait Wali Vehari</t>
  </si>
  <si>
    <t>Sadia Sadiq</t>
  </si>
  <si>
    <t>GGPS JUNGLE BHERA NO.1 BAHAWAL PUR ROAD MULTAN</t>
  </si>
  <si>
    <t>Karimabad</t>
  </si>
  <si>
    <t>basti karimabad</t>
  </si>
  <si>
    <t>GGPS JUNGLE DERAY WALA, TULAMBA</t>
  </si>
  <si>
    <t>Jungle Deray Wala Janobi</t>
  </si>
  <si>
    <t>viryam abad moza jungle deray wala janobi</t>
  </si>
  <si>
    <t>Viryam Abad</t>
  </si>
  <si>
    <t>Sufia Tabbasum</t>
  </si>
  <si>
    <t>GGPS JUNGLE RANG ALI WALA  P/O LAR</t>
  </si>
  <si>
    <t>Hasla Wala</t>
  </si>
  <si>
    <t>GGPS Jungle Rung Ali Wala Lar</t>
  </si>
  <si>
    <t>5-Faiz</t>
  </si>
  <si>
    <t>Shajila Faiz Mughal</t>
  </si>
  <si>
    <t>GGPS JUNI PUR</t>
  </si>
  <si>
    <t>Juni Pur</t>
  </si>
  <si>
    <t>dist nwl teh skg p.o nurkot</t>
  </si>
  <si>
    <t>Juni Pur Panwan</t>
  </si>
  <si>
    <t>Melu Selu</t>
  </si>
  <si>
    <t>Aliya Majeed</t>
  </si>
  <si>
    <t>GGPS JUNIOR MODEL HAVELI PATHRANWALI MOCHI GATE LHR</t>
  </si>
  <si>
    <t>Chowk Nawab Sahab</t>
  </si>
  <si>
    <t>Govt. Junior M/S Haveli pathranwali mochigate Lhr.</t>
  </si>
  <si>
    <t>GGPS JUNIOR MODEL IQBAL PARK</t>
  </si>
  <si>
    <t>iqbal park badami bagh lahore</t>
  </si>
  <si>
    <t>Iqbal park badami bagh</t>
  </si>
  <si>
    <t>Farooq Gunj</t>
  </si>
  <si>
    <t>Sehrish Zafar Raza</t>
  </si>
  <si>
    <t>GGPS JUNIOR MODEL JORAY MORI</t>
  </si>
  <si>
    <t>Ggps junior model school Joray Mori lhr</t>
  </si>
  <si>
    <t>Rang Mahal</t>
  </si>
  <si>
    <t>Anum Fateh Ullah</t>
  </si>
  <si>
    <t>GGPS JURA</t>
  </si>
  <si>
    <t>Jura wed grw</t>
  </si>
  <si>
    <t>Sadia Mukhtar</t>
  </si>
  <si>
    <t>GGPS JURAN</t>
  </si>
  <si>
    <t>Juran</t>
  </si>
  <si>
    <t>post office mangwal , village juran , tehsil and district chakwal.</t>
  </si>
  <si>
    <t>Aumaila Shabnam</t>
  </si>
  <si>
    <t>GGPS JURIAN</t>
  </si>
  <si>
    <t>Jourian</t>
  </si>
  <si>
    <t>village JOURIAN, P.O MANDRA ,TEHSIL GUJARKHAN</t>
  </si>
  <si>
    <t>GGPS JUSSO SARAY</t>
  </si>
  <si>
    <t>Jasso Saray</t>
  </si>
  <si>
    <t>village Jasso saray p/o chak kamala teh &amp; distt gujrat</t>
  </si>
  <si>
    <t>Aasia Tabassam</t>
  </si>
  <si>
    <t>GGPS JUTTANA NO.1</t>
  </si>
  <si>
    <t>Jotana1</t>
  </si>
  <si>
    <t>GGPSNo1Jotana village  jotana. tehsil.  pond dadan khan district. Jhelum</t>
  </si>
  <si>
    <t>Jotana</t>
  </si>
  <si>
    <t>isra feen</t>
  </si>
  <si>
    <t>GGPS JUTTANA NO.2</t>
  </si>
  <si>
    <t>Jutana</t>
  </si>
  <si>
    <t>Ggps no 2 jutana village and post office jutana</t>
  </si>
  <si>
    <t>Maryam Iqbal</t>
  </si>
  <si>
    <t>GGPS JWAR JAB</t>
  </si>
  <si>
    <t>Jwar Chab</t>
  </si>
  <si>
    <t>jwar chab sheikhupura</t>
  </si>
  <si>
    <t>Mallian Kallan</t>
  </si>
  <si>
    <t>Rana Muhammad Zia</t>
  </si>
  <si>
    <t>GGPS KABARI</t>
  </si>
  <si>
    <t>Muzaffar Pur</t>
  </si>
  <si>
    <t>ggps khabari</t>
  </si>
  <si>
    <t>Kabari</t>
  </si>
  <si>
    <t>Muzaffar Pur Janubi 1</t>
  </si>
  <si>
    <t>Zarina Khatoon</t>
  </si>
  <si>
    <t>GGPS KABIR KHEL SHARQI MOCHH</t>
  </si>
  <si>
    <t>Govt Girls Primary School Kabir Khel Sharqi Mochh</t>
  </si>
  <si>
    <t>GGPS KABIR KHEL WEST</t>
  </si>
  <si>
    <t>muhallah kabir khel west post office mochh</t>
  </si>
  <si>
    <t>Zuriyat Fatima</t>
  </si>
  <si>
    <t>GGPS KABOOTRI NO. 1</t>
  </si>
  <si>
    <t>Basti kabootri dakkhana chobhina</t>
  </si>
  <si>
    <t>Tahira Fatima</t>
  </si>
  <si>
    <t>GGPS KACHA BAGH</t>
  </si>
  <si>
    <t>Baghbaanpura</t>
  </si>
  <si>
    <t>Ggps kacha bagh behind alfalah bank st# 30, baghbaanpura lhr.</t>
  </si>
  <si>
    <t>Tahira Raza</t>
  </si>
  <si>
    <t>GGPS KACHA BANGI KHEL</t>
  </si>
  <si>
    <t>Kacha Bangi Khel</t>
  </si>
  <si>
    <t>kacha bangi khel</t>
  </si>
  <si>
    <t>Bibi Marjana</t>
  </si>
  <si>
    <t>GGPS KACHA CHISHTIAN WALA</t>
  </si>
  <si>
    <t>Ahli Kmbo</t>
  </si>
  <si>
    <t>kacha chishtian</t>
  </si>
  <si>
    <t>Kacha Chishtian</t>
  </si>
  <si>
    <t>GGPS KACHA CHOHAN</t>
  </si>
  <si>
    <t>basti punjabi tehsil rojhan district rajanpur</t>
  </si>
  <si>
    <t>Basti Elahi Bux</t>
  </si>
  <si>
    <t>GGPS KACHA GUJRAT</t>
  </si>
  <si>
    <t>GGPS  kacha gujrat</t>
  </si>
  <si>
    <t>Saba fatima</t>
  </si>
  <si>
    <t>GGPS KACHA JALLO</t>
  </si>
  <si>
    <t>kacha</t>
  </si>
  <si>
    <t>ggps kacha</t>
  </si>
  <si>
    <t>rubina tabassum</t>
  </si>
  <si>
    <t>GGPS KACHA NOSHERA</t>
  </si>
  <si>
    <t>Kacha Noshera</t>
  </si>
  <si>
    <t>kacha Noshera Tehsil piplan District Mianwali</t>
  </si>
  <si>
    <t>GGPS KACHA PAKKA KHURD</t>
  </si>
  <si>
    <t>Kacha Pacca Khurd</t>
  </si>
  <si>
    <t>kacha pacca khurd tehsil&amp;distt kasur</t>
  </si>
  <si>
    <t>GGPS KACHA PATTAL MUSTAQIL</t>
  </si>
  <si>
    <t>Kacha Pattal Ghair  Mustaqil</t>
  </si>
  <si>
    <t>chah bahadur wala pattal ghair mstaqil kot adu</t>
  </si>
  <si>
    <t>Chah Bahadur Wala</t>
  </si>
  <si>
    <t>Mouza Choudary</t>
  </si>
  <si>
    <t>Shumaila Niaz</t>
  </si>
  <si>
    <t>GGPS KACHA RAZI</t>
  </si>
  <si>
    <t>Soon Miani</t>
  </si>
  <si>
    <t>soon miani Yaqoub pirhar</t>
  </si>
  <si>
    <t>Jam Yaqoub Pirhar</t>
  </si>
  <si>
    <t>Noor Bano</t>
  </si>
  <si>
    <t>GGPS KACHA SHAMEERA</t>
  </si>
  <si>
    <t>Kacha Shamera</t>
  </si>
  <si>
    <t>kacha Shamera</t>
  </si>
  <si>
    <t>GGPS KACHAA BHUTTA SALEH MUHAMMAD BHUTTA</t>
  </si>
  <si>
    <t>Kacha bhutta</t>
  </si>
  <si>
    <t>GGPS kacha bhutta bsti Saleh Muhammad Bhutta</t>
  </si>
  <si>
    <t>Kacha Bhutta</t>
  </si>
  <si>
    <t>Nabeela Hassan</t>
  </si>
  <si>
    <t>GGPS KACHAL</t>
  </si>
  <si>
    <t>Ggps kachal taunsa</t>
  </si>
  <si>
    <t>Kachal</t>
  </si>
  <si>
    <t>Mehwish Aziz</t>
  </si>
  <si>
    <t>GGPS KACHI BAHAR SHAH</t>
  </si>
  <si>
    <t>KACHI BAHAR SHAH</t>
  </si>
  <si>
    <t>KACHI BAHAR SHAH, P/O LASKANI WALA TEHSIL KAROR LAL EASON DISTRICT LAYYAH</t>
  </si>
  <si>
    <t>BASEERA</t>
  </si>
  <si>
    <t>msarat sarwar</t>
  </si>
  <si>
    <t>GGPS KACHI KHAN MUHAMMAD</t>
  </si>
  <si>
    <t>kotla said khan</t>
  </si>
  <si>
    <t>Basti khair muhammad gola</t>
  </si>
  <si>
    <t>KhueerMuhammad Gola</t>
  </si>
  <si>
    <t>Tabinda Saddique</t>
  </si>
  <si>
    <t>GGPS KACHI KOTHI</t>
  </si>
  <si>
    <t>kachi kothi Manawala</t>
  </si>
  <si>
    <t>GGPS KACHI PAKI</t>
  </si>
  <si>
    <t>ggpskachipaki,</t>
  </si>
  <si>
    <t>Kachi Paki</t>
  </si>
  <si>
    <t>Jahandy Wali</t>
  </si>
  <si>
    <t>GGPS KACHI PATHANI</t>
  </si>
  <si>
    <t>Pathani</t>
  </si>
  <si>
    <t>katchi pathani</t>
  </si>
  <si>
    <t>Amina AHMAD</t>
  </si>
  <si>
    <t>rod koh sangar</t>
  </si>
  <si>
    <t>GGPS KACHI PUMP WALI RASHEED COLONY</t>
  </si>
  <si>
    <t>Shamsa Abad</t>
  </si>
  <si>
    <t>Muhallah Shamsa abad tehsil and district gujranwala</t>
  </si>
  <si>
    <t>Nasira Irshad</t>
  </si>
  <si>
    <t>GGPS KACHI RANG PUR</t>
  </si>
  <si>
    <t>Chak Dim</t>
  </si>
  <si>
    <t>GGPS Kachi Rang Pur Rojhan</t>
  </si>
  <si>
    <t>MC Rojhan</t>
  </si>
  <si>
    <t>GGPS KACHI SHHAANI</t>
  </si>
  <si>
    <t>ggps kachi shahani</t>
  </si>
  <si>
    <t>Ghilkin</t>
  </si>
  <si>
    <t>Ghulam Zohra Sial</t>
  </si>
  <si>
    <t>GGPS KACHI ZAMAN BASTI FATEH MUHAMMAD ARAIN</t>
  </si>
  <si>
    <t>kachi zaman</t>
  </si>
  <si>
    <t>Basti fateh Muhammad</t>
  </si>
  <si>
    <t>basti fateh muhmmad muhammad</t>
  </si>
  <si>
    <t>yasmeen akhtar</t>
  </si>
  <si>
    <t>GGPS KAFAN WARA</t>
  </si>
  <si>
    <t>Kafan Wara</t>
  </si>
  <si>
    <t>ggp/s kafan wara</t>
  </si>
  <si>
    <t>Samina Liaqat</t>
  </si>
  <si>
    <t>GGPS KAHAL</t>
  </si>
  <si>
    <t>vpo kahal teh jand distt attock</t>
  </si>
  <si>
    <t>Zenab Bibi</t>
  </si>
  <si>
    <t>GGPS KAHANA</t>
  </si>
  <si>
    <t>Kahana</t>
  </si>
  <si>
    <t>village Kahana    PO:Lilla Town Tehsil:P.D.Khan  District:Jhelum</t>
  </si>
  <si>
    <t>Asma Kausar</t>
  </si>
  <si>
    <t>GGPS KAHAWARR KALAN JANUBI</t>
  </si>
  <si>
    <t>kohawar kalan</t>
  </si>
  <si>
    <t>p/o kohawar kalan  teh. darya khan</t>
  </si>
  <si>
    <t>NASIRA KHATOON</t>
  </si>
  <si>
    <t>GGPS KAHEERI</t>
  </si>
  <si>
    <t>basti kaheeri p/o khairpur sadat tehsil alipur district muzaffar garh</t>
  </si>
  <si>
    <t>Basti Kaheeri</t>
  </si>
  <si>
    <t>Rabia nazir</t>
  </si>
  <si>
    <t>GGPS KAHILI BAKHRAL</t>
  </si>
  <si>
    <t>Kahili Kahngir</t>
  </si>
  <si>
    <t>vill-kahli bakhral, p/o-dera Muslim, teh - gujar Khan ,dist- rawalpindi</t>
  </si>
  <si>
    <t>Kahli Bakhral</t>
  </si>
  <si>
    <t>Fouzia Irum</t>
  </si>
  <si>
    <t>GGPS KAHLAN WALI</t>
  </si>
  <si>
    <t>KAHLAN WALI</t>
  </si>
  <si>
    <t>GGPS Kahlan wali.</t>
  </si>
  <si>
    <t>Talwandi Inyat Khan</t>
  </si>
  <si>
    <t>Seemab Jabeen</t>
  </si>
  <si>
    <t>GGPS KAHNI</t>
  </si>
  <si>
    <t>Kallan Bsand</t>
  </si>
  <si>
    <t>village Kahni post office aryari</t>
  </si>
  <si>
    <t>Kahni</t>
  </si>
  <si>
    <t>Krore</t>
  </si>
  <si>
    <t>Nahida Shaheen</t>
  </si>
  <si>
    <t>GGPS KAHOOT</t>
  </si>
  <si>
    <t>village kahoot p/o jhawaria tehsil/shahpur Dist sargodha</t>
  </si>
  <si>
    <t>Tehmina Yousaf</t>
  </si>
  <si>
    <t>GGPS KAHOTTRA</t>
  </si>
  <si>
    <t>Kahoutra</t>
  </si>
  <si>
    <t>Near post office kahoutra</t>
  </si>
  <si>
    <t>Amrazia Bibi</t>
  </si>
  <si>
    <t>GGPS KAHRAK WALA</t>
  </si>
  <si>
    <t>Kalru</t>
  </si>
  <si>
    <t>GGPS KHARAK WALA MOZA KALRo  P/o pahar pur</t>
  </si>
  <si>
    <t>Bait Wasava Kalru</t>
  </si>
  <si>
    <t>Bait Wasava  Shumli</t>
  </si>
  <si>
    <t>Syeda Atia Bukhari</t>
  </si>
  <si>
    <t>GGPS KAHUTI</t>
  </si>
  <si>
    <t>Kahuti</t>
  </si>
  <si>
    <t>village kahuti</t>
  </si>
  <si>
    <t>Lethrar</t>
  </si>
  <si>
    <t>GGPS KAILA</t>
  </si>
  <si>
    <t>kaila</t>
  </si>
  <si>
    <t>Kaila</t>
  </si>
  <si>
    <t>Nafeesa Zaman</t>
  </si>
  <si>
    <t>GGPS KAINTH</t>
  </si>
  <si>
    <t>Kainth</t>
  </si>
  <si>
    <t>kainth.post office kotnaina.</t>
  </si>
  <si>
    <t>Kotnaina</t>
  </si>
  <si>
    <t>Amber Munir</t>
  </si>
  <si>
    <t>GGPS KAIRAN</t>
  </si>
  <si>
    <t>Kairan</t>
  </si>
  <si>
    <t>kairan</t>
  </si>
  <si>
    <t>GGPS KAJIAN WALA</t>
  </si>
  <si>
    <t>Kujian Wala</t>
  </si>
  <si>
    <t>ggps kujianwala</t>
  </si>
  <si>
    <t>Kujian wala</t>
  </si>
  <si>
    <t>Shabana Kosar</t>
  </si>
  <si>
    <t>GGPS KAJLI</t>
  </si>
  <si>
    <t>Kajli</t>
  </si>
  <si>
    <t>Village kajli</t>
  </si>
  <si>
    <t>jand khanzada</t>
  </si>
  <si>
    <t>Sobia Zaman</t>
  </si>
  <si>
    <t>GGPS KAK</t>
  </si>
  <si>
    <t>Kak</t>
  </si>
  <si>
    <t>p.o bhagowal tehsil pasrur district sialkot</t>
  </si>
  <si>
    <t>GGPS KAKA PUN</t>
  </si>
  <si>
    <t>Kakapun</t>
  </si>
  <si>
    <t>kakapun p.o.box Qila Ahmad Abad district Sialkot</t>
  </si>
  <si>
    <t>Syeda Narjis Asma</t>
  </si>
  <si>
    <t>GGPS KAKAN WALA</t>
  </si>
  <si>
    <t>Villagekakanwala</t>
  </si>
  <si>
    <t>kaak wala</t>
  </si>
  <si>
    <t>ghundi</t>
  </si>
  <si>
    <t>fateh khatoon</t>
  </si>
  <si>
    <t>GGPS KAKAYKE</t>
  </si>
  <si>
    <t>Kakay K</t>
  </si>
  <si>
    <t>Kakay k</t>
  </si>
  <si>
    <t>Hasan Husan</t>
  </si>
  <si>
    <t>GGPS KAKEY WALA</t>
  </si>
  <si>
    <t>KAKEY WALA</t>
  </si>
  <si>
    <t>GGPS KAKEY WALA TEHSIL SHAHPUR DISTRICT SARGODHA</t>
  </si>
  <si>
    <t>KHAWJABAD</t>
  </si>
  <si>
    <t>Shaista Fayyaz</t>
  </si>
  <si>
    <t>GGPS KAKHAN WALI</t>
  </si>
  <si>
    <t>illand po kakhanwali teh pasrur dist sialkot</t>
  </si>
  <si>
    <t>Kakhanwali</t>
  </si>
  <si>
    <t>Chahr Bajwa</t>
  </si>
  <si>
    <t>Hafiza Nighat</t>
  </si>
  <si>
    <t>GGPS KAKI NAU CHAK AWAL</t>
  </si>
  <si>
    <t>Kakki Nau Chak Awal chah Rajy Wala</t>
  </si>
  <si>
    <t>Rajy Wala</t>
  </si>
  <si>
    <t>Alia Jabeen</t>
  </si>
  <si>
    <t>GGPS KAKKA</t>
  </si>
  <si>
    <t>V&amp;P/O Kakka</t>
  </si>
  <si>
    <t>Ammara Saif</t>
  </si>
  <si>
    <t>GGPS KAKOO</t>
  </si>
  <si>
    <t>Kakoo</t>
  </si>
  <si>
    <t>kakoo</t>
  </si>
  <si>
    <t>Kausar Tasleem</t>
  </si>
  <si>
    <t>GGPS KAKRALA KALAN</t>
  </si>
  <si>
    <t>Kakrala Kalan</t>
  </si>
  <si>
    <t>kakrala kalan p/o kakrala tehsil sohawa district Jhelum</t>
  </si>
  <si>
    <t>GGPS KAKRANI</t>
  </si>
  <si>
    <t>Kakrani</t>
  </si>
  <si>
    <t>GGPS KAKROT</t>
  </si>
  <si>
    <t>kakrot</t>
  </si>
  <si>
    <t>Kakrot</t>
  </si>
  <si>
    <t>Maria sajid</t>
  </si>
  <si>
    <t>GGPS KAKU WAL</t>
  </si>
  <si>
    <t>Kakuwal</t>
  </si>
  <si>
    <t>Mauza Kakuwal. P/O Langer Makhdoom</t>
  </si>
  <si>
    <t>Umbrin Fatima</t>
  </si>
  <si>
    <t>GGPS KAKU WALA (De-consolidated April-2016)</t>
  </si>
  <si>
    <t>Kaku Wala</t>
  </si>
  <si>
    <t>kaku wala</t>
  </si>
  <si>
    <t>Qaime Bharvana</t>
  </si>
  <si>
    <t>GGPS KAKWAL</t>
  </si>
  <si>
    <t>Kakwal</t>
  </si>
  <si>
    <t>Village kakwal</t>
  </si>
  <si>
    <t>Yasmin Salma</t>
  </si>
  <si>
    <t>GGPS KAKWANI</t>
  </si>
  <si>
    <t>Kakwani</t>
  </si>
  <si>
    <t>Mali pura moza kakwani</t>
  </si>
  <si>
    <t>Mali Poora</t>
  </si>
  <si>
    <t>Qaim Pour</t>
  </si>
  <si>
    <t>GGPS KAKWANI WALA</t>
  </si>
  <si>
    <t>Basti dhool dakhana khas khair pur sadat</t>
  </si>
  <si>
    <t>Basti Dhool</t>
  </si>
  <si>
    <t>Shazia tabassum</t>
  </si>
  <si>
    <t>GGPS KALA</t>
  </si>
  <si>
    <t>kallah virkan tahseel feroz wala dist sheikhupura</t>
  </si>
  <si>
    <t>kallah virkan</t>
  </si>
  <si>
    <t>moman Pura</t>
  </si>
  <si>
    <t>zaib un Nisa</t>
  </si>
  <si>
    <t>GGPS KALA BAJWA</t>
  </si>
  <si>
    <t>Kala Bajwa</t>
  </si>
  <si>
    <t>kala bajwa p/o kali suba tehsil kamoki district Gujranwala</t>
  </si>
  <si>
    <t>Kali Suba</t>
  </si>
  <si>
    <t>Shahzana Ashraf</t>
  </si>
  <si>
    <t>GGPS KALA BALI NO 1</t>
  </si>
  <si>
    <t>Baliyan</t>
  </si>
  <si>
    <t>GGPS Kalabali no 1</t>
  </si>
  <si>
    <t>Kala Bali</t>
  </si>
  <si>
    <t>GGPS KALA CHACHI</t>
  </si>
  <si>
    <t>Kalachachi</t>
  </si>
  <si>
    <t>kalachachi</t>
  </si>
  <si>
    <t>GGPS KALA GHUMNA</t>
  </si>
  <si>
    <t>Kala Ghummana</t>
  </si>
  <si>
    <t>vill.kalaghumana tehsil o district sialkot</t>
  </si>
  <si>
    <t>Kapoorwali</t>
  </si>
  <si>
    <t>Shabana Nabi Ahmed</t>
  </si>
  <si>
    <t>GGPS KALA HARAWAN</t>
  </si>
  <si>
    <t>Kalaharawan</t>
  </si>
  <si>
    <t>kalaharawan dist &amp; teh Sialkot, p.o Sialkot</t>
  </si>
  <si>
    <t>Rasool Pur Bhalliyan</t>
  </si>
  <si>
    <t>Sadia Firdaus</t>
  </si>
  <si>
    <t>GGPS KALA NO.2</t>
  </si>
  <si>
    <t>kala</t>
  </si>
  <si>
    <t>kala p/o kala dera ghazi khan</t>
  </si>
  <si>
    <t>kaneez rubab</t>
  </si>
  <si>
    <t>GGPS KALA NOOR CHAK NO.369/GB</t>
  </si>
  <si>
    <t>Klanoor</t>
  </si>
  <si>
    <t>Check no 369 GB klanoor</t>
  </si>
  <si>
    <t>Martunpur</t>
  </si>
  <si>
    <t>GGPS KALA PHAR</t>
  </si>
  <si>
    <t>Village Kala Pahar</t>
  </si>
  <si>
    <t>vill kalaphar</t>
  </si>
  <si>
    <t>Kalaphar</t>
  </si>
  <si>
    <t>Balggan</t>
  </si>
  <si>
    <t>GGPS KALA SHAH KAKU STATION</t>
  </si>
  <si>
    <t>KSK Station</t>
  </si>
  <si>
    <t>KSK station</t>
  </si>
  <si>
    <t>Shamkey</t>
  </si>
  <si>
    <t>GGPS KALA VERI</t>
  </si>
  <si>
    <t>Kala Veri</t>
  </si>
  <si>
    <t>ggps kala veri lodhran</t>
  </si>
  <si>
    <t>Shair Pur</t>
  </si>
  <si>
    <t>Yasmeen Manzoor</t>
  </si>
  <si>
    <t>GGPS KALAGEE</t>
  </si>
  <si>
    <t>Kalaiji</t>
  </si>
  <si>
    <t>kalaiji</t>
  </si>
  <si>
    <t>GGPS KALAHINA</t>
  </si>
  <si>
    <t>Kalahina</t>
  </si>
  <si>
    <t>GGES Kalahina</t>
  </si>
  <si>
    <t>Amna Naz</t>
  </si>
  <si>
    <t>GGPS KALAIR MAHMAND</t>
  </si>
  <si>
    <t>klair mehmand</t>
  </si>
  <si>
    <t>Klair Mehmand</t>
  </si>
  <si>
    <t>Ms Nusrat Jabeen</t>
  </si>
  <si>
    <t>GGPS KALAIR WALA KHURD</t>
  </si>
  <si>
    <t>Kalair Wala</t>
  </si>
  <si>
    <t>kalair wala khurd</t>
  </si>
  <si>
    <t>Kalair Wala Khurd</t>
  </si>
  <si>
    <t>GGPS KALAIRA</t>
  </si>
  <si>
    <t>Kalaira</t>
  </si>
  <si>
    <t>mouza kalaira p/o same</t>
  </si>
  <si>
    <t>kalaira</t>
  </si>
  <si>
    <t>Nadia Tahira</t>
  </si>
  <si>
    <t>GGPS KALAL WALA</t>
  </si>
  <si>
    <t>Kalal Wala</t>
  </si>
  <si>
    <t>kalal wala</t>
  </si>
  <si>
    <t>Sobia Mukhtar</t>
  </si>
  <si>
    <t>GGPS KALANWALI</t>
  </si>
  <si>
    <t>Kalanwali</t>
  </si>
  <si>
    <t>village kalanwali post office dhok tahlian teh and dist chakwal</t>
  </si>
  <si>
    <t>Jaswsl</t>
  </si>
  <si>
    <t>GGPS KALAR WALI</t>
  </si>
  <si>
    <t>basti kalar wali ,Jamal deen wali Sadiq abad</t>
  </si>
  <si>
    <t>Moneeba Ashraf</t>
  </si>
  <si>
    <t>GGPS KALARIAN</t>
  </si>
  <si>
    <t>Kalarian</t>
  </si>
  <si>
    <t>vpo basal kalrian thesil jand district attock</t>
  </si>
  <si>
    <t>GGPS KALAS GORAYA</t>
  </si>
  <si>
    <t>kalas goraya</t>
  </si>
  <si>
    <t>Saba Perveen</t>
  </si>
  <si>
    <t>tab</t>
  </si>
  <si>
    <t>GGPS KALAY PATHAN AZAFI ABADI</t>
  </si>
  <si>
    <t>Kalay pathan P/O 19K.B Tehsil Arifwala District Pakpattan</t>
  </si>
  <si>
    <t>Izafi Abadi</t>
  </si>
  <si>
    <t>Sabahat Rafiq</t>
  </si>
  <si>
    <t>GGPS KALAYWALY BASTI AHMED MALIK</t>
  </si>
  <si>
    <t>nawaz abad</t>
  </si>
  <si>
    <t>basti ahmed malik p/o bhong sdk</t>
  </si>
  <si>
    <t>basti ahmed malik</t>
  </si>
  <si>
    <t>garhi dodo</t>
  </si>
  <si>
    <t>GGPS KALE WALA</t>
  </si>
  <si>
    <t>ggps kalay wala markaz ahmad nagar 1,wzd.grw.</t>
  </si>
  <si>
    <t>GGPS KALEERAN WALA</t>
  </si>
  <si>
    <t>Kaleranwala p/o dhingana tahseel mankera dist bhakkar</t>
  </si>
  <si>
    <t>Kaleranwala</t>
  </si>
  <si>
    <t>Munazza Mai</t>
  </si>
  <si>
    <t>GGPS KALHOORA</t>
  </si>
  <si>
    <t>Jajja Abbasia</t>
  </si>
  <si>
    <t>Ggps kalhora  po jajja Abbasia</t>
  </si>
  <si>
    <t>Kalhora</t>
  </si>
  <si>
    <t>Shehreen Maqaddas</t>
  </si>
  <si>
    <t>GGPS KALI BAIR</t>
  </si>
  <si>
    <t>Kali Bair</t>
  </si>
  <si>
    <t>GGPS kali bair</t>
  </si>
  <si>
    <t>GGPS KALI MAL</t>
  </si>
  <si>
    <t>ggps kali mal moza ashaba dak khana khas</t>
  </si>
  <si>
    <t>Kali Mal</t>
  </si>
  <si>
    <t>GGPS KALIAL</t>
  </si>
  <si>
    <t>PO Khas Kalial Tehsil Naushera Distt Khushab</t>
  </si>
  <si>
    <t>Shazia Feroz</t>
  </si>
  <si>
    <t>GGPS KALIAM MUGHAL</t>
  </si>
  <si>
    <t>Kaliam Mughal</t>
  </si>
  <si>
    <t>Kaliam Mughal P.O Channi Alam Sher</t>
  </si>
  <si>
    <t>GGPS KALIAN</t>
  </si>
  <si>
    <t>Kalian</t>
  </si>
  <si>
    <t>kalian</t>
  </si>
  <si>
    <t>GGPS KALIAN NAHAIB</t>
  </si>
  <si>
    <t>KAROR NASHAIB</t>
  </si>
  <si>
    <t>BASTI KALIAN NASHAIB, TEHSIL KAROR LAL EASON DISTRICT LAYYAH.</t>
  </si>
  <si>
    <t>BASTI KALIAN NASHAIB</t>
  </si>
  <si>
    <t>GGPS KALIMAR</t>
  </si>
  <si>
    <t>Kalaymar</t>
  </si>
  <si>
    <t>kalaymar fazla</t>
  </si>
  <si>
    <t>Sarakhanum</t>
  </si>
  <si>
    <t>GGPS KALLAH</t>
  </si>
  <si>
    <t>village kallah, p\o mirpur, tehsil Shakargarh,dist:narowal.</t>
  </si>
  <si>
    <t>Rashida Siddique</t>
  </si>
  <si>
    <t>GGPS KALLAH KHURD</t>
  </si>
  <si>
    <t>Kallah Khurd</t>
  </si>
  <si>
    <t>Faryal Jane</t>
  </si>
  <si>
    <t>GGPS KALLAN</t>
  </si>
  <si>
    <t>Kallan</t>
  </si>
  <si>
    <t>village kallan p.o kallan Bassand Tehsil kotli sattian Dist Rwp</t>
  </si>
  <si>
    <t>Kallan Bassand</t>
  </si>
  <si>
    <t>GGPS KALLAN SHAH</t>
  </si>
  <si>
    <t>Kalan Shah</t>
  </si>
  <si>
    <t>GGps Kalan shah</t>
  </si>
  <si>
    <t>Usman Koriya</t>
  </si>
  <si>
    <t>Iqra Aziz</t>
  </si>
  <si>
    <t>GGPS KALLAR ABADI</t>
  </si>
  <si>
    <t>Ggps kalar abadi sharif pora</t>
  </si>
  <si>
    <t>Sharif pura</t>
  </si>
  <si>
    <t>Ramzaan Pora</t>
  </si>
  <si>
    <t>Reehana Kosar</t>
  </si>
  <si>
    <t>GGPS KALLAR BADHAL</t>
  </si>
  <si>
    <t>Mohra Mureed</t>
  </si>
  <si>
    <t>mohra mureed kallar Badhal ,kallar syedan</t>
  </si>
  <si>
    <t>Sadia Taj</t>
  </si>
  <si>
    <t>GGPS KALLAR WALI NO. 1</t>
  </si>
  <si>
    <t>Basti O Moza kallarwali p/o khas tahseel jatoi dist muzaffargarh</t>
  </si>
  <si>
    <t>Perveen Sultana</t>
  </si>
  <si>
    <t>GGPS KALLAR WALI NO. 3</t>
  </si>
  <si>
    <t>Kallar wali</t>
  </si>
  <si>
    <t>ggps kallar wali no 3 Teh jatoi, dis muzafargarh</t>
  </si>
  <si>
    <t>Uzma Arshad</t>
  </si>
  <si>
    <t>GGPS KALLAY WALA</t>
  </si>
  <si>
    <t>Khsor</t>
  </si>
  <si>
    <t>kallay wala</t>
  </si>
  <si>
    <t>Kallay Wala</t>
  </si>
  <si>
    <t>GGPS KALLOKI</t>
  </si>
  <si>
    <t>Kat Sher Muhammad</t>
  </si>
  <si>
    <t>GGPS BASTI Kalloki Bahawal Nagar</t>
  </si>
  <si>
    <t>Basti Kalloki</t>
  </si>
  <si>
    <t>Sawi Wala</t>
  </si>
  <si>
    <t>Bismillah</t>
  </si>
  <si>
    <t>GGPS KALLUR KOT CENTER</t>
  </si>
  <si>
    <t>near water supply kallurkot</t>
  </si>
  <si>
    <t>Bushra Inayat</t>
  </si>
  <si>
    <t>GGPS KALLWAN WALA</t>
  </si>
  <si>
    <t>ggps kalluan wala</t>
  </si>
  <si>
    <t>GGPS KALO KHEL</t>
  </si>
  <si>
    <t>Kuchtunderkhel</t>
  </si>
  <si>
    <t>ggpskalukhel</t>
  </si>
  <si>
    <t>Kalukhel</t>
  </si>
  <si>
    <t>Zatoon Begum</t>
  </si>
  <si>
    <t>GGPS KALO Mouza MORI</t>
  </si>
  <si>
    <t>ggps Kalo Mitha moza mori</t>
  </si>
  <si>
    <t>Kalo Mitha</t>
  </si>
  <si>
    <t>GGPS KALOI WALA</t>
  </si>
  <si>
    <t>Basti Hafiz Nabi Bakhsh kaloi Wala</t>
  </si>
  <si>
    <t>Basti Hafiz Nabi Bakhsh Kaloi</t>
  </si>
  <si>
    <t>Shahnaz Fareed</t>
  </si>
  <si>
    <t>GGPS KALOJO</t>
  </si>
  <si>
    <t>Kalojo</t>
  </si>
  <si>
    <t>moh.kalojo.vpo murid</t>
  </si>
  <si>
    <t>Naseema Abbas</t>
  </si>
  <si>
    <t>GGPS KALON KHURD</t>
  </si>
  <si>
    <t>Keloo Khurad</t>
  </si>
  <si>
    <t>GGPS keelo khurad</t>
  </si>
  <si>
    <t>Keloon Khurd</t>
  </si>
  <si>
    <t>Bahadurpura</t>
  </si>
  <si>
    <t>Farzana Habib</t>
  </si>
  <si>
    <t>moter pump</t>
  </si>
  <si>
    <t>GGPS KALOO</t>
  </si>
  <si>
    <t>Kaloo</t>
  </si>
  <si>
    <t>v kaloo po bharpur teh kallar kahar dist chakwal</t>
  </si>
  <si>
    <t>GGPS KALOO USMAN</t>
  </si>
  <si>
    <t>mohala kalu usman</t>
  </si>
  <si>
    <t>Urba Taunsa</t>
  </si>
  <si>
    <t>Amina Akbar</t>
  </si>
  <si>
    <t>GGPS KALOO WALA SHUJABAD</t>
  </si>
  <si>
    <t>Near BHU shah mosa</t>
  </si>
  <si>
    <t>shAh Mosa</t>
  </si>
  <si>
    <t>GGPS KALOO WALI</t>
  </si>
  <si>
    <t>basti Kaloo Wali</t>
  </si>
  <si>
    <t>Basti Kaloo Wali</t>
  </si>
  <si>
    <t>Sadia Irshad</t>
  </si>
  <si>
    <t>GGPS KALOPADA</t>
  </si>
  <si>
    <t>Kalupadda</t>
  </si>
  <si>
    <t>Ggps kalupadda</t>
  </si>
  <si>
    <t>Naeema Parveen</t>
  </si>
  <si>
    <t>GGPS KALPI CHAK NO. 24</t>
  </si>
  <si>
    <t>Kalpi</t>
  </si>
  <si>
    <t>kalpi dogran</t>
  </si>
  <si>
    <t>Barianwala</t>
  </si>
  <si>
    <t>Saadia Doger</t>
  </si>
  <si>
    <t>GGPS KALRA PUNWAN</t>
  </si>
  <si>
    <t>Kalra Punwan</t>
  </si>
  <si>
    <t>p/o s.a fan kalra punwan</t>
  </si>
  <si>
    <t>Kalara Kalan</t>
  </si>
  <si>
    <t>Mumtaz Baigam</t>
  </si>
  <si>
    <t>GGPS KALTERA</t>
  </si>
  <si>
    <t>Kaltera</t>
  </si>
  <si>
    <t>KALTERA p/o syedwala markaz syedwala NNS</t>
  </si>
  <si>
    <t>Nusrat jahan</t>
  </si>
  <si>
    <t>GGPS KALU</t>
  </si>
  <si>
    <t>Bakhra</t>
  </si>
  <si>
    <t>Kacha kalo</t>
  </si>
  <si>
    <t>Kacha Kalo</t>
  </si>
  <si>
    <t>Kanwal Nawaz</t>
  </si>
  <si>
    <t>GGPS KALU GHAZI</t>
  </si>
  <si>
    <t>kalu ghazi</t>
  </si>
  <si>
    <t>kalughazi post office qila kaler Wala  dist sailkot Tehsil pasrur</t>
  </si>
  <si>
    <t>Kalughazi</t>
  </si>
  <si>
    <t>Saukanwind</t>
  </si>
  <si>
    <t>Naila Yaqoob</t>
  </si>
  <si>
    <t>GGPS KALU KA HITTAR NO. 1</t>
  </si>
  <si>
    <t>KALUKA HITTAR</t>
  </si>
  <si>
    <t>kaluka hittar p/o mandi sadiq gunj tehsil minchinabad</t>
  </si>
  <si>
    <t>MIRZEKA</t>
  </si>
  <si>
    <t>Sajida Sadaat</t>
  </si>
  <si>
    <t>GGPS KALU KA HITTAR NO. 2</t>
  </si>
  <si>
    <t>Kaluka Hitter</t>
  </si>
  <si>
    <t>kalu ka hither</t>
  </si>
  <si>
    <t>Kailua Hither</t>
  </si>
  <si>
    <t>Mirzekaa</t>
  </si>
  <si>
    <t>Shahnaz Ahktar</t>
  </si>
  <si>
    <t>GGPS KALU KHURD</t>
  </si>
  <si>
    <t>GGPS kalu Khurd uc sohawa Tehsil kamonki district Gujranwala</t>
  </si>
  <si>
    <t>GGPS KALU KOTHA</t>
  </si>
  <si>
    <t>Kalu Kotha</t>
  </si>
  <si>
    <t>Village kotha kalan po kalu khurd tehsil hazro distt attock.</t>
  </si>
  <si>
    <t>Qamar-un-nisa</t>
  </si>
  <si>
    <t>GGPS KALU PIND</t>
  </si>
  <si>
    <t>Kalupind</t>
  </si>
  <si>
    <t>ggps kalupind</t>
  </si>
  <si>
    <t>Sumbul Gul</t>
  </si>
  <si>
    <t>GGPS KALU PITRA, TULAMBA</t>
  </si>
  <si>
    <t>Kalu Pitra</t>
  </si>
  <si>
    <t>moza kalu pitra tulamba  markaz Ist
tehsil mian chanu district khanewal</t>
  </si>
  <si>
    <t>GGPS KALU SAHI KALAN</t>
  </si>
  <si>
    <t>Kalu Sahi</t>
  </si>
  <si>
    <t>ggps kalu sahi kalan</t>
  </si>
  <si>
    <t>Kalu Sahi Kalan</t>
  </si>
  <si>
    <t>Abeer Akhtar</t>
  </si>
  <si>
    <t>GGPS KALU WALI KHURD</t>
  </si>
  <si>
    <t>Kaluwali Khurd</t>
  </si>
  <si>
    <t>kaluwali khurd p/ o Ahmad Abad Pasrur</t>
  </si>
  <si>
    <t>GGPS KALUAN WALA</t>
  </si>
  <si>
    <t>Dera kaluan wala</t>
  </si>
  <si>
    <t>Kaluan Wala</t>
  </si>
  <si>
    <t>Fatima Jalal</t>
  </si>
  <si>
    <t>GGPS KALWAL SHUMALI</t>
  </si>
  <si>
    <t>kalwal</t>
  </si>
  <si>
    <t>Ggps kalwal shumali</t>
  </si>
  <si>
    <t>Kalwal Shumali</t>
  </si>
  <si>
    <t>Kalwal Daghar</t>
  </si>
  <si>
    <t>GGPS KALWARA ARAIN</t>
  </si>
  <si>
    <t>Metha Dandam</t>
  </si>
  <si>
    <t>basti kalwar arain ahmed pur lammah</t>
  </si>
  <si>
    <t>Sitara parveen</t>
  </si>
  <si>
    <t>GGPS KALY WALA</t>
  </si>
  <si>
    <t>Chah kalay wala mouza kharal Azeem P.O.Box kot sultan Teh&amp; Disst. Layyah</t>
  </si>
  <si>
    <t>Chah kalay wala</t>
  </si>
  <si>
    <t>Kot sultan</t>
  </si>
  <si>
    <t>GGPS KALYAN PUR</t>
  </si>
  <si>
    <t>kalyan pur jhoka p/o masroor teh.Shakargarh Distt.Narowal</t>
  </si>
  <si>
    <t>Kalyan Pur Johka</t>
  </si>
  <si>
    <t>GGPS KALYAN PUR ZEREEN</t>
  </si>
  <si>
    <t>Kalyan Pur Zereen</t>
  </si>
  <si>
    <t>Kalyan Pur Zereen no</t>
  </si>
  <si>
    <t>Kalyan Pur Bala</t>
  </si>
  <si>
    <t>Shamim  Zahraa</t>
  </si>
  <si>
    <t>GGPS KALYAR TOWN SARGODHA</t>
  </si>
  <si>
    <t>Kalyar Town</t>
  </si>
  <si>
    <t>GGPS Kalyar Town SGD</t>
  </si>
  <si>
    <t>Shumaila Zar</t>
  </si>
  <si>
    <t>GGPS KALYARI</t>
  </si>
  <si>
    <t>village kulyari p.o Mirza Pur.mallot sattian.teh kotli sattian.r.w.p</t>
  </si>
  <si>
    <t>Kulyari</t>
  </si>
  <si>
    <t>Anjum Raza</t>
  </si>
  <si>
    <t>GGPS KAMAL  SHUMALI</t>
  </si>
  <si>
    <t>p/o dayamurad uc dagar Oulakh no 7 kamalshumali  (bhakkar)</t>
  </si>
  <si>
    <t>Kamalshumali</t>
  </si>
  <si>
    <t>GGPS KAMAL KORAI</t>
  </si>
  <si>
    <t>Kamal Korai</t>
  </si>
  <si>
    <t>kamal Korai</t>
  </si>
  <si>
    <t>Serein Dewan</t>
  </si>
  <si>
    <t>Shrif Chjrah</t>
  </si>
  <si>
    <t>Attia Sarfraz</t>
  </si>
  <si>
    <t>GGPS KAMAL MOHANA RYK</t>
  </si>
  <si>
    <t>Kamal Mohana</t>
  </si>
  <si>
    <t>Basti chah salam moza kamal mohana RYK</t>
  </si>
  <si>
    <t>Chah Salam</t>
  </si>
  <si>
    <t>Taj Gerh</t>
  </si>
  <si>
    <t>Ambreen Kanwal</t>
  </si>
  <si>
    <t>GGPS KAMAL PUR ALAM</t>
  </si>
  <si>
    <t>Kamalpur Aalam</t>
  </si>
  <si>
    <t>village kamalpur ALAM tehsil hazro district attock</t>
  </si>
  <si>
    <t>Kamalpur Alam</t>
  </si>
  <si>
    <t>Shaheen</t>
  </si>
  <si>
    <t>GGPS KAMAL PUR CHEEMA</t>
  </si>
  <si>
    <t>ggps kamalpur</t>
  </si>
  <si>
    <t>GGPS KAMAL PUR PATNI</t>
  </si>
  <si>
    <t>patni</t>
  </si>
  <si>
    <t>ggpskamalpurpatni</t>
  </si>
  <si>
    <t>sadaye wain</t>
  </si>
  <si>
    <t>Rana Nazar Hussain</t>
  </si>
  <si>
    <t>GGPS KAMAL ZAI</t>
  </si>
  <si>
    <t>wandha kamal zai kammar mushani tehsil Esa khel distrct Mianwali</t>
  </si>
  <si>
    <t>Kammarmushani</t>
  </si>
  <si>
    <t>GGPS KAMALA</t>
  </si>
  <si>
    <t>village kamala p/o Dugri Ghumna</t>
  </si>
  <si>
    <t>GGPS KAMALIA TOWN PAGHLIAN WALA</t>
  </si>
  <si>
    <t>mohalla paghlan wala kamalia</t>
  </si>
  <si>
    <t>Farkhanda Naseem</t>
  </si>
  <si>
    <t>GGPS KAMAWAL</t>
  </si>
  <si>
    <t>kamavil shumali</t>
  </si>
  <si>
    <t>villege kamavi maoza kamavil shumali uc bairoot 91</t>
  </si>
  <si>
    <t>Rasheeda Naoureen</t>
  </si>
  <si>
    <t>GGPS KAMBAR</t>
  </si>
  <si>
    <t>kamber</t>
  </si>
  <si>
    <t>moza kamber</t>
  </si>
  <si>
    <t>Saeed Mai</t>
  </si>
  <si>
    <t>GGPS KAMBILI SADIQ</t>
  </si>
  <si>
    <t>Kambili Sadiq</t>
  </si>
  <si>
    <t>ggps kambili sadiq village kambili sadiq p.o and tehsil kallar syedan dist rawalpindi</t>
  </si>
  <si>
    <t>Nazma Noreen</t>
  </si>
  <si>
    <t>GGPS KAMBO WARAH CHAK 284</t>
  </si>
  <si>
    <t>Kamboh Wara</t>
  </si>
  <si>
    <t>Kamboh wara</t>
  </si>
  <si>
    <t>Abdullah Pur Kular</t>
  </si>
  <si>
    <t>Shazia latif</t>
  </si>
  <si>
    <t>GGPS KAMIANI NO1</t>
  </si>
  <si>
    <t>basti kamyani #1 gilmala</t>
  </si>
  <si>
    <t>Basti Kamyani #1</t>
  </si>
  <si>
    <t>GGPS KAMKOT HAIDER</t>
  </si>
  <si>
    <t>Kamkot Haider</t>
  </si>
  <si>
    <t>Village Kamkot haider p/o biaga</t>
  </si>
  <si>
    <t>Arba Kanwal Satti</t>
  </si>
  <si>
    <t>GGPS KAMLA BHAND</t>
  </si>
  <si>
    <t>vill Kamla Bhand post office Hanj Tehsil Kharian District Gujrat</t>
  </si>
  <si>
    <t>Khawspur</t>
  </si>
  <si>
    <t>Saba Shahnaz</t>
  </si>
  <si>
    <t>GGPS KAMLAY BHAG</t>
  </si>
  <si>
    <t>Kamlay bhag</t>
  </si>
  <si>
    <t>GGPS Kamlay Bhag</t>
  </si>
  <si>
    <t>Jamila Nighat</t>
  </si>
  <si>
    <t>GGPS KAMMAR MUSHANI NO.1</t>
  </si>
  <si>
    <t>Sodhry</t>
  </si>
  <si>
    <t>saeed coloney kammar mushani</t>
  </si>
  <si>
    <t>GGPS KAMRA KHURD</t>
  </si>
  <si>
    <t>kamra khurd</t>
  </si>
  <si>
    <t>village kamra khurd</t>
  </si>
  <si>
    <t>Kamra Khurd</t>
  </si>
  <si>
    <t>Kamra kalan</t>
  </si>
  <si>
    <t>GGPS KAMRA NO 1</t>
  </si>
  <si>
    <t>village kamra post office kahuti tehsil kotlisattian.</t>
  </si>
  <si>
    <t>Rozia Naz</t>
  </si>
  <si>
    <t>GGPS KAMRA NO 2</t>
  </si>
  <si>
    <t>village Kamra Tehsil Kottli Sattian District Rawalpindi</t>
  </si>
  <si>
    <t>Benish  Sarwar</t>
  </si>
  <si>
    <t>GGPS KAMRAY WALA</t>
  </si>
  <si>
    <t>Kamray walla</t>
  </si>
  <si>
    <t>kamray walla</t>
  </si>
  <si>
    <t>GGPS KAMRIN WALA</t>
  </si>
  <si>
    <t>Kamrianwala</t>
  </si>
  <si>
    <t>Village kamrianwala</t>
  </si>
  <si>
    <t>GGPS KAMU KHELAN WALA</t>
  </si>
  <si>
    <t>Ro Kamu khelan wala  po shadia mianwali</t>
  </si>
  <si>
    <t>Kamu Khelan Wala Shadia</t>
  </si>
  <si>
    <t>Aslam Bibi</t>
  </si>
  <si>
    <t>GGPS KANAKA</t>
  </si>
  <si>
    <t>Aziz Khom</t>
  </si>
  <si>
    <t>Ggps kanaka</t>
  </si>
  <si>
    <t>Kanaka</t>
  </si>
  <si>
    <t>GGPS KANARA</t>
  </si>
  <si>
    <t>village kanara Post office dandi nizam Tehsil Sarai Alamgir district gujrat</t>
  </si>
  <si>
    <t>Salma Aalia</t>
  </si>
  <si>
    <t>GGPS KANARAN</t>
  </si>
  <si>
    <t>Kanaran</t>
  </si>
  <si>
    <t>Ggps kanaran po barohi</t>
  </si>
  <si>
    <t>GGPS KANARY BHAKKAR</t>
  </si>
  <si>
    <t>Kanary</t>
  </si>
  <si>
    <t>GGPS kanary</t>
  </si>
  <si>
    <t>GGPS KANAT</t>
  </si>
  <si>
    <t>Kanat</t>
  </si>
  <si>
    <t>kanat</t>
  </si>
  <si>
    <t>Nazia Bibi</t>
  </si>
  <si>
    <t>GGPS KANAY WALA</t>
  </si>
  <si>
    <t>Kahny Wala</t>
  </si>
  <si>
    <t>kahnywala</t>
  </si>
  <si>
    <t>Kahnywala</t>
  </si>
  <si>
    <t>GGPS KANAYAT PIR BUKHSH</t>
  </si>
  <si>
    <t>Kanyat Pir Bukash</t>
  </si>
  <si>
    <t>vill and p o kanyat pir bukash</t>
  </si>
  <si>
    <t>GGPS KANBAN WALA</t>
  </si>
  <si>
    <t>Kanbanwala</t>
  </si>
  <si>
    <t>kanban wala</t>
  </si>
  <si>
    <t>Kanban wala</t>
  </si>
  <si>
    <t>Musrrat Begum</t>
  </si>
  <si>
    <t>GGPS KAND KOT 90/P</t>
  </si>
  <si>
    <t>Government Girls Primary School Chak No. 90/P Kandh Kot</t>
  </si>
  <si>
    <t>90/P KANDH KOT</t>
  </si>
  <si>
    <t>Wha Khona</t>
  </si>
  <si>
    <t>Iram Shehwar</t>
  </si>
  <si>
    <t>GGPS KANDAL</t>
  </si>
  <si>
    <t>Kandal</t>
  </si>
  <si>
    <t>village kandal , p/o kakhanwali , tehsil pasrur district sialkot</t>
  </si>
  <si>
    <t>Zuberia Bano</t>
  </si>
  <si>
    <t>GGPS KANDAN SIAN</t>
  </si>
  <si>
    <t>kandan sian. Teh Daska.District sialkot.</t>
  </si>
  <si>
    <t>Shumaila Ghulam Rasool</t>
  </si>
  <si>
    <t>GGPS KANDHAALA</t>
  </si>
  <si>
    <t>Kandhala</t>
  </si>
  <si>
    <t>village kandhala tehsil and district Narowal</t>
  </si>
  <si>
    <t>Thilley Kalan</t>
  </si>
  <si>
    <t>Wajeeha Afzal</t>
  </si>
  <si>
    <t>GGPS KANDI KHEL</t>
  </si>
  <si>
    <t>GGPS kandi khel post office Musakhel distt  Mianwali</t>
  </si>
  <si>
    <t>Kandi Khel</t>
  </si>
  <si>
    <t>Saima  Khan</t>
  </si>
  <si>
    <t>GGPS KANDIARI</t>
  </si>
  <si>
    <t>Kandiari</t>
  </si>
  <si>
    <t>village kandiari</t>
  </si>
  <si>
    <t>Sameena Yasmeen</t>
  </si>
  <si>
    <t>GGPS KANDO WAL WANAIK</t>
  </si>
  <si>
    <t>Wanaik</t>
  </si>
  <si>
    <t>Moza wanaik near Pakistani pull</t>
  </si>
  <si>
    <t>Dhool churdh</t>
  </si>
  <si>
    <t>Ayesha Asif</t>
  </si>
  <si>
    <t>GGPS KANDOL</t>
  </si>
  <si>
    <t>post office Kahuti Kotli sattian</t>
  </si>
  <si>
    <t>GGPS KANDUWAL</t>
  </si>
  <si>
    <t>Kanduwalsaray</t>
  </si>
  <si>
    <t>kanduwalsaray</t>
  </si>
  <si>
    <t>Kausar Ghulam</t>
  </si>
  <si>
    <t>GGPS KANG BHATI WALA</t>
  </si>
  <si>
    <t>Bhattiwali</t>
  </si>
  <si>
    <t>GGPS Kang Bhatiwala</t>
  </si>
  <si>
    <t>Bhartiwali</t>
  </si>
  <si>
    <t>GGPS KANGA DA DERA</t>
  </si>
  <si>
    <t>Kanga Da Dera</t>
  </si>
  <si>
    <t>Kanda da dera Ali Hussain Abbad 26Km Multan Road Lahore</t>
  </si>
  <si>
    <t>GGPS KANGAN WALA</t>
  </si>
  <si>
    <t>abu saeed</t>
  </si>
  <si>
    <t>kangan wala</t>
  </si>
  <si>
    <t>mathrooma</t>
  </si>
  <si>
    <t>GGPS KANGRA KADHI</t>
  </si>
  <si>
    <t>Kangra Kadhi</t>
  </si>
  <si>
    <t>kangra kadhi</t>
  </si>
  <si>
    <t>Kangra Kadhii</t>
  </si>
  <si>
    <t>Lakhi Wal</t>
  </si>
  <si>
    <t>Rafia Rubina</t>
  </si>
  <si>
    <t>GGPS KANI JAFRABAD</t>
  </si>
  <si>
    <t>Kani jafrabad</t>
  </si>
  <si>
    <t>kani jafrabad</t>
  </si>
  <si>
    <t>Jafrabad</t>
  </si>
  <si>
    <t>Halwal</t>
  </si>
  <si>
    <t>Aqeel Ahmad</t>
  </si>
  <si>
    <t>GGPS KANI WALA</t>
  </si>
  <si>
    <t>basti peer chanan kot adu</t>
  </si>
  <si>
    <t>Peer Chanan</t>
  </si>
  <si>
    <t>Municipal Committy</t>
  </si>
  <si>
    <t>Kiran Aziz</t>
  </si>
  <si>
    <t>GGPS KANIAL</t>
  </si>
  <si>
    <t>Kaniyal</t>
  </si>
  <si>
    <t>moza kaniyal</t>
  </si>
  <si>
    <t>Panjgrian Nasheb</t>
  </si>
  <si>
    <t>Robina Kosar</t>
  </si>
  <si>
    <t>GGPS KANJKI WALA</t>
  </si>
  <si>
    <t>Kanji Wala</t>
  </si>
  <si>
    <t>moza kanji alas masti Malik parfait tdanda Muhammad panah</t>
  </si>
  <si>
    <t>GGPS KANJOOR</t>
  </si>
  <si>
    <t>Kanjoor</t>
  </si>
  <si>
    <t>teh dist attock mari kanjoor</t>
  </si>
  <si>
    <t>Kashmiran Jan</t>
  </si>
  <si>
    <t>GGPS KANJOORI</t>
  </si>
  <si>
    <t>GGPS Kanjuri</t>
  </si>
  <si>
    <t>Kanjuri</t>
  </si>
  <si>
    <t>Gohar Nishan</t>
  </si>
  <si>
    <t>mizile motor</t>
  </si>
  <si>
    <t>GGPS KANJRA CHAKRALA MIANWALI</t>
  </si>
  <si>
    <t>Ggps dhok kanjra chakrala</t>
  </si>
  <si>
    <t>Dhok Kanjra</t>
  </si>
  <si>
    <t>GGPS KANJU WALA</t>
  </si>
  <si>
    <t>Khai Souam</t>
  </si>
  <si>
    <t>mouza khai chak soaum kotaddu</t>
  </si>
  <si>
    <t>Khai Chak Souam</t>
  </si>
  <si>
    <t>Hafza Murtaza</t>
  </si>
  <si>
    <t>GGPS KANJU WALA (NEW)</t>
  </si>
  <si>
    <t>basti kanju wala tiba ghair mustaqil sharqi ddp</t>
  </si>
  <si>
    <t>Kanju Wala</t>
  </si>
  <si>
    <t>GGPS KANJUAN WALA NO. 2</t>
  </si>
  <si>
    <t>NoorUllah</t>
  </si>
  <si>
    <t>Kanjuan Wala no. 2</t>
  </si>
  <si>
    <t>Kanjuan Wala</t>
  </si>
  <si>
    <t>Shehnaz Bukhari</t>
  </si>
  <si>
    <t>GGPS KANTRELI</t>
  </si>
  <si>
    <t>Kantreli</t>
  </si>
  <si>
    <t>post office kala gujran  village  kantreli Jhelum</t>
  </si>
  <si>
    <t>Mehvish shoukat</t>
  </si>
  <si>
    <t>GGPS KANTRILA</t>
  </si>
  <si>
    <t>village kantrila po kala gujran tehsil Jhelum.</t>
  </si>
  <si>
    <t>Kauser Perveen</t>
  </si>
  <si>
    <t>GGPS KANWAAL AFGHANAN</t>
  </si>
  <si>
    <t>Kanwal Afghana</t>
  </si>
  <si>
    <t>kanwal Afghana</t>
  </si>
  <si>
    <t>MUSARRAT KHANUM</t>
  </si>
  <si>
    <t>GGPS KANWAL JATTAN</t>
  </si>
  <si>
    <t>Ganwal jattan kot  nainan</t>
  </si>
  <si>
    <t>Ganwal Jattan</t>
  </si>
  <si>
    <t>Kot  Nainan</t>
  </si>
  <si>
    <t>Samra Hayat</t>
  </si>
  <si>
    <t>GGPS KANWAN</t>
  </si>
  <si>
    <t>kanwan teh hassan abdal dist attock</t>
  </si>
  <si>
    <t>NAJMA SHAHEEN</t>
  </si>
  <si>
    <t>GGPS KANWAN JHOK</t>
  </si>
  <si>
    <t>Kavain Jhok</t>
  </si>
  <si>
    <t>kanvain jhok</t>
  </si>
  <si>
    <t>Kanvain Jhok</t>
  </si>
  <si>
    <t>Kanvain Mallain</t>
  </si>
  <si>
    <t>GGPS KANWAN WALI SARKAR</t>
  </si>
  <si>
    <t>Kawan Wali</t>
  </si>
  <si>
    <t>GGPS KANWAN WALI SARKAR GUJRAT</t>
  </si>
  <si>
    <t>Mehmada</t>
  </si>
  <si>
    <t>Shama Islam</t>
  </si>
  <si>
    <t>GGPS KANWARAY WALA</t>
  </si>
  <si>
    <t>Kanwaray Wala</t>
  </si>
  <si>
    <t>kanwaray wala</t>
  </si>
  <si>
    <t>GGPS KAPER WALA</t>
  </si>
  <si>
    <t>p/o rasulpur teh jampur distt rajanpur</t>
  </si>
  <si>
    <t>Luhaarwala</t>
  </si>
  <si>
    <t>Asmat Kouser</t>
  </si>
  <si>
    <t>GGPS KAPOOR PUR</t>
  </si>
  <si>
    <t>Kapurpor</t>
  </si>
  <si>
    <t>Govt girls primary school kapurpor</t>
  </si>
  <si>
    <t>Kapoorpur</t>
  </si>
  <si>
    <t>GGPS KARAK</t>
  </si>
  <si>
    <t>village karak p/o mithakattak sultan khel tehsil essakhel district mianwali</t>
  </si>
  <si>
    <t>Karak</t>
  </si>
  <si>
    <t>GGPS KARAM ABAD</t>
  </si>
  <si>
    <t>GGPS Karam Abad Markaz Rustam Sargana Teshil Shorkot Jhang</t>
  </si>
  <si>
    <t>Karam Abad</t>
  </si>
  <si>
    <t>Adeela Shaheen</t>
  </si>
  <si>
    <t>GGPS KARAM ALI WALA</t>
  </si>
  <si>
    <t>Zubaida Manzoor</t>
  </si>
  <si>
    <t>GGPS KARAM DAD</t>
  </si>
  <si>
    <t>Sarwar Khel</t>
  </si>
  <si>
    <t>Karam Dad</t>
  </si>
  <si>
    <t>GGPS KARAM KHELAN WALA</t>
  </si>
  <si>
    <t>wandha Karam khelan</t>
  </si>
  <si>
    <t>Karamkhelanwala</t>
  </si>
  <si>
    <t>Yarukhelpakka</t>
  </si>
  <si>
    <t>Rabia Jabeen</t>
  </si>
  <si>
    <t>GGPS KARAM PUR BHATTAIN</t>
  </si>
  <si>
    <t>chak karampur bhattian</t>
  </si>
  <si>
    <t>Azra Hashmi</t>
  </si>
  <si>
    <t>GGPS KARARI WALA</t>
  </si>
  <si>
    <t>Karari Wala</t>
  </si>
  <si>
    <t>GGPS Karari Wala</t>
  </si>
  <si>
    <t>Karai Wala</t>
  </si>
  <si>
    <t>Shehla Khan</t>
  </si>
  <si>
    <t>GGPS KARBAK</t>
  </si>
  <si>
    <t>Karbak</t>
  </si>
  <si>
    <t>ggps karbak</t>
  </si>
  <si>
    <t>Sana Ishfaq</t>
  </si>
  <si>
    <t>GGPS KARCH WALA</t>
  </si>
  <si>
    <t>Ghulwan 2</t>
  </si>
  <si>
    <t>Basti Karach wala</t>
  </si>
  <si>
    <t>Karach Wala</t>
  </si>
  <si>
    <t>Rouqia Parveen</t>
  </si>
  <si>
    <t>GGPS KAREEM ABAD</t>
  </si>
  <si>
    <t>Basti Ayub Abad nawan janobi talpur choti</t>
  </si>
  <si>
    <t>Basti Ayub Abad</t>
  </si>
  <si>
    <t>Samrina Sarwar</t>
  </si>
  <si>
    <t>GGPS KARGAL GUJRAN</t>
  </si>
  <si>
    <t>Kargal Gujran</t>
  </si>
  <si>
    <t>village kargal gujran post office kargal gujran tehsil shakargarh district narowal</t>
  </si>
  <si>
    <t>GGPS KARI WALA JAGIR</t>
  </si>
  <si>
    <t>Kari Wala Jagir</t>
  </si>
  <si>
    <t>kari wala jagir</t>
  </si>
  <si>
    <t>Farid Pur Jagir</t>
  </si>
  <si>
    <t>Fouzia Ajmal Thathyala</t>
  </si>
  <si>
    <t>GGPS KARI WALA, KABIRWALA</t>
  </si>
  <si>
    <t>Sham kot</t>
  </si>
  <si>
    <t>kariwala</t>
  </si>
  <si>
    <t>Kari wala</t>
  </si>
  <si>
    <t>Sham Kot</t>
  </si>
  <si>
    <t>UMM E SLAMA ASLAM</t>
  </si>
  <si>
    <t>GGPS KARIM ABAD NO. 7 KALA BAGH</t>
  </si>
  <si>
    <t>GGPS Karimabad No. 7 Kalabagh</t>
  </si>
  <si>
    <t>GGPS KARIM BUX CHANDIO</t>
  </si>
  <si>
    <t>Basti Karim Bux</t>
  </si>
  <si>
    <t>basti karim buksh chandio Rajan  pur kalan</t>
  </si>
  <si>
    <t>Karim Bus Chandio</t>
  </si>
  <si>
    <t>Bangla Sheeren</t>
  </si>
  <si>
    <t>Farhat Saddique</t>
  </si>
  <si>
    <t>GGPS KARIM BUX SAHOO</t>
  </si>
  <si>
    <t>Kotla khan Muhammad</t>
  </si>
  <si>
    <t>Karim Bux</t>
  </si>
  <si>
    <t>Sharmeen Zahra</t>
  </si>
  <si>
    <t>GGPS KARIM HAIDER SHAH</t>
  </si>
  <si>
    <t>GGPS karim haider shah</t>
  </si>
  <si>
    <t>basti karim haider shah</t>
  </si>
  <si>
    <t>safia bano</t>
  </si>
  <si>
    <t>GGPS KARIM PUR</t>
  </si>
  <si>
    <t>Karim pur jhelum</t>
  </si>
  <si>
    <t>Mohammadi Chowk</t>
  </si>
  <si>
    <t>Lubna Mumtaz</t>
  </si>
  <si>
    <t>GGPS KARIM WALA</t>
  </si>
  <si>
    <t>Zulfiqar Abad</t>
  </si>
  <si>
    <t>chak No 139ml tehsil kot addu district muzzafargarh</t>
  </si>
  <si>
    <t>Chak No 139ml</t>
  </si>
  <si>
    <t>JAVIRIA TAYYAB</t>
  </si>
  <si>
    <t>GGPS KARIMA</t>
  </si>
  <si>
    <t>karima tehsil fatah jang district attock</t>
  </si>
  <si>
    <t>Haseena Naz</t>
  </si>
  <si>
    <t>GGPS KARKAN WAGHA</t>
  </si>
  <si>
    <t>Karkan Wagha</t>
  </si>
  <si>
    <t>karkan Wagha chak 168rb Teh.shahkot</t>
  </si>
  <si>
    <t>Rukhsana Jahan</t>
  </si>
  <si>
    <t>GGPS KARKHANA AMIR HAMZA</t>
  </si>
  <si>
    <t>Mosaib Lolae</t>
  </si>
  <si>
    <t>basti rahim ali</t>
  </si>
  <si>
    <t>Basti Rahim Ali</t>
  </si>
  <si>
    <t>GGPS KARLO WALA</t>
  </si>
  <si>
    <t>Karloowala</t>
  </si>
  <si>
    <t>KARLOOWALA</t>
  </si>
  <si>
    <t>Shehla Aman</t>
  </si>
  <si>
    <t>GGPS KARLOT</t>
  </si>
  <si>
    <t>chattar Karlot</t>
  </si>
  <si>
    <t>Asmah Hassan</t>
  </si>
  <si>
    <t>GGPS KARM PUR JOOTA, KABIRWALA</t>
  </si>
  <si>
    <t>basti karam pur jota</t>
  </si>
  <si>
    <t>Number Dar Wala</t>
  </si>
  <si>
    <t>Buta Singh Wala</t>
  </si>
  <si>
    <t>IMRANA batool</t>
  </si>
  <si>
    <t>GGPS KAROHAL RANGA</t>
  </si>
  <si>
    <t>Karohal Ranga</t>
  </si>
  <si>
    <t>village karohal ranga</t>
  </si>
  <si>
    <t>Fatima Mubarik</t>
  </si>
  <si>
    <t>GGPS KAROT NO. 1</t>
  </si>
  <si>
    <t>Ghora Rajgan</t>
  </si>
  <si>
    <t>school karot no 1 village ghora rajgan teh kahuta distt rawalpindi</t>
  </si>
  <si>
    <t>Fouzia Shahzad</t>
  </si>
  <si>
    <t>GGPS KARSAL</t>
  </si>
  <si>
    <t>VPO Karsal tehsil gujar Khan Distt Rawalpindi</t>
  </si>
  <si>
    <t>Sobia Matloob</t>
  </si>
  <si>
    <t>GGPS KARTAR PUR GANDIAN</t>
  </si>
  <si>
    <t>Kartar Pur Gandian</t>
  </si>
  <si>
    <t>Kartarpur  Gandian PO Kalyana, Pakpattan</t>
  </si>
  <si>
    <t>Amin Fatima</t>
  </si>
  <si>
    <t>GGPS KARTAR PUR HATTIAN</t>
  </si>
  <si>
    <t>Kartarpur Hattian</t>
  </si>
  <si>
    <t>kartarpur hattian</t>
  </si>
  <si>
    <t>GGPS KARTAR PUR PAKPATTAN</t>
  </si>
  <si>
    <t>kartarpur</t>
  </si>
  <si>
    <t>Twana Kalan</t>
  </si>
  <si>
    <t>GGPS KARULI GUJAR KHAN</t>
  </si>
  <si>
    <t>Karoli</t>
  </si>
  <si>
    <t>ward no 6 karoli tehsil gujar khan</t>
  </si>
  <si>
    <t>MC City Gujar Khan</t>
  </si>
  <si>
    <t>Maria Jabeen</t>
  </si>
  <si>
    <t>GGPS KARYALA JALIP</t>
  </si>
  <si>
    <t>Kayala Jalip</t>
  </si>
  <si>
    <t>Ggps karyal jalip p o dharyala jalip  the pind dadan khan  district jhelum</t>
  </si>
  <si>
    <t>Karyala Jalip</t>
  </si>
  <si>
    <t>NAZIA NOREEN</t>
  </si>
  <si>
    <t>GGPS KARYALI</t>
  </si>
  <si>
    <t>karyalli</t>
  </si>
  <si>
    <t>Karyali</t>
  </si>
  <si>
    <t>Anam Jamil</t>
  </si>
  <si>
    <t>GGPS KASANA</t>
  </si>
  <si>
    <t>Kisana</t>
  </si>
  <si>
    <t>village post office kisana tehsil fateh jang district Attock</t>
  </si>
  <si>
    <t>GGPS KASANA BAHRWAL</t>
  </si>
  <si>
    <t>Kasana Bahirwal</t>
  </si>
  <si>
    <t>GGPS kasana bahriwal</t>
  </si>
  <si>
    <t>Norangaabad</t>
  </si>
  <si>
    <t>khansa Mukhtar</t>
  </si>
  <si>
    <t>GGPS KASHMIR COLONY MBDIN</t>
  </si>
  <si>
    <t>near rescue 1122 office  kashmir colonyM  B Din</t>
  </si>
  <si>
    <t>Saima Shafique</t>
  </si>
  <si>
    <t>GGPS KASSOANA JANOBI</t>
  </si>
  <si>
    <t>Kasoana</t>
  </si>
  <si>
    <t>, g g p/s kasoana janobi,p/o peer abdul rehman</t>
  </si>
  <si>
    <t>Kundal Khokran</t>
  </si>
  <si>
    <t>Nighat Saeed</t>
  </si>
  <si>
    <t>GGPS KASTELA</t>
  </si>
  <si>
    <t>Kasteela</t>
  </si>
  <si>
    <t>kasteela saraialamgir</t>
  </si>
  <si>
    <t>Jabeen Sabir</t>
  </si>
  <si>
    <t>GGPS KAT ALLAH YAR</t>
  </si>
  <si>
    <t>Nathan Walla</t>
  </si>
  <si>
    <t>Ishrat Sarwar</t>
  </si>
  <si>
    <t>GGPS KAT ATIMA SINGH KAT</t>
  </si>
  <si>
    <t>Hakeem Ameer ul Deen</t>
  </si>
  <si>
    <t>kat atima Singh ,moza hakeem ameer ul deen</t>
  </si>
  <si>
    <t>Kat Atima Singh</t>
  </si>
  <si>
    <t>Nathodhaka</t>
  </si>
  <si>
    <t>Rabeeha Naz</t>
  </si>
  <si>
    <t>under ground water tank</t>
  </si>
  <si>
    <t>GGPS KAT BAGH ALI</t>
  </si>
  <si>
    <t>Murli Garh</t>
  </si>
  <si>
    <t>GGpS kat bag ali moza murli garh</t>
  </si>
  <si>
    <t>Rab Nawaz Purah</t>
  </si>
  <si>
    <t>Rehana Arif</t>
  </si>
  <si>
    <t>GGPS KAT BHOOJAY WALI</t>
  </si>
  <si>
    <t>Nank Chand</t>
  </si>
  <si>
    <t>dakkhana khas mandi madriss a basti bhojeywali</t>
  </si>
  <si>
    <t>Bhojeywali</t>
  </si>
  <si>
    <t>Gangasingh</t>
  </si>
  <si>
    <t>Shazia Hafeez</t>
  </si>
  <si>
    <t>GGPS KAT SARVAIR</t>
  </si>
  <si>
    <t>Said Sir Akan Wala</t>
  </si>
  <si>
    <t>Kat Sarvair post office Jandwala district Bwn</t>
  </si>
  <si>
    <t>Kat Sarvair</t>
  </si>
  <si>
    <t>Anis Kausar</t>
  </si>
  <si>
    <t>GGPS KATAR MALL</t>
  </si>
  <si>
    <t>Katar Mal</t>
  </si>
  <si>
    <t>katar mal  trail pattoki</t>
  </si>
  <si>
    <t>Nazia Raza</t>
  </si>
  <si>
    <t>GGPS KATARIAN</t>
  </si>
  <si>
    <t>vill,Katarian.p/o noorkot teh skg dist narowal</t>
  </si>
  <si>
    <t>Katarinan</t>
  </si>
  <si>
    <t>Mellu Saillu</t>
  </si>
  <si>
    <t>Khzaima Nazeer</t>
  </si>
  <si>
    <t>GGPS KATCHI KANDANI</t>
  </si>
  <si>
    <t>Kachi Kandani</t>
  </si>
  <si>
    <t>Kachi kandani  notak Bhakkar</t>
  </si>
  <si>
    <t>GGPS KATH GARH</t>
  </si>
  <si>
    <t>gpps kathgarh,Teh.Taunsa sharif,Disstt.Dera ghazi khan</t>
  </si>
  <si>
    <t>Kaneez  Sughra</t>
  </si>
  <si>
    <t>GGPS KATHA COLONY</t>
  </si>
  <si>
    <t>Katha Colony</t>
  </si>
  <si>
    <t>village katha colony tehsil fateh jang distt Attock</t>
  </si>
  <si>
    <t>GGPS KATHAIL</t>
  </si>
  <si>
    <t>Kathail</t>
  </si>
  <si>
    <t>Village Kathail post office Kotnaina.</t>
  </si>
  <si>
    <t>GGPS KATHAN WALA SOUTH</t>
  </si>
  <si>
    <t>Kathan Wala</t>
  </si>
  <si>
    <t>G GPS KATHAN WALA SOUTH</t>
  </si>
  <si>
    <t>Kathan Wala Jnobi</t>
  </si>
  <si>
    <t>NAEEM KOUSAR</t>
  </si>
  <si>
    <t>GGPS KATHORE KHURD</t>
  </si>
  <si>
    <t>Kathore Khurd</t>
  </si>
  <si>
    <t>Hassan kathore p/o kathore kalan teh. Wazirabaddistt.Gujranwala</t>
  </si>
  <si>
    <t>Hassan Kathore</t>
  </si>
  <si>
    <t>MansoorWali</t>
  </si>
  <si>
    <t>Ferwa Sajad</t>
  </si>
  <si>
    <t>GGPS KATHOWALI</t>
  </si>
  <si>
    <t>p/o kalaswala teh pasrur  dist sialkot village kathowali</t>
  </si>
  <si>
    <t>GGPS KATTAL KHEL</t>
  </si>
  <si>
    <t>Cheena Pora</t>
  </si>
  <si>
    <t>village chinapora p.o trag</t>
  </si>
  <si>
    <t>Chinapor</t>
  </si>
  <si>
    <t>Anar Khatoon</t>
  </si>
  <si>
    <t>GGPS KAURA</t>
  </si>
  <si>
    <t>Koura</t>
  </si>
  <si>
    <t>GGPS KAUSAR COLONY BAHAWALPUR</t>
  </si>
  <si>
    <t>GGPS KOSAR COLONY BAHAWALPUR</t>
  </si>
  <si>
    <t>Kosar Colony</t>
  </si>
  <si>
    <t>BWP CITY XVII</t>
  </si>
  <si>
    <t>SHAFAQ SHOUKAT</t>
  </si>
  <si>
    <t>coolers filled from filter plant outside school</t>
  </si>
  <si>
    <t>GGPS KAWA PIND</t>
  </si>
  <si>
    <t>bolianwal</t>
  </si>
  <si>
    <t>village kawapind</t>
  </si>
  <si>
    <t>kawapind</t>
  </si>
  <si>
    <t>GGPS KAWAIN MALIAN</t>
  </si>
  <si>
    <t>Kawain Malian</t>
  </si>
  <si>
    <t>Kanwain Mallian p/o box baghyana kalan tehsil pattoki</t>
  </si>
  <si>
    <t>Kawen Malian</t>
  </si>
  <si>
    <t>Kanwain Mallian</t>
  </si>
  <si>
    <t>GGPS KAWAN WALI</t>
  </si>
  <si>
    <t>kanwanwali post office rattian arrian district hafizabad</t>
  </si>
  <si>
    <t>Nawan Manika</t>
  </si>
  <si>
    <t>SAIMA RAZIQ</t>
  </si>
  <si>
    <t>GGPS KAWNI SAIDAN</t>
  </si>
  <si>
    <t>Kawani Saydan</t>
  </si>
  <si>
    <t>g g p s kawani saydan</t>
  </si>
  <si>
    <t>Awan Klaan</t>
  </si>
  <si>
    <t>GGPS KAYAL</t>
  </si>
  <si>
    <t>Kayal</t>
  </si>
  <si>
    <t>GGPS Kayal</t>
  </si>
  <si>
    <t>GGPS KAYAN</t>
  </si>
  <si>
    <t>Kayan</t>
  </si>
  <si>
    <t>village kayan p/o raiba kalan</t>
  </si>
  <si>
    <t>Rukhsana Maqbool</t>
  </si>
  <si>
    <t>GGPS KAYAN PUR NO 1 QASBA MARAL ROAD  MULTAN</t>
  </si>
  <si>
    <t>Kayian Pur</t>
  </si>
  <si>
    <t>Qasba Marl Road Chah Chit Vala  Multan.</t>
  </si>
  <si>
    <t>Chah Chit Vala</t>
  </si>
  <si>
    <t>Syeda Farhana Asad</t>
  </si>
  <si>
    <t>GGPS KAYAN PUR NO 2 QASBA MARAL ROAD MULTAN</t>
  </si>
  <si>
    <t>Dhand Wala</t>
  </si>
  <si>
    <t>GGPS KAYAN PUR NO 2  Dhand Wala</t>
  </si>
  <si>
    <t>DHAND WALA</t>
  </si>
  <si>
    <t>Kaiyan Pur</t>
  </si>
  <si>
    <t>ISMA HANAN</t>
  </si>
  <si>
    <t>GGPS KAYIA</t>
  </si>
  <si>
    <t>Kayia</t>
  </si>
  <si>
    <t>village kayia p/o kashmiribazar teh murree</t>
  </si>
  <si>
    <t>Nighat Mehmooda</t>
  </si>
  <si>
    <t>GGPS KEKAR WALI</t>
  </si>
  <si>
    <t>Basti kekar wali, Moza Rajanpur, Tehseel Rahim Yar Khan</t>
  </si>
  <si>
    <t>Basti Kekar Wali</t>
  </si>
  <si>
    <t>Asifa Aslam</t>
  </si>
  <si>
    <t>GGPS KELA JAGEER</t>
  </si>
  <si>
    <t>Kela Jagir</t>
  </si>
  <si>
    <t>govt girls primary school kela jageer</t>
  </si>
  <si>
    <t>Kela Jageer</t>
  </si>
  <si>
    <t>Sughra Fatima</t>
  </si>
  <si>
    <t>GGPS KERAL</t>
  </si>
  <si>
    <t>Govt.Girls.primary school keral.</t>
  </si>
  <si>
    <t>Kiran Afzal</t>
  </si>
  <si>
    <t>GGPS KEVARD RUKANI CHAK NO. 99 / N.P</t>
  </si>
  <si>
    <t>99np</t>
  </si>
  <si>
    <t>kawerd rukani chak 99np</t>
  </si>
  <si>
    <t>Kawerd Rukani</t>
  </si>
  <si>
    <t>Rashida Sultana</t>
  </si>
  <si>
    <t>GGPS KHABARAN WALA(SALEEM KHEL)</t>
  </si>
  <si>
    <t>GGPS khabaran wala</t>
  </si>
  <si>
    <t>Khabaran Wala</t>
  </si>
  <si>
    <t>Saeed Fatima</t>
  </si>
  <si>
    <t>community supply</t>
  </si>
  <si>
    <t>GGPS KHABEKEY</t>
  </si>
  <si>
    <t>main road khabbakey</t>
  </si>
  <si>
    <t>GGPS KHABIAN WALA, TULAMBA</t>
  </si>
  <si>
    <t>Ari Wala</t>
  </si>
  <si>
    <t>khabian wala</t>
  </si>
  <si>
    <t>Khabian Wala</t>
  </si>
  <si>
    <t>Aisha Samreen</t>
  </si>
  <si>
    <t>GGPS KHAD ZARIAN</t>
  </si>
  <si>
    <t>Khad</t>
  </si>
  <si>
    <t>GGPS khad zarian</t>
  </si>
  <si>
    <t>Khad Zarian</t>
  </si>
  <si>
    <t>GGPS KHADAL KALAN MULTAN</t>
  </si>
  <si>
    <t>Khadal Kalan</t>
  </si>
  <si>
    <t>basti khadal kalan</t>
  </si>
  <si>
    <t>GGPS KHADALI SHARIF</t>
  </si>
  <si>
    <t>KHADALI</t>
  </si>
  <si>
    <t>Khadali Sharif</t>
  </si>
  <si>
    <t>GGPS KHADAN WALA</t>
  </si>
  <si>
    <t>Khaddan Wala</t>
  </si>
  <si>
    <t>khaddanwala. po box laduana district nns</t>
  </si>
  <si>
    <t>Fatah Thatha</t>
  </si>
  <si>
    <t>GGPS KHADIM ALI</t>
  </si>
  <si>
    <t>Pak Pura</t>
  </si>
  <si>
    <t>pak pura street # 12 sialkot.</t>
  </si>
  <si>
    <t>Pak pura</t>
  </si>
  <si>
    <t>Munaza Yasmeen</t>
  </si>
  <si>
    <t>GGPS KHADIM KHOSA</t>
  </si>
  <si>
    <t>basti sindhi wala, moza chutala</t>
  </si>
  <si>
    <t>Chah Shindi Wala</t>
  </si>
  <si>
    <t>GGPS KHADIOT</t>
  </si>
  <si>
    <t>village Khadiot Tehsil Kahuta District Rawalpindi</t>
  </si>
  <si>
    <t>Mahpara Ahsan</t>
  </si>
  <si>
    <t>GGPS KHADRAL</t>
  </si>
  <si>
    <t>khadral</t>
  </si>
  <si>
    <t>VILL KHADRAL PO BINI SUlEHRIAN TEH PASRUR DISTT SIALKOT</t>
  </si>
  <si>
    <t>Yasmin Bashir</t>
  </si>
  <si>
    <t>GGPS KHAGAY WALA CHAH NAIB WALA SHUJABAD DISTT. MULTAN</t>
  </si>
  <si>
    <t>Halal Wahja</t>
  </si>
  <si>
    <t>Govt Girls primary school khagay wala chah naib wala</t>
  </si>
  <si>
    <t>Chah Naib Wala</t>
  </si>
  <si>
    <t>Qaser Pur</t>
  </si>
  <si>
    <t>Meena Malik</t>
  </si>
  <si>
    <t>GGPS KHAGHAY WALAL</t>
  </si>
  <si>
    <t>Khaghay Wala</t>
  </si>
  <si>
    <t>chah kgaghy wala tehsil dunya pur lodhran</t>
  </si>
  <si>
    <t>GGPS KHAI</t>
  </si>
  <si>
    <t>Govt girls p/ s Khai Tehsil Lalian District Chiniot</t>
  </si>
  <si>
    <t>Asima Siddique</t>
  </si>
  <si>
    <t>GGPS KHAI BODLA</t>
  </si>
  <si>
    <t>Khai Bodla</t>
  </si>
  <si>
    <t>GGPS Khai bodla</t>
  </si>
  <si>
    <t>Peer Sikandar</t>
  </si>
  <si>
    <t>Gul hina tahir</t>
  </si>
  <si>
    <t>GGPS KHAI CHAK NO 26</t>
  </si>
  <si>
    <t>Khai Chak # 26</t>
  </si>
  <si>
    <t>Khai chak no. 26 tehsil pattoki, distt kasur.</t>
  </si>
  <si>
    <t>Rahila Nazim Hussain</t>
  </si>
  <si>
    <t>GGPS KHAI KALAN</t>
  </si>
  <si>
    <t>Khai Kalan</t>
  </si>
  <si>
    <t>khai kalan</t>
  </si>
  <si>
    <t>GGPS KHAI KOLTI</t>
  </si>
  <si>
    <t>Khai kotli</t>
  </si>
  <si>
    <t>village khai kotli post office khai kotli district and tehsil jhelum</t>
  </si>
  <si>
    <t>RAKHMAT JAN</t>
  </si>
  <si>
    <t>GGPS KHAI KULIA</t>
  </si>
  <si>
    <t>Khai Kulia</t>
  </si>
  <si>
    <t>GGPS Khai Kulia Tehsil &amp;Distt Jhelum</t>
  </si>
  <si>
    <t>Tahira Begum</t>
  </si>
  <si>
    <t>GGPS KHAINGAR KALAN</t>
  </si>
  <si>
    <t>Khinger Kalan</t>
  </si>
  <si>
    <t>village Khinger Kalan post office jhatta Hathial teh distt Rawalpindi</t>
  </si>
  <si>
    <t>Nafisa Kalsoom</t>
  </si>
  <si>
    <t>pipeline from near by well</t>
  </si>
  <si>
    <t>GGPS KHAIR GHANSAR</t>
  </si>
  <si>
    <t>Khair Ghunsar</t>
  </si>
  <si>
    <t>vill Khair Ghunsar p/o mararian teh kharian distt Gujrat</t>
  </si>
  <si>
    <t>GGPS KHAIR KATHIA</t>
  </si>
  <si>
    <t>Srfraz Kot</t>
  </si>
  <si>
    <t>GGPS khair k kathia</t>
  </si>
  <si>
    <t>Kot Sarfraz Dakhli Abadi 113/7-r</t>
  </si>
  <si>
    <t>114/7-r</t>
  </si>
  <si>
    <t>GGPS KHAIR MANDI</t>
  </si>
  <si>
    <t>Saeed Nagar</t>
  </si>
  <si>
    <t>Saeed Nager Safdarabad</t>
  </si>
  <si>
    <t>GGPS KHAIR MUHAMMAD KHOSA</t>
  </si>
  <si>
    <t>smmoka</t>
  </si>
  <si>
    <t>GGPS khair muhammad khosa</t>
  </si>
  <si>
    <t>khair muhammad khosa</t>
  </si>
  <si>
    <t>Aarfa saleem</t>
  </si>
  <si>
    <t>GGPS KHAIR MUHAMMAD LAR</t>
  </si>
  <si>
    <t>dari akbar Ali sangi</t>
  </si>
  <si>
    <t>basti khair muhammad lar</t>
  </si>
  <si>
    <t>Amman Ghar</t>
  </si>
  <si>
    <t>shakila nasir</t>
  </si>
  <si>
    <t>GGPS KHAIR PUR</t>
  </si>
  <si>
    <t>chak khairpur tehsil depalpur district okara</t>
  </si>
  <si>
    <t>Tara Sing</t>
  </si>
  <si>
    <t>rehana shaheen</t>
  </si>
  <si>
    <t>GGPS KHAIR PUR BHUTTA QASIM BELA</t>
  </si>
  <si>
    <t>Khairpur bhutta</t>
  </si>
  <si>
    <t>GGPS khair pur bhutta</t>
  </si>
  <si>
    <t>Khair pur Bhutta</t>
  </si>
  <si>
    <t>Tibba Musoodpur</t>
  </si>
  <si>
    <t>Aziza Khawar</t>
  </si>
  <si>
    <t>Electricity Pump</t>
  </si>
  <si>
    <t>GGPS KHAIR PUR KHADALI</t>
  </si>
  <si>
    <t>ggps khair Pur new</t>
  </si>
  <si>
    <t>Khair Pur New</t>
  </si>
  <si>
    <t>GGPS KHAIR PUR TIBBI MEHARAN</t>
  </si>
  <si>
    <t>ggpskhairpurold tibbi maharan</t>
  </si>
  <si>
    <t>Tibbi Maharan</t>
  </si>
  <si>
    <t>Khadija Gaffoor</t>
  </si>
  <si>
    <t>GGPS KHAIR SHAH HITTAR</t>
  </si>
  <si>
    <t>khairshahhithar</t>
  </si>
  <si>
    <t>khair shahhithar</t>
  </si>
  <si>
    <t>Aysha Ali</t>
  </si>
  <si>
    <t>GGPS KHAIRAY</t>
  </si>
  <si>
    <t>Jalloo</t>
  </si>
  <si>
    <t>khaira village</t>
  </si>
  <si>
    <t>Khairay</t>
  </si>
  <si>
    <t>Mehrin Riaz</t>
  </si>
  <si>
    <t>GGPS KHAIRAY WAL</t>
  </si>
  <si>
    <t>Kheraywal</t>
  </si>
  <si>
    <t>village &amp; p.o Kheraywal teh phalia distt Mandi Bahauddin</t>
  </si>
  <si>
    <t>Bakhtaver Munir</t>
  </si>
  <si>
    <t>GGPS KHAIROO DEYH</t>
  </si>
  <si>
    <t>Khairoo Deh</t>
  </si>
  <si>
    <t>basti khairoo deh near dak khana khas</t>
  </si>
  <si>
    <t>GGPS KHAIRPUR DAHA</t>
  </si>
  <si>
    <t>basti khair pur daha tehsil Ahmad pur east</t>
  </si>
  <si>
    <t>GGPS KHAIRPUR NAURANGA</t>
  </si>
  <si>
    <t>bsti khair pur mouza khair pur p/o musafir khana</t>
  </si>
  <si>
    <t>Jumrani Kohna</t>
  </si>
  <si>
    <t>Hasina Naz</t>
  </si>
  <si>
    <t>GGPS KHAJURI WALA</t>
  </si>
  <si>
    <t>Khajuriwal Wal</t>
  </si>
  <si>
    <t>village khajuri wal po kotli loharan west</t>
  </si>
  <si>
    <t>Khajuri wal</t>
  </si>
  <si>
    <t>GGPS KHAJUT</t>
  </si>
  <si>
    <t>Khajut</t>
  </si>
  <si>
    <t>village khajut p/o Murree tehsil muree district Rawalpindi</t>
  </si>
  <si>
    <t>Shazia BiBi</t>
  </si>
  <si>
    <t>GGPS KHAKH</t>
  </si>
  <si>
    <t>Khakh</t>
  </si>
  <si>
    <t>khakh</t>
  </si>
  <si>
    <t>Syeda Sarwat Hina</t>
  </si>
  <si>
    <t>GGPS KHAKHI GHARBI</t>
  </si>
  <si>
    <t>Khakhi Gharbi</t>
  </si>
  <si>
    <t>khaji baig wala khakhi gharbi</t>
  </si>
  <si>
    <t>GGPS KHALA BATT</t>
  </si>
  <si>
    <t>Khala Butt</t>
  </si>
  <si>
    <t>village and po khala butt teh gujarkhan distt rawalpindi</t>
  </si>
  <si>
    <t>Jarmot Kallan</t>
  </si>
  <si>
    <t>Kanwal Saghir</t>
  </si>
  <si>
    <t>GGPS KHALAN WALA</t>
  </si>
  <si>
    <t>Khakan wala mouza peer wala</t>
  </si>
  <si>
    <t>Khalan Wala</t>
  </si>
  <si>
    <t>Anam Sial</t>
  </si>
  <si>
    <t>GGPS KHALAY GALI</t>
  </si>
  <si>
    <t>Khalegali</t>
  </si>
  <si>
    <t>khalegali tehsil taunsa</t>
  </si>
  <si>
    <t>KhalegaKhalegali</t>
  </si>
  <si>
    <t>Rashda Kausir</t>
  </si>
  <si>
    <t>tallab</t>
  </si>
  <si>
    <t>GGPS KHALID WALA</t>
  </si>
  <si>
    <t>mouza wanjhera thal kot sultan</t>
  </si>
  <si>
    <t>kot sultan Urban</t>
  </si>
  <si>
    <t>Fayyaz Bibi</t>
  </si>
  <si>
    <t>GGPS KHALIL PUR</t>
  </si>
  <si>
    <t>Khalipur</t>
  </si>
  <si>
    <t>khalilpur p/o Kingra tehsil pasrur dist sialkot</t>
  </si>
  <si>
    <t>Sanam Asgher</t>
  </si>
  <si>
    <t>GGPS KHALIL WALA</t>
  </si>
  <si>
    <t>ALLAH  ABAD</t>
  </si>
  <si>
    <t>MOZA ALLAH ABAD CHA BHATAL WALA JAMPUR  DISTRICT RANJANPUR</t>
  </si>
  <si>
    <t>CHA BHATAL WALA</t>
  </si>
  <si>
    <t>ZAKIA BIBI</t>
  </si>
  <si>
    <t>GGPS KHALIL WALA NEAR TV BOOSTER SHUJABAD</t>
  </si>
  <si>
    <t>ggps Khalil Wala near tv booster shujabad</t>
  </si>
  <si>
    <t>Khalil Wala</t>
  </si>
  <si>
    <t>GGPS KHALL</t>
  </si>
  <si>
    <t>Khall</t>
  </si>
  <si>
    <t>vill khall p.o bhagnagar teh.s.a.gir distt gujrat</t>
  </si>
  <si>
    <t>JAMEELA BI BI</t>
  </si>
  <si>
    <t>GGPS KHALOL</t>
  </si>
  <si>
    <t>Khalol</t>
  </si>
  <si>
    <t>P/O khalol teh:Kahuta distt:rawalpindi</t>
  </si>
  <si>
    <t>Naila Shahnaz</t>
  </si>
  <si>
    <t>GGPS KHALSA</t>
  </si>
  <si>
    <t>khalsa andan</t>
  </si>
  <si>
    <t>ggps khalsa andan</t>
  </si>
  <si>
    <t>pind matty khan</t>
  </si>
  <si>
    <t>GGPS KHALTI</t>
  </si>
  <si>
    <t>basti khalti</t>
  </si>
  <si>
    <t>Benish Gul</t>
  </si>
  <si>
    <t>GGPS KHALWAT</t>
  </si>
  <si>
    <t>BHALAKNAR</t>
  </si>
  <si>
    <t>Village Khalwat P/O bhalakhar Tehsil kallar syedan district rawalpindi</t>
  </si>
  <si>
    <t>Khalwat</t>
  </si>
  <si>
    <t>SERISH TARIQ</t>
  </si>
  <si>
    <t>GGPS KHAMBIAN WALA</t>
  </si>
  <si>
    <t>Khambianwala</t>
  </si>
  <si>
    <t>khambianwala</t>
  </si>
  <si>
    <t>GGPS KHAMEESA PAKHIWAR</t>
  </si>
  <si>
    <t>KHAMEESA PAKHIWAR</t>
  </si>
  <si>
    <t>Mouza Khameesa Pakhiwar, Tehsil Ahmed Pur East, District Bahawalpur</t>
  </si>
  <si>
    <t>SUKHAIL</t>
  </si>
  <si>
    <t>Kaneez Tahira Abbasi</t>
  </si>
  <si>
    <t>GGPS KHAMISA ABAD</t>
  </si>
  <si>
    <t>babul wali</t>
  </si>
  <si>
    <t>Faryal Javed</t>
  </si>
  <si>
    <t>GGPS KHAMONWALI</t>
  </si>
  <si>
    <t>khemowali</t>
  </si>
  <si>
    <t>khemowali ahmed abad district Narowal</t>
  </si>
  <si>
    <t>ahmed abad</t>
  </si>
  <si>
    <t>GGPS KHAN BAIG KHELAN WALA</t>
  </si>
  <si>
    <t>Wan Bachran</t>
  </si>
  <si>
    <t>nari Mohammad khelan wali</t>
  </si>
  <si>
    <t>Muzafarpur Shumali</t>
  </si>
  <si>
    <t>GGPS KHAN BELA</t>
  </si>
  <si>
    <t>p/o binda ishaq  basti Khan bela</t>
  </si>
  <si>
    <t>azra batool</t>
  </si>
  <si>
    <t>GGPS KHAN GHAR ISLAM</t>
  </si>
  <si>
    <t>mouza khan garh islam daakkhana ludden tehsail &amp;district vehari</t>
  </si>
  <si>
    <t>Ali Ul Din</t>
  </si>
  <si>
    <t>Kousar Latif</t>
  </si>
  <si>
    <t>GGPS KHAN GOLA FAQIR</t>
  </si>
  <si>
    <t>basti jamlani</t>
  </si>
  <si>
    <t>GGPS KHAN KALIREY</t>
  </si>
  <si>
    <t>Bakhwar Wah</t>
  </si>
  <si>
    <t>uc#84 basti bakhr wah</t>
  </si>
  <si>
    <t>Bakhrwah</t>
  </si>
  <si>
    <t>Shamas Rasul</t>
  </si>
  <si>
    <t>GGPS KHAN KHELAN WALA</t>
  </si>
  <si>
    <t>khankhelanwala chidru.muzaffarpur North</t>
  </si>
  <si>
    <t>Khankhelanwala</t>
  </si>
  <si>
    <t>GGPS KHAN KHUDA BUKHSH</t>
  </si>
  <si>
    <t>Moh imdad house darya khan</t>
  </si>
  <si>
    <t>GGPS KHAN MOHAMMAD WALA</t>
  </si>
  <si>
    <t>Post office khan Muhammad wala tehsil and district mianwali</t>
  </si>
  <si>
    <t>Sammia Nawaz</t>
  </si>
  <si>
    <t>GGPS KHAN PUR DHAKLI</t>
  </si>
  <si>
    <t>Ggps Khan pur dakhli</t>
  </si>
  <si>
    <t>GGPS KHAN PUR QAZI NO.1 SHUJABAD</t>
  </si>
  <si>
    <t>Khanpurqazian</t>
  </si>
  <si>
    <t>basti khanpuqazi</t>
  </si>
  <si>
    <t>Khanpurqazi</t>
  </si>
  <si>
    <t>Diara Pur</t>
  </si>
  <si>
    <t>Dilshad Perveen</t>
  </si>
  <si>
    <t>GGPS KHAN PUR QAZI NO.2 SHUJABAD</t>
  </si>
  <si>
    <t>Tibbi Awan wali,moza ponta,shujabad</t>
  </si>
  <si>
    <t>Tibbi Awan Wali</t>
  </si>
  <si>
    <t>Nadia Behram</t>
  </si>
  <si>
    <t>GGPS KHAN PUR UTHWAL</t>
  </si>
  <si>
    <t>Khanpuruthwal</t>
  </si>
  <si>
    <t>basti tibba khanpuruthwal lodhran</t>
  </si>
  <si>
    <t>Shahar Bano</t>
  </si>
  <si>
    <t>GGPS KHAN PURA</t>
  </si>
  <si>
    <t>Khanpura</t>
  </si>
  <si>
    <t>Bagh road hassan town hafizabad</t>
  </si>
  <si>
    <t>Madiha Younis</t>
  </si>
  <si>
    <t>GGPS KHAN WALA NO. 2</t>
  </si>
  <si>
    <t>chit sarkani road basti Rafiqabad</t>
  </si>
  <si>
    <t>Basti Rafiqabad</t>
  </si>
  <si>
    <t>Asia Khawar</t>
  </si>
  <si>
    <t>GGPS KHAN WALA NO.1</t>
  </si>
  <si>
    <t>Ghadai East</t>
  </si>
  <si>
    <t>Basti chah mehmood wala pul shorea GGPS khan wala 1 DGKhan.</t>
  </si>
  <si>
    <t>Chah Mehmood Wala</t>
  </si>
  <si>
    <t>Farida Jubeen</t>
  </si>
  <si>
    <t>GGPS KHAN ZADA WALA</t>
  </si>
  <si>
    <t>wandha Khan ZADAY WALA</t>
  </si>
  <si>
    <t>Javeria Noreen</t>
  </si>
  <si>
    <t>GGPS KHAN ZAMAN KHAN WALA</t>
  </si>
  <si>
    <t>wandha yari khel</t>
  </si>
  <si>
    <t>Yarikhel</t>
  </si>
  <si>
    <t>GGPS KHAN ZAMAN WALA</t>
  </si>
  <si>
    <t>GGps  Khan zaman wala mianwali</t>
  </si>
  <si>
    <t>Seerat Fatima</t>
  </si>
  <si>
    <t>GGPS KHANA BHATTIAN</t>
  </si>
  <si>
    <t>Khana Bhattian</t>
  </si>
  <si>
    <t>Khana bhattian</t>
  </si>
  <si>
    <t>Khety Shah</t>
  </si>
  <si>
    <t>GGPS KHANADA DOBERAN</t>
  </si>
  <si>
    <t>Khanada</t>
  </si>
  <si>
    <t>vilaaga Kannada po chao khalsa tehsil kallar syedan</t>
  </si>
  <si>
    <t>GGPS KHANAN KUNDANA</t>
  </si>
  <si>
    <t>chah mahny wala dagar aulakh</t>
  </si>
  <si>
    <t>Chah Mahny Wala</t>
  </si>
  <si>
    <t>GGPS KHANDWAL</t>
  </si>
  <si>
    <t>post office khuian</t>
  </si>
  <si>
    <t>Khundwal</t>
  </si>
  <si>
    <t>GGPS KHANEY WALA</t>
  </si>
  <si>
    <t>Jhangiraam</t>
  </si>
  <si>
    <t>khanywala mankera</t>
  </si>
  <si>
    <t>Khanywala</t>
  </si>
  <si>
    <t>Pattibulanda</t>
  </si>
  <si>
    <t>Shazia Tabassam</t>
  </si>
  <si>
    <t>GGPS KHANI KHEL</t>
  </si>
  <si>
    <t>Mohallah khani khel tehsil and post office isa khel district mianwali</t>
  </si>
  <si>
    <t>Nighat Naseem Akhtar</t>
  </si>
  <si>
    <t>GGPS KHANI TAK</t>
  </si>
  <si>
    <t>Khani Tak</t>
  </si>
  <si>
    <t>GMPS Khani Tak Murree</t>
  </si>
  <si>
    <t>Asima Bibi</t>
  </si>
  <si>
    <t>GGPS KHANJAR KHAN WALA</t>
  </si>
  <si>
    <t>Khanjar Khan Wala</t>
  </si>
  <si>
    <t>khanjar khan wala</t>
  </si>
  <si>
    <t>GGPS KHANJRI KHEL</t>
  </si>
  <si>
    <t>wandaah khanjri khel P/O Musa Khel</t>
  </si>
  <si>
    <t>Khanjri Khel</t>
  </si>
  <si>
    <t>GGPS KHANO MALHI</t>
  </si>
  <si>
    <t>Khano Malhi</t>
  </si>
  <si>
    <t>khano malhi</t>
  </si>
  <si>
    <t>Tauseefa Munir</t>
  </si>
  <si>
    <t>GGPS KHANO WAAL</t>
  </si>
  <si>
    <t>khanowal</t>
  </si>
  <si>
    <t>Khanowal p/o Narowal tehsil and District Narowal</t>
  </si>
  <si>
    <t>Kotlukhasing</t>
  </si>
  <si>
    <t>Rabiya Mukhtar</t>
  </si>
  <si>
    <t>GGPS KHANO WALA</t>
  </si>
  <si>
    <t>KHANOWAL</t>
  </si>
  <si>
    <t>Neelam Shehzadi</t>
  </si>
  <si>
    <t>GGPS KHANOO WALI</t>
  </si>
  <si>
    <t>GGPS khanoo wali near by pass road BWP</t>
  </si>
  <si>
    <t>GGPS KHANOOR</t>
  </si>
  <si>
    <t>KHANOOR</t>
  </si>
  <si>
    <t>VILLAGE KHANOOR P.O. KHANOOR TEHSIL PASRUR SIALKOT</t>
  </si>
  <si>
    <t>Marajkay</t>
  </si>
  <si>
    <t>Nahid Akhtar</t>
  </si>
  <si>
    <t>GGPS KHANOWAL</t>
  </si>
  <si>
    <t>Village Khanowal Post Office Fatehpur Teh&amp;Distt Gujrat</t>
  </si>
  <si>
    <t>GGPS KHANPUR</t>
  </si>
  <si>
    <t>Dakhli Jalo  Chak</t>
  </si>
  <si>
    <t>nakodar adda</t>
  </si>
  <si>
    <t>Nakodar Adda</t>
  </si>
  <si>
    <t>GGPS KHANPUR BHANI</t>
  </si>
  <si>
    <t>Kotla Ganmon</t>
  </si>
  <si>
    <t>basti kamad wala kotla ganmon</t>
  </si>
  <si>
    <t>Kamad Wala</t>
  </si>
  <si>
    <t>Sidra Rafiq</t>
  </si>
  <si>
    <t>GGPS KHANPUR CITY</t>
  </si>
  <si>
    <t>GGPS KHAN PUR CITY</t>
  </si>
  <si>
    <t>Khan pur Shomali</t>
  </si>
  <si>
    <t>GGPS KHANPUR NAURANGA NO.1</t>
  </si>
  <si>
    <t>Ahmad Mahtam</t>
  </si>
  <si>
    <t>GGPS khan pur1</t>
  </si>
  <si>
    <t>Adeela Naz</t>
  </si>
  <si>
    <t>GGPS KHANPUR SHUMALI</t>
  </si>
  <si>
    <t>khan pur shumali Post office 205 TDA</t>
  </si>
  <si>
    <t>GGPS KHANQAH BABA HAFIZ JEE CHAKRALA MIANWALI</t>
  </si>
  <si>
    <t>Village Khanqah. Teh Disst Mianwali</t>
  </si>
  <si>
    <t>Khanqah</t>
  </si>
  <si>
    <t>GGPS KHANWAL</t>
  </si>
  <si>
    <t>v.khanwal po. mangwal chakwal</t>
  </si>
  <si>
    <t>Khanwal</t>
  </si>
  <si>
    <t>Ambreen Raja</t>
  </si>
  <si>
    <t>GGPS KHAOKHAR ASHRAF</t>
  </si>
  <si>
    <t>Khokar Ashraf</t>
  </si>
  <si>
    <t>govt girl primary school khokhar ashraf</t>
  </si>
  <si>
    <t>Khokhar Ashraf</t>
  </si>
  <si>
    <t>Chunian Hathar</t>
  </si>
  <si>
    <t>GGPS KHAPLAN WALA</t>
  </si>
  <si>
    <t>Ggp/s ghaplan wala 183-184/TDA</t>
  </si>
  <si>
    <t>Ghaplan Wala</t>
  </si>
  <si>
    <t>183-184/TDA</t>
  </si>
  <si>
    <t>Saeeda Malik</t>
  </si>
  <si>
    <t>GGPS KHAR PUR SUI GAS ROAD NEAR CHOWK SHAHBAZ</t>
  </si>
  <si>
    <t>Tarafdaira</t>
  </si>
  <si>
    <t>Ggp/school kharpur near sui gas road multan</t>
  </si>
  <si>
    <t>Kharpur</t>
  </si>
  <si>
    <t>Amna Khan</t>
  </si>
  <si>
    <t>GGPS KHAR SHARQI</t>
  </si>
  <si>
    <t>Khar Sharqi</t>
  </si>
  <si>
    <t>moza khar sharqi tehsil kotadu district m.garh</t>
  </si>
  <si>
    <t>Kashfabad</t>
  </si>
  <si>
    <t>Kalsoom Bi Bi</t>
  </si>
  <si>
    <t>GGPS KHARA</t>
  </si>
  <si>
    <t>Village Khara PO Box Malookpur Tehsil &amp; District Narowal</t>
  </si>
  <si>
    <t>Khalda parveen</t>
  </si>
  <si>
    <t>GGPS KHARA BABAY WALA</t>
  </si>
  <si>
    <t>Moza shamsabad school khara Babay wala p/o talbani</t>
  </si>
  <si>
    <t>Khara Babay Wala</t>
  </si>
  <si>
    <t>sobia munir</t>
  </si>
  <si>
    <t>GGPS KHARAIPER HITHAR</t>
  </si>
  <si>
    <t>Kharapar Hithar</t>
  </si>
  <si>
    <t>Govt Girls Primary School 2nd Shift kharapar Hithar</t>
  </si>
  <si>
    <t>Safeena Kalsoom</t>
  </si>
  <si>
    <t>GGPS KHARAK SINGH</t>
  </si>
  <si>
    <t>Dera Hafeez Khan</t>
  </si>
  <si>
    <t>Dera Hafeez Khan Kharak Singh Tehsil Depalpur District Okara</t>
  </si>
  <si>
    <t>KHARAK SINGH</t>
  </si>
  <si>
    <t>Sahrash Mushtaq</t>
  </si>
  <si>
    <t>Nearby tube well and school neighbors</t>
  </si>
  <si>
    <t>GGPS KHARAL</t>
  </si>
  <si>
    <t>Vijhalka</t>
  </si>
  <si>
    <t>Mamola mouza vijhalka</t>
  </si>
  <si>
    <t>Mamola</t>
  </si>
  <si>
    <t>Peerpunja</t>
  </si>
  <si>
    <t>Tehreem Atta</t>
  </si>
  <si>
    <t>GGPS KHARAL AZIM NASHAIB</t>
  </si>
  <si>
    <t>Khawas Khail</t>
  </si>
  <si>
    <t>kharal azeem nashaib p/o kot sultan</t>
  </si>
  <si>
    <t>Kharal Azeem Nashaib</t>
  </si>
  <si>
    <t>SAMIA ASHIQ</t>
  </si>
  <si>
    <t>GGPS KHARAL JEWALA</t>
  </si>
  <si>
    <t>Kharal Jawala</t>
  </si>
  <si>
    <t>village kharal jawala post office khaira tehsil Shakargarh district Narowal</t>
  </si>
  <si>
    <t>GGPS KHARALA</t>
  </si>
  <si>
    <t>Basti kikar wala Mouza Kharala Tehsil Mailsi Dist .Vehari</t>
  </si>
  <si>
    <t>Shaista Aslam</t>
  </si>
  <si>
    <t>GGPS KHARALA KALAN</t>
  </si>
  <si>
    <t>Kharala Kalan</t>
  </si>
  <si>
    <t>ggps kharala kalan fateh jang district attock</t>
  </si>
  <si>
    <t>Parveen Iqbal</t>
  </si>
  <si>
    <t>GGPS KHARALA KHURD</t>
  </si>
  <si>
    <t>Kharala Khurd</t>
  </si>
  <si>
    <t>village kharala khurd teh fateh jang dis attock</t>
  </si>
  <si>
    <t>Shar-ie-sadullah</t>
  </si>
  <si>
    <t>Naila Bashir</t>
  </si>
  <si>
    <t>GGPS KHARALI KHINGER</t>
  </si>
  <si>
    <t>Kharali</t>
  </si>
  <si>
    <t>vill.  kharali. khinger.  p/o. kharali. bangial</t>
  </si>
  <si>
    <t>Kharali Khinger</t>
  </si>
  <si>
    <t>SOBIA USMAN HAIDER</t>
  </si>
  <si>
    <t>GGPS KHARARY</t>
  </si>
  <si>
    <t>near behria golf city.Murree expressway.</t>
  </si>
  <si>
    <t>Salkhaiter</t>
  </si>
  <si>
    <t>Tareat</t>
  </si>
  <si>
    <t>Nafeesa Basharat</t>
  </si>
  <si>
    <t>GGPS KHARBAN</t>
  </si>
  <si>
    <t>Khurban</t>
  </si>
  <si>
    <t>khurban teh pindi bhattian</t>
  </si>
  <si>
    <t>GGPS KHARI</t>
  </si>
  <si>
    <t>Khari</t>
  </si>
  <si>
    <t>village khari p.o looni sialkot</t>
  </si>
  <si>
    <t>Kachhimand</t>
  </si>
  <si>
    <t>sadia tabbassum</t>
  </si>
  <si>
    <t>GGPS KHARIAN NO.2</t>
  </si>
  <si>
    <t>new ara, kharian</t>
  </si>
  <si>
    <t>Mc Kharian</t>
  </si>
  <si>
    <t>GGPS KHARIAN NO.3</t>
  </si>
  <si>
    <t>Muhallah Rafiq Pura Kharian</t>
  </si>
  <si>
    <t>GGPS KHARIAN NO.4</t>
  </si>
  <si>
    <t>GGPS 4Kharian mehdi drbar wali gli gulyan  road  kharian</t>
  </si>
  <si>
    <t>MC Kharian</t>
  </si>
  <si>
    <t>Shahida Hasan</t>
  </si>
  <si>
    <t>neighbour s' waterpump</t>
  </si>
  <si>
    <t>GGPS KHARIAN WALI</t>
  </si>
  <si>
    <t>Kharianwali</t>
  </si>
  <si>
    <t>Village kharianwali p/o sheikhpur teh&amp; dist gujrat</t>
  </si>
  <si>
    <t>Chaksada</t>
  </si>
  <si>
    <t>Uzma Saleem</t>
  </si>
  <si>
    <t>GGPS KHARIOT</t>
  </si>
  <si>
    <t>village  khariyot Teh jand</t>
  </si>
  <si>
    <t>Khariot</t>
  </si>
  <si>
    <t>Khair -un-Nisa</t>
  </si>
  <si>
    <t>GGPS KHARK</t>
  </si>
  <si>
    <t>kharak</t>
  </si>
  <si>
    <t>GGPS KHARKA</t>
  </si>
  <si>
    <t>Kharka</t>
  </si>
  <si>
    <t>kharka s.a.gir</t>
  </si>
  <si>
    <t>Sajida Rizwan</t>
  </si>
  <si>
    <t>GGPS KHARKAN</t>
  </si>
  <si>
    <t>Kharrkan</t>
  </si>
  <si>
    <t>kharrkan</t>
  </si>
  <si>
    <t>GGPS KHARKKAN</t>
  </si>
  <si>
    <t>Kharkkan</t>
  </si>
  <si>
    <t>Village kharkkan b 0 box khas rwp</t>
  </si>
  <si>
    <t>Tahria</t>
  </si>
  <si>
    <t>Sadia Minhas</t>
  </si>
  <si>
    <t>GGPS KHARL</t>
  </si>
  <si>
    <t>Kharl</t>
  </si>
  <si>
    <t>vill kharl p/o randhir teh sambrial dist si lkot</t>
  </si>
  <si>
    <t>Samreen Almas</t>
  </si>
  <si>
    <t>GGPS KHARORA</t>
  </si>
  <si>
    <t>khudai</t>
  </si>
  <si>
    <t>adda khudai moza khudai</t>
  </si>
  <si>
    <t>JARH</t>
  </si>
  <si>
    <t>GGPS KHARORA BAQIR</t>
  </si>
  <si>
    <t>Moxa kharora baqir</t>
  </si>
  <si>
    <t>Ammara Gulzar</t>
  </si>
  <si>
    <t>GGPS KHARPA</t>
  </si>
  <si>
    <t>Robina  naz</t>
  </si>
  <si>
    <t>GGPS KHARTOOB</t>
  </si>
  <si>
    <t>Lunda Bangi Khel</t>
  </si>
  <si>
    <t>ggps khartoob</t>
  </si>
  <si>
    <t>Khartoob</t>
  </si>
  <si>
    <t>Tabbisar</t>
  </si>
  <si>
    <t>Sanam Shahzadi</t>
  </si>
  <si>
    <t>GGPS KHAS KHAROLIAN</t>
  </si>
  <si>
    <t>Khas Kharolian</t>
  </si>
  <si>
    <t>village and PO khas kharolian</t>
  </si>
  <si>
    <t>GGPS KHASALA KHURD</t>
  </si>
  <si>
    <t>Khasala Khurd</t>
  </si>
  <si>
    <t>village khasala khurd P/O KHASALA kalan Rawalpindi</t>
  </si>
  <si>
    <t>Adiala</t>
  </si>
  <si>
    <t>GGPS KHASOR</t>
  </si>
  <si>
    <t>ggps khasor kallur kot bhakkar</t>
  </si>
  <si>
    <t>Dailinaamdar</t>
  </si>
  <si>
    <t>Shagufta Ejaz</t>
  </si>
  <si>
    <t>GGPS KHATANA</t>
  </si>
  <si>
    <t>Khatana  P/O Karianwala District Gujrat</t>
  </si>
  <si>
    <t>GGPS KHATHI GHOTRAN</t>
  </si>
  <si>
    <t>Village Kuthi Gotaran, PO Darman</t>
  </si>
  <si>
    <t>Kuthi Gotaran</t>
  </si>
  <si>
    <t>GGPS KHATKANA GRASS MANDI</t>
  </si>
  <si>
    <t>Ramzan Abad</t>
  </si>
  <si>
    <t>ramzan abad khatkana road multan</t>
  </si>
  <si>
    <t>Shazia Sarwar</t>
  </si>
  <si>
    <t>GGPS KHATWAN</t>
  </si>
  <si>
    <t>khatwan</t>
  </si>
  <si>
    <t>GGPS KHAWAJA ABAD SHARIF</t>
  </si>
  <si>
    <t>khawaja abbad sharif</t>
  </si>
  <si>
    <t>Khawaja Abad Sharif</t>
  </si>
  <si>
    <t>GGPS KHAWAJA COLONY</t>
  </si>
  <si>
    <t>Khawja Colony</t>
  </si>
  <si>
    <t>Govt.Girls Primary School Khawja Colony Railway Road Near Chok Shaheedan</t>
  </si>
  <si>
    <t>Hassan Parwana</t>
  </si>
  <si>
    <t>Kanwal Rehman</t>
  </si>
  <si>
    <t>GGPS KHAWAR ABBAS</t>
  </si>
  <si>
    <t>GGPS khawar abbas</t>
  </si>
  <si>
    <t>Khawarabad</t>
  </si>
  <si>
    <t>GGPS KHAWATEEN MODEL BHAWALPUR HOUSE</t>
  </si>
  <si>
    <t>government khawateen girls p/s bhawalapur houses gor2 near mozang chungi Lahore</t>
  </si>
  <si>
    <t>Mozang Cungi</t>
  </si>
  <si>
    <t>Naveeda Sajjad</t>
  </si>
  <si>
    <t>GGPS KHEETAY</t>
  </si>
  <si>
    <t>Kheetay</t>
  </si>
  <si>
    <t>ggps kheetay</t>
  </si>
  <si>
    <t>Rayya Khass</t>
  </si>
  <si>
    <t>Kiran Iftikhar</t>
  </si>
  <si>
    <t>GGPS KHERA ABAD QADIRPUR RAWAN</t>
  </si>
  <si>
    <t>KHERABAD</t>
  </si>
  <si>
    <t>GGPS Kherabad qadir pur ran khanewal road,multan sadar</t>
  </si>
  <si>
    <t>Basti Peeray Wala</t>
  </si>
  <si>
    <t>GGPS KHERA MUHAMMAD ALI</t>
  </si>
  <si>
    <t>Khera Muhammad Ali</t>
  </si>
  <si>
    <t>govt Girls Primary school khera Muhammad Ali</t>
  </si>
  <si>
    <t>Mirzaka</t>
  </si>
  <si>
    <t>GGPS KHEW</t>
  </si>
  <si>
    <t>P/O haiderabad tehsil mankera</t>
  </si>
  <si>
    <t>GGPS KHEWA</t>
  </si>
  <si>
    <t>ggps khewa.p.o.j.p.j</t>
  </si>
  <si>
    <t>Sharjeela Sharif</t>
  </si>
  <si>
    <t>GGPS KHEWA BAJWA</t>
  </si>
  <si>
    <t>Khewa Bajwa</t>
  </si>
  <si>
    <t>VPO khewa Bajwa tehsil pasrur district sialkot</t>
  </si>
  <si>
    <t>Musarat Sadique</t>
  </si>
  <si>
    <t>GGPS KHEWA MUHABBAT PUR</t>
  </si>
  <si>
    <t>Khewa muhabbt pur</t>
  </si>
  <si>
    <t>Khewa Mohbbat Pur</t>
  </si>
  <si>
    <t>Ahhla</t>
  </si>
  <si>
    <t>Ghazia Batool</t>
  </si>
  <si>
    <t>GGPS KHEWAN WALA</t>
  </si>
  <si>
    <t>Khewan Wala</t>
  </si>
  <si>
    <t>dera khewan wala p/O Mirza virkan Sheikhupura</t>
  </si>
  <si>
    <t>Munazza Koser</t>
  </si>
  <si>
    <t>GGPS KHEWIAN WALA</t>
  </si>
  <si>
    <t>khewianwala</t>
  </si>
  <si>
    <t>village.khewianwala.post office:saghar pur. Teh..Pind Dadan khan.Distt. jhelum</t>
  </si>
  <si>
    <t>pindi said pur</t>
  </si>
  <si>
    <t>GGPS KHICHI</t>
  </si>
  <si>
    <t>govet girls primry school khichi  post office wanbhachra tasil zila mianwali</t>
  </si>
  <si>
    <t>AMINA ARZOO</t>
  </si>
  <si>
    <t>GGPS KHICHI GANJAN WALA</t>
  </si>
  <si>
    <t>16 Tda</t>
  </si>
  <si>
    <t>khichi ganjan wala</t>
  </si>
  <si>
    <t>Khichi Ganjan Wala</t>
  </si>
  <si>
    <t>Daggar Wahgwara</t>
  </si>
  <si>
    <t>Firdaus Sultana</t>
  </si>
  <si>
    <t>GGPS KHICHI KHURD</t>
  </si>
  <si>
    <t>Khichi Khurd</t>
  </si>
  <si>
    <t>ggps Khichi KHURD</t>
  </si>
  <si>
    <t>Yasmeen Abdul Rehman</t>
  </si>
  <si>
    <t>GGPS KHICHI P/O JHATTLA</t>
  </si>
  <si>
    <t>village khichi, post office talagang , dist chakwal</t>
  </si>
  <si>
    <t>khichi</t>
  </si>
  <si>
    <t>Saqiba Noureen</t>
  </si>
  <si>
    <t>GGPS KHICHIAN BHATIAN</t>
  </si>
  <si>
    <t>Khichian Bhattiyan</t>
  </si>
  <si>
    <t>Khichiyan Bhattiyan Pasrur</t>
  </si>
  <si>
    <t>GGPS KHIDAY</t>
  </si>
  <si>
    <t>Khidday</t>
  </si>
  <si>
    <t>khidday</t>
  </si>
  <si>
    <t>Amina Kiran</t>
  </si>
  <si>
    <t>GGPS KHIDO WALI</t>
  </si>
  <si>
    <t>Khidowali</t>
  </si>
  <si>
    <t>Khidowali  p/oDugrianwali  Tehsil  Pasrur  Distt   Sialkot</t>
  </si>
  <si>
    <t>Faiza Ismail</t>
  </si>
  <si>
    <t>GGPS KHIDWAL</t>
  </si>
  <si>
    <t>Khidwal</t>
  </si>
  <si>
    <t>vill &amp; p/o khidwal Teh Fateh Jang disstt Attock</t>
  </si>
  <si>
    <t>Fauzia Noreen</t>
  </si>
  <si>
    <t>GGPS KHILJI JAGIR</t>
  </si>
  <si>
    <t>Khilji Jagir</t>
  </si>
  <si>
    <t>khilji jagir p/o usmanwala</t>
  </si>
  <si>
    <t>Fozia Adrees</t>
  </si>
  <si>
    <t>GGPS KHINDRIAN</t>
  </si>
  <si>
    <t>Khindrian</t>
  </si>
  <si>
    <t>khindrian</t>
  </si>
  <si>
    <t>GGPS KHINGAR PO PADSHAN CHAKWAL</t>
  </si>
  <si>
    <t>Khinger</t>
  </si>
  <si>
    <t>Vill Khinger P/O Padshahan</t>
  </si>
  <si>
    <t>Roomana Tallat</t>
  </si>
  <si>
    <t>GGPS KHIRKI WALA</t>
  </si>
  <si>
    <t>Basti Khirki mouza choudhary</t>
  </si>
  <si>
    <t>Khirki Wala</t>
  </si>
  <si>
    <t>GGPS KHISHKAN</t>
  </si>
  <si>
    <t>Khishkin</t>
  </si>
  <si>
    <t>govt girls primary school khishkin</t>
  </si>
  <si>
    <t>Thathi Lambi</t>
  </si>
  <si>
    <t>Farzana Manzoor</t>
  </si>
  <si>
    <t>GGPS KHIWA HUNDLAN</t>
  </si>
  <si>
    <t>Khewa Hundlan</t>
  </si>
  <si>
    <t>ggps khiwa hundlan</t>
  </si>
  <si>
    <t>Anila Shahzadi</t>
  </si>
  <si>
    <t>GGPS KHIZAR ABAD</t>
  </si>
  <si>
    <t>Khizar Abad, H B Shah</t>
  </si>
  <si>
    <t>Nazma Batool</t>
  </si>
  <si>
    <t>GGPS KHIZAR PUR</t>
  </si>
  <si>
    <t>Khizar pur</t>
  </si>
  <si>
    <t>Khizar  pur teh. Shakargarh District. Narowal</t>
  </si>
  <si>
    <t>Khizar Pur</t>
  </si>
  <si>
    <t>Samra Rashid</t>
  </si>
  <si>
    <t>GGPS KHIZAR WALA</t>
  </si>
  <si>
    <t>ashaba</t>
  </si>
  <si>
    <t>GGPS Khizar wala</t>
  </si>
  <si>
    <t>khizar wala</t>
  </si>
  <si>
    <t>Riffat yasmeen</t>
  </si>
  <si>
    <t>GGPS KHIZAR WALI</t>
  </si>
  <si>
    <t>Mahra Sharki</t>
  </si>
  <si>
    <t>basti khizarwali</t>
  </si>
  <si>
    <t>Khizarwali</t>
  </si>
  <si>
    <t>GGPS KHOAT</t>
  </si>
  <si>
    <t>Khot</t>
  </si>
  <si>
    <t>g g p/s khot teh kamoke dist gujranwal</t>
  </si>
  <si>
    <t>Khot Sandwan</t>
  </si>
  <si>
    <t>Dansarpien</t>
  </si>
  <si>
    <t>GGPS KHOFLI</t>
  </si>
  <si>
    <t>Chitpanri</t>
  </si>
  <si>
    <t>basti khofli</t>
  </si>
  <si>
    <t>Khofli</t>
  </si>
  <si>
    <t>Huma Abbas</t>
  </si>
  <si>
    <t>GGPS KHOI KORAI</t>
  </si>
  <si>
    <t>Govt.girls primary school jampur</t>
  </si>
  <si>
    <t>Kariya Gamoon</t>
  </si>
  <si>
    <t>GGPS KHOJA</t>
  </si>
  <si>
    <t>khoja teh kharian district Gujrat</t>
  </si>
  <si>
    <t>Sidra Kanwal</t>
  </si>
  <si>
    <t>GGPS KHOJAY WALA</t>
  </si>
  <si>
    <t>Khai Chuck Soam</t>
  </si>
  <si>
    <t>mouza khai chuck soam chah khojay wala</t>
  </si>
  <si>
    <t>Chah Khojay Wala</t>
  </si>
  <si>
    <t>Patal</t>
  </si>
  <si>
    <t>Rabia Majeed</t>
  </si>
  <si>
    <t>GGPS KHOJKI</t>
  </si>
  <si>
    <t>Khojki</t>
  </si>
  <si>
    <t>vill khojki PO Natain teh Dina jhelum</t>
  </si>
  <si>
    <t>GGPS KHOKAR PO NICHANDI CHAKWAL</t>
  </si>
  <si>
    <t>p.o nachindi vill khokhar</t>
  </si>
  <si>
    <t>GGPS KHOKHAR</t>
  </si>
  <si>
    <t>GGPS KHOKHAR AKBAR KHAN</t>
  </si>
  <si>
    <t>Khokhar Agar Khan</t>
  </si>
  <si>
    <t>village khokhar agar khan teh dina district Jhelum</t>
  </si>
  <si>
    <t>Daniyla</t>
  </si>
  <si>
    <t>Fouzia Kousar</t>
  </si>
  <si>
    <t>GGPS KHOKHAR CHAMBA</t>
  </si>
  <si>
    <t>Khokhar Chamba</t>
  </si>
  <si>
    <t>khokhar chamba</t>
  </si>
  <si>
    <t>GGPS KHOKHAR KI MALLIAN</t>
  </si>
  <si>
    <t>Khokharki mallian</t>
  </si>
  <si>
    <t>khokharki mallian sheikhupura</t>
  </si>
  <si>
    <t>Khokharki Mallian</t>
  </si>
  <si>
    <t>IRSHAD AKBAR</t>
  </si>
  <si>
    <t>GGPS KHOKHAR SULAHERIAN</t>
  </si>
  <si>
    <t>Khokhar Sulehrian</t>
  </si>
  <si>
    <t>village khokhar sulehrian p/o Imranwali</t>
  </si>
  <si>
    <t>GGPS KHOKHAR TOCHAR</t>
  </si>
  <si>
    <t>Khokhar Toucher</t>
  </si>
  <si>
    <t>khokhar toucher p/o talwandi teh chunian disst kasur</t>
  </si>
  <si>
    <t>Bhagyana Khurd</t>
  </si>
  <si>
    <t>GGPS KHOKHAR WALA</t>
  </si>
  <si>
    <t>Pungirahi</t>
  </si>
  <si>
    <t>GGPS khokharwala</t>
  </si>
  <si>
    <t>Peer Wala Basti</t>
  </si>
  <si>
    <t>Juggutpur Pur</t>
  </si>
  <si>
    <t>Sarah Nasrullah</t>
  </si>
  <si>
    <t>GGPS KHOKHAR WALA OLD</t>
  </si>
  <si>
    <t>Khokhar wala</t>
  </si>
  <si>
    <t>GGP/S KHOKHAR WALA OLD</t>
  </si>
  <si>
    <t>Khokhar wala Basti khakh</t>
  </si>
  <si>
    <t>Razia Baigam</t>
  </si>
  <si>
    <t>GGPS KHOKHAR WALI</t>
  </si>
  <si>
    <t>Khokhar Wali</t>
  </si>
  <si>
    <t>GGPS Khokhar Wali Tehsil and district Narowal</t>
  </si>
  <si>
    <t>Mangolay</t>
  </si>
  <si>
    <t>Razia Tabassam</t>
  </si>
  <si>
    <t>GGPS KHOKHARAN</t>
  </si>
  <si>
    <t>basti khokhran</t>
  </si>
  <si>
    <t>Amer Pur</t>
  </si>
  <si>
    <t>GGPS KHOKHARAN WALA</t>
  </si>
  <si>
    <t>moza khokhranwala</t>
  </si>
  <si>
    <t>Kawaenwala</t>
  </si>
  <si>
    <t>Shumaila</t>
  </si>
  <si>
    <t>GGPS KHOKHAY WALI</t>
  </si>
  <si>
    <t>Khokhewali</t>
  </si>
  <si>
    <t>village khokhewali post office pasia tehsil..sambrial dist.sialkot</t>
  </si>
  <si>
    <t>Sadaf Yousaf</t>
  </si>
  <si>
    <t>GGPS KHOKHER GHERBI</t>
  </si>
  <si>
    <t>Khokhar Gharbi</t>
  </si>
  <si>
    <t>GMPS khokhar gharbi tehsil and district Gujrat</t>
  </si>
  <si>
    <t>Aasma Inayat</t>
  </si>
  <si>
    <t>GGPS KHOKHRAN MULTAN OLD SHUJABAD ROAD KHOKHRAN MULTAN</t>
  </si>
  <si>
    <t>bast khokhran</t>
  </si>
  <si>
    <t>Surriya Khushi Muhamad</t>
  </si>
  <si>
    <t>GGPS KHOLA</t>
  </si>
  <si>
    <t>new abadi khola chah lal wala</t>
  </si>
  <si>
    <t>chah lal wala khola</t>
  </si>
  <si>
    <t>maria qibtia</t>
  </si>
  <si>
    <t>GGPS KHOLA MUREED</t>
  </si>
  <si>
    <t>Kholy Mureed</t>
  </si>
  <si>
    <t>g.g.p.s.kholy murid</t>
  </si>
  <si>
    <t>Kholy Murid</t>
  </si>
  <si>
    <t>Robina Ahmad</t>
  </si>
  <si>
    <t>GGPS KHOLI</t>
  </si>
  <si>
    <t>Kholy</t>
  </si>
  <si>
    <t>kholy</t>
  </si>
  <si>
    <t>Shahida Aslam</t>
  </si>
  <si>
    <t>GGPS KHOOH MEHRAN WALA</t>
  </si>
  <si>
    <t>khooh mehran wala</t>
  </si>
  <si>
    <t>Khooh Mehran Wala</t>
  </si>
  <si>
    <t>GGPS KHOONI KALROO</t>
  </si>
  <si>
    <t>Khooni Kalroo</t>
  </si>
  <si>
    <t>mouza khoni kalroo bsti tbi shreef</t>
  </si>
  <si>
    <t>Khoni Kalroo</t>
  </si>
  <si>
    <t>GGPS KHOR SAJREE WAYAN</t>
  </si>
  <si>
    <t>Khor Sajri Wahin</t>
  </si>
  <si>
    <t>khor sajri wahin Multan</t>
  </si>
  <si>
    <t>GGPS KHORI RASUL PUR</t>
  </si>
  <si>
    <t>Khoori</t>
  </si>
  <si>
    <t>Village p.o khoori rasul pur T/D Gujrat</t>
  </si>
  <si>
    <t>Khoori rasul pur</t>
  </si>
  <si>
    <t>GGPS KHORI SAKRANA</t>
  </si>
  <si>
    <t>sakrana</t>
  </si>
  <si>
    <t>dhoke Khori VPO Sakrana tehsil kallar syedan Dist Rawalpindi</t>
  </si>
  <si>
    <t>manyanda</t>
  </si>
  <si>
    <t>Samiya Sher</t>
  </si>
  <si>
    <t>GGPS KHORIAN DAKHLI</t>
  </si>
  <si>
    <t>Chak Sakndar</t>
  </si>
  <si>
    <t>Khorian Dakhli</t>
  </si>
  <si>
    <t>Ali Chk</t>
  </si>
  <si>
    <t>GGPS KHORR GHARBI</t>
  </si>
  <si>
    <t>khore gharbi kachi wanga p/o fazla kach tribal area dgkhan</t>
  </si>
  <si>
    <t>GHULAM FATMA</t>
  </si>
  <si>
    <t>GGPS KHORYALI</t>
  </si>
  <si>
    <t>Khorryali</t>
  </si>
  <si>
    <t>Basti Khoryali</t>
  </si>
  <si>
    <t>Khanoo Nal</t>
  </si>
  <si>
    <t>Fazla Kachh</t>
  </si>
  <si>
    <t>Kalsoom Buzdar</t>
  </si>
  <si>
    <t>GGPS KHOSAR</t>
  </si>
  <si>
    <t>Khouser</t>
  </si>
  <si>
    <t>village khouser</t>
  </si>
  <si>
    <t>GGPS KHOT WALA</t>
  </si>
  <si>
    <t>basti rindan mushraf abad</t>
  </si>
  <si>
    <t>GGPS KHOTAKA AHMAD ABAD</t>
  </si>
  <si>
    <t>ggps ahmadabad</t>
  </si>
  <si>
    <t>Farzana Kalsoom</t>
  </si>
  <si>
    <t>GGPS KHOUR CITY</t>
  </si>
  <si>
    <t>District Attock, Tehsile Pindigheb ,V.P.O khaur city, mohallah bhanora</t>
  </si>
  <si>
    <t>Khaur Company</t>
  </si>
  <si>
    <t>GGPS KHOUR SHARQI</t>
  </si>
  <si>
    <t>Khaur city</t>
  </si>
  <si>
    <t>Faiza Tariq</t>
  </si>
  <si>
    <t>GGPS KHUDA BAKHASH MIRANI WALA</t>
  </si>
  <si>
    <t>moza sumra nashaib basti nawail</t>
  </si>
  <si>
    <t>Basti Nawail</t>
  </si>
  <si>
    <t>GGPS KHUDA BAKHSH JOIA</t>
  </si>
  <si>
    <t>manghir  sharif road basti khurshidabad</t>
  </si>
  <si>
    <t>Khurshidabad</t>
  </si>
  <si>
    <t>GGPS KHUDA BUKHSH KHAN WALA</t>
  </si>
  <si>
    <t>Khuda Bux Khan Wala</t>
  </si>
  <si>
    <t>basti khuda bux khan wala</t>
  </si>
  <si>
    <t>Nabila Hameed</t>
  </si>
  <si>
    <t>GGPS KHUDA BUKHSH SIAL</t>
  </si>
  <si>
    <t>Khuda Buksh Sial</t>
  </si>
  <si>
    <t>ggps khuda buksh sial</t>
  </si>
  <si>
    <t>Sayad Imam Shah</t>
  </si>
  <si>
    <t>Alia Pervaiz</t>
  </si>
  <si>
    <t>GGPS KHUDA BUX MEHAR NO .2</t>
  </si>
  <si>
    <t>Wahid Bux Mehar</t>
  </si>
  <si>
    <t>Basti khuda bux mehar moza wahid bux lar</t>
  </si>
  <si>
    <t>Khuda Bux Mehar</t>
  </si>
  <si>
    <t>GGPS KHUDAI</t>
  </si>
  <si>
    <t>basti khudai</t>
  </si>
  <si>
    <t>Feroza Barkat</t>
  </si>
  <si>
    <t>GGPS KHUDAI PUR</t>
  </si>
  <si>
    <t>Khudai Pur</t>
  </si>
  <si>
    <t>khudai Pur p/o knjrur tehsil skg district narrowal</t>
  </si>
  <si>
    <t>GGPS KHUDAL WALA</t>
  </si>
  <si>
    <t>Khudal Wala</t>
  </si>
  <si>
    <t>govet girls primary school kudal wala</t>
  </si>
  <si>
    <t>Kalsoom Khanam</t>
  </si>
  <si>
    <t>GGPS KHUDZOI</t>
  </si>
  <si>
    <t>GGPS Khudozai</t>
  </si>
  <si>
    <t>Ishrat Shaheen</t>
  </si>
  <si>
    <t>GGPS KHUKH</t>
  </si>
  <si>
    <t>Khukh</t>
  </si>
  <si>
    <t>khukh</t>
  </si>
  <si>
    <t>Tehmina Anjum</t>
  </si>
  <si>
    <t>GGPS KHUMBAY</t>
  </si>
  <si>
    <t>Khumbay</t>
  </si>
  <si>
    <t>khambay</t>
  </si>
  <si>
    <t>Dugri Hurrian</t>
  </si>
  <si>
    <t>Zunara Naseer Ahmad</t>
  </si>
  <si>
    <t>GGPS KHUMBRAN</t>
  </si>
  <si>
    <t>Murad Pur Murad Murad Pur Murad Murad Pur</t>
  </si>
  <si>
    <t>basti khumbran murad pur janoobi</t>
  </si>
  <si>
    <t>Basti Khumbran</t>
  </si>
  <si>
    <t>Atika Mureed</t>
  </si>
  <si>
    <t>GGPS KHUNDA</t>
  </si>
  <si>
    <t>khunda</t>
  </si>
  <si>
    <t>Aansa Ashraf</t>
  </si>
  <si>
    <t>GGPS KHUNDI WALA</t>
  </si>
  <si>
    <t>Chak Khundiwala</t>
  </si>
  <si>
    <t>basti ghuman p/o shadan lund dgk</t>
  </si>
  <si>
    <t>Khundi Wala</t>
  </si>
  <si>
    <t>GGPS KHUNI CHAK (CHAK MURTAZA)</t>
  </si>
  <si>
    <t>Chak Murtaza</t>
  </si>
  <si>
    <t>chak murtaza</t>
  </si>
  <si>
    <t>Kulewal</t>
  </si>
  <si>
    <t>GGPS KHUR LOHAY</t>
  </si>
  <si>
    <t>Kharlohey</t>
  </si>
  <si>
    <t>village kharlohey P O kot Naina</t>
  </si>
  <si>
    <t>TANZILA ANJUM</t>
  </si>
  <si>
    <t>GGPS KHURA KHAIL</t>
  </si>
  <si>
    <t>khora khail</t>
  </si>
  <si>
    <t>Nadia Taj</t>
  </si>
  <si>
    <t>GGPS KHURD PUR</t>
  </si>
  <si>
    <t>Khudpur</t>
  </si>
  <si>
    <t>Khurdpur</t>
  </si>
  <si>
    <t>Mohlanwal</t>
  </si>
  <si>
    <t>Samra Shahzadi</t>
  </si>
  <si>
    <t>GGPS KHURPA</t>
  </si>
  <si>
    <t>Khurpa</t>
  </si>
  <si>
    <t>viill khurpa PO bhagnian teh pasrur disst sialkot</t>
  </si>
  <si>
    <t>GGPS KHURPA CHAK</t>
  </si>
  <si>
    <t>khurpa chak</t>
  </si>
  <si>
    <t>Beroon Raja Jang</t>
  </si>
  <si>
    <t>Misbah Kokab</t>
  </si>
  <si>
    <t>GGPS KHURRAM GUJJAR</t>
  </si>
  <si>
    <t>Khuram Gujar</t>
  </si>
  <si>
    <t>village and post office khuram gujar Taxila</t>
  </si>
  <si>
    <t>Khuram Paracha</t>
  </si>
  <si>
    <t>Mahwish Noor</t>
  </si>
  <si>
    <t>GGPS KHURRAM HITHAR</t>
  </si>
  <si>
    <t>KHURRAM</t>
  </si>
  <si>
    <t>KHURRAM HITHAR</t>
  </si>
  <si>
    <t>VEERAM</t>
  </si>
  <si>
    <t>Amtal Hafiz</t>
  </si>
  <si>
    <t>GGPS KHURRAM PARACHA</t>
  </si>
  <si>
    <t>P. O. Khurram gujjar  Village khurram Paracha Teh. Taxila Disstt . Rawalpindi</t>
  </si>
  <si>
    <t>GGPS KHURRAM PUR</t>
  </si>
  <si>
    <t>Bheli</t>
  </si>
  <si>
    <t>khuram pur bsty baloch wala</t>
  </si>
  <si>
    <t>GGPS KHURSHEED ABAD, ABDUL HAKIM</t>
  </si>
  <si>
    <t>Jallah Phore</t>
  </si>
  <si>
    <t>Gmps khursheedabad</t>
  </si>
  <si>
    <t>Aurosa Kiran Butt</t>
  </si>
  <si>
    <t>GGPS KHURSHID</t>
  </si>
  <si>
    <t>Khurshaid</t>
  </si>
  <si>
    <t>ggpskhurshaid</t>
  </si>
  <si>
    <t>GGPS KHURSHID ABAD KAMALIA</t>
  </si>
  <si>
    <t>Khurshida abad kamalia</t>
  </si>
  <si>
    <t>GGPS KHURSHID ABAD OLD DUNYAPUR ROAD</t>
  </si>
  <si>
    <t>Raam Kali</t>
  </si>
  <si>
    <t>ggps khursheed abad old dunya pur road Multan</t>
  </si>
  <si>
    <t>Chah Masjid Wala</t>
  </si>
  <si>
    <t>Dera Budhu Malik</t>
  </si>
  <si>
    <t>GGPS KHURSHID ALI FRASH</t>
  </si>
  <si>
    <t>basti khurshid ali farash moza sadiq pur</t>
  </si>
  <si>
    <t>Basti Sher Baloch</t>
  </si>
  <si>
    <t>Gokha</t>
  </si>
  <si>
    <t>GGPS KHUSHAB CITY BADLI WALA</t>
  </si>
  <si>
    <t>sarfraz Town khushab</t>
  </si>
  <si>
    <t>MC Khushab</t>
  </si>
  <si>
    <t>Farida Naz</t>
  </si>
  <si>
    <t>GGPS KHUSHAL SINGH</t>
  </si>
  <si>
    <t>Khushalsingh</t>
  </si>
  <si>
    <t>moza Khushal Singh</t>
  </si>
  <si>
    <t>Shehnaz ashraf</t>
  </si>
  <si>
    <t>GGPS KHUSHHAL PURA</t>
  </si>
  <si>
    <t>Khushhal Pura</t>
  </si>
  <si>
    <t>lvillage Khushhal pura</t>
  </si>
  <si>
    <t>Qila Satar Shah</t>
  </si>
  <si>
    <t>Mehwish Abbas</t>
  </si>
  <si>
    <t>GGPS KHUTTAY SHAH</t>
  </si>
  <si>
    <t>khuty shah</t>
  </si>
  <si>
    <t>Mehwish Ambreen</t>
  </si>
  <si>
    <t>GGPS KHYZER HAYAT</t>
  </si>
  <si>
    <t>Chack Abbas</t>
  </si>
  <si>
    <t>khizar Hayat basti Malook Chacher</t>
  </si>
  <si>
    <t>Ashfa Noreen</t>
  </si>
  <si>
    <t>GGPS KIALA</t>
  </si>
  <si>
    <t>kayala</t>
  </si>
  <si>
    <t>Kayala</t>
  </si>
  <si>
    <t>Qurrat Ul Ain Mukhtar</t>
  </si>
  <si>
    <t>GGPS KIHAR WAH</t>
  </si>
  <si>
    <t>Kehar Wah</t>
  </si>
  <si>
    <t>GGPS KIHAR WAH P/O karmali wala tehsil jalal pur pir wala</t>
  </si>
  <si>
    <t>Perveen Fazal</t>
  </si>
  <si>
    <t>GGPS KIKAR WALA BASTI KARIM ABAD</t>
  </si>
  <si>
    <t>Miralivan</t>
  </si>
  <si>
    <t>Multan road kala pul bati kreemabad</t>
  </si>
  <si>
    <t>Basti Kareemabad</t>
  </si>
  <si>
    <t>Shahnaz Muhammad Ali</t>
  </si>
  <si>
    <t>GGPS KIKAR WALA NO 2</t>
  </si>
  <si>
    <t>kot sahib</t>
  </si>
  <si>
    <t>Kot Sahib</t>
  </si>
  <si>
    <t>GGPS KIKER WALA</t>
  </si>
  <si>
    <t>qadeemi</t>
  </si>
  <si>
    <t>mozq qadeemi</t>
  </si>
  <si>
    <t>kiker wala</t>
  </si>
  <si>
    <t>GGPS KIKER WALA KASU WALA</t>
  </si>
  <si>
    <t>Moza Wahey</t>
  </si>
  <si>
    <t>Ggps kikar Wala bamaqam hassu wala</t>
  </si>
  <si>
    <t>1Faiz Shumali</t>
  </si>
  <si>
    <t>GGPS KIKKRI KALAN</t>
  </si>
  <si>
    <t>Kikri Kalan</t>
  </si>
  <si>
    <t>ggps Kikri kalan</t>
  </si>
  <si>
    <t>Girdawar</t>
  </si>
  <si>
    <t>Firdous Bano</t>
  </si>
  <si>
    <t>GGPS KIKRI KHURD</t>
  </si>
  <si>
    <t>ggp/s kikri khurd</t>
  </si>
  <si>
    <t>GGPS KIKRI WALA KHURA</t>
  </si>
  <si>
    <t>po khura tehsil noshera  district khushab</t>
  </si>
  <si>
    <t>Ghulam  Zohra</t>
  </si>
  <si>
    <t>connection from neighbours bore</t>
  </si>
  <si>
    <t>GGPS KILCHAMA DONA</t>
  </si>
  <si>
    <t>Kilchamadona</t>
  </si>
  <si>
    <t>village kilchamadona tehsil kasur</t>
  </si>
  <si>
    <t>Kilchmdona</t>
  </si>
  <si>
    <t>Bazeedpur</t>
  </si>
  <si>
    <t>Shazia Yaseen</t>
  </si>
  <si>
    <t>GGPS KILOKA NO. 2</t>
  </si>
  <si>
    <t>Kaloka</t>
  </si>
  <si>
    <t>Kaloka,Teh Lalian,Distt Chiniot</t>
  </si>
  <si>
    <t>GGPS KIN</t>
  </si>
  <si>
    <t>kin khas tesil rojhan</t>
  </si>
  <si>
    <t>Saba Noor</t>
  </si>
  <si>
    <t>GGPS KIRAR WALA</t>
  </si>
  <si>
    <t>govt.girls primary school kirar wala</t>
  </si>
  <si>
    <t>Kirar Wala</t>
  </si>
  <si>
    <t>GGPS KIRI ALI MARDAN</t>
  </si>
  <si>
    <t>Kiri Ali Mardan</t>
  </si>
  <si>
    <t>GGPS Kiri Ali mardan Post office rang pur</t>
  </si>
  <si>
    <t>Basti Kangranwala</t>
  </si>
  <si>
    <t>GGPS KIRI JAMAL KHATTAK</t>
  </si>
  <si>
    <t>GGPS Kiri Jamal Khatak.Bani Afghan</t>
  </si>
  <si>
    <t>Kiri Jamal Khatak</t>
  </si>
  <si>
    <t>Yusra Abbas</t>
  </si>
  <si>
    <t>GGPS KISANA KUNJAH</t>
  </si>
  <si>
    <t>GGPS Kasana kunjah  dist /tehsil gujrat</t>
  </si>
  <si>
    <t>Nagranwala</t>
  </si>
  <si>
    <t>Ulfat shahzadi</t>
  </si>
  <si>
    <t>GGPS KISHAN GARH</t>
  </si>
  <si>
    <t>Gg p/s kishan  garh p/0 sawai wala bwn</t>
  </si>
  <si>
    <t>Sadaf Batool</t>
  </si>
  <si>
    <t>GGPS KISHAN PURA</t>
  </si>
  <si>
    <t>village Kishan Pura, P.O Peero Chak, Tehsil &amp; District Sialkot</t>
  </si>
  <si>
    <t>GGPS KISRAN WEST</t>
  </si>
  <si>
    <t>vpo kisran</t>
  </si>
  <si>
    <t>GGPS KLAIR KALAN</t>
  </si>
  <si>
    <t>Kalair Klan</t>
  </si>
  <si>
    <t>Klair kalan</t>
  </si>
  <si>
    <t>Klair Kalan</t>
  </si>
  <si>
    <t>Hafiza Sajida Irshad</t>
  </si>
  <si>
    <t>GGPS KLARK ABAD</t>
  </si>
  <si>
    <t>Klark Abad</t>
  </si>
  <si>
    <t>GGPS klark Abad khurd Kot Radha Kishan</t>
  </si>
  <si>
    <t>Klark Abad Khurd</t>
  </si>
  <si>
    <t>Sarwar Mushtaq</t>
  </si>
  <si>
    <t>GGPS KMASS</t>
  </si>
  <si>
    <t>KAMAS</t>
  </si>
  <si>
    <t>village KAMAS</t>
  </si>
  <si>
    <t>GGPS KNADANI</t>
  </si>
  <si>
    <t>Razai Shah Janobi</t>
  </si>
  <si>
    <t>GGPS Kandani P\0 Notak</t>
  </si>
  <si>
    <t>GGPS KOAKAY BAHAWAL</t>
  </si>
  <si>
    <t>Koyki Bahawal</t>
  </si>
  <si>
    <t>koyki bahawal tahsil Depalpur distt Okara</t>
  </si>
  <si>
    <t>Koyki Bahawel</t>
  </si>
  <si>
    <t>Shaheen Noor Muhammad</t>
  </si>
  <si>
    <t>GGPS KOANKH</t>
  </si>
  <si>
    <t>Kowankh</t>
  </si>
  <si>
    <t>Vpo kowankh</t>
  </si>
  <si>
    <t>GGPS KOH WALA</t>
  </si>
  <si>
    <t>Koh Wala</t>
  </si>
  <si>
    <t>Koh wala</t>
  </si>
  <si>
    <t>Darbola</t>
  </si>
  <si>
    <t>Rafia Jabeen</t>
  </si>
  <si>
    <t>GGPS KOHAL KALAN</t>
  </si>
  <si>
    <t>Mouza Kohal Kalan</t>
  </si>
  <si>
    <t>mouza kohal kalan</t>
  </si>
  <si>
    <t>BUSHRA NOREEN</t>
  </si>
  <si>
    <t>GGPS KOHAL KHURD</t>
  </si>
  <si>
    <t>kohal khurd</t>
  </si>
  <si>
    <t>Chak No103 Gb</t>
  </si>
  <si>
    <t>sana Jameel</t>
  </si>
  <si>
    <t>GGPS KOHALA</t>
  </si>
  <si>
    <t>Ggps kohala</t>
  </si>
  <si>
    <t>GGPS KOHALA KALAN</t>
  </si>
  <si>
    <t>chakri road kohala kallan</t>
  </si>
  <si>
    <t>kohala kallan</t>
  </si>
  <si>
    <t>ranial</t>
  </si>
  <si>
    <t>Nabeela Delawar</t>
  </si>
  <si>
    <t>GGPS KOHALA SYEDAN</t>
  </si>
  <si>
    <t>Kohala Syedan new abadi</t>
  </si>
  <si>
    <t>Kohala Syedan</t>
  </si>
  <si>
    <t>Yasmin Akthar</t>
  </si>
  <si>
    <t>GGPS KOHAR FAQIRAN</t>
  </si>
  <si>
    <t>Koharfaqrain</t>
  </si>
  <si>
    <t>basti Koharfaqrain murad pur janoobi</t>
  </si>
  <si>
    <t>Murad Pur Janoobi</t>
  </si>
  <si>
    <t>Rukhsana KHALIL</t>
  </si>
  <si>
    <t>GGPS KOHAWAR</t>
  </si>
  <si>
    <t>basti Kohawar tehsil kot addu district Muzafar garh</t>
  </si>
  <si>
    <t>Basti Kohawar</t>
  </si>
  <si>
    <t>Taskeen Rubab</t>
  </si>
  <si>
    <t>GGPS KOHAWARAN WALA</t>
  </si>
  <si>
    <t>jamali balochan</t>
  </si>
  <si>
    <t>Ghulam Haleema</t>
  </si>
  <si>
    <t>GGPS KOHLI</t>
  </si>
  <si>
    <t>Kohli</t>
  </si>
  <si>
    <t>Village Kohli, P.O. Sidh, Kharian, Gujrat</t>
  </si>
  <si>
    <t>Burruch</t>
  </si>
  <si>
    <t>GGPS KOKARAN WALI</t>
  </si>
  <si>
    <t>Dunga Akuka</t>
  </si>
  <si>
    <t>kokaran Wali</t>
  </si>
  <si>
    <t>Kokaran Wali</t>
  </si>
  <si>
    <t>MC Dunga Bungs</t>
  </si>
  <si>
    <t>GGPS KOLACHI</t>
  </si>
  <si>
    <t>Khairpursadat</t>
  </si>
  <si>
    <t>p/o khairpur sadat c/o somroo karyana store tehsil alipur diatrict muzaffargarh</t>
  </si>
  <si>
    <t>Basti Kolachi</t>
  </si>
  <si>
    <t>Mehjabeen Ali</t>
  </si>
  <si>
    <t>GGPS KOLACHI WALA</t>
  </si>
  <si>
    <t>Hunjrai Gharbi</t>
  </si>
  <si>
    <t>Hunjrai mustaqil gharbi p/o daira din panah tehsil kot adu distc M.garh</t>
  </si>
  <si>
    <t>Tahseen Riaz</t>
  </si>
  <si>
    <t>hand pump and electric moter</t>
  </si>
  <si>
    <t>GGPS KOLAIN PO CHAKORA CHAKWAL</t>
  </si>
  <si>
    <t>Koliyan</t>
  </si>
  <si>
    <t>village Koliyan P.O Chakora tehsil distt Chakwal</t>
  </si>
  <si>
    <t>uzma razaq</t>
  </si>
  <si>
    <t>GGPS KOLIAN HABIB</t>
  </si>
  <si>
    <t>Kolian Habib</t>
  </si>
  <si>
    <t>GGPS Kolian Habib, Kharian (Gujrat)</t>
  </si>
  <si>
    <t>Mirza Tahir</t>
  </si>
  <si>
    <t>Sabreena Javaid</t>
  </si>
  <si>
    <t>GGPS KOLIAN HAMEED</t>
  </si>
  <si>
    <t>govt girls primary school kollian hameed</t>
  </si>
  <si>
    <t>KollianHameed</t>
  </si>
  <si>
    <t>GGPS KOLIAN HAMID</t>
  </si>
  <si>
    <t>p.o hmc village kolian</t>
  </si>
  <si>
    <t>Ghari Afghanna</t>
  </si>
  <si>
    <t>GGPS KOLIAN HASHIM SHAH</t>
  </si>
  <si>
    <t>Kolian Hashim shah</t>
  </si>
  <si>
    <t>Villagekolianhashim shah p/o khori Rasul pur via Daulat nagar District Gujrat</t>
  </si>
  <si>
    <t>Kolian hashim shah</t>
  </si>
  <si>
    <t>Nusrat Khadim</t>
  </si>
  <si>
    <t>GGPS KOLO WAL</t>
  </si>
  <si>
    <t>kolowal nangiyana sargodha</t>
  </si>
  <si>
    <t>GGPS KOLOI WALA</t>
  </si>
  <si>
    <t>Nasirpur</t>
  </si>
  <si>
    <t>moza nasier pur</t>
  </si>
  <si>
    <t>Basti Fathe Muhammad</t>
  </si>
  <si>
    <t>Burrary Wal</t>
  </si>
  <si>
    <t>GGPS KOLOKAY</t>
  </si>
  <si>
    <t>Kolokay</t>
  </si>
  <si>
    <t>GGPS Kolokay P/O  Majra Klan Teh Sambrial Distt Sialkot</t>
  </si>
  <si>
    <t>Mrs Abida Rukhsana Nasar</t>
  </si>
  <si>
    <t>GGPS KONDAL KHAOKRAN</t>
  </si>
  <si>
    <t>Tody wala kundal khokhran P.O peer Abdul Rahman Tehsile Ahmad pur Sial district Jhang</t>
  </si>
  <si>
    <t>Asima Batool</t>
  </si>
  <si>
    <t>GGPS KOONDRAN WALI PO NOTAK</t>
  </si>
  <si>
    <t>Humoon Wala</t>
  </si>
  <si>
    <t>ggps konranwali</t>
  </si>
  <si>
    <t>Kondranwali</t>
  </si>
  <si>
    <t>Humera Nawaz</t>
  </si>
  <si>
    <t>GGPS KOORAY WALA</t>
  </si>
  <si>
    <t>Basti Juglani Moza Sonhara Wasawa</t>
  </si>
  <si>
    <t>Chah Khizar Wala</t>
  </si>
  <si>
    <t>GGPS KOPRA KALAN</t>
  </si>
  <si>
    <t>govt girls primary school kopra kalan</t>
  </si>
  <si>
    <t>Zainab Zeeshan</t>
  </si>
  <si>
    <t>GGPS KORA</t>
  </si>
  <si>
    <t>Kora</t>
  </si>
  <si>
    <t>Kora khb</t>
  </si>
  <si>
    <t>Zahida Parveen Bhatti</t>
  </si>
  <si>
    <t>GGPS KORA BHOOTNA</t>
  </si>
  <si>
    <t>Basti Zaheerabad</t>
  </si>
  <si>
    <t>Kora Bhootna</t>
  </si>
  <si>
    <t>GGPS KORA ISRA, SARAI SIDHU</t>
  </si>
  <si>
    <t>GGPS Kora Isra</t>
  </si>
  <si>
    <t>Ammara Arshad</t>
  </si>
  <si>
    <t>GGPS KORA KULYAR</t>
  </si>
  <si>
    <t>Kora Kulyar</t>
  </si>
  <si>
    <t>ggps kura kulyar chani goth</t>
  </si>
  <si>
    <t>Peer Bakhsh</t>
  </si>
  <si>
    <t>SHAISTA SARFRAZ</t>
  </si>
  <si>
    <t>GGPS KORAI WALA</t>
  </si>
  <si>
    <t>Manaha</t>
  </si>
  <si>
    <t>basti korai wala mouza manahan</t>
  </si>
  <si>
    <t>Korai Wala</t>
  </si>
  <si>
    <t>Sheikh Umar</t>
  </si>
  <si>
    <t>Irum Fatima</t>
  </si>
  <si>
    <t>GGPS KORAY SIAL</t>
  </si>
  <si>
    <t>Koray Sial</t>
  </si>
  <si>
    <t>basti koray sial</t>
  </si>
  <si>
    <t>GGPS KORAY WALLA SHUJABAD</t>
  </si>
  <si>
    <t>Wahi swaya</t>
  </si>
  <si>
    <t>koary wala shujabad multan</t>
  </si>
  <si>
    <t>Koray wala</t>
  </si>
  <si>
    <t>Hafizah SAFIA Shahzadi</t>
  </si>
  <si>
    <t>GGPS KORE SHAH ZAREN</t>
  </si>
  <si>
    <t>Korey Shah Zareen</t>
  </si>
  <si>
    <t>GGPS korey shah zareen</t>
  </si>
  <si>
    <t>GGPS KOREY</t>
  </si>
  <si>
    <t>GGPS Korey</t>
  </si>
  <si>
    <t>Abida Noor</t>
  </si>
  <si>
    <t>GGPS KOREY WALA JALALPUR PIRWALA</t>
  </si>
  <si>
    <t>moza motha shumali chah korray wala Tehsil jalalpur pirwala multan</t>
  </si>
  <si>
    <t>Korray Wala</t>
  </si>
  <si>
    <t>GGPS KOREY WALA NO. 2</t>
  </si>
  <si>
    <t>Sahoo Wala</t>
  </si>
  <si>
    <t>BASTI AHMDANI MOUZA SAHOO WALA</t>
  </si>
  <si>
    <t>BASTI AHMDANI</t>
  </si>
  <si>
    <t>Nawan BEG Raj</t>
  </si>
  <si>
    <t>Afsheen Naz</t>
  </si>
  <si>
    <t>GGPS KORI NILHAD</t>
  </si>
  <si>
    <t>ps  korenilhad pindegheb attock</t>
  </si>
  <si>
    <t>GGPS KORIAN</t>
  </si>
  <si>
    <t>Chah Pul Wala, Moza Korian, Tehsil &amp; District Jhang.</t>
  </si>
  <si>
    <t>Chah Wahl Wala</t>
  </si>
  <si>
    <t>GGPS KORIAN FAISALABAD</t>
  </si>
  <si>
    <t>223 RB Korian</t>
  </si>
  <si>
    <t>GGPS korian Faisalabad</t>
  </si>
  <si>
    <t>Ali Pur Korian</t>
  </si>
  <si>
    <t>Shakila Hashmi</t>
  </si>
  <si>
    <t>GGPS KORIAN WALI NO 1</t>
  </si>
  <si>
    <t>Rampora</t>
  </si>
  <si>
    <t>basti korianwali dak khana khas bahawalnagar</t>
  </si>
  <si>
    <t>Kordianwali</t>
  </si>
  <si>
    <t>GGPS KORINA KALAN</t>
  </si>
  <si>
    <t>Korina Kalan</t>
  </si>
  <si>
    <t>vill korina kalan po&amp;teh kotli sattian</t>
  </si>
  <si>
    <t>Fozia Khatoon</t>
  </si>
  <si>
    <t>water puply</t>
  </si>
  <si>
    <t>GGPS KORNI</t>
  </si>
  <si>
    <t>Korni</t>
  </si>
  <si>
    <t>GGPS korni</t>
  </si>
  <si>
    <t>Mustafa Abaf</t>
  </si>
  <si>
    <t>Sobia Sultana</t>
  </si>
  <si>
    <t>GGPS KOROO GHARBI</t>
  </si>
  <si>
    <t>Koro</t>
  </si>
  <si>
    <t>Koro ghrbi</t>
  </si>
  <si>
    <t>Koro Gharbi</t>
  </si>
  <si>
    <t>GGPS KOROO SHARQI</t>
  </si>
  <si>
    <t>pokhan</t>
  </si>
  <si>
    <t>ggps koro sharqi</t>
  </si>
  <si>
    <t>koro sharqi</t>
  </si>
  <si>
    <t>basti buzdar</t>
  </si>
  <si>
    <t>Saima qadir</t>
  </si>
  <si>
    <t>GGPS KORRAY</t>
  </si>
  <si>
    <t>Korray Jorray</t>
  </si>
  <si>
    <t>moza korray jorray post office Hujra shah muqeem teh. Depalpur District.  Okara</t>
  </si>
  <si>
    <t>Korray</t>
  </si>
  <si>
    <t>Bhon  Manzabta</t>
  </si>
  <si>
    <t>Shammila  Nawaz</t>
  </si>
  <si>
    <t>GGPS KORZADA SAWAN</t>
  </si>
  <si>
    <t>Koorzada Sawan</t>
  </si>
  <si>
    <t>village koorzada Sawan P.o bhatta Tehsil gujar khan district rawalpindi</t>
  </si>
  <si>
    <t>Sana Israr Kiani</t>
  </si>
  <si>
    <t>GGPS KOSHAK BALOCH</t>
  </si>
  <si>
    <t>Koshsk Baloch</t>
  </si>
  <si>
    <t>koshak baloch</t>
  </si>
  <si>
    <t>Koshak Baloch</t>
  </si>
  <si>
    <t>Ap Sial</t>
  </si>
  <si>
    <t>Kosar Mai</t>
  </si>
  <si>
    <t>GGPS KOT ABDUL REHMAN</t>
  </si>
  <si>
    <t>kot Abdul rehman</t>
  </si>
  <si>
    <t>Kot Abdul Rehman</t>
  </si>
  <si>
    <t>Asmit Tahira</t>
  </si>
  <si>
    <t>GGPS KOT ABDULLAH, KHANEWAL</t>
  </si>
  <si>
    <t>kot abdullah mukhdum pur</t>
  </si>
  <si>
    <t>Mukhdum Pur 2</t>
  </si>
  <si>
    <t>Mehwish Anam</t>
  </si>
  <si>
    <t>GGPS KOT AGHA</t>
  </si>
  <si>
    <t>Kot Agha</t>
  </si>
  <si>
    <t>Kot agha</t>
  </si>
  <si>
    <t>QillA Kalarwala</t>
  </si>
  <si>
    <t>Maafia Bashir</t>
  </si>
  <si>
    <t>GGPS KOT AHMAD KHAN</t>
  </si>
  <si>
    <t>Sath Shahni</t>
  </si>
  <si>
    <t>kot ahmed khan sath shahani tehsil nur pur khushab</t>
  </si>
  <si>
    <t>GGPS KOT AHMAD SHAH</t>
  </si>
  <si>
    <t>Kot Ahmad Shah</t>
  </si>
  <si>
    <t>Kot Ahmed Shah</t>
  </si>
  <si>
    <t>MBDIN3</t>
  </si>
  <si>
    <t>Asma Naeem</t>
  </si>
  <si>
    <t>GGPS KOT AKBAR KHAN</t>
  </si>
  <si>
    <t>Kot Akbar</t>
  </si>
  <si>
    <t>kot  Akbar khan</t>
  </si>
  <si>
    <t>Bhoniki Othar</t>
  </si>
  <si>
    <t>Nabila Kanwal</t>
  </si>
  <si>
    <t>GGPS KOT ALA SINGH, KHANEWAL</t>
  </si>
  <si>
    <t>near district hospital khanewal</t>
  </si>
  <si>
    <t>Kot Ala Singh</t>
  </si>
  <si>
    <t>Municipal Cameeti</t>
  </si>
  <si>
    <t>Najma Javed</t>
  </si>
  <si>
    <t>GGPS KOT ALLAH DIN NO 1</t>
  </si>
  <si>
    <t>kot allah dn no 1 steer no 7</t>
  </si>
  <si>
    <t>Kot Allah Din No 1</t>
  </si>
  <si>
    <t>Musrat Bashir</t>
  </si>
  <si>
    <t>GGPS KOT ALLAH DIN NO.2</t>
  </si>
  <si>
    <t>M Hussain Colony</t>
  </si>
  <si>
    <t>m hussain colony</t>
  </si>
  <si>
    <t>85/6R</t>
  </si>
  <si>
    <t>Faseeha Batool</t>
  </si>
  <si>
    <t>GGPS KOT ALLAH DITTA</t>
  </si>
  <si>
    <t>kot Allah Ditta</t>
  </si>
  <si>
    <t>Sultana Khushi</t>
  </si>
  <si>
    <t>GGPS KOT ALLAH RAKHA</t>
  </si>
  <si>
    <t>Kot ALLAH Rakha</t>
  </si>
  <si>
    <t>kot allah rkha</t>
  </si>
  <si>
    <t>Kot Allah Rakha</t>
  </si>
  <si>
    <t>Hurya Tabsam</t>
  </si>
  <si>
    <t>GGPS KOT ALYANA</t>
  </si>
  <si>
    <t>Hamboana</t>
  </si>
  <si>
    <t>Kot alyana</t>
  </si>
  <si>
    <t>Kot Alyana</t>
  </si>
  <si>
    <t>Bihiwal</t>
  </si>
  <si>
    <t>GGPS KOT AMAR SINGH</t>
  </si>
  <si>
    <t>Kot amar Singh</t>
  </si>
  <si>
    <t>kot amar singh near thakkarkey post office</t>
  </si>
  <si>
    <t>Iram Naz Waseem</t>
  </si>
  <si>
    <t>GGPS KOT AMEER MUHAMMAD</t>
  </si>
  <si>
    <t>Kot Muhammad ameer</t>
  </si>
  <si>
    <t>kot muhammad ameer</t>
  </si>
  <si>
    <t>Kot Muhammad Ameer</t>
  </si>
  <si>
    <t>Pimar Ottar</t>
  </si>
  <si>
    <t>nazia gull</t>
  </si>
  <si>
    <t>GGPS KOT AMEER SHAH</t>
  </si>
  <si>
    <t>Kot Ameer Shah</t>
  </si>
  <si>
    <t>kot Ameer shah</t>
  </si>
  <si>
    <t>Qamar Batool</t>
  </si>
  <si>
    <t>GGPS KOT AMRAO KHAN</t>
  </si>
  <si>
    <t>kot amrao Khan Moza jamsher kalan post office ellah abad tehsil chunian</t>
  </si>
  <si>
    <t>Kot Amrao Khan</t>
  </si>
  <si>
    <t>Uzma Sajid</t>
  </si>
  <si>
    <t>GGPS KOT ANI SINGH</t>
  </si>
  <si>
    <t>Kot Ani Singh</t>
  </si>
  <si>
    <t>kot Ani Singh</t>
  </si>
  <si>
    <t>Humaila Naareen</t>
  </si>
  <si>
    <t>GGPS KOT ANWAR</t>
  </si>
  <si>
    <t>Kot Anwar</t>
  </si>
  <si>
    <t>Naghmana Akhtar</t>
  </si>
  <si>
    <t>GGPS KOT ARAIAN</t>
  </si>
  <si>
    <t>govt girls primary school kot araia5</t>
  </si>
  <si>
    <t>Kot Araian</t>
  </si>
  <si>
    <t>GGPS KOT ARRIAN</t>
  </si>
  <si>
    <t>Kotaraiya</t>
  </si>
  <si>
    <t>kot ariyan</t>
  </si>
  <si>
    <t>Kot Arian</t>
  </si>
  <si>
    <t>Rohma Ashraf</t>
  </si>
  <si>
    <t>GGPS KOT ASIF KHAN</t>
  </si>
  <si>
    <t>chah gany wala mouza lashari</t>
  </si>
  <si>
    <t>Gany Wala</t>
  </si>
  <si>
    <t>Mumtaz Khatoon</t>
  </si>
  <si>
    <t>GGPS KOT ASSA SINGH</t>
  </si>
  <si>
    <t>KOT ASSA SINGH</t>
  </si>
  <si>
    <t>village KOT ASSA SINGH P/O Kalay otar Tehsil and dist. KAUSR</t>
  </si>
  <si>
    <t>Nadia Jan</t>
  </si>
  <si>
    <t>GGPS KOT ATTA ULLAH PUR</t>
  </si>
  <si>
    <t>Rao Khan Wala</t>
  </si>
  <si>
    <t>kot Atta ullah Pur</t>
  </si>
  <si>
    <t>Kot Atta Ullah Pur</t>
  </si>
  <si>
    <t>GGPS KOT AZAM KHAIRPUR TAMEWALI</t>
  </si>
  <si>
    <t>basti kot  azam</t>
  </si>
  <si>
    <t>GGPS KOT BABA AJGAR SINGH</t>
  </si>
  <si>
    <t>Kawin Balaqa Sing</t>
  </si>
  <si>
    <t>kot baba ujager singh.</t>
  </si>
  <si>
    <t>Kot Baba Ujager Singh</t>
  </si>
  <si>
    <t>Kanway Malian</t>
  </si>
  <si>
    <t>coller</t>
  </si>
  <si>
    <t>GGPS KOT BACHNA</t>
  </si>
  <si>
    <t>Kot bachna</t>
  </si>
  <si>
    <t>Langha</t>
  </si>
  <si>
    <t>Bushra Firdous</t>
  </si>
  <si>
    <t>GGPS KOT BAGA</t>
  </si>
  <si>
    <t>Kot Baga</t>
  </si>
  <si>
    <t>kot baga</t>
  </si>
  <si>
    <t>KhananawaLi</t>
  </si>
  <si>
    <t>Riffat Bajwa</t>
  </si>
  <si>
    <t>GGPS KOT BAGGA SINGH</t>
  </si>
  <si>
    <t>Kot Bagga Singh</t>
  </si>
  <si>
    <t>kot bagga singh</t>
  </si>
  <si>
    <t>Kot  Bagga Singh</t>
  </si>
  <si>
    <t>Samina Kausr</t>
  </si>
  <si>
    <t>GGPS KOT BAHAWAL BUKHASH</t>
  </si>
  <si>
    <t>jamal din</t>
  </si>
  <si>
    <t>kot bahawal bukhsh</t>
  </si>
  <si>
    <t>kot bhawal bukhsh</t>
  </si>
  <si>
    <t>malikpura</t>
  </si>
  <si>
    <t>Shahida Javed</t>
  </si>
  <si>
    <t>GGPS KOT BAKAR</t>
  </si>
  <si>
    <t>CHAH MASSOO</t>
  </si>
  <si>
    <t>kot baqar</t>
  </si>
  <si>
    <t>Kot Baqar</t>
  </si>
  <si>
    <t>MC Sukheki mandi</t>
  </si>
  <si>
    <t>Nasreen Manzoor</t>
  </si>
  <si>
    <t>GGPS KOT BAKHSHA</t>
  </si>
  <si>
    <t>Chak Kot Bakhsha, Tensil &amp; District Pakpattan</t>
  </si>
  <si>
    <t>Kot  Bakhsha</t>
  </si>
  <si>
    <t>Sobia Shahen</t>
  </si>
  <si>
    <t>GGPS KOT BAKHTAWAR</t>
  </si>
  <si>
    <t>Kot Bakhtawar</t>
  </si>
  <si>
    <t>vilage kot bakhtawar p/ o ramky chattha</t>
  </si>
  <si>
    <t>Ramkey Chattha</t>
  </si>
  <si>
    <t>Zulaikha Noreen</t>
  </si>
  <si>
    <t>GGPS KOT BALLIAN</t>
  </si>
  <si>
    <t>GGPS kot belian</t>
  </si>
  <si>
    <t>Dher Umeed Ali Shah</t>
  </si>
  <si>
    <t>GGPS KOT BANDA</t>
  </si>
  <si>
    <t>Kot banda</t>
  </si>
  <si>
    <t>kot banda teh Daska district Sialkot</t>
  </si>
  <si>
    <t>GGPS KOT BANGASH</t>
  </si>
  <si>
    <t>Kot Bangash</t>
  </si>
  <si>
    <t>kot Bangash</t>
  </si>
  <si>
    <t>GGPS KOT BELA</t>
  </si>
  <si>
    <t>Kot Bela</t>
  </si>
  <si>
    <t>village kot bela</t>
  </si>
  <si>
    <t>Nabila Riaz</t>
  </si>
  <si>
    <t>GGPS KOT BENIDAS</t>
  </si>
  <si>
    <t>Kot Benidas</t>
  </si>
  <si>
    <t>govt primary school kot benidas</t>
  </si>
  <si>
    <t>kot benidas</t>
  </si>
  <si>
    <t>Mubeen Alam</t>
  </si>
  <si>
    <t>GGPS KOT BHAILAN</t>
  </si>
  <si>
    <t>Kot bhelan</t>
  </si>
  <si>
    <t>kot bhelan</t>
  </si>
  <si>
    <t>Ladhake</t>
  </si>
  <si>
    <t>Fehmida Abbas</t>
  </si>
  <si>
    <t>GGPS KOT BHATIAN</t>
  </si>
  <si>
    <t>Kot Bhattian</t>
  </si>
  <si>
    <t>kot bhattian</t>
  </si>
  <si>
    <t>Depalpur No3</t>
  </si>
  <si>
    <t>GGPS KOT BHATTIAN</t>
  </si>
  <si>
    <t>Kot bhattian</t>
  </si>
  <si>
    <t>govt girls primary school kot  bhattian</t>
  </si>
  <si>
    <t>Mubarika</t>
  </si>
  <si>
    <t>GGPS KOT BHUTTA</t>
  </si>
  <si>
    <t>GGPS kot Bhutta</t>
  </si>
  <si>
    <t>kot bhutta post office eminabad</t>
  </si>
  <si>
    <t>Kot Bhutta</t>
  </si>
  <si>
    <t>CHIANWALI</t>
  </si>
  <si>
    <t>Nazia Kousar</t>
  </si>
  <si>
    <t>GGPS KOT BISMILLAH</t>
  </si>
  <si>
    <t>Mandi kangan pur Tehsil Chunian District Kasur</t>
  </si>
  <si>
    <t>Mc Kangan Pur</t>
  </si>
  <si>
    <t>Zahida  Siddiqa</t>
  </si>
  <si>
    <t>GGPS KOT BOORA</t>
  </si>
  <si>
    <t>Kot Boora</t>
  </si>
  <si>
    <t>mouza kot boora tehsil and district jhang</t>
  </si>
  <si>
    <t>GGPS KOT CHADU</t>
  </si>
  <si>
    <t>Kot Chaddu</t>
  </si>
  <si>
    <t>govt girls P/S Kot Chaddu ghuinki</t>
  </si>
  <si>
    <t>Akomahar</t>
  </si>
  <si>
    <t>GGPS KOT CHAND KHAN</t>
  </si>
  <si>
    <t>kot chand khan</t>
  </si>
  <si>
    <t>Kot Chand Khan</t>
  </si>
  <si>
    <t>Tayyaba Riaz</t>
  </si>
  <si>
    <t>GGPS KOT CHANDNA</t>
  </si>
  <si>
    <t>mohala nasar khel ggps kotchandna</t>
  </si>
  <si>
    <t>GGPS KOT CHANGIAN</t>
  </si>
  <si>
    <t>Fattoki</t>
  </si>
  <si>
    <t>Village Kot Changian PO Kangan Pur Tehsil Chunian District Kasur</t>
  </si>
  <si>
    <t>Kot Changian</t>
  </si>
  <si>
    <t>RASHDA HAFEEZ</t>
  </si>
  <si>
    <t>GGPS KOT CHOGHATA</t>
  </si>
  <si>
    <t>Kot Choghata</t>
  </si>
  <si>
    <t>kot choghata</t>
  </si>
  <si>
    <t>GGPS KOT DADAN</t>
  </si>
  <si>
    <t>Kot Dadan</t>
  </si>
  <si>
    <t>Basti kot Dadan post office wesanday wali dist m.garh</t>
  </si>
  <si>
    <t>GGPS KOT DAIM</t>
  </si>
  <si>
    <t>Kot Daim</t>
  </si>
  <si>
    <t>kot daim</t>
  </si>
  <si>
    <t>Khuttey Shah</t>
  </si>
  <si>
    <t>Sanawar Ranii</t>
  </si>
  <si>
    <t>GGPS KOT DARIA</t>
  </si>
  <si>
    <t>G.G.P.S Kot Darya basti baba ghareeb shah Rahim yar khan</t>
  </si>
  <si>
    <t>Nore Wali</t>
  </si>
  <si>
    <t>GGPS KOT DEHANI</t>
  </si>
  <si>
    <t>Kot Dehani</t>
  </si>
  <si>
    <t>Village: kot Dehani, P/O box: Gadyala Garbi , Teh: Sambrial, Dist: Sialkot</t>
  </si>
  <si>
    <t>KOT DEHANI</t>
  </si>
  <si>
    <t>Maryam Hameed</t>
  </si>
  <si>
    <t>GGPS KOT DEVA MAHAL</t>
  </si>
  <si>
    <t>Kot deva mal</t>
  </si>
  <si>
    <t>Orang Abad</t>
  </si>
  <si>
    <t>Ambreen Tahira</t>
  </si>
  <si>
    <t>GGPS KOT DEWAN</t>
  </si>
  <si>
    <t>p/o haveli bahadar shah moza kot dewan multan road jhang</t>
  </si>
  <si>
    <t>Kot Dawan</t>
  </si>
  <si>
    <t>GGPS KOT DEWAN, ABDUL HAKIM</t>
  </si>
  <si>
    <t>Kotdewan</t>
  </si>
  <si>
    <t>Kotdewan P/O Kot Islam Tehsil Kabirwala Dissit Khanewal</t>
  </si>
  <si>
    <t>Amna Akbar</t>
  </si>
  <si>
    <t>GGPS KOT DHALWAN WALA</t>
  </si>
  <si>
    <t>Dhilmanwala</t>
  </si>
  <si>
    <t>kot dhilmanwala p/o &amp; tehsil kot radha kishen distt kasur</t>
  </si>
  <si>
    <t>Hellarkey Pemar</t>
  </si>
  <si>
    <t>GGPS KOT DHAMIAK</t>
  </si>
  <si>
    <t>Dhamiak</t>
  </si>
  <si>
    <t>village and p/o kot dhamiak tehsil sohawa dist jhelum</t>
  </si>
  <si>
    <t>Kot Dhamiak</t>
  </si>
  <si>
    <t>GGPS KOT DHERMAY WALI</t>
  </si>
  <si>
    <t>kat Dharmay wali</t>
  </si>
  <si>
    <t>Govt,G/p School Kat Dharmay wali</t>
  </si>
  <si>
    <t>kot fateh Muhammad</t>
  </si>
  <si>
    <t>Laila Hoor</t>
  </si>
  <si>
    <t>GGPS KOT DIA RAM</t>
  </si>
  <si>
    <t>kot Diya ram</t>
  </si>
  <si>
    <t>Robina Rafique</t>
  </si>
  <si>
    <t>GGPS KOT DIAL WALI</t>
  </si>
  <si>
    <t>kamal pura</t>
  </si>
  <si>
    <t>kat dial wali</t>
  </si>
  <si>
    <t>dinan wala</t>
  </si>
  <si>
    <t>sumaira dilshad</t>
  </si>
  <si>
    <t>GGPS KOT DILAWAR</t>
  </si>
  <si>
    <t>Kotdilawar</t>
  </si>
  <si>
    <t>kotdilawar</t>
  </si>
  <si>
    <t>GGPS KOT DINA</t>
  </si>
  <si>
    <t>Kot Dina</t>
  </si>
  <si>
    <t>Village kot dina</t>
  </si>
  <si>
    <t>Humaira Arif</t>
  </si>
  <si>
    <t>GGPS KOT DOGRAN</t>
  </si>
  <si>
    <t>Kot Dograh</t>
  </si>
  <si>
    <t>g.g.p.school kot dograh kasur</t>
  </si>
  <si>
    <t>Kot Dograh Kasur</t>
  </si>
  <si>
    <t>Kotly Rai Abu Bakar</t>
  </si>
  <si>
    <t>GGPS KOT DOLA SINGH</t>
  </si>
  <si>
    <t>Kott Dulla Sing</t>
  </si>
  <si>
    <t>ggps kot Dolla sing PAttOki</t>
  </si>
  <si>
    <t>Naroki Mahja</t>
  </si>
  <si>
    <t>Sobia Khushi</t>
  </si>
  <si>
    <t>GGPS KOT DUNI CHAND, ABDUL HAKIM</t>
  </si>
  <si>
    <t>Kotwala</t>
  </si>
  <si>
    <t>kot Duni chand p/o kot wala tahsil Kabir Wala district khanewal</t>
  </si>
  <si>
    <t>Jhalar Madina</t>
  </si>
  <si>
    <t>Hussaina Abad Awal</t>
  </si>
  <si>
    <t>Aisha Tul Buqiya</t>
  </si>
  <si>
    <t>GGPS KOT FAQEERA</t>
  </si>
  <si>
    <t>Kot Faqeera</t>
  </si>
  <si>
    <t>ggps kot faqeera moza kot faqeera sadiqabad rahimyar khan</t>
  </si>
  <si>
    <t>Mohammadpur</t>
  </si>
  <si>
    <t>electric motor3</t>
  </si>
  <si>
    <t>GGPS KOT FATEH BAZ KHAN</t>
  </si>
  <si>
    <t>Kot Fateh Baz Khan</t>
  </si>
  <si>
    <t>Fatima Yaqoob</t>
  </si>
  <si>
    <t>GGPS KOT FATEH DIN</t>
  </si>
  <si>
    <t>Kot Fateh Din</t>
  </si>
  <si>
    <t>kot fateh deen</t>
  </si>
  <si>
    <t>Kot Fateh Deen</t>
  </si>
  <si>
    <t>Nafeesa Munawar</t>
  </si>
  <si>
    <t>GGPS KOT FAZAL DIN</t>
  </si>
  <si>
    <t>KOT FAZAL DIN</t>
  </si>
  <si>
    <t>KOT  FAZAL DIN</t>
  </si>
  <si>
    <t>HALLA</t>
  </si>
  <si>
    <t>GGPS KOT FAZAL PURA</t>
  </si>
  <si>
    <t>Kot Fazal Pura</t>
  </si>
  <si>
    <t>govt. girls p/s kot fazal pura</t>
  </si>
  <si>
    <t>Mudkey Dhariwal</t>
  </si>
  <si>
    <t>GGPS KOT FAZAL SHAH</t>
  </si>
  <si>
    <t>ggp/s kot fazal shah phool nahar</t>
  </si>
  <si>
    <t>Kot Fazal Shah Phool Nagar</t>
  </si>
  <si>
    <t>Noreen Madussar</t>
  </si>
  <si>
    <t>GGPS KOT FAZIL</t>
  </si>
  <si>
    <t>shafiqasahiba@gmail.com</t>
  </si>
  <si>
    <t>Arien  Colony</t>
  </si>
  <si>
    <t>Mc Sadiqabad A</t>
  </si>
  <si>
    <t>Mrs Shafiqa Kousar</t>
  </si>
  <si>
    <t>GGPS KOT FRID KHAN</t>
  </si>
  <si>
    <t>Habib Town</t>
  </si>
  <si>
    <t>NASEEM BIB</t>
  </si>
  <si>
    <t>GGPS KOT GAMMAN</t>
  </si>
  <si>
    <t>Kotgama</t>
  </si>
  <si>
    <t>GGPSKot gama</t>
  </si>
  <si>
    <t>Kot Gama</t>
  </si>
  <si>
    <t>Sandras</t>
  </si>
  <si>
    <t>Yasmeen Yaqoob</t>
  </si>
  <si>
    <t>GGPS KOT GHULAM QADIR</t>
  </si>
  <si>
    <t>kot Ghulam Qadir  P/O Luddan District Vehari</t>
  </si>
  <si>
    <t>GGPS KOT GHUMMAN</t>
  </si>
  <si>
    <t>village kot ghuman post office giddian district &amp; tehsil narrowal</t>
  </si>
  <si>
    <t>Kot Ghumab</t>
  </si>
  <si>
    <t>Samra Rani</t>
  </si>
  <si>
    <t>GGPS KOT GOHAR MUHAMMAD, SARAI SIDHU</t>
  </si>
  <si>
    <t>mouza kot gohar Mohammad</t>
  </si>
  <si>
    <t>Shakila Salim</t>
  </si>
  <si>
    <t>GGPS KOT GOINDKAY</t>
  </si>
  <si>
    <t>Kot Goindke</t>
  </si>
  <si>
    <t>kot goindke daska sialkot</t>
  </si>
  <si>
    <t>Misbah Rani</t>
  </si>
  <si>
    <t>GGPS KOT GONDAL</t>
  </si>
  <si>
    <t>Kot Gondal</t>
  </si>
  <si>
    <t>kot gondal p o ghatalian teh pasrur dist sialkot</t>
  </si>
  <si>
    <t>Noreen Aslam</t>
  </si>
  <si>
    <t>GGPS KOT GUHINYA MOUZA</t>
  </si>
  <si>
    <t>Kot Ghunya</t>
  </si>
  <si>
    <t>moza kot ghunya basti shah muhammad chak 94 np.tehsil khanpur</t>
  </si>
  <si>
    <t>Basti Shah Muhammad</t>
  </si>
  <si>
    <t>Chak 94 NP</t>
  </si>
  <si>
    <t>GGPS KOT GUL</t>
  </si>
  <si>
    <t>Kot Gul</t>
  </si>
  <si>
    <t>GGPS KOT HABIB SHAH NO.1</t>
  </si>
  <si>
    <t>Basti moza kot habib shah rahim yar khan</t>
  </si>
  <si>
    <t>GGPS KOT HADAYAT LUNDIANWALA</t>
  </si>
  <si>
    <t>Kot Hadayat</t>
  </si>
  <si>
    <t>651/1</t>
  </si>
  <si>
    <t>Umm-e-Habiba</t>
  </si>
  <si>
    <t>GGPS KOT HAJI BAGRA</t>
  </si>
  <si>
    <t>kot haji bagra</t>
  </si>
  <si>
    <t>ggps kot haji bagra</t>
  </si>
  <si>
    <t>GGPS KOT HAJI KARAM DIN</t>
  </si>
  <si>
    <t>Gumb</t>
  </si>
  <si>
    <t>ggps kot hajhi karam din near gumb</t>
  </si>
  <si>
    <t>Kot Haji Karam Din</t>
  </si>
  <si>
    <t>Mulapur</t>
  </si>
  <si>
    <t>Farzana gulam Nabi</t>
  </si>
  <si>
    <t>GGPS KOT HAJI NAWAB 50/12-L</t>
  </si>
  <si>
    <t>50/12l Kot Nawab</t>
  </si>
  <si>
    <t>Basti Kot Nawab 50/12.L Pull</t>
  </si>
  <si>
    <t>Naveed Kousar</t>
  </si>
  <si>
    <t>GGPS KOT HAKIM KHAN</t>
  </si>
  <si>
    <t>Kot Hakim Khan  Noon</t>
  </si>
  <si>
    <t>govt girls primary school kot hakam khan noon village kot hakam khan noon  teh bhera district sargodha</t>
  </si>
  <si>
    <t>Kot Hakam Khan Noon</t>
  </si>
  <si>
    <t>GGPS KOT HAMRAJ</t>
  </si>
  <si>
    <t>Kot Hamraj</t>
  </si>
  <si>
    <t>H.#_ 2351 Firdous Street Near Jamit ul Qurash Qasim Road Bahawalnagar.</t>
  </si>
  <si>
    <t>Adda Nehar Gajyani</t>
  </si>
  <si>
    <t>GGPS KOT HASHMAT</t>
  </si>
  <si>
    <t>kot hashmat</t>
  </si>
  <si>
    <t>kot hashmat hafizabad</t>
  </si>
  <si>
    <t>ram kor</t>
  </si>
  <si>
    <t>Rehana Akhtar</t>
  </si>
  <si>
    <t>GGPS KOT HASSAN MOHAMMAD</t>
  </si>
  <si>
    <t>Kot Hassan Muhammad</t>
  </si>
  <si>
    <t>kot hassan Muhammad post office kujar farooq abad sheikhupura</t>
  </si>
  <si>
    <t>Nokher No</t>
  </si>
  <si>
    <t>Jawaria Riaz</t>
  </si>
  <si>
    <t>GGPS KOT HAYAT</t>
  </si>
  <si>
    <t>KOT HAYAT</t>
  </si>
  <si>
    <t>KOT HAYAT P.O BEGOWALA TEHSIL SAMBRIAL DISTT SIALKOT</t>
  </si>
  <si>
    <t>KOPRA</t>
  </si>
  <si>
    <t>BUSHRA AKARAM</t>
  </si>
  <si>
    <t>GGPS KOT HAYAT KHAN</t>
  </si>
  <si>
    <t>Kot Hayat Khan</t>
  </si>
  <si>
    <t>kot hayat Khan</t>
  </si>
  <si>
    <t>Jhandia Wali</t>
  </si>
  <si>
    <t>Anam Tariq</t>
  </si>
  <si>
    <t>GGPS KOT HEERA SINGH</t>
  </si>
  <si>
    <t>chak shaffi kot heera sing arifwala</t>
  </si>
  <si>
    <t>Kot Heera Sing</t>
  </si>
  <si>
    <t>NAJMA SIDDIQUE</t>
  </si>
  <si>
    <t>GGPS KOT HIDAYAT</t>
  </si>
  <si>
    <t>Kot Hidayat</t>
  </si>
  <si>
    <t>kot hidayat post office 10/63 disst. nankana sahib</t>
  </si>
  <si>
    <t>Adeela Nosheen</t>
  </si>
  <si>
    <t>GGPS KOT HUKAM SINGH</t>
  </si>
  <si>
    <t>Village Kot Hukam Singh post office malka hans</t>
  </si>
  <si>
    <t>Sandhey khan</t>
  </si>
  <si>
    <t>Ambreen Naz</t>
  </si>
  <si>
    <t>GGPS KOT HUSSAIN</t>
  </si>
  <si>
    <t>district  hafizabad tehsil pindi bhattian thathi asaish kot hussain</t>
  </si>
  <si>
    <t>Khuram Chourera</t>
  </si>
  <si>
    <t>GGPS KOT HUSSAIN KHAN</t>
  </si>
  <si>
    <t>GGPS KOT ILAM DIN SHAHDARA</t>
  </si>
  <si>
    <t>Dande wadan Tibba kot haji ilam din</t>
  </si>
  <si>
    <t>Kot Ilam Din</t>
  </si>
  <si>
    <t>Raheela Noureen</t>
  </si>
  <si>
    <t>GGPS KOT IQBAL HUSSAIN</t>
  </si>
  <si>
    <t>ladi</t>
  </si>
  <si>
    <t>kot iiqbal hussain</t>
  </si>
  <si>
    <t>kot iqbal hussain</t>
  </si>
  <si>
    <t>saresar hithar</t>
  </si>
  <si>
    <t>shazia perveen</t>
  </si>
  <si>
    <t>GGPS KOT ISMAIL</t>
  </si>
  <si>
    <t>kot ismail Tehsil Lalian District . chiniot</t>
  </si>
  <si>
    <t>Kot ismail</t>
  </si>
  <si>
    <t>kanwainwala</t>
  </si>
  <si>
    <t>Tayyaba Maqbool</t>
  </si>
  <si>
    <t>GGPS KOT IZAT</t>
  </si>
  <si>
    <t>Kot Izzat</t>
  </si>
  <si>
    <t>GGPS KOT IZZAT</t>
  </si>
  <si>
    <t>Najma Islam</t>
  </si>
  <si>
    <t>GGPS KOT JAFAR</t>
  </si>
  <si>
    <t>Kot Jafar</t>
  </si>
  <si>
    <t>GGPS KOT JAFAR POST OFFICE KADHAR TEHSIL AND DISTRICT M.B.DIN</t>
  </si>
  <si>
    <t>Kot jafar</t>
  </si>
  <si>
    <t>Makkywal</t>
  </si>
  <si>
    <t>Syeda Humera Qalib</t>
  </si>
  <si>
    <t>GGPS KOT JAHAN KHAN</t>
  </si>
  <si>
    <t>Kot Jehan Khan</t>
  </si>
  <si>
    <t>kot jehan khan</t>
  </si>
  <si>
    <t>Nabeela Kausar</t>
  </si>
  <si>
    <t>GGPS KOT JALAL DIN</t>
  </si>
  <si>
    <t>kot jalal din near village sahd</t>
  </si>
  <si>
    <t>Kotli Rae Abu Bakar</t>
  </si>
  <si>
    <t>Fazeelat Ishaq</t>
  </si>
  <si>
    <t>GGPS KOT JALAL DIN NO.2</t>
  </si>
  <si>
    <t>Kot jalal Din</t>
  </si>
  <si>
    <t>kot jalal din</t>
  </si>
  <si>
    <t>GGPS KOT JALIAN</t>
  </si>
  <si>
    <t>Nawalok</t>
  </si>
  <si>
    <t>kot jalain .m.b.din</t>
  </si>
  <si>
    <t>Kot Jalian</t>
  </si>
  <si>
    <t>Pinidi Bahuuddin</t>
  </si>
  <si>
    <t>Dur e Shehwar Naqvi</t>
  </si>
  <si>
    <t>GGPS KOT JAN BUX</t>
  </si>
  <si>
    <t>Lot Jan Bakhs</t>
  </si>
  <si>
    <t>ggps lot Japan bakhas</t>
  </si>
  <si>
    <t>Kot Jan Bakhas</t>
  </si>
  <si>
    <t>Munawar Sultsna</t>
  </si>
  <si>
    <t>GGPS KOT JAN MUHAMMAD</t>
  </si>
  <si>
    <t>Kot Jan Muhammad</t>
  </si>
  <si>
    <t>kot jan muhammad</t>
  </si>
  <si>
    <t>Kot Akbarabad</t>
  </si>
  <si>
    <t>Majida Hussain</t>
  </si>
  <si>
    <t>GGPS KOT JANDU</t>
  </si>
  <si>
    <t>Kot Jandu</t>
  </si>
  <si>
    <t>kot jandu</t>
  </si>
  <si>
    <t>Babanwala</t>
  </si>
  <si>
    <t>Raheela Bushra</t>
  </si>
  <si>
    <t>GGPS KOT JEWAN SINGH</t>
  </si>
  <si>
    <t>Kharainwala</t>
  </si>
  <si>
    <t>ko jewan singh p/ o kharainwala  sheikhupura</t>
  </si>
  <si>
    <t>Kot Jewan Singh</t>
  </si>
  <si>
    <t>Ruqya Parveen</t>
  </si>
  <si>
    <t>GGPS KOT JUGJEET SINGH</t>
  </si>
  <si>
    <t>Kot  Jugjeet Singh Manawala</t>
  </si>
  <si>
    <t>Kot Jugjeet Singh Mananwala</t>
  </si>
  <si>
    <t>Kot Jugjeet  Singh</t>
  </si>
  <si>
    <t>Kirpal Singh</t>
  </si>
  <si>
    <t>GGPS KOT KABIR</t>
  </si>
  <si>
    <t>Ggps kot kabir</t>
  </si>
  <si>
    <t>Shakeela Zafar</t>
  </si>
  <si>
    <t>GGPS KOT KAHLWAN</t>
  </si>
  <si>
    <t>Kot Kahlwan</t>
  </si>
  <si>
    <t>village kot kahlwan Post office Khanki Head Teh: Wazirabad Distt: Gujranwala</t>
  </si>
  <si>
    <t>Madiha Naz</t>
  </si>
  <si>
    <t>GGPS KOT KALAL</t>
  </si>
  <si>
    <t>Kot Kalal</t>
  </si>
  <si>
    <t>Village Jhans Teh. Pasrur Distt. Sialkot</t>
  </si>
  <si>
    <t>GGPS KOT KAMBOWAN</t>
  </si>
  <si>
    <t>Kot Kambowan</t>
  </si>
  <si>
    <t>GGPS kot Kambowan</t>
  </si>
  <si>
    <t>Pakhoki</t>
  </si>
  <si>
    <t>GGPS KOT KARIM KHAN</t>
  </si>
  <si>
    <t>Kot Karim Khan</t>
  </si>
  <si>
    <t>rao khan wala near railway station.</t>
  </si>
  <si>
    <t>Aysha Tahir</t>
  </si>
  <si>
    <t>GGPS KOT KARM CHAND</t>
  </si>
  <si>
    <t>KOT KARAM CHAND</t>
  </si>
  <si>
    <t>GGPS KOT KARAM CHAND</t>
  </si>
  <si>
    <t>EMINABAD</t>
  </si>
  <si>
    <t>AYESHA JAVED</t>
  </si>
  <si>
    <t>GGPS KOT KHADIM ALI</t>
  </si>
  <si>
    <t>gg p/s kot khadam ali</t>
  </si>
  <si>
    <t>GGPS KOT KHAIRA</t>
  </si>
  <si>
    <t>Kot Khaira, 12-km Bhakkar road, Jhang</t>
  </si>
  <si>
    <t>Nadia Munawar</t>
  </si>
  <si>
    <t>GGPS KOT KHALIFA</t>
  </si>
  <si>
    <t>Kotkhalifa</t>
  </si>
  <si>
    <t>MozaKotKhalifaNearAddaKotKhalifa</t>
  </si>
  <si>
    <t>Shabana Kiran</t>
  </si>
  <si>
    <t>GGPS KOT KHARAK SINGH</t>
  </si>
  <si>
    <t>Kot Kharak Sing</t>
  </si>
  <si>
    <t>GGPS kot harak sing</t>
  </si>
  <si>
    <t>Phool Nagar Urban</t>
  </si>
  <si>
    <t>Munawar Begum</t>
  </si>
  <si>
    <t>GGPS KOT KHARIAN WALA</t>
  </si>
  <si>
    <t>Kot Kharian wala</t>
  </si>
  <si>
    <t>GGPS Kot Kharian Wala.Bhagiana Khurd</t>
  </si>
  <si>
    <t>Kot Kharian Wala</t>
  </si>
  <si>
    <t>Tabinda Fatima</t>
  </si>
  <si>
    <t>GGPS KOT KHEWAN MAL NO.2</t>
  </si>
  <si>
    <t>Kot Khewan Mall No 2</t>
  </si>
  <si>
    <t>kot khewan mall</t>
  </si>
  <si>
    <t>Kot Khewan Mall</t>
  </si>
  <si>
    <t>GGPS KOT KHIZRI</t>
  </si>
  <si>
    <t>kot khizri,wazirabad</t>
  </si>
  <si>
    <t>Kot Khizri</t>
  </si>
  <si>
    <t>Manzorabad</t>
  </si>
  <si>
    <t>Razia Shafique</t>
  </si>
  <si>
    <t>GGPS KOT KHUDA BAKHSH</t>
  </si>
  <si>
    <t>Kot Khuda  Bakhsh</t>
  </si>
  <si>
    <t>kot huda bakhsh</t>
  </si>
  <si>
    <t>Kot Khuda Bakhsh</t>
  </si>
  <si>
    <t>GGPS KOT KHUSHAL</t>
  </si>
  <si>
    <t>GGPS KOT KHUSHHAL SINGH</t>
  </si>
  <si>
    <t>Khushal Sing</t>
  </si>
  <si>
    <t>ggps kot khushal singh</t>
  </si>
  <si>
    <t>Sumaira Aslam</t>
  </si>
  <si>
    <t>GGPS KOT KIRPA RAM</t>
  </si>
  <si>
    <t>Kot Kirpa Ram</t>
  </si>
  <si>
    <t>kot kirrpa raam po kotli nawab kamoke Gujranwala</t>
  </si>
  <si>
    <t>Koti Nawab</t>
  </si>
  <si>
    <t>Fariha Shafqat</t>
  </si>
  <si>
    <t>GGPS KOT KUBA</t>
  </si>
  <si>
    <t>kot kuba pasrur</t>
  </si>
  <si>
    <t>Pasrur City</t>
  </si>
  <si>
    <t>Pasrur-I</t>
  </si>
  <si>
    <t>GGPS KOT LADHA</t>
  </si>
  <si>
    <t>Village Kot Ladha P. O Kot jafar  tehsil wazirabad district gujranwala</t>
  </si>
  <si>
    <t>Nazima Naz Bukhari</t>
  </si>
  <si>
    <t>GGPS KOT LASHMAN SINGH</t>
  </si>
  <si>
    <t>GGPS kot luchman singh Post office JDW Sadiqabad</t>
  </si>
  <si>
    <t>Kot Luchman Singh</t>
  </si>
  <si>
    <t>Firdous Akhtar</t>
  </si>
  <si>
    <t>GGPS KOT MAHRAJ</t>
  </si>
  <si>
    <t>Kot Mahraj</t>
  </si>
  <si>
    <t>post office humboke tehsil sambrial district Sialkot</t>
  </si>
  <si>
    <t>GGPS KOT MALDEV</t>
  </si>
  <si>
    <t>Kot Maldave</t>
  </si>
  <si>
    <t>G.G.P.S KOTMALDAVE</t>
  </si>
  <si>
    <t>ABIDA SAFDAR</t>
  </si>
  <si>
    <t>GGPS KOT MALIAR</t>
  </si>
  <si>
    <t>GGPS Kot Milyar PO khaur</t>
  </si>
  <si>
    <t>GGPS KOT MALLA SINGH</t>
  </si>
  <si>
    <t>Kot Malla Singh</t>
  </si>
  <si>
    <t>kot Malla Singh p/o khudian khas teh. and distt. kasur</t>
  </si>
  <si>
    <t>Maralli Hittar</t>
  </si>
  <si>
    <t>GGPS KOT MAN SINGG</t>
  </si>
  <si>
    <t>Kot Man Singh</t>
  </si>
  <si>
    <t>Chak Kot Man Singh</t>
  </si>
  <si>
    <t>GGPS KOT MANGA</t>
  </si>
  <si>
    <t>Kot Manga</t>
  </si>
  <si>
    <t>GGPS kot manga</t>
  </si>
  <si>
    <t>Mundaki</t>
  </si>
  <si>
    <t>Naida Shafiq</t>
  </si>
  <si>
    <t>GGPS KOT MANGU</t>
  </si>
  <si>
    <t>Kot Mangu</t>
  </si>
  <si>
    <t>kot mangu post office dinga</t>
  </si>
  <si>
    <t>Ambreen</t>
  </si>
  <si>
    <t>GGPS KOT MAPAL BHANGOO</t>
  </si>
  <si>
    <t>kotmapal bhangoo</t>
  </si>
  <si>
    <t>Aneela Ismail</t>
  </si>
  <si>
    <t>GGPS KOT MAQBOOL AHMAD</t>
  </si>
  <si>
    <t>Kot Maqbool Ahmad</t>
  </si>
  <si>
    <t>Kot Maqbool Ahmad teh chunian dist kasur</t>
  </si>
  <si>
    <t>GGPS KOT MASTA</t>
  </si>
  <si>
    <t>Kotmasta</t>
  </si>
  <si>
    <t>kOTMASTA TEH DASKA DISTT SIALKOT</t>
  </si>
  <si>
    <t>GGPS KOT MEHWAT KHAN</t>
  </si>
  <si>
    <t>Kanwein Malian</t>
  </si>
  <si>
    <t>kot mehwat khan kanwein malian</t>
  </si>
  <si>
    <t>Kot Mehwat Khan</t>
  </si>
  <si>
    <t>Sajidah Abdul Qadir</t>
  </si>
  <si>
    <t>GGPS KOT MIR HUSSAIN</t>
  </si>
  <si>
    <t>village kot amir hussain via jpj</t>
  </si>
  <si>
    <t>Autsha Safder</t>
  </si>
  <si>
    <t>GGPS KOT MIRZA</t>
  </si>
  <si>
    <t>Kot Mirza</t>
  </si>
  <si>
    <t>govt. girls primary school kot Mirza.</t>
  </si>
  <si>
    <t>GGPS KOT MIRZA JHAN</t>
  </si>
  <si>
    <t>Kot mirza Jan</t>
  </si>
  <si>
    <t>p.o.kotli nawab village kot mirza jan tehsil kamoke district gujranwala</t>
  </si>
  <si>
    <t>IRSHAD BEGUM</t>
  </si>
  <si>
    <t>GGPS KOT MITLA</t>
  </si>
  <si>
    <t>murali wala</t>
  </si>
  <si>
    <t>kot  maitla p/o muraliwala teh and distt. gujranwala</t>
  </si>
  <si>
    <t>kot maitla</t>
  </si>
  <si>
    <t>China Wali</t>
  </si>
  <si>
    <t>Faiza Arif</t>
  </si>
  <si>
    <t>GGPS KOT MOHAMMAD HUSSAIN.</t>
  </si>
  <si>
    <t>Kot  Muhammad  Husain</t>
  </si>
  <si>
    <t>GGPS Kot Muhammad Husain</t>
  </si>
  <si>
    <t>Kot Muhammad Husain</t>
  </si>
  <si>
    <t>Audoray</t>
  </si>
  <si>
    <t>GGPS KOT MOHAY-UD- DIN</t>
  </si>
  <si>
    <t>Kot Mohy Ud Din</t>
  </si>
  <si>
    <t>Basti kot Mohy ud Din</t>
  </si>
  <si>
    <t>Chak Kodiana</t>
  </si>
  <si>
    <t>Shiekh Johar</t>
  </si>
  <si>
    <t>Aasiya Noreen</t>
  </si>
  <si>
    <t>GGPS KOT MOKHAL</t>
  </si>
  <si>
    <t>Kot Mokhal</t>
  </si>
  <si>
    <t>kot mokhal PO satrah tehsil daska, district Sialkot</t>
  </si>
  <si>
    <t>Shahida Asif</t>
  </si>
  <si>
    <t>GGPS KOT MORA 109-NB</t>
  </si>
  <si>
    <t>109 Nb Ktot  mora</t>
  </si>
  <si>
    <t>chak 109 nb ktot mora</t>
  </si>
  <si>
    <t>109 Nb Kot Mora</t>
  </si>
  <si>
    <t>103 Nb</t>
  </si>
  <si>
    <t>Waheeda Bibi</t>
  </si>
  <si>
    <t>GGPS KOT MOTA SINGH</t>
  </si>
  <si>
    <t>Kot Mota Singh</t>
  </si>
  <si>
    <t>Kot Mota Singh p/o Khudian Khas tehs&amp;district Kasur</t>
  </si>
  <si>
    <t>Aneeqa Iqbal</t>
  </si>
  <si>
    <t>GGPS KOT MUHAMMAD ALI</t>
  </si>
  <si>
    <t>Kot Muhammad Ali</t>
  </si>
  <si>
    <t>kot sardar Muhammad ali</t>
  </si>
  <si>
    <t>Kot Sardar Muhammad Ali</t>
  </si>
  <si>
    <t>Sajida Younas</t>
  </si>
  <si>
    <t>GGPS KOT MUHAMMAD HUSSAIN (HUJRA)</t>
  </si>
  <si>
    <t>Mohallah Kot Mohammad Hussain</t>
  </si>
  <si>
    <t>Samina Sarwat</t>
  </si>
  <si>
    <t>GGPS KOT MUHAMMAD KHAN</t>
  </si>
  <si>
    <t>Kot Muhammad Khan</t>
  </si>
  <si>
    <t>Ggps kot muhammad khan markz mitranwali</t>
  </si>
  <si>
    <t>Kot Muhammad khan</t>
  </si>
  <si>
    <t>Gulnaz Hameed</t>
  </si>
  <si>
    <t>GGPS KOT MUHAMMAD SADIQ</t>
  </si>
  <si>
    <t>Gunjan Dhadi</t>
  </si>
  <si>
    <t>Fazila Mahmood</t>
  </si>
  <si>
    <t>GGPS KOT MURAD</t>
  </si>
  <si>
    <t>GGPS KOT NABI SHAH</t>
  </si>
  <si>
    <t>Kot Nabi Shah</t>
  </si>
  <si>
    <t>village kot nabi shah p.o.b gujan</t>
  </si>
  <si>
    <t>Kot nabi shah</t>
  </si>
  <si>
    <t>Muqaddas Naheed</t>
  </si>
  <si>
    <t>GGPS KOT NADEEM</t>
  </si>
  <si>
    <t>Kot Nadeem</t>
  </si>
  <si>
    <t>GGPS KOT NAHAL TEH NANKANA</t>
  </si>
  <si>
    <t>Kot Nahal</t>
  </si>
  <si>
    <t>kot nahal</t>
  </si>
  <si>
    <t>Mira Pur</t>
  </si>
  <si>
    <t>tasleem akhter</t>
  </si>
  <si>
    <t>GGPS KOT NAJA</t>
  </si>
  <si>
    <t>Kot Naja</t>
  </si>
  <si>
    <t>GMPS KOT Naja Teh KOT MOMAN District sargodha</t>
  </si>
  <si>
    <t>Naghma Shaheen</t>
  </si>
  <si>
    <t>motor pump hand pump both</t>
  </si>
  <si>
    <t>GGPS KOT NANAK SINGH</t>
  </si>
  <si>
    <t>kot nanak singh</t>
  </si>
  <si>
    <t>kot nank singh</t>
  </si>
  <si>
    <t>jamber kalan</t>
  </si>
  <si>
    <t>GGPS KOT NASIR KHAN</t>
  </si>
  <si>
    <t>Kot Nasir Khan</t>
  </si>
  <si>
    <t>kot nasir khan kot radha kishan disst kasur</t>
  </si>
  <si>
    <t>Pemaar Otaar</t>
  </si>
  <si>
    <t>Lubna Anwar</t>
  </si>
  <si>
    <t>GGPS KOT NAWAB KHAN</t>
  </si>
  <si>
    <t>Kot Nawab Khan</t>
  </si>
  <si>
    <t>kot Nawab Khan tehsil and district Attock</t>
  </si>
  <si>
    <t>Surag Salar</t>
  </si>
  <si>
    <t>Najam-us-sahar</t>
  </si>
  <si>
    <t>GGPS KOT NEHAL SINGH</t>
  </si>
  <si>
    <t>KOT NEHAL SINGH</t>
  </si>
  <si>
    <t>KOT NEHAL SINGH, DISTRICT NANKANA SAHIB</t>
  </si>
  <si>
    <t>BUCHEKI</t>
  </si>
  <si>
    <t>Rehana Afzal Rana</t>
  </si>
  <si>
    <t>GGPS KOT NIJABAT</t>
  </si>
  <si>
    <t>Kot Nijabat</t>
  </si>
  <si>
    <t>Moza kot Nijabat</t>
  </si>
  <si>
    <t>MC BHOWANA</t>
  </si>
  <si>
    <t>GGPS KOT NIJABAT KHAN</t>
  </si>
  <si>
    <t>GGPS kotnijabat</t>
  </si>
  <si>
    <t>Rasul Pur Chak No 82</t>
  </si>
  <si>
    <t>GhazalaJamil</t>
  </si>
  <si>
    <t>GGPS KOT NIZAM</t>
  </si>
  <si>
    <t>Kot Nizam</t>
  </si>
  <si>
    <t>Village Kot Nizam Teh Pindi Bhattian</t>
  </si>
  <si>
    <t>Najma Akram</t>
  </si>
  <si>
    <t>GGPS KOT NODAN</t>
  </si>
  <si>
    <t>GGPS KOT NADHAN PO BOX NOKAR TEH NOSHARA VIRKAN</t>
  </si>
  <si>
    <t>KOT NADHAN</t>
  </si>
  <si>
    <t>GGPS KOT PATHAAN</t>
  </si>
  <si>
    <t>basti kot pathan</t>
  </si>
  <si>
    <t>Kot Pathan</t>
  </si>
  <si>
    <t>Iffat Naz</t>
  </si>
  <si>
    <t>GGPS KOT PEHLWAN</t>
  </si>
  <si>
    <t>Azmat Jahan</t>
  </si>
  <si>
    <t>GGPS KOT PHAPHRA</t>
  </si>
  <si>
    <t>KOT PHAPHRA</t>
  </si>
  <si>
    <t>KOT PHAPHRA  P.D. KHAN  JHELUM</t>
  </si>
  <si>
    <t>HARAN PUR</t>
  </si>
  <si>
    <t>GGPS KOT PINDI WALA</t>
  </si>
  <si>
    <t>Kot Pindi Wala</t>
  </si>
  <si>
    <t>GGPS kot pindi wala teh.phalia district m.b.din</t>
  </si>
  <si>
    <t>Dhunni Kalan</t>
  </si>
  <si>
    <t>Fozia Kokab</t>
  </si>
  <si>
    <t>GGPS KOT PIR SHAH</t>
  </si>
  <si>
    <t>Kot Pir Shah</t>
  </si>
  <si>
    <t>kot pir shah po propi nagra Tehsil daska district sialkot</t>
  </si>
  <si>
    <t>Aqsa Naqvi</t>
  </si>
  <si>
    <t>GGPS KOT PIRO WALA</t>
  </si>
  <si>
    <t>Kot Pirowala</t>
  </si>
  <si>
    <t>VPO Kot Pirowala Tehsil PD khan Dist Jhelum</t>
  </si>
  <si>
    <t>Haran Pur</t>
  </si>
  <si>
    <t>Nida Khan</t>
  </si>
  <si>
    <t>GGPS KOT PRAACHA</t>
  </si>
  <si>
    <t>Kot Paracha</t>
  </si>
  <si>
    <t>ggps kot paracha</t>
  </si>
  <si>
    <t>GGPS KOT QAISRANI NO. 4</t>
  </si>
  <si>
    <t>PS kot qaisrani</t>
  </si>
  <si>
    <t>GGPS KOT QAISRANI NO.1</t>
  </si>
  <si>
    <t>kot Qaisrani</t>
  </si>
  <si>
    <t>Kot Qaistani</t>
  </si>
  <si>
    <t>GGPS KOT QASIM</t>
  </si>
  <si>
    <t>Kot Qasim</t>
  </si>
  <si>
    <t>kot qasim t/d hafizabad</t>
  </si>
  <si>
    <t>GGPS KOT QAZI</t>
  </si>
  <si>
    <t>kotqazi</t>
  </si>
  <si>
    <t>Kotlimahtam</t>
  </si>
  <si>
    <t>GGPS KOT RAI AMEER ALI</t>
  </si>
  <si>
    <t>Kot Rai Ameer Ali</t>
  </si>
  <si>
    <t>GGPS Kot Rai  Ameer Ali</t>
  </si>
  <si>
    <t>Yasmeen Bano</t>
  </si>
  <si>
    <t>GGPS KOT RANA</t>
  </si>
  <si>
    <t>Kot Rana</t>
  </si>
  <si>
    <t>Kot Rana markaz mandifaizabad</t>
  </si>
  <si>
    <t>Neelam Shahzadi</t>
  </si>
  <si>
    <t>GGPS KOT RANDAHWA</t>
  </si>
  <si>
    <t>Kot Randhawa</t>
  </si>
  <si>
    <t>village kot randhawa p/o Chak Sada teh&amp;dist gujrat</t>
  </si>
  <si>
    <t>Farhat Zaman</t>
  </si>
  <si>
    <t>GGPS KOT RANJAH</t>
  </si>
  <si>
    <t>p.o.khas , village kot ranjha</t>
  </si>
  <si>
    <t>Tayyaba Asif</t>
  </si>
  <si>
    <t>GGPS KOT REHAM SHAH</t>
  </si>
  <si>
    <t>Kot Rehm Shah</t>
  </si>
  <si>
    <t>kot reham shah ,uc raika teh phalia m.b.din</t>
  </si>
  <si>
    <t>Kot Rhm Shah</t>
  </si>
  <si>
    <t>Farhat Rubina</t>
  </si>
  <si>
    <t>GGPS KOT REHAR</t>
  </si>
  <si>
    <t>GGPS kot rehar</t>
  </si>
  <si>
    <t>Syeda Rubab Zahira</t>
  </si>
  <si>
    <t>GGPS KOT REHMAT</t>
  </si>
  <si>
    <t>More Khunda</t>
  </si>
  <si>
    <t>kot rehmat headbalo ki more hunda</t>
  </si>
  <si>
    <t>Kot Remhmat</t>
  </si>
  <si>
    <t>Morra</t>
  </si>
  <si>
    <t>Sadia Liaquat</t>
  </si>
  <si>
    <t>GGPS KOT RUSTAM</t>
  </si>
  <si>
    <t>Kot Rustam</t>
  </si>
  <si>
    <t>mouza kot rustam</t>
  </si>
  <si>
    <t>Naureen Talat</t>
  </si>
  <si>
    <t>GGPS KOT SABZAL</t>
  </si>
  <si>
    <t>Kot Subzal</t>
  </si>
  <si>
    <t>govt.girls p/s arain colony ada no.1 kot subzal</t>
  </si>
  <si>
    <t>Mohaib Shah</t>
  </si>
  <si>
    <t>Najma Tahira</t>
  </si>
  <si>
    <t>GGPS KOT SADA</t>
  </si>
  <si>
    <t>mitranwali</t>
  </si>
  <si>
    <t>GGPS KOT SADHURAM</t>
  </si>
  <si>
    <t>Kot Sadhuram</t>
  </si>
  <si>
    <t>village kot sadhurm nankana sahib</t>
  </si>
  <si>
    <t>GGPS KOT SAHIB DIN</t>
  </si>
  <si>
    <t>kacha shahi road basti adam sahaba</t>
  </si>
  <si>
    <t>AdamSahaba</t>
  </si>
  <si>
    <t>GGPS KOT SALABAT</t>
  </si>
  <si>
    <t>Kot Salabat</t>
  </si>
  <si>
    <t>kot salabat</t>
  </si>
  <si>
    <t>Kot Slabat</t>
  </si>
  <si>
    <t>Tehreen Bibi</t>
  </si>
  <si>
    <t>GGPS KOT SALEEM</t>
  </si>
  <si>
    <t>Kot Saleem</t>
  </si>
  <si>
    <t>G.GP/S kot saleem</t>
  </si>
  <si>
    <t>Muraday Kla</t>
  </si>
  <si>
    <t>Shahzadi  Ghuzala  Iram</t>
  </si>
  <si>
    <t>GGPS KOT SALEEM HAIDER</t>
  </si>
  <si>
    <t>kot saleem haider</t>
  </si>
  <si>
    <t>Kot Saleem Haider</t>
  </si>
  <si>
    <t>Nusrat Rani</t>
  </si>
  <si>
    <t>GGPS KOT SANDA</t>
  </si>
  <si>
    <t>Kot Sanda</t>
  </si>
  <si>
    <t>kot sanda p/o kunjah T/D gujrat</t>
  </si>
  <si>
    <t>Mariam Kousar</t>
  </si>
  <si>
    <t>GGPS KOT SANJAR JADEED</t>
  </si>
  <si>
    <t>Basti Nihaal Khan mouza kandair Sanjar pur  Sadiq Abad.</t>
  </si>
  <si>
    <t>Basti Nihaal Khan</t>
  </si>
  <si>
    <t>Kot SanjarKhan</t>
  </si>
  <si>
    <t>GGPS KOT SANJAR KHAN QADEEM</t>
  </si>
  <si>
    <t>kot sanjar khan tehsil sadiqabad distt.  rahim yar khan</t>
  </si>
  <si>
    <t>Iqra Kainat</t>
  </si>
  <si>
    <t>GGPS KOT SAR FARAZ, CHAKWAL</t>
  </si>
  <si>
    <t>GGPS Kot Sarfraz Khan Chakwal</t>
  </si>
  <si>
    <t>Mumtaz Bano</t>
  </si>
  <si>
    <t>GGPS KOT SARDAR HAKIM ALI</t>
  </si>
  <si>
    <t>Haveli Ghosi khan</t>
  </si>
  <si>
    <t>haveli ghosi khan</t>
  </si>
  <si>
    <t>Kot Sardar Hakim Ali</t>
  </si>
  <si>
    <t>Nusrat Imam Din</t>
  </si>
  <si>
    <t>GGPS KOT SARDAR KAHAN SING</t>
  </si>
  <si>
    <t>gs kot sardar kahan singh</t>
  </si>
  <si>
    <t>Kot Sardar Kahan Singg</t>
  </si>
  <si>
    <t>Akbarabad Kot Sardar Kahan Singh</t>
  </si>
  <si>
    <t>Nazia jaffar</t>
  </si>
  <si>
    <t>GGPS KOT SARDAR LASHKAR</t>
  </si>
  <si>
    <t>kot Lashkar Ali</t>
  </si>
  <si>
    <t>govt girls primary school kot lashkar ali</t>
  </si>
  <si>
    <t>Jamshair Khurd</t>
  </si>
  <si>
    <t>GGPS KOT SARDAR MUHAMMAD HUSSAIN</t>
  </si>
  <si>
    <t>fareehazafar99@gmail.com</t>
  </si>
  <si>
    <t>Shazia irshad</t>
  </si>
  <si>
    <t>GGPS KOT SARDAR MUHAMMAD JAHANGIR</t>
  </si>
  <si>
    <t>Kot Sardar Muhammad Jahagir</t>
  </si>
  <si>
    <t>Kot Sardar Muhammad Jahangir beroon Khudian Kasur P/O Khudian Khas</t>
  </si>
  <si>
    <t>Kot sardar Muhammad jahangir</t>
  </si>
  <si>
    <t>Farzana Idrees</t>
  </si>
  <si>
    <t>GGPS KOT SARDAR SHAUKAT</t>
  </si>
  <si>
    <t>Kot Sardar Shaukat Ali</t>
  </si>
  <si>
    <t>Madeeha Mushtaque</t>
  </si>
  <si>
    <t>GGPS KOT SAWAN</t>
  </si>
  <si>
    <t>Kot Sawan</t>
  </si>
  <si>
    <t>kot sawan</t>
  </si>
  <si>
    <t>GGPS KOT SEITHAN</t>
  </si>
  <si>
    <t>Dolat Pura</t>
  </si>
  <si>
    <t>village kot seithan p.o kot dya raam tehsil o district skp</t>
  </si>
  <si>
    <t>Kot Seithan</t>
  </si>
  <si>
    <t>Syeda Sehrish Gul</t>
  </si>
  <si>
    <t>GGPS KOT SHADA</t>
  </si>
  <si>
    <t>Kot Shada</t>
  </si>
  <si>
    <t>kot shada,tehsil shahpur,district sargodha</t>
  </si>
  <si>
    <t>Sajida Farooq</t>
  </si>
  <si>
    <t>GGPS KOT SHAFI</t>
  </si>
  <si>
    <t>Kotshafi</t>
  </si>
  <si>
    <t>kotshafi</t>
  </si>
  <si>
    <t>Bhai Kot Chak 3</t>
  </si>
  <si>
    <t>GGPS KOT SHAH</t>
  </si>
  <si>
    <t>Kot  Shah</t>
  </si>
  <si>
    <t>Basti  Aalam  shah Moaza  Kot  Shah</t>
  </si>
  <si>
    <t>Aalam  Shah</t>
  </si>
  <si>
    <t>Hassan pur Tharund</t>
  </si>
  <si>
    <t>Tanveer Zainab</t>
  </si>
  <si>
    <t>GGPS KOT SHAH MOHAMMAD 113/7-R</t>
  </si>
  <si>
    <t>Tibba Shah Kot</t>
  </si>
  <si>
    <t>GGPS Kot Shah Muhammad 113/7 R</t>
  </si>
  <si>
    <t>Tibba Shah Kot 113/ 7 R</t>
  </si>
  <si>
    <t>114/ 7 R</t>
  </si>
  <si>
    <t>ZAREEN AKHTER</t>
  </si>
  <si>
    <t>GGPS KOT SHAHAB DIN</t>
  </si>
  <si>
    <t>Boota Park</t>
  </si>
  <si>
    <t>Boota park shahdara lahore</t>
  </si>
  <si>
    <t>Kot Muhaboo</t>
  </si>
  <si>
    <t>Qurat - Ul-ain</t>
  </si>
  <si>
    <t>GGPS KOT SHAHAB-UD-DIN</t>
  </si>
  <si>
    <t>Kotla Muazaz Din</t>
  </si>
  <si>
    <t>basti kot shahab u din post office 94np sahja thesil khanpur district Rahem yar khan</t>
  </si>
  <si>
    <t>Basti Kot Shahab U Din</t>
  </si>
  <si>
    <t>94np</t>
  </si>
  <si>
    <t>Sumaira Latif</t>
  </si>
  <si>
    <t>GGPS KOT SHAHAN NO. 1</t>
  </si>
  <si>
    <t>Busti Rais Saeed Ahmad Mouza kot Shahan p / o fathe pur kamaal tehsil Khan pur District Rahim Yar khan</t>
  </si>
  <si>
    <t>Busti Rais Saeed Ahmad</t>
  </si>
  <si>
    <t>GGPS KOT SHARAQ PURIAN</t>
  </si>
  <si>
    <t>Achl Ki</t>
  </si>
  <si>
    <t>kot shrqpurian</t>
  </si>
  <si>
    <t>Shrqpuroan</t>
  </si>
  <si>
    <t>Pakho Ki</t>
  </si>
  <si>
    <t>Shamaila Ghani</t>
  </si>
  <si>
    <t>GGPS KOT SHATAB KHAN</t>
  </si>
  <si>
    <t>Kot Shatab Khan</t>
  </si>
  <si>
    <t>kot shatab khan</t>
  </si>
  <si>
    <t>Asma Din Muhammad</t>
  </si>
  <si>
    <t>GGPS KOT SULTAN 19/GD</t>
  </si>
  <si>
    <t>chak #19/gd kot sultan</t>
  </si>
  <si>
    <t>19/kot Sultan</t>
  </si>
  <si>
    <t>24/gd</t>
  </si>
  <si>
    <t>Naimash parveen</t>
  </si>
  <si>
    <t>GGPS KOT SULUKHAN</t>
  </si>
  <si>
    <t>Kot Sulakhan</t>
  </si>
  <si>
    <t>village kot Sulakhan tehsil, post office and district narowal</t>
  </si>
  <si>
    <t>NIDA ASHRAF</t>
  </si>
  <si>
    <t>GGPS KOT SUNDDAR SINGH</t>
  </si>
  <si>
    <t>Kot Sunder Sing</t>
  </si>
  <si>
    <t>kot sunder sing p/o mokal</t>
  </si>
  <si>
    <t>samina kausar</t>
  </si>
  <si>
    <t>GGPS KOT TAHIR</t>
  </si>
  <si>
    <t>Kot Tahir Teh &amp; Distt NNS</t>
  </si>
  <si>
    <t>Mehvish shouket</t>
  </si>
  <si>
    <t>GGPS KOT UMRANA</t>
  </si>
  <si>
    <t>Kot umrana</t>
  </si>
  <si>
    <t>kot umrana</t>
  </si>
  <si>
    <t>Buchakalan</t>
  </si>
  <si>
    <t>Zafar Bibi</t>
  </si>
  <si>
    <t>GGPS KOT WADAWA SINGH BADIAN ROAD</t>
  </si>
  <si>
    <t>Kot Wadhawa Singh</t>
  </si>
  <si>
    <t>village kot wadhawa singh</t>
  </si>
  <si>
    <t>KAMAHAN</t>
  </si>
  <si>
    <t>Uzma Subhan</t>
  </si>
  <si>
    <t>GGPS KOT WALI</t>
  </si>
  <si>
    <t>Kotewali</t>
  </si>
  <si>
    <t>g.gps kotewali tehsil jand District attock</t>
  </si>
  <si>
    <t>Shazia Maryam</t>
  </si>
  <si>
    <t>GGPS KOT WALI MUHAMMAD</t>
  </si>
  <si>
    <t>Kot Wali Muhammad</t>
  </si>
  <si>
    <t>kot wali Muhammad</t>
  </si>
  <si>
    <t>Hafat Madr</t>
  </si>
  <si>
    <t>misbah anwar</t>
  </si>
  <si>
    <t>GGPS KOT WALI MUHAMMAD BHATTI</t>
  </si>
  <si>
    <t>Fazal Abad</t>
  </si>
  <si>
    <t>GGPS kot wali Muhammad Bhatti Rajan Pur</t>
  </si>
  <si>
    <t>Kot Wali</t>
  </si>
  <si>
    <t>Rajan Pur</t>
  </si>
  <si>
    <t>GGPS KOT WARIS</t>
  </si>
  <si>
    <t>Kot Waris</t>
  </si>
  <si>
    <t>kotwaris po khas tehsil wazirabad,district gujranwala.</t>
  </si>
  <si>
    <t>Amen</t>
  </si>
  <si>
    <t>GGPS KOT YAQOOB</t>
  </si>
  <si>
    <t>kot yaqoob markaz muridke</t>
  </si>
  <si>
    <t>Nangal Kasowala</t>
  </si>
  <si>
    <t>Mussarat Saleem</t>
  </si>
  <si>
    <t>GGPS KOT YOUSAF</t>
  </si>
  <si>
    <t>Kot Yousaf</t>
  </si>
  <si>
    <t>kot yousaf p/o joura sian distt grw,tehsil wzd.</t>
  </si>
  <si>
    <t>Tanzeela Waseem</t>
  </si>
  <si>
    <t>GGPS KOT ZAINDI</t>
  </si>
  <si>
    <t>Kot Zaindi</t>
  </si>
  <si>
    <t>zaindi p.o.box bahter tehsil fateh jang district attock</t>
  </si>
  <si>
    <t>Nousheen Akhter</t>
  </si>
  <si>
    <t>GGPS KOT ZAMAN SHAH</t>
  </si>
  <si>
    <t>Ggps Kot ZAMAN SHAH</t>
  </si>
  <si>
    <t>ggps kot zaman shah p/o haveli lakha district okara</t>
  </si>
  <si>
    <t>Kot Zaman Shah</t>
  </si>
  <si>
    <t>Fareed Poor Suhag</t>
  </si>
  <si>
    <t>sadia batool</t>
  </si>
  <si>
    <t>GGPS KOT ZULFAQAR ALI</t>
  </si>
  <si>
    <t>Post Office mao mubarak school kot zulifqar basti koshi muhammad</t>
  </si>
  <si>
    <t>Basti Koshi Muhammad</t>
  </si>
  <si>
    <t>Fariha Haider</t>
  </si>
  <si>
    <t>GGPS KOTEHRA</t>
  </si>
  <si>
    <t>VPO kotehra. GGPS Kotehra</t>
  </si>
  <si>
    <t>Sajila Masood</t>
  </si>
  <si>
    <t>GGPS KOTHA CHISHTIAN</t>
  </si>
  <si>
    <t>Kotha Chishtian</t>
  </si>
  <si>
    <t>village kotha chishtian, Teh sambrial, dist sialkot</t>
  </si>
  <si>
    <t>GGPS KOTHA JHANG SHISHAM</t>
  </si>
  <si>
    <t>Kotha Jhang Sheshm</t>
  </si>
  <si>
    <t>ggps kotha jhang shesham</t>
  </si>
  <si>
    <t>Kotha Jhang Shisham</t>
  </si>
  <si>
    <t>Wasawe Wala</t>
  </si>
  <si>
    <t>Anita tufail</t>
  </si>
  <si>
    <t>GGPS KOTHA JINDU</t>
  </si>
  <si>
    <t>Talshumali Shumali</t>
  </si>
  <si>
    <t>GGPS Kotha Jindoo  moza talshumali</t>
  </si>
  <si>
    <t>Basti Sawan  Khan Ahmdani</t>
  </si>
  <si>
    <t>SHAZIA KANWAL</t>
  </si>
  <si>
    <t>GGPS KOTHA SHAH BAHLOL</t>
  </si>
  <si>
    <t>Bahauddin</t>
  </si>
  <si>
    <t>kotha Shah Behlol</t>
  </si>
  <si>
    <t>Kotha Shah Behlol</t>
  </si>
  <si>
    <t>MUMTAZ Butt</t>
  </si>
  <si>
    <t>GGPS KOTHA THALI</t>
  </si>
  <si>
    <t>Rehmoon</t>
  </si>
  <si>
    <t>basti kotha thali</t>
  </si>
  <si>
    <t>Basti Kotha Thali</t>
  </si>
  <si>
    <t>Ranjhy Khan</t>
  </si>
  <si>
    <t>GGPS KOTHAY 30/2-R</t>
  </si>
  <si>
    <t>30/2R kothay</t>
  </si>
  <si>
    <t>30/2R Kothay</t>
  </si>
  <si>
    <t>GGPS KOTHAY ARAIAN</t>
  </si>
  <si>
    <t>Kothey Araian</t>
  </si>
  <si>
    <t>village kothey araian post offic gondal sialkot</t>
  </si>
  <si>
    <t>GGPS KOTHAY JATTAN</t>
  </si>
  <si>
    <t>village kothay jattan</t>
  </si>
  <si>
    <t>Kothay Jattan</t>
  </si>
  <si>
    <t>Nazia Muhammad Hussain</t>
  </si>
  <si>
    <t>GGPS KOTHAY MANGA</t>
  </si>
  <si>
    <t>Kothay Manga</t>
  </si>
  <si>
    <t>village Kothay Manga P\O Qila kalar wala tehsil pasrur District. sialkot</t>
  </si>
  <si>
    <t>GGPS KOTHAY PATHANAN</t>
  </si>
  <si>
    <t>Kothey Pathana</t>
  </si>
  <si>
    <t>kothey pathana p.o kulluwal teh&amp;district sialkot</t>
  </si>
  <si>
    <t>Sumiya Basharat</t>
  </si>
  <si>
    <t>GGPS KOTHAY REHMAT KHAN</t>
  </si>
  <si>
    <t>Kothay Rehmat Khan</t>
  </si>
  <si>
    <t>kothay Rehmat Khan</t>
  </si>
  <si>
    <t>Nasrin Akhter</t>
  </si>
  <si>
    <t>GGPS KOTHAY WALA INDUSTRIAL STATE NADIRABAD PHATIK</t>
  </si>
  <si>
    <t>Jungle Bahera</t>
  </si>
  <si>
    <t>Govt Girls Primary school kothay wala multan</t>
  </si>
  <si>
    <t>Kothaywala</t>
  </si>
  <si>
    <t>parveen kosar</t>
  </si>
  <si>
    <t>GGPS KOTHI NAND SINGH, MIAN CHANNU</t>
  </si>
  <si>
    <t>Ggps kothi nand singh mian channu,tehsil mian channu,district khanewal.</t>
  </si>
  <si>
    <t>GGPS KOTHI SYEDAN</t>
  </si>
  <si>
    <t>Harnooh</t>
  </si>
  <si>
    <t>Belyam syedan Po Pindori District Rawalpindi Teh GujarKhan</t>
  </si>
  <si>
    <t>Belyam Syedan</t>
  </si>
  <si>
    <t>Saleha Mukhtar</t>
  </si>
  <si>
    <t>GGPS KOTHIAN WALA</t>
  </si>
  <si>
    <t>kothian wala</t>
  </si>
  <si>
    <t>Kothianwala</t>
  </si>
  <si>
    <t>Hafiza Humaira Akbar</t>
  </si>
  <si>
    <t>GGPS KOTHRAY NO.2</t>
  </si>
  <si>
    <t>Khotray</t>
  </si>
  <si>
    <t>khotary p/o wahndo teh:kamoki distt: Gujranwala</t>
  </si>
  <si>
    <t>Tamsila Kiran</t>
  </si>
  <si>
    <t>GGPS KOTIAN</t>
  </si>
  <si>
    <t>Kotian</t>
  </si>
  <si>
    <t>Kotian  Marrha  chok</t>
  </si>
  <si>
    <t>GGPS KOTLA ABUL FATEH BHAKAR ARBI</t>
  </si>
  <si>
    <t>Kotla Abul Fateh</t>
  </si>
  <si>
    <t>GGPS KOTLA ABUL FATEH</t>
  </si>
  <si>
    <t>Chah Naseem Wala</t>
  </si>
  <si>
    <t>Aalim Gir</t>
  </si>
  <si>
    <t>Fouzia Naseer</t>
  </si>
  <si>
    <t>GGPS KOTLA AHMED</t>
  </si>
  <si>
    <t>commerce college road kotla Ahmad  Rajanpur</t>
  </si>
  <si>
    <t>Haseeb Un Nisa</t>
  </si>
  <si>
    <t>GGPS KOTLA AIZAD YAR KHAN</t>
  </si>
  <si>
    <t>kotla aizad yar khan</t>
  </si>
  <si>
    <t>Basti Molabakhsh</t>
  </si>
  <si>
    <t>GGPS KOTLA ANADAN</t>
  </si>
  <si>
    <t>Kotla Anandan</t>
  </si>
  <si>
    <t>ggps kotla anandan</t>
  </si>
  <si>
    <t>Sadho Ke</t>
  </si>
  <si>
    <t>GGPS KOTLA ARAB ALI KHAN</t>
  </si>
  <si>
    <t>kotla</t>
  </si>
  <si>
    <t>kotla arab ali</t>
  </si>
  <si>
    <t>kotla A A khan</t>
  </si>
  <si>
    <t>Rifat Bashir</t>
  </si>
  <si>
    <t>GGPS KOTLA BAHLOT</t>
  </si>
  <si>
    <t>kotla bhalot</t>
  </si>
  <si>
    <t>village kotla bhalot teh.and po.box kharian dist.gujrat</t>
  </si>
  <si>
    <t>GGPS KOTLA BEHLOL</t>
  </si>
  <si>
    <t>Kotla Behlol</t>
  </si>
  <si>
    <t>ggp/s kotla behlol</t>
  </si>
  <si>
    <t>Chah Jund Wala</t>
  </si>
  <si>
    <t>Iqbal Mai</t>
  </si>
  <si>
    <t>GGPS KOTLA DAD</t>
  </si>
  <si>
    <t>kotla dad tehsil nd distric rajan pur</t>
  </si>
  <si>
    <t>Kotla Khn Muhamad</t>
  </si>
  <si>
    <t>Farzana Nasreen</t>
  </si>
  <si>
    <t>GGPS KOTLA DAGHLI THAKRA</t>
  </si>
  <si>
    <t>Kotla Dalkhli Thakra</t>
  </si>
  <si>
    <t>ggps kotla dakhli thakra,Haveli Lakha</t>
  </si>
  <si>
    <t>Kotla Dakhli Thakrs</t>
  </si>
  <si>
    <t>42/Sp-samundri</t>
  </si>
  <si>
    <t>GGPS KOTLA DAHA</t>
  </si>
  <si>
    <t>Kotla daha chowk bahar pir</t>
  </si>
  <si>
    <t>Kotla Daha</t>
  </si>
  <si>
    <t>Samina Irshad</t>
  </si>
  <si>
    <t>GGPS KOTLA DILBAR BASTI PRAIMEE WALI</t>
  </si>
  <si>
    <t>basti praimy wali Moza Bahawal Garh kahror pacca district lodhran</t>
  </si>
  <si>
    <t>Basti Praimy wali</t>
  </si>
  <si>
    <t>GGPS KOTLA GAMOON</t>
  </si>
  <si>
    <t>G.G.P/S kotla Gamoon Rajanpur</t>
  </si>
  <si>
    <t>Qudsia Kaleem</t>
  </si>
  <si>
    <t>GGPS KOTLA GURAM</t>
  </si>
  <si>
    <t>GGPS kotla guram</t>
  </si>
  <si>
    <t>Basti Kotla Guram</t>
  </si>
  <si>
    <t>Sehrish Irum</t>
  </si>
  <si>
    <t>GGPS KOTLA HAMAL</t>
  </si>
  <si>
    <t>nazia1756@gmail.com</t>
  </si>
  <si>
    <t>Basti Haji Tota Ghandi</t>
  </si>
  <si>
    <t>Nazia Mushtaq</t>
  </si>
  <si>
    <t>GGPS KOTLA HASSAN KHAN</t>
  </si>
  <si>
    <t>Kotla Hassan Khan</t>
  </si>
  <si>
    <t>government girls primary school kotla hassan khan</t>
  </si>
  <si>
    <t>GGPS KOTLA HAYAT MUHAMMAD</t>
  </si>
  <si>
    <t>Kotla Hayat Muhammad</t>
  </si>
  <si>
    <t>ggps kotla hayat Muhammad basti mari abbasian Sardar garh rahim yar khan</t>
  </si>
  <si>
    <t>Basti Mari Abassian Kotla Hayat</t>
  </si>
  <si>
    <t>Mianwali Shiekhan</t>
  </si>
  <si>
    <t>Shagufta Jabben</t>
  </si>
  <si>
    <t>GGPS KOTLA JAAM  WARD NO. 111</t>
  </si>
  <si>
    <t>GGPS WARD NO.111 KOTLA JAM</t>
  </si>
  <si>
    <t>RUKHSANA PARVEEN</t>
  </si>
  <si>
    <t>GGPS KOTLA JAAM DAGGAR</t>
  </si>
  <si>
    <t>MOH.QAZIAN WALA .KOTLA JAM Daggar TEH&amp;DISTT. BHAKKAR</t>
  </si>
  <si>
    <t>KOTLA JAM</t>
  </si>
  <si>
    <t>GGPS KOTLA JAFAR</t>
  </si>
  <si>
    <t>Bakhsh Abad</t>
  </si>
  <si>
    <t>GGPS Kotla Jafar basti kotla jafar moza bakhsh abad p/o bhong tehsil sadik abad</t>
  </si>
  <si>
    <t>Kotla Jafar</t>
  </si>
  <si>
    <t>Ghari Dodo</t>
  </si>
  <si>
    <t>Sana Fiaz</t>
  </si>
  <si>
    <t>GGPS KOTLA KABEER</t>
  </si>
  <si>
    <t>Bakho</t>
  </si>
  <si>
    <t>Moza kotla bakho Rajanpur</t>
  </si>
  <si>
    <t>Shahnaz Aziz</t>
  </si>
  <si>
    <t>GGPS KOTLA KALAN CHAK 43/RB</t>
  </si>
  <si>
    <t>kotla  Kalan</t>
  </si>
  <si>
    <t>Marar  42</t>
  </si>
  <si>
    <t>GGPS KOTLA KHURD SANGLA HILL</t>
  </si>
  <si>
    <t>Kolta Khurd</t>
  </si>
  <si>
    <t>kotla khurd. 43 rb. sangla hill</t>
  </si>
  <si>
    <t>Kolta Khurd 43rb</t>
  </si>
  <si>
    <t>45 Marrar</t>
  </si>
  <si>
    <t>Aasiya Parveen</t>
  </si>
  <si>
    <t>GGPS KOTLA MATTARBAN KOTLA MUTAR BUN</t>
  </si>
  <si>
    <t>Chah deeny wala</t>
  </si>
  <si>
    <t>Chah Deeny Wala</t>
  </si>
  <si>
    <t>Nadia Manzoor</t>
  </si>
  <si>
    <t>GGPS KOTLA MUNAWAR SHAH</t>
  </si>
  <si>
    <t>Kotla Munawar Shah</t>
  </si>
  <si>
    <t>GGPS kotla munawar shah</t>
  </si>
  <si>
    <t>Dharekan Kalan</t>
  </si>
  <si>
    <t>ground water and water supply</t>
  </si>
  <si>
    <t>GGPS KOTLA MURAD ALI</t>
  </si>
  <si>
    <t>Kotla Murad Ali</t>
  </si>
  <si>
    <t>Kotla murad ali</t>
  </si>
  <si>
    <t>Nasser Di Wahin</t>
  </si>
  <si>
    <t>GGPS KOTLA MUSLIM</t>
  </si>
  <si>
    <t>LMQ road kjhushal Coloney Multan</t>
  </si>
  <si>
    <t>Wapda Coloney</t>
  </si>
  <si>
    <t>GGPS KOTLA NAICHAN</t>
  </si>
  <si>
    <t>Thari Zabti</t>
  </si>
  <si>
    <t>Kotla naichan</t>
  </si>
  <si>
    <t>Kotla Naichan</t>
  </si>
  <si>
    <t>Nazia Gillani</t>
  </si>
  <si>
    <t>GGPS KOTLA NOOR SHAH MUZAFARABAD</t>
  </si>
  <si>
    <t>near al hussain</t>
  </si>
  <si>
    <t>Al Hussain</t>
  </si>
  <si>
    <t>Tiba Masood Put</t>
  </si>
  <si>
    <t>GGPS KOTLA PANJU BAIG</t>
  </si>
  <si>
    <t>GGPS KOTLA PIRAN SHAH NO. 1</t>
  </si>
  <si>
    <t>Gps kotla piran shah no.1</t>
  </si>
  <si>
    <t>Basti Dena</t>
  </si>
  <si>
    <t>Samia Begum</t>
  </si>
  <si>
    <t>GGPS KOTLA PIRAN SHAH NO. 2</t>
  </si>
  <si>
    <t>Chah baqar wala</t>
  </si>
  <si>
    <t>kotla peeran shah jampur</t>
  </si>
  <si>
    <t>japmur</t>
  </si>
  <si>
    <t>Najma Irum</t>
  </si>
  <si>
    <t>GGPS KOTLA RAHAM ALI MOUZA KOTLA RAHAM ALI</t>
  </si>
  <si>
    <t>GGPS kotla raham ali</t>
  </si>
  <si>
    <t>Abdullah Town</t>
  </si>
  <si>
    <t>GGPS KOTLA RAHAM ALI SHAH</t>
  </si>
  <si>
    <t>kotla reham ali shah</t>
  </si>
  <si>
    <t>Govt. girls primary school kotal reham ali shah</t>
  </si>
  <si>
    <t>khalti</t>
  </si>
  <si>
    <t>Shahzadi Afzal</t>
  </si>
  <si>
    <t>GGPS KOTLA RAHIM</t>
  </si>
  <si>
    <t>G GPS KOTLA RAHEEM</t>
  </si>
  <si>
    <t>DHENGAN</t>
  </si>
  <si>
    <t>GGPS KOTLA RAJANPUR</t>
  </si>
  <si>
    <t>near machi dara rajanpur</t>
  </si>
  <si>
    <t>Municipal Comitte</t>
  </si>
  <si>
    <t>Irsa Ihsan</t>
  </si>
  <si>
    <t>GGPS KOTLA SHEHZADA</t>
  </si>
  <si>
    <t>Kotla Shehzada</t>
  </si>
  <si>
    <t>Kotla shehzada p/o Muhammadi sharif Tehsil Bhowana District Chiniot</t>
  </si>
  <si>
    <t>Kotla Shahzada</t>
  </si>
  <si>
    <t>GGPS KOTLA SHEIKHAN NO.1</t>
  </si>
  <si>
    <t>Fazil gumani</t>
  </si>
  <si>
    <t>FZil Gumani Uch sharif</t>
  </si>
  <si>
    <t>FZil Gumani</t>
  </si>
  <si>
    <t>Shahida Atta</t>
  </si>
  <si>
    <t>GGPS KOTLA SHEIKHAN NO.2</t>
  </si>
  <si>
    <t>Kotla Shekhan</t>
  </si>
  <si>
    <t>G.G.P/S kotla shekhan</t>
  </si>
  <si>
    <t>Goherabad</t>
  </si>
  <si>
    <t>Nonrai</t>
  </si>
  <si>
    <t>GGPS KOTLA SULTAN SHAH</t>
  </si>
  <si>
    <t>Kotla Sultan Shah</t>
  </si>
  <si>
    <t>Perveen Bibi</t>
  </si>
  <si>
    <t>GGPS KOTLA SYEDAN</t>
  </si>
  <si>
    <t>KOTLA SYEDAN</t>
  </si>
  <si>
    <t>VILLAGE KOTLA SYEDAN POST OFFICE MALYAR TEHSIL PIND DADAN KHAN DISTRICT JHELUM</t>
  </si>
  <si>
    <t>Local Water Point</t>
  </si>
  <si>
    <t>GGPS KOTLA THATTA</t>
  </si>
  <si>
    <t>v.p.o Thatta, Teh.Jand, District Attock</t>
  </si>
  <si>
    <t>water supplie</t>
  </si>
  <si>
    <t>GGPS KOTLA ZAMAN KHAN</t>
  </si>
  <si>
    <t>Kotla Zaman Khan</t>
  </si>
  <si>
    <t>kotla zaman Khan (tibbi kalowali) sikandar chok Pakpattan</t>
  </si>
  <si>
    <t>Rehana kausar</t>
  </si>
  <si>
    <t>GGPS KOTLA ZAREEF KHAN</t>
  </si>
  <si>
    <t>Kotla Zateef Khan</t>
  </si>
  <si>
    <t>GGPG Kola  zareef khan shor koty city</t>
  </si>
  <si>
    <t>Shorkotcity</t>
  </si>
  <si>
    <t>Kotla Zreef Khan</t>
  </si>
  <si>
    <t>GGPS KOTLEY  PO PADSHAHAN</t>
  </si>
  <si>
    <t>Kotley</t>
  </si>
  <si>
    <t>Village kotley PO Padshan Tehsil and District Chakwal</t>
  </si>
  <si>
    <t>JAND KHANZADA</t>
  </si>
  <si>
    <t>GGPS KOTLI</t>
  </si>
  <si>
    <t>GGPS Kotli</t>
  </si>
  <si>
    <t>Angha</t>
  </si>
  <si>
    <t>Shahida Yasmin</t>
  </si>
  <si>
    <t>GGPS KOTLI AADIL</t>
  </si>
  <si>
    <t>kotli Adil</t>
  </si>
  <si>
    <t>kotli adil p/o meer kot Tehsel  jalal pur pir wala</t>
  </si>
  <si>
    <t>kotli adil</t>
  </si>
  <si>
    <t>GGPS KOTLI AMIN JALALPUR PIRWALA</t>
  </si>
  <si>
    <t>Govt.g.primary school Kotli Amin jalal pur pir wala</t>
  </si>
  <si>
    <t>Ghulam Saira</t>
  </si>
  <si>
    <t>GGPS KOTLI AMIR ALI</t>
  </si>
  <si>
    <t>Kotli Amir Ali</t>
  </si>
  <si>
    <t>kotli amir ali</t>
  </si>
  <si>
    <t>Nusrat Ikram</t>
  </si>
  <si>
    <t>GGPS KOTLI AMIR SINGH</t>
  </si>
  <si>
    <t>Kotlii Amir Singh</t>
  </si>
  <si>
    <t>Kotli Amir Singh</t>
  </si>
  <si>
    <t>Mehmoona kosar</t>
  </si>
  <si>
    <t>GGPS KOTLI ARAIAN</t>
  </si>
  <si>
    <t>Kotli Araian</t>
  </si>
  <si>
    <t>village kotli araian</t>
  </si>
  <si>
    <t>Saiydan Wali</t>
  </si>
  <si>
    <t>GGPS KOTLI AWAN</t>
  </si>
  <si>
    <t>Kotli Awan</t>
  </si>
  <si>
    <t>koli awan tehsil shapur district sargodha</t>
  </si>
  <si>
    <t>Khawaja Bad</t>
  </si>
  <si>
    <t>Saima Mumtaz</t>
  </si>
  <si>
    <t>GGPS KOTLI BABA HERA</t>
  </si>
  <si>
    <t>Kotlibaba heera</t>
  </si>
  <si>
    <t>kotlibaba heera</t>
  </si>
  <si>
    <t>Gulshan Mubeen Bukhari</t>
  </si>
  <si>
    <t>GGPS KOTLI BAGGHA</t>
  </si>
  <si>
    <t>Kotli Baggha</t>
  </si>
  <si>
    <t>Kotli baggha,P/O Mandiala tega,Tehsil kamoki,Dis Gujranwala</t>
  </si>
  <si>
    <t>GGPS KOTLI BAJAR</t>
  </si>
  <si>
    <t>Kotli Bajar</t>
  </si>
  <si>
    <t>village kotly bajar teh kharian distt gujrat</t>
  </si>
  <si>
    <t>Kotly Bajar</t>
  </si>
  <si>
    <t>GGPS KOTLI BAKSHU MULTAN</t>
  </si>
  <si>
    <t>kotli baxue</t>
  </si>
  <si>
    <t>kotli baxue khan</t>
  </si>
  <si>
    <t>kotli baxu</t>
  </si>
  <si>
    <t>jhok wains</t>
  </si>
  <si>
    <t>Khalida Yasmeen</t>
  </si>
  <si>
    <t>GGPS KOTLI BAL GOBIND</t>
  </si>
  <si>
    <t>Kotli Balgobind post office Qila Didar Singh Teh. &amp; District  Gujranwala</t>
  </si>
  <si>
    <t>GGPS KOTLI BASAKHA SINGH</t>
  </si>
  <si>
    <t>Kotly besakha Singh</t>
  </si>
  <si>
    <t>kotly besakha Singh P.O. Budha goraya daska sialkot</t>
  </si>
  <si>
    <t>Budha goraya</t>
  </si>
  <si>
    <t>Uzma Ilyas</t>
  </si>
  <si>
    <t>GGPS KOTLI BEHRAM</t>
  </si>
  <si>
    <t>Kotli behram po mehsian teh dina distt jhelum</t>
  </si>
  <si>
    <t>Iram Nafeesa</t>
  </si>
  <si>
    <t>GGPS KOTLI CHUMB WALI</t>
  </si>
  <si>
    <t>Kotli Chumb wali</t>
  </si>
  <si>
    <t>kotli chamb wali p.o.kalah Kalan,tehsil.daska district. sialkot</t>
  </si>
  <si>
    <t>Kotli Chamb Wali</t>
  </si>
  <si>
    <t>Mondaki Goraya</t>
  </si>
  <si>
    <t>Shazia Imtiaz</t>
  </si>
  <si>
    <t>GGPS KOTLI DHUDIAN</t>
  </si>
  <si>
    <t>Kotli Dhudian</t>
  </si>
  <si>
    <t>kotli dhudian post office chobara tehsil pasrur district Sialkot</t>
  </si>
  <si>
    <t>GGPS KOTLI GHASI</t>
  </si>
  <si>
    <t>Kotli Ghasi</t>
  </si>
  <si>
    <t>kotli ghasi, harbanspura ,Lahore</t>
  </si>
  <si>
    <t>Warah Sattar</t>
  </si>
  <si>
    <t>Rizwana Ishaq</t>
  </si>
  <si>
    <t>GGPS KOTLI GOPI RAI</t>
  </si>
  <si>
    <t>Kotli Gopi Rai</t>
  </si>
  <si>
    <t>post office punjgrain pasrur sialkot</t>
  </si>
  <si>
    <t>Fiaza</t>
  </si>
  <si>
    <t>GGPS KOTLI GUJRAN</t>
  </si>
  <si>
    <t>Kotli Gujjran</t>
  </si>
  <si>
    <t>kotli gujran</t>
  </si>
  <si>
    <t>GGPS KOTLI GURLAN</t>
  </si>
  <si>
    <t>kotli gurlan</t>
  </si>
  <si>
    <t>kotli gurlan sambrial sialkot</t>
  </si>
  <si>
    <t>sarankey</t>
  </si>
  <si>
    <t>Rukman Davi</t>
  </si>
  <si>
    <t>GGPS KOTLI HAJI PUR</t>
  </si>
  <si>
    <t>Kotli Haji Pur</t>
  </si>
  <si>
    <t>kotli haji pur post office pasrur tehsil pasrur dist.sialkot</t>
  </si>
  <si>
    <t>Ruby Tabassum</t>
  </si>
  <si>
    <t>GGPS KOTLI HUSSAIN</t>
  </si>
  <si>
    <t>Kotli Hussain</t>
  </si>
  <si>
    <t>kotli hussain</t>
  </si>
  <si>
    <t>Nat Kallan</t>
  </si>
  <si>
    <t>Saeeda Touseef</t>
  </si>
  <si>
    <t>GGPS KOTLI JANDRAN</t>
  </si>
  <si>
    <t>Kotli Jandran</t>
  </si>
  <si>
    <t>Kotli jandran</t>
  </si>
  <si>
    <t>GGPS KOTLI JANDU</t>
  </si>
  <si>
    <t>KOTLI Jando</t>
  </si>
  <si>
    <t>p/o ladhar village KOTLI Jando tehsil daska district sialkot</t>
  </si>
  <si>
    <t>KOTLI Jandu</t>
  </si>
  <si>
    <t>Raqia Khanum</t>
  </si>
  <si>
    <t>GGPS KOTLI JATTAN</t>
  </si>
  <si>
    <t>village kotli jattan</t>
  </si>
  <si>
    <t>GGPS KOTLI JEVA</t>
  </si>
  <si>
    <t>Kotli Jeva</t>
  </si>
  <si>
    <t>village kotli jeva teh. zafarwal dist. narowal</t>
  </si>
  <si>
    <t>Jabal</t>
  </si>
  <si>
    <t>GGPS KOTLI JOIAN</t>
  </si>
  <si>
    <t>Kotli Joian</t>
  </si>
  <si>
    <t>GGPS kotli Joian</t>
  </si>
  <si>
    <t>Sameera Nazir</t>
  </si>
  <si>
    <t>GGPS KOTLI JUNID</t>
  </si>
  <si>
    <t>Kotli Junaid</t>
  </si>
  <si>
    <t>kotli junaid mailsi</t>
  </si>
  <si>
    <t>Ishrat Faima</t>
  </si>
  <si>
    <t>GGPS KOTLI KHADUM SHAH</t>
  </si>
  <si>
    <t>Kotli Khadam Shah</t>
  </si>
  <si>
    <t>village kotli khadam shah p/o philorah tehsil pasror district Sialkot</t>
  </si>
  <si>
    <t>Aasia Kalsoom</t>
  </si>
  <si>
    <t>GGPS KOTLI KHAIR DIN</t>
  </si>
  <si>
    <t>kotli kher din</t>
  </si>
  <si>
    <t>Kotli khair din tehsil muridky</t>
  </si>
  <si>
    <t>Kotli Khair Din</t>
  </si>
  <si>
    <t>Herdoladyky</t>
  </si>
  <si>
    <t>Arshia Qandeel</t>
  </si>
  <si>
    <t>GGPS KOTLI KHANU</t>
  </si>
  <si>
    <t>Kotli khano</t>
  </si>
  <si>
    <t>post office mitranwali kotli khano tehsil daska</t>
  </si>
  <si>
    <t>Bushra Nawaz</t>
  </si>
  <si>
    <t>GGPS KOTLI KHOKHRAN KALAN</t>
  </si>
  <si>
    <t>Kotli Khokhran Kalan</t>
  </si>
  <si>
    <t>kotli khokhran kalan ,teh sambrial sialkot</t>
  </si>
  <si>
    <t>Saran Key</t>
  </si>
  <si>
    <t>Tabassum Naz</t>
  </si>
  <si>
    <t>GGPS KOTLI KOKIAN</t>
  </si>
  <si>
    <t>Kotli Kokian</t>
  </si>
  <si>
    <t>village kotli kokian post office jamkey cheema tehsil dadka district sialkot</t>
  </si>
  <si>
    <t>Allo Mahar</t>
  </si>
  <si>
    <t>Azmat Noor</t>
  </si>
  <si>
    <t>GGPS KOTLI KUNDU</t>
  </si>
  <si>
    <t>kotli kandu</t>
  </si>
  <si>
    <t>village kotli kanduo gujrat</t>
  </si>
  <si>
    <t>Kotli Kanduo</t>
  </si>
  <si>
    <t>Asia Rashida</t>
  </si>
  <si>
    <t>GGPS KOTLI LALA</t>
  </si>
  <si>
    <t>Kotli Lala</t>
  </si>
  <si>
    <t>kotli lala p o mehrajke teh pasrur dis sialkot</t>
  </si>
  <si>
    <t>GGPS KOTLI LOHARAN WEST</t>
  </si>
  <si>
    <t>mohalla nakhowal kotli loharan West</t>
  </si>
  <si>
    <t>Kotli Loharan West</t>
  </si>
  <si>
    <t>Sabiha Khanum</t>
  </si>
  <si>
    <t>GGPS KOTLI MAHTAM</t>
  </si>
  <si>
    <t>GGPS Kotli mahtam post office karam pur tehsil mailsi district vehari</t>
  </si>
  <si>
    <t>Kotli Mahtm</t>
  </si>
  <si>
    <t>Kotli mahtam</t>
  </si>
  <si>
    <t>GGPS KOTLI MALLIAN</t>
  </si>
  <si>
    <t>Kotli Mallian</t>
  </si>
  <si>
    <t>Farzana Pir</t>
  </si>
  <si>
    <t>GGPS KOTLI MANGA</t>
  </si>
  <si>
    <t>Kotli Manga</t>
  </si>
  <si>
    <t>kotli manga p/o daska</t>
  </si>
  <si>
    <t>GGPS KOTLI MANGO SINGH</t>
  </si>
  <si>
    <t>Kotly Mango Singh</t>
  </si>
  <si>
    <t>Kotli Mango Singh P/O Ghakkhar Mandi Tehsil Wazirabad Distt Gujranwala</t>
  </si>
  <si>
    <t>Nat Kalan</t>
  </si>
  <si>
    <t>Kafeel Kousar</t>
  </si>
  <si>
    <t>GGPS KOTLI MANU SHADU</t>
  </si>
  <si>
    <t>Kotli Mano Sidhu</t>
  </si>
  <si>
    <t>Kotli mano Sidhu</t>
  </si>
  <si>
    <t>Ladhewala Goria No</t>
  </si>
  <si>
    <t>Saira Ashiq</t>
  </si>
  <si>
    <t>GGPS KOTLI MATWALLIAN</t>
  </si>
  <si>
    <t>kotli mutwalian</t>
  </si>
  <si>
    <t>kotli mutwalian Thsil kamoke dist Gujranwala</t>
  </si>
  <si>
    <t>Mandiala tega</t>
  </si>
  <si>
    <t>Fozia Asim</t>
  </si>
  <si>
    <t>GGPS KOTLI MUGHLAN</t>
  </si>
  <si>
    <t>Mughalpura..Kotli Mughlan, Wahndo road kamoke</t>
  </si>
  <si>
    <t>Maryum Tariq</t>
  </si>
  <si>
    <t>GGPS KOTLI NATHO MALHI</t>
  </si>
  <si>
    <t>Kotli Natho Malhi</t>
  </si>
  <si>
    <t>kotli natho malhi</t>
  </si>
  <si>
    <t>Gidhain</t>
  </si>
  <si>
    <t>GGPS KOTLI NAWANIAN</t>
  </si>
  <si>
    <t>Kotlinawanian</t>
  </si>
  <si>
    <t>kotlinawanian</t>
  </si>
  <si>
    <t>RayyaKhas</t>
  </si>
  <si>
    <t>Shumaila Karamat</t>
  </si>
  <si>
    <t>GGPS KOTLI PAKKI</t>
  </si>
  <si>
    <t>Kotli Pakki</t>
  </si>
  <si>
    <t>village kotli pakki.p/o wahndo.tehsil kamonke.district gujranwala</t>
  </si>
  <si>
    <t>Farmana Bashir</t>
  </si>
  <si>
    <t>GGPS KOTLI PIR SHAH</t>
  </si>
  <si>
    <t>Kotla Gamu</t>
  </si>
  <si>
    <t>kotli peer shah</t>
  </si>
  <si>
    <t>Kotli Peer Shah</t>
  </si>
  <si>
    <t>Sadia Nazli</t>
  </si>
  <si>
    <t>GGPS KOTLI PIRAN</t>
  </si>
  <si>
    <t>Kotly Pran</t>
  </si>
  <si>
    <t>Kotly piran</t>
  </si>
  <si>
    <t>Kotly Piran</t>
  </si>
  <si>
    <t>SaimaSaeed</t>
  </si>
  <si>
    <t>GGPS KOTLI QANOOGO</t>
  </si>
  <si>
    <t>Kotli qanogoi</t>
  </si>
  <si>
    <t>Kotli qanogoi Teh Skg dist. Narowal</t>
  </si>
  <si>
    <t>Zanib B B</t>
  </si>
  <si>
    <t>GGPS KOTLI RAJGAN</t>
  </si>
  <si>
    <t>Kotli Rajgan</t>
  </si>
  <si>
    <t>kotli Rajgan</t>
  </si>
  <si>
    <t>Sana Yasmin</t>
  </si>
  <si>
    <t>GGPS KOTLI RAMDAS</t>
  </si>
  <si>
    <t>Kotli Ramdas</t>
  </si>
  <si>
    <t>p/o kull bajwa kotli Ramdas pasrur District sialkot</t>
  </si>
  <si>
    <t>Kotly Ramdas</t>
  </si>
  <si>
    <t>Zaib-ul-nisa</t>
  </si>
  <si>
    <t>GGPS KOTLI SABU</t>
  </si>
  <si>
    <t>Kotli Sabu</t>
  </si>
  <si>
    <t>GGPS kotli sabu</t>
  </si>
  <si>
    <t>Talwandi Kajoorwali</t>
  </si>
  <si>
    <t>Shama Riyast</t>
  </si>
  <si>
    <t>GGPS KOTLI SANGAY</t>
  </si>
  <si>
    <t>Kotly Sangay</t>
  </si>
  <si>
    <t>tehsil and district Narowal post office Ahmad abad GGPS kotly sangay</t>
  </si>
  <si>
    <t>nabila kousar</t>
  </si>
  <si>
    <t>GGPS KOTLI SANIANAN</t>
  </si>
  <si>
    <t>Kotli Sanian</t>
  </si>
  <si>
    <t>village kotli sanian post office koat nainan</t>
  </si>
  <si>
    <t>Fazeelat Un Nisa</t>
  </si>
  <si>
    <t>GGPS KOTLI SATTIAN</t>
  </si>
  <si>
    <t>SarmandaL</t>
  </si>
  <si>
    <t>ggps kotli sattian</t>
  </si>
  <si>
    <t>Korina</t>
  </si>
  <si>
    <t>Ghazala Perveen</t>
  </si>
  <si>
    <t>community pipe line</t>
  </si>
  <si>
    <t>GGPS KOTLI SHAH JAHANIN</t>
  </si>
  <si>
    <t>Koltli Shahjahanian</t>
  </si>
  <si>
    <t>kotli shahjahanian</t>
  </si>
  <si>
    <t>Kotli Shahjahanian</t>
  </si>
  <si>
    <t>Kulewal Sayyedan</t>
  </si>
  <si>
    <t>GGPS KOTLI SHAMAS</t>
  </si>
  <si>
    <t>Kotli Shamsh</t>
  </si>
  <si>
    <t>kotli Shamsh p.o Bhagat pur</t>
  </si>
  <si>
    <t>Baghat Pur</t>
  </si>
  <si>
    <t>Hafiza Shagufta Andleeb</t>
  </si>
  <si>
    <t>GGPS KOTLI SHAREEN</t>
  </si>
  <si>
    <t>Kotli shareenh</t>
  </si>
  <si>
    <t>Kotli Shareenh</t>
  </si>
  <si>
    <t>farhat ghafoor</t>
  </si>
  <si>
    <t>GGPS KOTLI SINDWAN</t>
  </si>
  <si>
    <t>kotly.  sindwan. p o kanjrur</t>
  </si>
  <si>
    <t>Kotly Sindwan</t>
  </si>
  <si>
    <t>Muqadass Riaz</t>
  </si>
  <si>
    <t>GGPS KOTLI SULAHERIAN</t>
  </si>
  <si>
    <t>Kotli Sulehriyan</t>
  </si>
  <si>
    <t>Ggps kotli sulehriyan teh pasrur district sialkot</t>
  </si>
  <si>
    <t>GGPS KOTLI TALIAN</t>
  </si>
  <si>
    <t>Kotli Talian</t>
  </si>
  <si>
    <t>Post office Gohad pur Village kotli Talian</t>
  </si>
  <si>
    <t>GGPS KOTLI TARKHANI</t>
  </si>
  <si>
    <t>Kotli Tarkhani</t>
  </si>
  <si>
    <t>village kotli tarkhani p.o. chawinda tehsil pasrur district sialkot</t>
  </si>
  <si>
    <t>Sajida Amin</t>
  </si>
  <si>
    <t>GGPS KOTLI VIRKAN</t>
  </si>
  <si>
    <t>Kotli Virkan</t>
  </si>
  <si>
    <t>p/o dhoda teh/pasrur dis/Sialkot village kotli virkan</t>
  </si>
  <si>
    <t>Tasneem Kusar</t>
  </si>
  <si>
    <t>GGPS KOTLI WAJWA</t>
  </si>
  <si>
    <t>Kotly Wajwah</t>
  </si>
  <si>
    <t>Riaz wala khoh moza kotli wajwah</t>
  </si>
  <si>
    <t>366 W/B</t>
  </si>
  <si>
    <t>Rashida Tabassum</t>
  </si>
  <si>
    <t>GGPS KOTLY SAYDAN</t>
  </si>
  <si>
    <t>kotli syedan p/o basharat tehsil choa saiden shah district chakwal</t>
  </si>
  <si>
    <t>Lehar Sultan Pur</t>
  </si>
  <si>
    <t>Um-i-Laila</t>
  </si>
  <si>
    <t>GGPS KOTLY VERYAM SINGH</t>
  </si>
  <si>
    <t>Kotly Veryam Singh</t>
  </si>
  <si>
    <t>Village Kotli Veryam Singh Tehsil &amp; District Narowal</t>
  </si>
  <si>
    <t>Kotly Lakhs Singh</t>
  </si>
  <si>
    <t>GGPS KOTRAN WALA</t>
  </si>
  <si>
    <t>Basi Shah Shakoor</t>
  </si>
  <si>
    <t>Chah Kot Wala, Near Bagh</t>
  </si>
  <si>
    <t>GGPS KOUCHA SHREEF CHAKRLA MIANWALI</t>
  </si>
  <si>
    <t>Kalary</t>
  </si>
  <si>
    <t>ggps kocha Sharif</t>
  </si>
  <si>
    <t>KOCHHA SHARIF</t>
  </si>
  <si>
    <t>Thmawali</t>
  </si>
  <si>
    <t>GGPS KOUR PUR</t>
  </si>
  <si>
    <t>kour pur</t>
  </si>
  <si>
    <t>Bado Kay</t>
  </si>
  <si>
    <t>GGPS KOURO WAL</t>
  </si>
  <si>
    <t>Kourowal</t>
  </si>
  <si>
    <t>kourowal</t>
  </si>
  <si>
    <t>Misbah Luqman</t>
  </si>
  <si>
    <t>GGPS KRANGALI</t>
  </si>
  <si>
    <t>Karangali</t>
  </si>
  <si>
    <t>Village Karangali tehsil pasrur District sialkot</t>
  </si>
  <si>
    <t>Fakhira Nazir</t>
  </si>
  <si>
    <t>GGPS KUALIKI</t>
  </si>
  <si>
    <t>Kullaki</t>
  </si>
  <si>
    <t>kullaki</t>
  </si>
  <si>
    <t>GGPS KUAYKI JAGEER</t>
  </si>
  <si>
    <t>Koe Ki Jagir</t>
  </si>
  <si>
    <t>koe ki jagir , Basirpur  (Teh) Depalpur ,Okara</t>
  </si>
  <si>
    <t>GGPS KUB PURA</t>
  </si>
  <si>
    <t>Kubpura</t>
  </si>
  <si>
    <t>Samra Amin</t>
  </si>
  <si>
    <t>GGPS KUBBI WALA</t>
  </si>
  <si>
    <t>Not A Moza</t>
  </si>
  <si>
    <t>shahfaisal colony dgkhan</t>
  </si>
  <si>
    <t>Urban Union</t>
  </si>
  <si>
    <t>GGPS KUCHH TUNDER KHEL</t>
  </si>
  <si>
    <t>Kutch Tunder Khel</t>
  </si>
  <si>
    <t>village kutch tunder khel</t>
  </si>
  <si>
    <t>Village Kutch Tunder Khel</t>
  </si>
  <si>
    <t>naheed akhter</t>
  </si>
  <si>
    <t>GGPS KUDLATHI</t>
  </si>
  <si>
    <t>kudlathi</t>
  </si>
  <si>
    <t>GGPS KUDYANA</t>
  </si>
  <si>
    <t>Kudiana</t>
  </si>
  <si>
    <t>GGPS Kudiana</t>
  </si>
  <si>
    <t>Kudiana Shahpur</t>
  </si>
  <si>
    <t>Mussrat Hina</t>
  </si>
  <si>
    <t>GGPS KUKAR PINDI</t>
  </si>
  <si>
    <t>Kukur Pindi</t>
  </si>
  <si>
    <t>village kukur pindi</t>
  </si>
  <si>
    <t>Dolt Pur</t>
  </si>
  <si>
    <t>Sara Ambreen</t>
  </si>
  <si>
    <t>GGPS KUKER</t>
  </si>
  <si>
    <t>Kuker</t>
  </si>
  <si>
    <t>GGPS Kuker p/o Kot Naina</t>
  </si>
  <si>
    <t>PARVEEN AKHTAR</t>
  </si>
  <si>
    <t>GGPS KUKRAN WALA WANDHA</t>
  </si>
  <si>
    <t>Wanda kukranwala</t>
  </si>
  <si>
    <t>Kukranwala</t>
  </si>
  <si>
    <t>Shehr Bano</t>
  </si>
  <si>
    <t>GGPS KUL BAJWA NO. 2</t>
  </si>
  <si>
    <t>Village kalokay post office chicharyali tehsile pasrur district sialkot</t>
  </si>
  <si>
    <t>samina kalsoom</t>
  </si>
  <si>
    <t>GGPS KULA CHOUR NO. 1</t>
  </si>
  <si>
    <t>Kulachour</t>
  </si>
  <si>
    <t>Govt girls p/s no 1 kulachour</t>
  </si>
  <si>
    <t>Jalalpur jattan</t>
  </si>
  <si>
    <t>GGPS KULA CHOUR NO. 2</t>
  </si>
  <si>
    <t>Kula Chor</t>
  </si>
  <si>
    <t>kula chor</t>
  </si>
  <si>
    <t>JPJ</t>
  </si>
  <si>
    <t>GGPS KULAYWALI</t>
  </si>
  <si>
    <t>Kullay Wali</t>
  </si>
  <si>
    <t>village Kullay wali post office noul tehsil pasrur</t>
  </si>
  <si>
    <t>G P S Kullay Wali</t>
  </si>
  <si>
    <t>GGPS KULIAN</t>
  </si>
  <si>
    <t>Kulian</t>
  </si>
  <si>
    <t>village  kulian  tehsil  kharian  distt  gujrat</t>
  </si>
  <si>
    <t>Raqiba Arshad</t>
  </si>
  <si>
    <t>GGPS KULIAN CHANOOR</t>
  </si>
  <si>
    <t>Kulian Chanoor</t>
  </si>
  <si>
    <t>village kulian chanoor</t>
  </si>
  <si>
    <t>Razia Bigam</t>
  </si>
  <si>
    <t>GGPS KULIAN FAIZ ALI</t>
  </si>
  <si>
    <t>KULIAN FAIZ ALI</t>
  </si>
  <si>
    <t>VILLAGE KULIAN FAIZ ALI POST OFFICE KARIANWALA TEH DISTRICT GUJRAT</t>
  </si>
  <si>
    <t>Ajjnala</t>
  </si>
  <si>
    <t>Safina Masud</t>
  </si>
  <si>
    <t>GGPS KULIAN GUJRAN</t>
  </si>
  <si>
    <t>Kulian  Gujran</t>
  </si>
  <si>
    <t>kulian  gujran  teh  pasrur distt sialkot</t>
  </si>
  <si>
    <t>GGPS KULIWAL</t>
  </si>
  <si>
    <t>Dhoke Kuliwal</t>
  </si>
  <si>
    <t>Dhoke Kuliwal P O Khewra Tehsil PDKhan Distt Jhelum</t>
  </si>
  <si>
    <t>MC P D Khan</t>
  </si>
  <si>
    <t>Aasima Batool</t>
  </si>
  <si>
    <t>GGPS KULKURAI NO. 1</t>
  </si>
  <si>
    <t>Kul Kurai</t>
  </si>
  <si>
    <t>Government Girls primary School Kul Kurai No 1</t>
  </si>
  <si>
    <t>Pakkaywala</t>
  </si>
  <si>
    <t>GGPS KULKURAI NO. 2</t>
  </si>
  <si>
    <t>Cha Bohar Wala</t>
  </si>
  <si>
    <t>mouza kul karai chah bohard wala</t>
  </si>
  <si>
    <t>Kulkarai</t>
  </si>
  <si>
    <t>GGPS KULL KANWAL</t>
  </si>
  <si>
    <t>kulkanwal pka naich alipur</t>
  </si>
  <si>
    <t>Kulkanwal</t>
  </si>
  <si>
    <t>Afshan Khalil</t>
  </si>
  <si>
    <t>GGPS KULLAY WALA</t>
  </si>
  <si>
    <t>Kully Wala</t>
  </si>
  <si>
    <t>Kully wala</t>
  </si>
  <si>
    <t>Charrawan</t>
  </si>
  <si>
    <t>GGPS KULLIANWALA</t>
  </si>
  <si>
    <t>kalianwala</t>
  </si>
  <si>
    <t>mukhtar akhtar</t>
  </si>
  <si>
    <t>GGPS KULTIA</t>
  </si>
  <si>
    <t>Kultia</t>
  </si>
  <si>
    <t>Post office Punjar village Kultia Tehsil Kahuta</t>
  </si>
  <si>
    <t>Nazia Shabbir</t>
  </si>
  <si>
    <t>GGPS KULU PIARA</t>
  </si>
  <si>
    <t>Kallu Piara</t>
  </si>
  <si>
    <t>kallu piara p/o bhattay kalan sialkot</t>
  </si>
  <si>
    <t>GGPS KULYA</t>
  </si>
  <si>
    <t>kulya</t>
  </si>
  <si>
    <t>Govt Girls Primary school kulya</t>
  </si>
  <si>
    <t>Mobina kanwal</t>
  </si>
  <si>
    <t>GGPS KUMHAR BASTI</t>
  </si>
  <si>
    <t>Korrala</t>
  </si>
  <si>
    <t>G.G.P/S basti kumhar chiniot</t>
  </si>
  <si>
    <t>Tariq Colony</t>
  </si>
  <si>
    <t>GGPS KUMHAR WALA</t>
  </si>
  <si>
    <t>Chabukpur</t>
  </si>
  <si>
    <t>kumharwala</t>
  </si>
  <si>
    <t>Kumharwala</t>
  </si>
  <si>
    <t>Meherpur</t>
  </si>
  <si>
    <t>Rafiaiqbal</t>
  </si>
  <si>
    <t>GGPS KUMHARAN BASTI KUMHARAN</t>
  </si>
  <si>
    <t>Lalowala</t>
  </si>
  <si>
    <t>G.G.p/s basti kumharan</t>
  </si>
  <si>
    <t>Shadab Bano</t>
  </si>
  <si>
    <t>GGPS KUNAL SHEROANA</t>
  </si>
  <si>
    <t>KUNAL SHEROANA</t>
  </si>
  <si>
    <t>SAIRA HANIF</t>
  </si>
  <si>
    <t>GGPS KUND</t>
  </si>
  <si>
    <t>mohallah utti bun vpo mithial tehsil jand district attock</t>
  </si>
  <si>
    <t>Asma Amanat</t>
  </si>
  <si>
    <t>GGPS KUND AHMAD ASSAR</t>
  </si>
  <si>
    <t>Shah Abu Tahir</t>
  </si>
  <si>
    <t>kund ahmad assar kehroor pacca lodhran</t>
  </si>
  <si>
    <t>Kund Ahmad Assar</t>
  </si>
  <si>
    <t>Chaly Wahin</t>
  </si>
  <si>
    <t>Munazza Jabeen</t>
  </si>
  <si>
    <t>GGPS KUND CHAKRALA MIANWALI</t>
  </si>
  <si>
    <t>KUND chakrala</t>
  </si>
  <si>
    <t>GGPS KUND SARGANA, P/O MURAD WALA, SARAI SIDHU (PEF,PSSP PHASE III) NOT YET HANDED OVER</t>
  </si>
  <si>
    <t>Chak Murad wala opposite petroling post Kund sargana</t>
  </si>
  <si>
    <t>GGPS KUNDAL KHURD</t>
  </si>
  <si>
    <t>p.o.kachi mand village kundal khurd</t>
  </si>
  <si>
    <t>kundal khurd</t>
  </si>
  <si>
    <t>GGPS Kunday Wala No.2</t>
  </si>
  <si>
    <t>chok churhatta, Taunsa chungi No.1</t>
  </si>
  <si>
    <t>Chah Pumban Wala</t>
  </si>
  <si>
    <t>Jameela Batool</t>
  </si>
  <si>
    <t>GGPS KUNDIAN CITY</t>
  </si>
  <si>
    <t>GGPS Kundian city</t>
  </si>
  <si>
    <t>GGPS KUNDIAN STATION</t>
  </si>
  <si>
    <t>Mohallah Islamabad Kundian</t>
  </si>
  <si>
    <t>GGPS KUNDRALA</t>
  </si>
  <si>
    <t>GGPS kundrala</t>
  </si>
  <si>
    <t>Shazia Farri Naz</t>
  </si>
  <si>
    <t>GGPS KUNJAH NO.3</t>
  </si>
  <si>
    <t>ggps kunjah no 3 near fezane madina kunjah</t>
  </si>
  <si>
    <t>Uc Kunjah</t>
  </si>
  <si>
    <t>GGPS KUNJAL</t>
  </si>
  <si>
    <t>Kunjhal</t>
  </si>
  <si>
    <t>village kunjhal p.o box tehal</t>
  </si>
  <si>
    <t>Bidder Merjan</t>
  </si>
  <si>
    <t>Samina Safdar</t>
  </si>
  <si>
    <t>GGPS KUNJALA</t>
  </si>
  <si>
    <t>v/po patwali dhok/  kunjala/tha/talagang dist/chakwal</t>
  </si>
  <si>
    <t>GGPS KUNJIDAR WALA</t>
  </si>
  <si>
    <t>Tiba Mustaqil Dermiani</t>
  </si>
  <si>
    <t>Basti kalar wali GGPS kunijidar wala daira din panah</t>
  </si>
  <si>
    <t>Basti Kalar Wali</t>
  </si>
  <si>
    <t>MC D D Panah</t>
  </si>
  <si>
    <t>KHURSHEED BEGUM</t>
  </si>
  <si>
    <t>GGPS KUR BAGLA</t>
  </si>
  <si>
    <t>Kurbagla</t>
  </si>
  <si>
    <t>village kurbagla and p/o Phagwari Tehsil murree District Rawal pindi</t>
  </si>
  <si>
    <t>Samina Rafaq</t>
  </si>
  <si>
    <t>GGPS KURAR</t>
  </si>
  <si>
    <t>village kurar</t>
  </si>
  <si>
    <t>Kinza Gilani</t>
  </si>
  <si>
    <t>water from neighbours</t>
  </si>
  <si>
    <t>GGPS KURI KOT</t>
  </si>
  <si>
    <t>Kauri Kot</t>
  </si>
  <si>
    <t>Markaz wahndo village kori kot kamoke gujranwala</t>
  </si>
  <si>
    <t>Kori Kot</t>
  </si>
  <si>
    <t>Syeda Ume Salma</t>
  </si>
  <si>
    <t>GGPS KURLKEY ANDROON</t>
  </si>
  <si>
    <t>GGPS kurlkey androon</t>
  </si>
  <si>
    <t>kurlkey androon</t>
  </si>
  <si>
    <t>GGPS KURPAL</t>
  </si>
  <si>
    <t>Kurpal</t>
  </si>
  <si>
    <t>Village Kurpal P.O Dhumman Tehsil, and District Chakwal</t>
  </si>
  <si>
    <t>Duhman</t>
  </si>
  <si>
    <t>Sidra Tazeem</t>
  </si>
  <si>
    <t>GGPS KURRI SHARIF</t>
  </si>
  <si>
    <t>Kurri Sharif</t>
  </si>
  <si>
    <t>kurri Sharif</t>
  </si>
  <si>
    <t>Marrikhokhran</t>
  </si>
  <si>
    <t>Fareeha Riaz</t>
  </si>
  <si>
    <t>GGPS KURSHEED ABAD</t>
  </si>
  <si>
    <t>GGPS khursheed abad markz neel garh tehsil khan pur</t>
  </si>
  <si>
    <t>Khursheed Abad</t>
  </si>
  <si>
    <t>Misbah Nawaz</t>
  </si>
  <si>
    <t>GGPS KUS UMER KHEL</t>
  </si>
  <si>
    <t>mohallah bumbran wala tehsil isakhel district mianwali</t>
  </si>
  <si>
    <t>GGPS KUTANAY KHEL KUNDIAN</t>
  </si>
  <si>
    <t>KUNDIAN</t>
  </si>
  <si>
    <t>GGPS Kuttanay Khel,Kundian</t>
  </si>
  <si>
    <t>MOH.Hyat Abaad</t>
  </si>
  <si>
    <t>KUNDIAN Rural</t>
  </si>
  <si>
    <t>Samreen Kousar</t>
  </si>
  <si>
    <t>GGPS KUTCHERY CHOWK</t>
  </si>
  <si>
    <t>Muhallah Karim Pura Gujrat</t>
  </si>
  <si>
    <t>Gharib Pura</t>
  </si>
  <si>
    <t>Bisma Siddique</t>
  </si>
  <si>
    <t>GGPS KUTKI</t>
  </si>
  <si>
    <t>CHAPRI</t>
  </si>
  <si>
    <t>KUTKI P.O BOX CHAPRI KAMMAR MUSHANI TEHSIL</t>
  </si>
  <si>
    <t>KUTKI</t>
  </si>
  <si>
    <t>MISBAH GUL</t>
  </si>
  <si>
    <t>GGPS KUTKI BERONI NO. 2</t>
  </si>
  <si>
    <t>Kotki Beroni</t>
  </si>
  <si>
    <t>GGPS kotki beroni no 2</t>
  </si>
  <si>
    <t>Nawan Sher</t>
  </si>
  <si>
    <t>Saima Asmat</t>
  </si>
  <si>
    <t>GGPS KUTKI THAL</t>
  </si>
  <si>
    <t>KUTKI THAL P/O CHAPRI,KAMMAR MUSHANI</t>
  </si>
  <si>
    <t>KUTKI THAL</t>
  </si>
  <si>
    <t>SAIMA IMDAD</t>
  </si>
  <si>
    <t>Connection from neighbour</t>
  </si>
  <si>
    <t>GGPS KUTLOOHI KALAN</t>
  </si>
  <si>
    <t>village Katlohi kalan</t>
  </si>
  <si>
    <t>Zareena Shaheen</t>
  </si>
  <si>
    <t>GGPS LAAL PUR</t>
  </si>
  <si>
    <t>Ggps laalpur</t>
  </si>
  <si>
    <t>Basti Laalpur</t>
  </si>
  <si>
    <t>Kanwal Mukhtar</t>
  </si>
  <si>
    <t>GGPS LABH SINGH WEST</t>
  </si>
  <si>
    <t>labh Singh West</t>
  </si>
  <si>
    <t>Chak labh singh teh n distt bwn</t>
  </si>
  <si>
    <t>Labh Singh West</t>
  </si>
  <si>
    <t>Teku Ram Pura</t>
  </si>
  <si>
    <t>GGPS LACHMAN DASS</t>
  </si>
  <si>
    <t>Canada colony</t>
  </si>
  <si>
    <t>Canada colony syedwala</t>
  </si>
  <si>
    <t>Munawar Tahira</t>
  </si>
  <si>
    <t>GGPS LADAY WALA</t>
  </si>
  <si>
    <t>Ladey wala</t>
  </si>
  <si>
    <t>village ladeywala p/o narowal the dis narowal</t>
  </si>
  <si>
    <t>Ladhey Wala</t>
  </si>
  <si>
    <t>Madoo Kahlwan</t>
  </si>
  <si>
    <t>GGPS LADDAR</t>
  </si>
  <si>
    <t>Bhatiyan Dewan</t>
  </si>
  <si>
    <t>Shahda Naseem</t>
  </si>
  <si>
    <t>GGPS LADHA</t>
  </si>
  <si>
    <t>p/o ladha village ladha sadha teh.dis gujrat</t>
  </si>
  <si>
    <t>ehlas garh</t>
  </si>
  <si>
    <t>Shabana yousaf</t>
  </si>
  <si>
    <t>GGPS LADHA BOHAR</t>
  </si>
  <si>
    <t>moza ladha  bohat Teh dunnya Pur  district lodhran</t>
  </si>
  <si>
    <t>Fouzia  Naheed</t>
  </si>
  <si>
    <t>GGPS LADHA SADHA</t>
  </si>
  <si>
    <t>Sadha</t>
  </si>
  <si>
    <t>vill&amp;p/o ladha sadha.gujrat</t>
  </si>
  <si>
    <t>Ladha Sadha</t>
  </si>
  <si>
    <t>Amira Shehzadi</t>
  </si>
  <si>
    <t>GGPS LADHAR</t>
  </si>
  <si>
    <t>Village &amp; P/O Lahdar, Tehsil and District Sialkot</t>
  </si>
  <si>
    <t>GGPS LADHAY KEY</t>
  </si>
  <si>
    <t>Ladhaykey</t>
  </si>
  <si>
    <t>GGPS LADHAYKEY</t>
  </si>
  <si>
    <t>Ladaykey</t>
  </si>
  <si>
    <t>Botala Jhanda Sing</t>
  </si>
  <si>
    <t>GGPS LADHAY KI HITHAR</t>
  </si>
  <si>
    <t>Ladhey K</t>
  </si>
  <si>
    <t>ladhey k</t>
  </si>
  <si>
    <t>BHEDIAN</t>
  </si>
  <si>
    <t>Hafiza Nyla Huma</t>
  </si>
  <si>
    <t>GGPS LADHAY WALA JALALPUR PIRWALA</t>
  </si>
  <si>
    <t>basti ladhay wala</t>
  </si>
  <si>
    <t>Basti Ladhay Wala</t>
  </si>
  <si>
    <t>Kotla Chaker</t>
  </si>
  <si>
    <t>Tahira Latif</t>
  </si>
  <si>
    <t>GGPS LADHE KI BHULLAR</t>
  </si>
  <si>
    <t>Ladheky Bhullar</t>
  </si>
  <si>
    <t>ladheky bhullar post office kahna nau tehsil and district Lahore.</t>
  </si>
  <si>
    <t>Ladheky Bhular</t>
  </si>
  <si>
    <t>GGPS LADHEKE GHARBI</t>
  </si>
  <si>
    <t>ladhky gharbi</t>
  </si>
  <si>
    <t>Hardoo Ladhky</t>
  </si>
  <si>
    <t>GGPS LADHEKI MALIAN</t>
  </si>
  <si>
    <t>Ladheki Malian</t>
  </si>
  <si>
    <t>ladheki malian p/o manno pur tehsil &amp; district sheikhupura</t>
  </si>
  <si>
    <t>Ayesha tassaduq</t>
  </si>
  <si>
    <t>GGPS LADHI, TULAMBA</t>
  </si>
  <si>
    <t>Ladhi</t>
  </si>
  <si>
    <t>PS laddhi</t>
  </si>
  <si>
    <t>Moza Ladhi</t>
  </si>
  <si>
    <t>gose Pour</t>
  </si>
  <si>
    <t>Mehnaz Kousar</t>
  </si>
  <si>
    <t>GGPS LADHU KHEL</t>
  </si>
  <si>
    <t>Village Ladhukhel,markaz Sultankhel Number 2, Tehsil Isakhel, District Mianwali</t>
  </si>
  <si>
    <t>Ladhukhel</t>
  </si>
  <si>
    <t>Faryal Fatima</t>
  </si>
  <si>
    <t>GGPS LADO PINDI</t>
  </si>
  <si>
    <t>Lado Pindi</t>
  </si>
  <si>
    <t>lado pindi, p/o head marala ,sialkot</t>
  </si>
  <si>
    <t>Head Marrala</t>
  </si>
  <si>
    <t>Rehana Yousaf</t>
  </si>
  <si>
    <t>GGPS LADOO WALA</t>
  </si>
  <si>
    <t>Sumra Thal Klan</t>
  </si>
  <si>
    <t>ladoo wala</t>
  </si>
  <si>
    <t>Ladoo Wala</t>
  </si>
  <si>
    <t>Saba Younas</t>
  </si>
  <si>
    <t>GGPS LADU BHULLAR</t>
  </si>
  <si>
    <t>Ladu Bhullar</t>
  </si>
  <si>
    <t>vill Ladu bhullar p\o dhoda teh pasrur distt sialkot</t>
  </si>
  <si>
    <t>GGPS LADWA</t>
  </si>
  <si>
    <t>ladwa</t>
  </si>
  <si>
    <t>govt. model primary school ladwa</t>
  </si>
  <si>
    <t>jalal pur sharif</t>
  </si>
  <si>
    <t>GGPS LAHI FAZAL SHAH</t>
  </si>
  <si>
    <t>lahi Fazal Shah</t>
  </si>
  <si>
    <t>GGPS Lahi fazal shah</t>
  </si>
  <si>
    <t>Lahi Fazal Shah</t>
  </si>
  <si>
    <t>Mirak</t>
  </si>
  <si>
    <t>Shahida Habib</t>
  </si>
  <si>
    <t>GGPS LAHI ZAREEN</t>
  </si>
  <si>
    <t>Lahi Zreen</t>
  </si>
  <si>
    <t>post office chochaq disttrict okara</t>
  </si>
  <si>
    <t>Lahi Zareen</t>
  </si>
  <si>
    <t>Naveed Kousr</t>
  </si>
  <si>
    <t>GGPS LAHORIAN</t>
  </si>
  <si>
    <t>Lahorian</t>
  </si>
  <si>
    <t>Village lahorian,tehs./distt.gujrat</t>
  </si>
  <si>
    <t>Fazeelat Jabeen Akhtar</t>
  </si>
  <si>
    <t>GGPS LAITAN</t>
  </si>
  <si>
    <t>laittan near mannawala</t>
  </si>
  <si>
    <t>Laittan</t>
  </si>
  <si>
    <t>Fozia Anjum</t>
  </si>
  <si>
    <t>GGPS LAITAN TEH NANKANA</t>
  </si>
  <si>
    <t>Laitan</t>
  </si>
  <si>
    <t>laitan</t>
  </si>
  <si>
    <t>Mehmooda Sarwat</t>
  </si>
  <si>
    <t>GGPS LAK BADHAR</t>
  </si>
  <si>
    <t>Moza lak badhar</t>
  </si>
  <si>
    <t>GGPS LAKHAN</t>
  </si>
  <si>
    <t>ggps lakhan chakri road rwp</t>
  </si>
  <si>
    <t>Danish Amjad</t>
  </si>
  <si>
    <t>GGPS LAKHAN KAY BHANGOOR</t>
  </si>
  <si>
    <t>Lakhan Kay</t>
  </si>
  <si>
    <t>lakhan kay</t>
  </si>
  <si>
    <t>Lakhan Ky</t>
  </si>
  <si>
    <t>GGPS LAKHAN KAY SHARIF</t>
  </si>
  <si>
    <t>lakhen Kay sharif</t>
  </si>
  <si>
    <t>Jallo Mor</t>
  </si>
  <si>
    <t>Sehrish Kanwal</t>
  </si>
  <si>
    <t>GGPS LAKHAN WALI</t>
  </si>
  <si>
    <t>Aaliwahin</t>
  </si>
  <si>
    <t>basti lakhan wali mouza aliwahn post office hatheji tehseel Ahmed pur east</t>
  </si>
  <si>
    <t>Lakhan Wali</t>
  </si>
  <si>
    <t>Razia</t>
  </si>
  <si>
    <t>GGPS LAKHENKAY</t>
  </si>
  <si>
    <t>LAkhankay</t>
  </si>
  <si>
    <t>Lakhankay</t>
  </si>
  <si>
    <t>Baby Tabasum</t>
  </si>
  <si>
    <t>GGPS LAKHIA</t>
  </si>
  <si>
    <t>Lakhia</t>
  </si>
  <si>
    <t>Solangiawan</t>
  </si>
  <si>
    <t>Saba Mehreen</t>
  </si>
  <si>
    <t>GGPS LAKHIBHIR</t>
  </si>
  <si>
    <t>lakhi bhir p/o vehoa tehsel tansa sharif</t>
  </si>
  <si>
    <t>lakhi bhir</t>
  </si>
  <si>
    <t>mithwan</t>
  </si>
  <si>
    <t>Tahira Fatmah</t>
  </si>
  <si>
    <t>peeter</t>
  </si>
  <si>
    <t>GGPS LAKHMIR DHUDI NO 2</t>
  </si>
  <si>
    <t>Lakhmir Dhoudi</t>
  </si>
  <si>
    <t>Jaal wala road paka tiba Govt.girls P/S Lakhmir dhoudi No:2</t>
  </si>
  <si>
    <t>Kot Fateh Muhammad Shah</t>
  </si>
  <si>
    <t>Tahira Majeed</t>
  </si>
  <si>
    <t>GGPS LAKHNOOR</t>
  </si>
  <si>
    <t>LAKHNOOR</t>
  </si>
  <si>
    <t>Village Lakhnoor post office Tarkhana mureeda</t>
  </si>
  <si>
    <t>Fariha Faiza</t>
  </si>
  <si>
    <t>GGPS LAKHO MALKANA</t>
  </si>
  <si>
    <t>Lakhu Malkana</t>
  </si>
  <si>
    <t>Lakhu malkana</t>
  </si>
  <si>
    <t>Furrukh Shahzadi</t>
  </si>
  <si>
    <t>GGPS LAKHOKY</t>
  </si>
  <si>
    <t>Lakhoky</t>
  </si>
  <si>
    <t>Lakhoky Lahore</t>
  </si>
  <si>
    <t>GGPS LAKHOO</t>
  </si>
  <si>
    <t>Lakhoo</t>
  </si>
  <si>
    <t>GGPS Lakhoo dakh khana noon</t>
  </si>
  <si>
    <t>Ayesha Adeel</t>
  </si>
  <si>
    <t>GGPS LAKHOOK KE KALAN</t>
  </si>
  <si>
    <t>Lakhu Ke Kalan</t>
  </si>
  <si>
    <t>lakhu ke kalan burewala</t>
  </si>
  <si>
    <t>GGPS LAKKARMAR</t>
  </si>
  <si>
    <t>Nara Taraf Nara</t>
  </si>
  <si>
    <t>v,p,o lakkar mar tehsil jand dist attock</t>
  </si>
  <si>
    <t>Lakkar Mar</t>
  </si>
  <si>
    <t>GGPS LAKSEEN</t>
  </si>
  <si>
    <t>GGP s lakseen</t>
  </si>
  <si>
    <t>GGPS LAL DEH</t>
  </si>
  <si>
    <t>Lal Deh</t>
  </si>
  <si>
    <t>LAL DEH po Luddan</t>
  </si>
  <si>
    <t>Sobia Sharif</t>
  </si>
  <si>
    <t>GGPS LAL KHEL</t>
  </si>
  <si>
    <t>Kotgulla</t>
  </si>
  <si>
    <t>lalkhel vpo kotgullah lawa chukwal</t>
  </si>
  <si>
    <t>Lalkhel</t>
  </si>
  <si>
    <t>GGPS LAL KURTI</t>
  </si>
  <si>
    <t>Lal Kurti</t>
  </si>
  <si>
    <t>Lal Kurti Tehsil &amp; District Sialkot</t>
  </si>
  <si>
    <t>Sitara Hamid Butt</t>
  </si>
  <si>
    <t>GGPS LAL WALA</t>
  </si>
  <si>
    <t>GGPS LAL WALA, MARKAZ BASTI MALANA, KOT CHUTTA</t>
  </si>
  <si>
    <t>GGPS LAL WALA, KABIRWALA</t>
  </si>
  <si>
    <t>kho lal wala</t>
  </si>
  <si>
    <t>lal wala</t>
  </si>
  <si>
    <t>Aisha Zafar</t>
  </si>
  <si>
    <t>GGPS LAL WALI</t>
  </si>
  <si>
    <t>Bhutty  Wali</t>
  </si>
  <si>
    <t>ggps lal  wali</t>
  </si>
  <si>
    <t>Ial Wali</t>
  </si>
  <si>
    <t>Hina Amir</t>
  </si>
  <si>
    <t>GGPS LALA AMAR SINGH</t>
  </si>
  <si>
    <t>Lala Amer Sing</t>
  </si>
  <si>
    <t>lala Amer sing Teh minchin abad Dist Bwn</t>
  </si>
  <si>
    <t>Rubina Kalsom</t>
  </si>
  <si>
    <t>GGPS LALA CHAK</t>
  </si>
  <si>
    <t>GGPS Lala Chak Gujrat</t>
  </si>
  <si>
    <t>Lala Chak</t>
  </si>
  <si>
    <t>GGPS LALAY KHEL</t>
  </si>
  <si>
    <t>Ameer Khel</t>
  </si>
  <si>
    <t>wandah lalay khel paikhel</t>
  </si>
  <si>
    <t>Lalay Khel</t>
  </si>
  <si>
    <t>Maha Sultana</t>
  </si>
  <si>
    <t>GGPS LALI PUR</t>
  </si>
  <si>
    <t>Lali pur</t>
  </si>
  <si>
    <t>Tehmeena Jaffar</t>
  </si>
  <si>
    <t>GGPS LALIAN NO. 2</t>
  </si>
  <si>
    <t>govt girls primary school number 2 Lalian</t>
  </si>
  <si>
    <t>GGPS LALIAN WALA</t>
  </si>
  <si>
    <t>Lalianwala</t>
  </si>
  <si>
    <t>lalianwala jhang</t>
  </si>
  <si>
    <t>Kanwal Shahzadi</t>
  </si>
  <si>
    <t>GGPS LALLOH</t>
  </si>
  <si>
    <t>Lalloh</t>
  </si>
  <si>
    <t>lalloh barki lahore cantt</t>
  </si>
  <si>
    <t>Abida Sadiq</t>
  </si>
  <si>
    <t>GGPS LALOKAY</t>
  </si>
  <si>
    <t>Lalokay</t>
  </si>
  <si>
    <t>village: lalokay, p/o : city sialkot, tehsil &amp; district : sialkot</t>
  </si>
  <si>
    <t>Rasool Pur Bhallian</t>
  </si>
  <si>
    <t>GGPS LALOO MATHA ARRAIN</t>
  </si>
  <si>
    <t>Kachi Kamal</t>
  </si>
  <si>
    <t>ggps Laloo Mitha arain basti Qasim khan khanpur</t>
  </si>
  <si>
    <t>Haleema Abdul Wadood</t>
  </si>
  <si>
    <t>GGPS LALOO NAICH</t>
  </si>
  <si>
    <t>besti khanwara lalu naich</t>
  </si>
  <si>
    <t>Nusrat batool</t>
  </si>
  <si>
    <t>GGPS LALOO WALA NO. 2</t>
  </si>
  <si>
    <t>ggps laloo wala no.2</t>
  </si>
  <si>
    <t>Saima Zakir</t>
  </si>
  <si>
    <t>GGPS LALU KAY</t>
  </si>
  <si>
    <t>Lalukey</t>
  </si>
  <si>
    <t>Govt. Girls primary school lalu Kay</t>
  </si>
  <si>
    <t>Lalu Kay</t>
  </si>
  <si>
    <t>Sraser Hithar</t>
  </si>
  <si>
    <t>GGPS LALU NO. 1 BASTI LALU</t>
  </si>
  <si>
    <t>Lalu</t>
  </si>
  <si>
    <t>basti lalu</t>
  </si>
  <si>
    <t>Basti Lalu</t>
  </si>
  <si>
    <t>Nusrat Khatoon</t>
  </si>
  <si>
    <t>GGPS LALU NO. 2</t>
  </si>
  <si>
    <t>GGPS LALWARI</t>
  </si>
  <si>
    <t>Lalwari</t>
  </si>
  <si>
    <t>lalwari</t>
  </si>
  <si>
    <t>Moin U Din Pur</t>
  </si>
  <si>
    <t>Ammara Akram</t>
  </si>
  <si>
    <t>GGPS LAMBOUR</t>
  </si>
  <si>
    <t>Lambour</t>
  </si>
  <si>
    <t>village lambour P/O JPJ Teh and dist Gujrat</t>
  </si>
  <si>
    <t>GGPS Lamby Matam</t>
  </si>
  <si>
    <t>Lambay Matam</t>
  </si>
  <si>
    <t>lambay matam(gulzar jageer) phool nagar pattoki</t>
  </si>
  <si>
    <t>Gulzar Jageer</t>
  </si>
  <si>
    <t>GGPS LAMEY KHEL</t>
  </si>
  <si>
    <t>Daud Khel Paka</t>
  </si>
  <si>
    <t>ggps lamey khel near railway station daudkhel</t>
  </si>
  <si>
    <t>submersible pump</t>
  </si>
  <si>
    <t>GGPS LAMMAH</t>
  </si>
  <si>
    <t>Lamma</t>
  </si>
  <si>
    <t>vill &amp; p-o Lamma Teh kharian Distt Gujrat</t>
  </si>
  <si>
    <t>Mussarat Asghar</t>
  </si>
  <si>
    <t>GGPS LANDI KHEL</t>
  </si>
  <si>
    <t>G.G.P/S landi khel</t>
  </si>
  <si>
    <t>Landi Khel</t>
  </si>
  <si>
    <t>GGPS LANDIAN WALA</t>
  </si>
  <si>
    <t>Landianwala</t>
  </si>
  <si>
    <t>govt girls primary school landianwala</t>
  </si>
  <si>
    <t>GGPS LANGAR</t>
  </si>
  <si>
    <t>langer</t>
  </si>
  <si>
    <t>Vpo Langar Teh Jand  Distt Attock</t>
  </si>
  <si>
    <t>Dur i Nayab</t>
  </si>
  <si>
    <t>GGPS LANGER KHEL</t>
  </si>
  <si>
    <t>wandha langare khela wala</t>
  </si>
  <si>
    <t>langar khel</t>
  </si>
  <si>
    <t>mC kundian</t>
  </si>
  <si>
    <t>GGPS LANGER PAKHRAL</t>
  </si>
  <si>
    <t>Langer Pakhral</t>
  </si>
  <si>
    <t>village langer pakhral p/o diali teh sohawa jhelum</t>
  </si>
  <si>
    <t>GGPS LANGIAN WALI</t>
  </si>
  <si>
    <t>Village langianwali p/o jandyala dhabwala</t>
  </si>
  <si>
    <t>Sobia Sadaf</t>
  </si>
  <si>
    <t>GGPS LANGIWAR</t>
  </si>
  <si>
    <t>Langiwar</t>
  </si>
  <si>
    <t>basti nathani, teh. kpr, disst.ryk</t>
  </si>
  <si>
    <t>Basti Nathani</t>
  </si>
  <si>
    <t>GGPS LANGRIAL NO.2</t>
  </si>
  <si>
    <t>p.o langrial tehsil Kharian district Gujrat</t>
  </si>
  <si>
    <t>Afia Bibi</t>
  </si>
  <si>
    <t>GGPS LANI WALA</t>
  </si>
  <si>
    <t>Lani Wala</t>
  </si>
  <si>
    <t>ggps Lani wala</t>
  </si>
  <si>
    <t>samina Naz</t>
  </si>
  <si>
    <t>GGPS LANMBRAY</t>
  </si>
  <si>
    <t>Lanmbray</t>
  </si>
  <si>
    <t>village lanmbray tehsil muridke district sheikhupura</t>
  </si>
  <si>
    <t>Tasneem  Koser</t>
  </si>
  <si>
    <t>GGPS LAPHI</t>
  </si>
  <si>
    <t>Laphi</t>
  </si>
  <si>
    <t>VPO laphi tehsil kallar kahar district chakwal</t>
  </si>
  <si>
    <t>Sehrish Mehreen</t>
  </si>
  <si>
    <t>GGPS LAR MULTAN</t>
  </si>
  <si>
    <t>Ggps lar adda lar bahawalpur road</t>
  </si>
  <si>
    <t>Rubina Khanum</t>
  </si>
  <si>
    <t>GGPS LARIAN</t>
  </si>
  <si>
    <t>GGPS Larian, Kot gullah</t>
  </si>
  <si>
    <t>Kot Gullah</t>
  </si>
  <si>
    <t>GGPS LARRA</t>
  </si>
  <si>
    <t>p/o karloo  Wala  basti larra tehsil mankera district bhakkar</t>
  </si>
  <si>
    <t>Larra</t>
  </si>
  <si>
    <t>Karloo Wala</t>
  </si>
  <si>
    <t>GGPS LARRA DAKHLI NOSHEHRA</t>
  </si>
  <si>
    <t>dhoke larra noshehra</t>
  </si>
  <si>
    <t>Dhoke Larra</t>
  </si>
  <si>
    <t>Asma Mehmood</t>
  </si>
  <si>
    <t>GGPS LASHARI NAGAR</t>
  </si>
  <si>
    <t>G GPS LASHARI NAGAR</t>
  </si>
  <si>
    <t>Lashari Nagar</t>
  </si>
  <si>
    <t>GGPS LASHARIAN L PLOT</t>
  </si>
  <si>
    <t>LPLOT  Fojian</t>
  </si>
  <si>
    <t>GGPS L PLOT LASHARIAN</t>
  </si>
  <si>
    <t>L PLOT LASHARIAN</t>
  </si>
  <si>
    <t>LPLOT Fojian</t>
  </si>
  <si>
    <t>Shakira Parveen</t>
  </si>
  <si>
    <t>GGPS LASHKARI</t>
  </si>
  <si>
    <t>ggps basti lashkari</t>
  </si>
  <si>
    <t>basti lashkari kpr</t>
  </si>
  <si>
    <t>city kpr</t>
  </si>
  <si>
    <t>Yasmin Anwar</t>
  </si>
  <si>
    <t>GGPS LASHKARI PUR</t>
  </si>
  <si>
    <t>Lashkripur</t>
  </si>
  <si>
    <t>lashkripur gujranwala</t>
  </si>
  <si>
    <t>Tayyaba Rasheed</t>
  </si>
  <si>
    <t>GGPS LASKANI WALA</t>
  </si>
  <si>
    <t>Government  Girls  primary school Laskani wala</t>
  </si>
  <si>
    <t>Laskani wala</t>
  </si>
  <si>
    <t>GGPS LASSA</t>
  </si>
  <si>
    <t>Lassa</t>
  </si>
  <si>
    <t>village lasa po ratwal</t>
  </si>
  <si>
    <t>Farzana Mehboob</t>
  </si>
  <si>
    <t>GGPS LASURI KOHNA MUMTAZ NAGAR SHUJABAD DISTT. MULTA</t>
  </si>
  <si>
    <t>Lasuri</t>
  </si>
  <si>
    <t>Ganwein</t>
  </si>
  <si>
    <t>Saira</t>
  </si>
  <si>
    <t>GGPS LATIFAL</t>
  </si>
  <si>
    <t>Latifal</t>
  </si>
  <si>
    <t>village latifal po mangwal teh and distt chakwal</t>
  </si>
  <si>
    <t>Shireen Hyder</t>
  </si>
  <si>
    <t>GGPS LATORI SYEDAN</t>
  </si>
  <si>
    <t>Latori Syedan</t>
  </si>
  <si>
    <t>Latori Syedan, P.O Mator, tehsil Kahuta ,Distt Rwp</t>
  </si>
  <si>
    <t>Ujala Rashid</t>
  </si>
  <si>
    <t>GGPS LAU</t>
  </si>
  <si>
    <t>lau</t>
  </si>
  <si>
    <t>GGPS LEHLIAN</t>
  </si>
  <si>
    <t>Lehlian</t>
  </si>
  <si>
    <t>GGPS Lehlian</t>
  </si>
  <si>
    <t>Niddokey</t>
  </si>
  <si>
    <t>Erum Naz</t>
  </si>
  <si>
    <t>GGPS LEHNA SINGH WALA</t>
  </si>
  <si>
    <t>lehna singh wala chak no 287</t>
  </si>
  <si>
    <t>Mobushra Manzoor</t>
  </si>
  <si>
    <t>GGPS LEHRI HAJIAL</t>
  </si>
  <si>
    <t>Lari Hajial</t>
  </si>
  <si>
    <t>P/O Basharat  village Lari  Hajial tehsil,  choa saiden shah distt chakwal</t>
  </si>
  <si>
    <t>Iqra Shabbir</t>
  </si>
  <si>
    <t>Mezail motor</t>
  </si>
  <si>
    <t>GGPS LEHRI SHAH NAWAZ</t>
  </si>
  <si>
    <t>Lari Shah Nawaz</t>
  </si>
  <si>
    <t>Lari shah nawaz</t>
  </si>
  <si>
    <t>GGPS LEHRI SYDAN</t>
  </si>
  <si>
    <t>Lehri Syedan</t>
  </si>
  <si>
    <t>GGPS Lehri Syedan</t>
  </si>
  <si>
    <t>Nazia Mehnaz</t>
  </si>
  <si>
    <t>GGPS LESS KOTLI</t>
  </si>
  <si>
    <t>Korina Kallan</t>
  </si>
  <si>
    <t>dhok less Kotli vill korina kallan teh kotli sattian</t>
  </si>
  <si>
    <t>Subhana Noureen</t>
  </si>
  <si>
    <t>GGPS LESSAR KALAN</t>
  </si>
  <si>
    <t>lessar kalan,tehsil zafarwal,dist narowal</t>
  </si>
  <si>
    <t>Rifat Rani</t>
  </si>
  <si>
    <t>GGPS LIAQAT COLONY</t>
  </si>
  <si>
    <t>Liaqat Colony</t>
  </si>
  <si>
    <t>ggps liaqat colony Rawalpindi</t>
  </si>
  <si>
    <t>Rubina  Walayat</t>
  </si>
  <si>
    <t>GGPS LIAQAT COLONY SARGODHA</t>
  </si>
  <si>
    <t>liaqat colony model p/s</t>
  </si>
  <si>
    <t>Bisma Mahmood</t>
  </si>
  <si>
    <t>GGPS LIAQAT RATHOR</t>
  </si>
  <si>
    <t>Rubnawaz Pura</t>
  </si>
  <si>
    <t>basti muneer abad</t>
  </si>
  <si>
    <t>Basti Muneer Abad</t>
  </si>
  <si>
    <t>GULSHAN ARA</t>
  </si>
  <si>
    <t>GGPS LIFT SCHEME SAMAND WALA</t>
  </si>
  <si>
    <t>ggps lift schem samnd wala markaz Moch</t>
  </si>
  <si>
    <t>GGPS LILA KAMALA PUR</t>
  </si>
  <si>
    <t>Lila Kamalpur</t>
  </si>
  <si>
    <t>village lila kamalpur, p/o jhatta hathial,d/t rwp</t>
  </si>
  <si>
    <t>Nabila kousar</t>
  </si>
  <si>
    <t>GGPS LILIANDI P/O DHUMMAN</t>
  </si>
  <si>
    <t>Lillyandi</t>
  </si>
  <si>
    <t>v lillyandi po duhman Teh&amp;Distt Chakwal</t>
  </si>
  <si>
    <t>Mehnaz Ghafoor</t>
  </si>
  <si>
    <t>GGPS LILLA BHERA</t>
  </si>
  <si>
    <t>G g p s Lilla bhera</t>
  </si>
  <si>
    <t>Lilla  bhera</t>
  </si>
  <si>
    <t>Lilla town</t>
  </si>
  <si>
    <t>Mehnaz Anjum</t>
  </si>
  <si>
    <t>GGPS LINE PARK CHAKWAL</t>
  </si>
  <si>
    <t>ggps line park chakwal</t>
  </si>
  <si>
    <t>yasmin akthar khan</t>
  </si>
  <si>
    <t>GGPS LITRA NO.2</t>
  </si>
  <si>
    <t>GGPS no:2, litra</t>
  </si>
  <si>
    <t>Munaza Jabeen</t>
  </si>
  <si>
    <t>GGPS LOCO WALA BASTI AZIZ ABAD</t>
  </si>
  <si>
    <t>basti Aziz Abad locowala</t>
  </si>
  <si>
    <t>Shagufta Raza</t>
  </si>
  <si>
    <t>GGPS LODHI JAJJA</t>
  </si>
  <si>
    <t>Lodhi Jajja</t>
  </si>
  <si>
    <t>lodhi jajja teh pasrur distt Sialkot</t>
  </si>
  <si>
    <t>Fazilat Munawar</t>
  </si>
  <si>
    <t>GGPS LODHI KHANGORA</t>
  </si>
  <si>
    <t>Lodhi Khangora</t>
  </si>
  <si>
    <t>village lodhi khangora p/o Ahmad and Tehsil narowal</t>
  </si>
  <si>
    <t>GGPS LODHI LAWARI</t>
  </si>
  <si>
    <t>Lodhi Lawari</t>
  </si>
  <si>
    <t>lodhi lawari p.o box Ikhlaspur tehsil skg. district narowal</t>
  </si>
  <si>
    <t>Jalala Shareef</t>
  </si>
  <si>
    <t>GGPS LODHRAN</t>
  </si>
  <si>
    <t>Kotla Mehr Ali</t>
  </si>
  <si>
    <t>village lodhran kotla Mehr ali</t>
  </si>
  <si>
    <t>Bushra Tanveer</t>
  </si>
  <si>
    <t>GGPS LODIA</t>
  </si>
  <si>
    <t>Mouza lLodia Teh.Bhowana District. Chiniot</t>
  </si>
  <si>
    <t>Farhat Nazar</t>
  </si>
  <si>
    <t>GGPS LOGHAR JHUGIAN</t>
  </si>
  <si>
    <t>Logher Juggian</t>
  </si>
  <si>
    <t>govt girls p/s logher jughian</t>
  </si>
  <si>
    <t>Logher Jughian</t>
  </si>
  <si>
    <t>Asifa Yaseen</t>
  </si>
  <si>
    <t>GGPS LOHA BHIR</t>
  </si>
  <si>
    <t>Lohabhir</t>
  </si>
  <si>
    <t>p/omachiwal moza loha bhir</t>
  </si>
  <si>
    <t>Loha Bhir</t>
  </si>
  <si>
    <t>Qayum Fatima</t>
  </si>
  <si>
    <t>GGPS LOHA TIBBA</t>
  </si>
  <si>
    <t>village loha tibba</t>
  </si>
  <si>
    <t>Loha Tibba</t>
  </si>
  <si>
    <t>Nargis Tahira</t>
  </si>
  <si>
    <t>GGPS LOHAAL</t>
  </si>
  <si>
    <t>Lohal</t>
  </si>
  <si>
    <t>lohal zfrwal tehseel</t>
  </si>
  <si>
    <t>Farkhnda Naz</t>
  </si>
  <si>
    <t>GGPS LOHAN MOCHI WALA</t>
  </si>
  <si>
    <t>Patti Data Chokha</t>
  </si>
  <si>
    <t>Basti Lohin Mochi Wala Kot Addu</t>
  </si>
  <si>
    <t>Lohin Mochi Wala</t>
  </si>
  <si>
    <t>GGPS LOHARA</t>
  </si>
  <si>
    <t>PO Mahinwal village Lohara</t>
  </si>
  <si>
    <t>Ghulam Uma Rabbab</t>
  </si>
  <si>
    <t>GGPS LOHARI GATE BASTI MITHU SHUJABAD</t>
  </si>
  <si>
    <t>Jhand Wala</t>
  </si>
  <si>
    <t>ggpsloharigate</t>
  </si>
  <si>
    <t>GGPS LOHARI WALA</t>
  </si>
  <si>
    <t>Lohari Wala</t>
  </si>
  <si>
    <t>Lohari Wala PO Daula Pukhta</t>
  </si>
  <si>
    <t>Mancharian</t>
  </si>
  <si>
    <t>GGPS LOHARKA</t>
  </si>
  <si>
    <t>Sohail Singh</t>
  </si>
  <si>
    <t>ggps kabotri minchin abad</t>
  </si>
  <si>
    <t>Sajidaperveen</t>
  </si>
  <si>
    <t>GGPS LOHI</t>
  </si>
  <si>
    <t>lohi</t>
  </si>
  <si>
    <t>LOHI UC  BEROT</t>
  </si>
  <si>
    <t>LOHI</t>
  </si>
  <si>
    <t>Musarat jabeen</t>
  </si>
  <si>
    <t>GGPS LOHLAY RAJPOOT</t>
  </si>
  <si>
    <t>Lohlyrajputan</t>
  </si>
  <si>
    <t>lohlyrajputan</t>
  </si>
  <si>
    <t>Samina Mohammad Ali</t>
  </si>
  <si>
    <t>GGPS LOKO SHADE KUNDIAN</t>
  </si>
  <si>
    <t>ggps locoshed1965@gmail.com</t>
  </si>
  <si>
    <t>Zeenat Fatima</t>
  </si>
  <si>
    <t>GGPS LOKRI SARDAR ALAM</t>
  </si>
  <si>
    <t>Ratto Kala</t>
  </si>
  <si>
    <t>GGPS LOKRI SARDAR ALAM, tehsil Bhalwal, district Sargodha.</t>
  </si>
  <si>
    <t>Sardar Alam</t>
  </si>
  <si>
    <t>Aneela Kousar</t>
  </si>
  <si>
    <t>GGPS LOLA BASTI</t>
  </si>
  <si>
    <t>Lolay</t>
  </si>
  <si>
    <t>Lolay p/o kandiwal teh lalian distt chiniot</t>
  </si>
  <si>
    <t>GGPS LONGAWALI</t>
  </si>
  <si>
    <t>Longanwali</t>
  </si>
  <si>
    <t>moza longanwali post office noorshah tehsil and district sahiwal</t>
  </si>
  <si>
    <t>GGPS LONGOKI</t>
  </si>
  <si>
    <t>Longoki</t>
  </si>
  <si>
    <t>village Longoki</t>
  </si>
  <si>
    <t>Roussa</t>
  </si>
  <si>
    <t>SAKINA NISAR</t>
  </si>
  <si>
    <t>GGPS LOOMRI WALA</t>
  </si>
  <si>
    <t>chah loomri wala patti daya chokha sanawan</t>
  </si>
  <si>
    <t>Loomri Wala</t>
  </si>
  <si>
    <t>Hina naz</t>
  </si>
  <si>
    <t>GGPS LOONI BAZDARAN</t>
  </si>
  <si>
    <t>GGPS Looni Bazdaran vill.looni bazdaran p.o kallar syedan tehsil. kallar syedan district Rawalpindi.</t>
  </si>
  <si>
    <t>Looni Bazdaran</t>
  </si>
  <si>
    <t>Mukashif Shoaib</t>
  </si>
  <si>
    <t>GGPS LOONI SHAH NAL</t>
  </si>
  <si>
    <t>Govt. Girls Primary School Looni</t>
  </si>
  <si>
    <t>Basti Looni</t>
  </si>
  <si>
    <t>GGPS LORAN WALI</t>
  </si>
  <si>
    <t>Loranwali</t>
  </si>
  <si>
    <t>post office adhrama Loranwali tehsil kotmomin district sargodha</t>
  </si>
  <si>
    <t>LORAN WAI</t>
  </si>
  <si>
    <t>GGPS LOT NO 218</t>
  </si>
  <si>
    <t>chak no 4RMK p/O khansar Tehsil &amp; District Bhakkar</t>
  </si>
  <si>
    <t>4RMK</t>
  </si>
  <si>
    <t>Samina Anwar</t>
  </si>
  <si>
    <t>GGPS LOT NO. 58</t>
  </si>
  <si>
    <t>Rakh Dagraan Wali</t>
  </si>
  <si>
    <t>lot no 58 Po box Barkat wala</t>
  </si>
  <si>
    <t>Barkat  Wala</t>
  </si>
  <si>
    <t>Aisha Khanam</t>
  </si>
  <si>
    <t>GGPS LOT NO. 78 CHAH LENA</t>
  </si>
  <si>
    <t>Chak No 47 TDA</t>
  </si>
  <si>
    <t>Lot no 78 chah Lena Chak no 47 TDA P/O Chak no 47 TDA</t>
  </si>
  <si>
    <t>Chak No 45 TDA</t>
  </si>
  <si>
    <t>GGPS LOT NO.187</t>
  </si>
  <si>
    <t>Menkera</t>
  </si>
  <si>
    <t>lot no 187 menkera</t>
  </si>
  <si>
    <t>Lot No187</t>
  </si>
  <si>
    <t>SURIA BIBI</t>
  </si>
  <si>
    <t>GGPS LOTA JHELUM</t>
  </si>
  <si>
    <t>Lota</t>
  </si>
  <si>
    <t>village &amp;p.o lota</t>
  </si>
  <si>
    <t>GGPS LOTA KHOOH</t>
  </si>
  <si>
    <t>ggps lota khoo</t>
  </si>
  <si>
    <t>Lota Khooh</t>
  </si>
  <si>
    <t>GGPS LOWANKH</t>
  </si>
  <si>
    <t>Loankh</t>
  </si>
  <si>
    <t>village loankh post office bheri khurd</t>
  </si>
  <si>
    <t>Faiza Nuzhat</t>
  </si>
  <si>
    <t>GGPS LOWER BIRGRAN</t>
  </si>
  <si>
    <t>Village birgran post office sher bagla tehsil murree district rawal pindi</t>
  </si>
  <si>
    <t>Sumaira Safeer</t>
  </si>
  <si>
    <t>GGPS LOWER DHELA</t>
  </si>
  <si>
    <t>village dehla post ofic Phagwari teh Murree dist RWP</t>
  </si>
  <si>
    <t>Rauf UN Nisa</t>
  </si>
  <si>
    <t>GGPS LOWER DHIR KOT SATTIAN</t>
  </si>
  <si>
    <t>Lower Dheer Kot</t>
  </si>
  <si>
    <t>lower Dheer kot Sattian p.of Dheer kot Sattian teh kotli sattian</t>
  </si>
  <si>
    <t>Dheer Kot Kthwalan</t>
  </si>
  <si>
    <t>GGPS LOWER GUFF</t>
  </si>
  <si>
    <t>GGPS Lower Guff P.O Kalarya Tehsil kaler syedan District Rwp</t>
  </si>
  <si>
    <t>Lower Guff</t>
  </si>
  <si>
    <t>GGPS LOWER KOTLI</t>
  </si>
  <si>
    <t>Lower Kotli</t>
  </si>
  <si>
    <t>lower kotli</t>
  </si>
  <si>
    <t>Neelum Kouser</t>
  </si>
  <si>
    <t>GGPS LOWER PAGHWARI</t>
  </si>
  <si>
    <t>lower Phagwari</t>
  </si>
  <si>
    <t>VPO Phagwari Teh Murree Distt Rawalpindi</t>
  </si>
  <si>
    <t>Madiha Abbasi</t>
  </si>
  <si>
    <t>GGPS LOWER TOPA</t>
  </si>
  <si>
    <t>Bergrain</t>
  </si>
  <si>
    <t>village Kaseri post office sehr bagla Tehsil Murree</t>
  </si>
  <si>
    <t>Kaseri</t>
  </si>
  <si>
    <t>GGPS LUBBAN WALA</t>
  </si>
  <si>
    <t>Lubanwala Kala Khati Road Lubanwala</t>
  </si>
  <si>
    <t>Fozia Amin</t>
  </si>
  <si>
    <t>GGPS LUBHANA CHAK NO. 37</t>
  </si>
  <si>
    <t>Lubanachak37</t>
  </si>
  <si>
    <t>lubana Chak 37</t>
  </si>
  <si>
    <t>Lunana Chak37</t>
  </si>
  <si>
    <t>Burj Mahalum35</t>
  </si>
  <si>
    <t>Naila Tasneem</t>
  </si>
  <si>
    <t>GGPS LUCHMAN WALA</t>
  </si>
  <si>
    <t>lachmanWala po zammey wala teh k kot bkr</t>
  </si>
  <si>
    <t>Lachman Wala</t>
  </si>
  <si>
    <t>shaista shahnaz</t>
  </si>
  <si>
    <t>GGPS LUCK KALAN OLD</t>
  </si>
  <si>
    <t>new abadi shumali khawr town Darya khan</t>
  </si>
  <si>
    <t>Darya khan</t>
  </si>
  <si>
    <t>Sobia Yameen</t>
  </si>
  <si>
    <t>GGPS LUDA MAHNI SHARQI</t>
  </si>
  <si>
    <t>Luda Mahni, Rustam Sargana</t>
  </si>
  <si>
    <t>GGPS LUDAMANI GHARBI</t>
  </si>
  <si>
    <t>GGPS LUDAR ROHIWALA</t>
  </si>
  <si>
    <t>Ludhar Rohiwala</t>
  </si>
  <si>
    <t>village Ludhar Rohiwala Teh Dist Narowal</t>
  </si>
  <si>
    <t>Maryam Taleh</t>
  </si>
  <si>
    <t>GGPS LUDDAY WALA P.O LITTEN</t>
  </si>
  <si>
    <t>Ludday wala Mankera Bhakkar</t>
  </si>
  <si>
    <t>Karlo Wala</t>
  </si>
  <si>
    <t>Arif bibi</t>
  </si>
  <si>
    <t>GGPS LUDDHER BE-CHARAGH</t>
  </si>
  <si>
    <t>Ludhar Be Charagh</t>
  </si>
  <si>
    <t>village ludhar be charagh post office pakhoke</t>
  </si>
  <si>
    <t>Itrat Pervaiz</t>
  </si>
  <si>
    <t>GGPS LUDHAR</t>
  </si>
  <si>
    <t>Ludhar</t>
  </si>
  <si>
    <t>GGPS Ludhar</t>
  </si>
  <si>
    <t>Badoke</t>
  </si>
  <si>
    <t>Afshan Mughal</t>
  </si>
  <si>
    <t>GGPS LUDHWALA</t>
  </si>
  <si>
    <t>Ladhwala</t>
  </si>
  <si>
    <t>P/o shah safeer vill ladhwala teh sohawa distt jhelum</t>
  </si>
  <si>
    <t>GGPS LUHARKI</t>
  </si>
  <si>
    <t>Missankot Bhowa</t>
  </si>
  <si>
    <t>Saeed Ali Jhulan</t>
  </si>
  <si>
    <t>Ishrat Batool</t>
  </si>
  <si>
    <t>GGPS LULAR</t>
  </si>
  <si>
    <t>lallar</t>
  </si>
  <si>
    <t>Village lallar tehsil daska district sialkot</t>
  </si>
  <si>
    <t>Malo mahay</t>
  </si>
  <si>
    <t>Anila Gill</t>
  </si>
  <si>
    <t>GGPS LUMBAY</t>
  </si>
  <si>
    <t>Lumbay</t>
  </si>
  <si>
    <t>GGPS  lumbay</t>
  </si>
  <si>
    <t>Dhillam Balagan</t>
  </si>
  <si>
    <t>Misbah Liaquat</t>
  </si>
  <si>
    <t>GGPS LUND PUR</t>
  </si>
  <si>
    <t>Lund Pur</t>
  </si>
  <si>
    <t>lund pur</t>
  </si>
  <si>
    <t>Robina Tahira</t>
  </si>
  <si>
    <t>GGPS LUNDA BANGI KHEL</t>
  </si>
  <si>
    <t>Tabisir</t>
  </si>
  <si>
    <t>ggpslundabangikhel</t>
  </si>
  <si>
    <t>Lundabangikhel</t>
  </si>
  <si>
    <t>Ansa Rafiq</t>
  </si>
  <si>
    <t>GGPS LUNDA BHATTIAN (RASOOL PUR BHATTIAN)</t>
  </si>
  <si>
    <t>Rasoolpur Bhattian</t>
  </si>
  <si>
    <t>GGPS rasoolpur bhattian</t>
  </si>
  <si>
    <t>Rasool pur Bhattian</t>
  </si>
  <si>
    <t>shabnam younas</t>
  </si>
  <si>
    <t>GGPS LUNDA WALA</t>
  </si>
  <si>
    <t>Lundawala</t>
  </si>
  <si>
    <t>village lundawala post office same tehsil Pindibhattian distt hafizabad</t>
  </si>
  <si>
    <t>Khurram Chorera</t>
  </si>
  <si>
    <t>GGPS LUNDI</t>
  </si>
  <si>
    <t>lundi</t>
  </si>
  <si>
    <t>G G P/S Lundi Teh Hazro Dist Attock</t>
  </si>
  <si>
    <t>Gulshan Un Nisa</t>
  </si>
  <si>
    <t>GGPS LUNDI (KOT SUNDKI)</t>
  </si>
  <si>
    <t>village lundi po kot sundki.teh Hassan abdal.distt Attock</t>
  </si>
  <si>
    <t>Shagufta Akhlaq</t>
  </si>
  <si>
    <t>boring with electric motor</t>
  </si>
  <si>
    <t>GGPS LUNDI SAIDAN</t>
  </si>
  <si>
    <t>Lundi Saidan</t>
  </si>
  <si>
    <t>lundi saidan, uc lal Garrh,tehsile jampur,district rajanpur</t>
  </si>
  <si>
    <t>Lal Garrh</t>
  </si>
  <si>
    <t>GGPS LUNGER KHEL</t>
  </si>
  <si>
    <t>Mohallah esab khel tehsil and post office isa khel district mianwali</t>
  </si>
  <si>
    <t>Farhat Tahira</t>
  </si>
  <si>
    <t>GGPS LUQMAN MEHROOKA</t>
  </si>
  <si>
    <t>LUQMAN MEROKA</t>
  </si>
  <si>
    <t>LUQMAN MEhro kA, uc,MACHHI SINGH, ARIFWALA, PAKPATTAN</t>
  </si>
  <si>
    <t>LUQMAN MEhroo Ka</t>
  </si>
  <si>
    <t>MACHI SINGH</t>
  </si>
  <si>
    <t>Summia Sattar</t>
  </si>
  <si>
    <t>GGPS LURKA</t>
  </si>
  <si>
    <t>ggpslurka</t>
  </si>
  <si>
    <t>GGPS LURKAY WALA</t>
  </si>
  <si>
    <t>GGPS lurkay wala tehs kot chutta</t>
  </si>
  <si>
    <t>Lurkay Wala</t>
  </si>
  <si>
    <t>GGPS LURKEY NEMAT</t>
  </si>
  <si>
    <t>Lurkey Naimat</t>
  </si>
  <si>
    <t>lurkey naimat</t>
  </si>
  <si>
    <t>Mandian Wala</t>
  </si>
  <si>
    <t>Shazia Kauser</t>
  </si>
  <si>
    <t>GGPS LUS LAWARIS</t>
  </si>
  <si>
    <t>lus la waris</t>
  </si>
  <si>
    <t>Tahirabad Lahore Road CHINIOT.</t>
  </si>
  <si>
    <t>Tahirabad</t>
  </si>
  <si>
    <t>Misbah Riaz</t>
  </si>
  <si>
    <t>GGPS LUT WALA SHUJABAD DISTT. MULTAN</t>
  </si>
  <si>
    <t>chah lut wala moza khoja tehsil shujabad.</t>
  </si>
  <si>
    <t>Lut Wala</t>
  </si>
  <si>
    <t>Gulshan Zahoor</t>
  </si>
  <si>
    <t>GGPS LUTAF PUR NO 2</t>
  </si>
  <si>
    <t>Rasol Pur</t>
  </si>
  <si>
    <t>GG PS lutaf Pur no</t>
  </si>
  <si>
    <t>Resol Pur</t>
  </si>
  <si>
    <t>REHANA MARYAM</t>
  </si>
  <si>
    <t>GGPS MAAN</t>
  </si>
  <si>
    <t>village maan post office ahmed abad tehsil and disst narowal</t>
  </si>
  <si>
    <t>Lalah</t>
  </si>
  <si>
    <t>Samra Shehzadi</t>
  </si>
  <si>
    <t>GGPS MACHAR WALA</t>
  </si>
  <si>
    <t>chah machar wala</t>
  </si>
  <si>
    <t>Machar Wala</t>
  </si>
  <si>
    <t>GGPS MACHER COLONY</t>
  </si>
  <si>
    <t>macher colony</t>
  </si>
  <si>
    <t>macher colony sangla hill</t>
  </si>
  <si>
    <t>Marrar 45</t>
  </si>
  <si>
    <t>Uzma Sadia</t>
  </si>
  <si>
    <t>GGPS MACHER WALI</t>
  </si>
  <si>
    <t>Macherwali</t>
  </si>
  <si>
    <t>macherwali</t>
  </si>
  <si>
    <t>Kerkan</t>
  </si>
  <si>
    <t>Ifrah Ashiq</t>
  </si>
  <si>
    <t>GGPS MACHHI GOTH</t>
  </si>
  <si>
    <t>Murad Machhi</t>
  </si>
  <si>
    <t>ggps machhi goth</t>
  </si>
  <si>
    <t>Machhi Goth</t>
  </si>
  <si>
    <t>Goth Jungo</t>
  </si>
  <si>
    <t>we bring a water with cain from other earia</t>
  </si>
  <si>
    <t>GGPS MACHHI WALA</t>
  </si>
  <si>
    <t>MACHI WALA</t>
  </si>
  <si>
    <t>MACHI WALA SAWANCE</t>
  </si>
  <si>
    <t>GGPS MACHI SINGH 1</t>
  </si>
  <si>
    <t>MACHI SINGH, PO KHAS, ARIFWALA, PAKPATTAN</t>
  </si>
  <si>
    <t>Zahidaparveen</t>
  </si>
  <si>
    <t>GGPS MACHIAN</t>
  </si>
  <si>
    <t>Ghazia Abad</t>
  </si>
  <si>
    <t>mossa nagr tehsil sadiqabad bast arainian</t>
  </si>
  <si>
    <t>Basti Arainian</t>
  </si>
  <si>
    <t>Fozia Rafiq</t>
  </si>
  <si>
    <t>GGPS MACHIKA</t>
  </si>
  <si>
    <t>machka</t>
  </si>
  <si>
    <t>GGPS Machka</t>
  </si>
  <si>
    <t>basti karachi</t>
  </si>
  <si>
    <t>rakh kotmithan</t>
  </si>
  <si>
    <t>shanila akbar</t>
  </si>
  <si>
    <t>GGPS MACHKA</t>
  </si>
  <si>
    <t>Govt.girls primary school,machka</t>
  </si>
  <si>
    <t>Saba Ishaq</t>
  </si>
  <si>
    <t>GGPS MACHNI WALA</t>
  </si>
  <si>
    <t>Pati Ghulam Ali Gharbi</t>
  </si>
  <si>
    <t>chah machni Wala mouza pati Ghulam Ali gharbi</t>
  </si>
  <si>
    <t>Chah Machni Wala Mouza Pati Ghulam Ali Gharbi</t>
  </si>
  <si>
    <t>Zubaida Yaqoob</t>
  </si>
  <si>
    <t>GGPS MACHO NIKKA</t>
  </si>
  <si>
    <t>Machonikka</t>
  </si>
  <si>
    <t>machonikka</t>
  </si>
  <si>
    <t>Thats Kareem Dad</t>
  </si>
  <si>
    <t>GGPS MACHRALA KHURD</t>
  </si>
  <si>
    <t>Muchhrala</t>
  </si>
  <si>
    <t>Muchhrala khurd post office Emanaabad Teh. Kamoki district Gujranwala</t>
  </si>
  <si>
    <t>Muzammal Sultana</t>
  </si>
  <si>
    <t>GGPS MACHRAN WALI</t>
  </si>
  <si>
    <t>Muchranwali</t>
  </si>
  <si>
    <t>Muchranwali p\ o philoki the Noshehra virkan dist Gujranwala</t>
  </si>
  <si>
    <t>Rubi Khadim</t>
  </si>
  <si>
    <t>GGPS MADAD ALI</t>
  </si>
  <si>
    <t>Madad Ali</t>
  </si>
  <si>
    <t>GGPS MADAD KHEL</t>
  </si>
  <si>
    <t>Sultan Khel Sultan</t>
  </si>
  <si>
    <t>government girls primary school madad khel</t>
  </si>
  <si>
    <t>Tehseen Aziz</t>
  </si>
  <si>
    <t>GGPS MADAN</t>
  </si>
  <si>
    <t>village madan p/o Tanda district gujrat</t>
  </si>
  <si>
    <t>Madan</t>
  </si>
  <si>
    <t>Surakhpur</t>
  </si>
  <si>
    <t>Khalida Yasmin</t>
  </si>
  <si>
    <t>GGPS MADAN CHAK</t>
  </si>
  <si>
    <t>madan Chak,Tehsil Wazirabad, District Gujranwala</t>
  </si>
  <si>
    <t>Noinwala Chatha</t>
  </si>
  <si>
    <t>Rizwana Altaf</t>
  </si>
  <si>
    <t>GGPS MADAN PHILLA</t>
  </si>
  <si>
    <t>Maddan Phillah</t>
  </si>
  <si>
    <t>village maddan phillah markaz mangat uncha</t>
  </si>
  <si>
    <t>Fozia Kanwal</t>
  </si>
  <si>
    <t>GGPS MADDA AFGHANAN</t>
  </si>
  <si>
    <t>Madda Afghana</t>
  </si>
  <si>
    <t>Govt Girls Primary School Madda Afghana</t>
  </si>
  <si>
    <t>Meloselo</t>
  </si>
  <si>
    <t>Hafsa Khairuldin</t>
  </si>
  <si>
    <t>GGPS MADDA PLOT</t>
  </si>
  <si>
    <t>MADDA PLOT</t>
  </si>
  <si>
    <t>village madda plat markaz malkpur p/o kot naina</t>
  </si>
  <si>
    <t>MALIK PUR</t>
  </si>
  <si>
    <t>Zahra Shafique</t>
  </si>
  <si>
    <t>GGPS MADDAN</t>
  </si>
  <si>
    <t>Maddan</t>
  </si>
  <si>
    <t>GGPS MADDAN,P.O JAJIAL,TEH.SOHAWA,DIS.JHELUM</t>
  </si>
  <si>
    <t>GGPS MADHU FEROZ KA</t>
  </si>
  <si>
    <t>MADHU Feroz Ka FEROZKA</t>
  </si>
  <si>
    <t>MADHU FEROZKA</t>
  </si>
  <si>
    <t>JAMOON BODLA</t>
  </si>
  <si>
    <t>Shumyla Anjum</t>
  </si>
  <si>
    <t>GGPS MADI KHEL (SHELTERLESS)</t>
  </si>
  <si>
    <t>Wan Bachra</t>
  </si>
  <si>
    <t>matloob abad wan bachra</t>
  </si>
  <si>
    <t>Matloob Abad</t>
  </si>
  <si>
    <t>Fozia Gul</t>
  </si>
  <si>
    <t>GGPS MADI KHEL NO. 2</t>
  </si>
  <si>
    <t>GGPS MADI KHEL NO.2</t>
  </si>
  <si>
    <t>Rami Khel</t>
  </si>
  <si>
    <t>Zehra Bi Bi</t>
  </si>
  <si>
    <t>GGPS MADINA COLONY</t>
  </si>
  <si>
    <t>Madina Coloy</t>
  </si>
  <si>
    <t>madina colony haroonabad</t>
  </si>
  <si>
    <t>Naseem Atta</t>
  </si>
  <si>
    <t>GGPS MADINA COLONY JHANG</t>
  </si>
  <si>
    <t>ggps madina colony</t>
  </si>
  <si>
    <t>Gulnaz Mushtaq</t>
  </si>
  <si>
    <t>GGPS MADINA COLONY TTS</t>
  </si>
  <si>
    <t>GGPS Madina Colony TT Singh</t>
  </si>
  <si>
    <t>Uzma Shoukat</t>
  </si>
  <si>
    <t>GGPS MADINA NO.2</t>
  </si>
  <si>
    <t>Madina syedan</t>
  </si>
  <si>
    <t>Shamas Tahira</t>
  </si>
  <si>
    <t>GGPS MADOKAY</t>
  </si>
  <si>
    <t>Maddokey</t>
  </si>
  <si>
    <t>p/o randhir village maddikey</t>
  </si>
  <si>
    <t>Kausar Talib Hussain</t>
  </si>
  <si>
    <t>GGPS MADOO</t>
  </si>
  <si>
    <t>maddo p/o Syedwala nankana</t>
  </si>
  <si>
    <t>GGPS MADRASA ISLAH-UL-BINAT ISLAM PURA</t>
  </si>
  <si>
    <t>Sadi Park</t>
  </si>
  <si>
    <t>saadi roadi islampura Lahore</t>
  </si>
  <si>
    <t>Sarwat Rasool</t>
  </si>
  <si>
    <t>GGPS MADRISA MAKTIB</t>
  </si>
  <si>
    <t>Whi Imam Bakhsh</t>
  </si>
  <si>
    <t>basti sidhu wala moza wahi imam bakhsh lodhran</t>
  </si>
  <si>
    <t>Sidhu Wala</t>
  </si>
  <si>
    <t>Sajida Dawood</t>
  </si>
  <si>
    <t>GGPS MAEGA</t>
  </si>
  <si>
    <t>govt girls primary school Megs Narowal</t>
  </si>
  <si>
    <t>Misbah Akhter</t>
  </si>
  <si>
    <t>GGPS MAGSI WALA</t>
  </si>
  <si>
    <t>Dhengana</t>
  </si>
  <si>
    <t>GGPS Maggasi wala</t>
  </si>
  <si>
    <t>Maggasi Wala</t>
  </si>
  <si>
    <t>HASINA BIBI</t>
  </si>
  <si>
    <t>GGPS MAHAL CHANAWAN</t>
  </si>
  <si>
    <t>Chanawan</t>
  </si>
  <si>
    <t>p/o box sahowali pasrur road tehsil and district sialkot</t>
  </si>
  <si>
    <t>Mahal Chanawan</t>
  </si>
  <si>
    <t>Verio</t>
  </si>
  <si>
    <t>Shahida Maqbool</t>
  </si>
  <si>
    <t>GGPS MAHAL JALAL PUR</t>
  </si>
  <si>
    <t>Mahal Jalal Pur</t>
  </si>
  <si>
    <t>village mahal jalal pur. tehsile zafarwal</t>
  </si>
  <si>
    <t>Qudsia Nazir</t>
  </si>
  <si>
    <t>GGPS MAHAL KINGRA</t>
  </si>
  <si>
    <t>Mahal Kingra</t>
  </si>
  <si>
    <t>Mahal kingra</t>
  </si>
  <si>
    <t>GGPS MAHAL KOTLI</t>
  </si>
  <si>
    <t>mahal kotli</t>
  </si>
  <si>
    <t>village mahal kotli teh&amp;dist sialkot</t>
  </si>
  <si>
    <t>rasool pur bhalian</t>
  </si>
  <si>
    <t>GGPS MAHAMA FATWARA</t>
  </si>
  <si>
    <t>Ggps Mehman fatwera BWN</t>
  </si>
  <si>
    <t>Mehman Fatwera</t>
  </si>
  <si>
    <t>Aniqa Latif</t>
  </si>
  <si>
    <t>GGPS MAHANDA</t>
  </si>
  <si>
    <t>Mahanda</t>
  </si>
  <si>
    <t>Taunsa sharif</t>
  </si>
  <si>
    <t>GGPS MAHAR ABDUL HAQ WALA</t>
  </si>
  <si>
    <t>GGPs Mahar abdulhaq wala Markaz lohanch nashaib layyah</t>
  </si>
  <si>
    <t>Murky Wala</t>
  </si>
  <si>
    <t>Fariha mushtaq</t>
  </si>
  <si>
    <t>GGPS MAHAR SHARIF</t>
  </si>
  <si>
    <t>Maharsharif</t>
  </si>
  <si>
    <t>Javaid manzal near canal rest house sugar mill road chishtian.</t>
  </si>
  <si>
    <t>GGPS MAHAY MAJRA</t>
  </si>
  <si>
    <t>MAHAY</t>
  </si>
  <si>
    <t>MAHAY MAJRA</t>
  </si>
  <si>
    <t>HAZARA MUGLAN</t>
  </si>
  <si>
    <t>GGPS MAHBOOB NAGAR TEH. SHUJABAD</t>
  </si>
  <si>
    <t>Shah Pur Ubah</t>
  </si>
  <si>
    <t>Mahboob Nagar Shujabad</t>
  </si>
  <si>
    <t>Mahboob Nagar</t>
  </si>
  <si>
    <t>Sidra Tayyaba</t>
  </si>
  <si>
    <t>GGPS MAHBOOB WALA</t>
  </si>
  <si>
    <t>Mehboob Wala</t>
  </si>
  <si>
    <t>mouza mehboob wala markaz chak godar tehsil and district muzaffargarh</t>
  </si>
  <si>
    <t>Mehvish Altaf</t>
  </si>
  <si>
    <t>GGPS MAHDI ABAD</t>
  </si>
  <si>
    <t>GGPS Mehdiabad</t>
  </si>
  <si>
    <t>MehdiAbad</t>
  </si>
  <si>
    <t>GGPS MAHER PURA MULTAN ROAD</t>
  </si>
  <si>
    <t>kakky zai</t>
  </si>
  <si>
    <t>kakky zai Mehar Pura Multan Road Lahore</t>
  </si>
  <si>
    <t>Hassan Town Awan Town</t>
  </si>
  <si>
    <t>GGPS MAHES SHUMALI</t>
  </si>
  <si>
    <t>mahais shumali ch#286</t>
  </si>
  <si>
    <t>Mahes Shumali</t>
  </si>
  <si>
    <t>Shafqat Naseem</t>
  </si>
  <si>
    <t>GGPS MAHESH WALA</t>
  </si>
  <si>
    <t>Dergha Por</t>
  </si>
  <si>
    <t>dera sekndr shah back side comrace collagr  mahish wala.</t>
  </si>
  <si>
    <t>Ram Rakha</t>
  </si>
  <si>
    <t>Adam Wahen</t>
  </si>
  <si>
    <t>Syeda Narjes Zahra</t>
  </si>
  <si>
    <t>GGPS MAHESH WALA LAI WAHIN LODHRAN</t>
  </si>
  <si>
    <t>Lai Wahan</t>
  </si>
  <si>
    <t>maheish wala lai  whan</t>
  </si>
  <si>
    <t>Maheish Wala</t>
  </si>
  <si>
    <t>RABIA ATTA</t>
  </si>
  <si>
    <t>GGPS MAHEY CHATHA</t>
  </si>
  <si>
    <t>Mahay Chattha</t>
  </si>
  <si>
    <t>Mahay chattha Tehsil kamoke District Gujranwala</t>
  </si>
  <si>
    <t>Eshrat Jahan</t>
  </si>
  <si>
    <t>GGPS MAHI BLOCH</t>
  </si>
  <si>
    <t>shaman</t>
  </si>
  <si>
    <t>GMPS Mahi baloch</t>
  </si>
  <si>
    <t>mahi baloch</t>
  </si>
  <si>
    <t>sargana</t>
  </si>
  <si>
    <t>GGPS MAHI TIBBA</t>
  </si>
  <si>
    <t>Sadaf Alamdar</t>
  </si>
  <si>
    <t>GGPS MAHI WAL</t>
  </si>
  <si>
    <t>Mahiwal</t>
  </si>
  <si>
    <t>Mahiwal  Midh Ranjha tehsil kotmomin district Sargodha</t>
  </si>
  <si>
    <t>GGPS MAHIA</t>
  </si>
  <si>
    <t>Mahia</t>
  </si>
  <si>
    <t>Village Mahia, post office Budha Goraya</t>
  </si>
  <si>
    <t>GGPS MAHIAN WALA</t>
  </si>
  <si>
    <t>Mahian Wala</t>
  </si>
  <si>
    <t>mahian wala</t>
  </si>
  <si>
    <t>GGPS MAHIS BOBAY WALI</t>
  </si>
  <si>
    <t>Mahais Bobay Wali</t>
  </si>
  <si>
    <t>mahais bobay wali</t>
  </si>
  <si>
    <t>Dharag Miyana</t>
  </si>
  <si>
    <t>GGPS MAHIWAL</t>
  </si>
  <si>
    <t>Mehinwal</t>
  </si>
  <si>
    <t>vpo mehinwal via basharat choa</t>
  </si>
  <si>
    <t>Tauseef Fatima</t>
  </si>
  <si>
    <t>water supplyb</t>
  </si>
  <si>
    <t>GGPS MAHLOO WALA</t>
  </si>
  <si>
    <t>Khasor</t>
  </si>
  <si>
    <t>post office khasor mahloowala tehsil kalurrkot</t>
  </si>
  <si>
    <t>Mahloowala</t>
  </si>
  <si>
    <t>Robab Bano</t>
  </si>
  <si>
    <t>GGPS MAHMOOD ABAD</t>
  </si>
  <si>
    <t>ggps mehmoodabad</t>
  </si>
  <si>
    <t>GGPS MAHMOOD COLONY MUSTAFA TOWN</t>
  </si>
  <si>
    <t>mustafa town main street sadiq abad.</t>
  </si>
  <si>
    <t>Rahat Ghafoor</t>
  </si>
  <si>
    <t>cane of water purchase</t>
  </si>
  <si>
    <t>GGPS MAHMOOD KHAN WALA</t>
  </si>
  <si>
    <t>chah pory Wala ahsan pur</t>
  </si>
  <si>
    <t>GGPS MAHMOOD KHOKHAR</t>
  </si>
  <si>
    <t>Kanganpur</t>
  </si>
  <si>
    <t>village Mehmood khokhar p/o Kanganpur Tehsil Chunian Kasur</t>
  </si>
  <si>
    <t>Mehmood Khokhar</t>
  </si>
  <si>
    <t>Shazia Noreen PST</t>
  </si>
  <si>
    <t>GGPS MAHMOOD NAGAR</t>
  </si>
  <si>
    <t>Wahid Buksh Sial</t>
  </si>
  <si>
    <t>Bastil Hussain Khan</t>
  </si>
  <si>
    <t>Basti Husain Khan</t>
  </si>
  <si>
    <t>Muhamad Daha</t>
  </si>
  <si>
    <t>GGPS MAHMOOD SAHARAN WALA</t>
  </si>
  <si>
    <t>GGPS mahmood saharan wala nawankot</t>
  </si>
  <si>
    <t>Mahmood Saharan Wala</t>
  </si>
  <si>
    <t>Khadijah Parveen</t>
  </si>
  <si>
    <t>GGPS MAHMOOD WALA</t>
  </si>
  <si>
    <t>Mehmood Wala</t>
  </si>
  <si>
    <t>vpo mehmood wala</t>
  </si>
  <si>
    <t>Jhattla</t>
  </si>
  <si>
    <t>GGPS MAHMOODAY WALA</t>
  </si>
  <si>
    <t>chah Mahmooday wala,Mouza Basti jam,tehsil Kot Chutta,Distt.D?D.Khan.</t>
  </si>
  <si>
    <t>Mahmooday Wala</t>
  </si>
  <si>
    <t>GGPS MAHMOONKAY NAO-ABAD</t>
  </si>
  <si>
    <t>Chak Mahmoon Kay  Nou Abad</t>
  </si>
  <si>
    <t>chak mahmoon kay nou abad</t>
  </si>
  <si>
    <t>MUBBARAH MAQBOOL</t>
  </si>
  <si>
    <t>GGPS MAHNDAR N2</t>
  </si>
  <si>
    <t>Mahandar</t>
  </si>
  <si>
    <t>village and post office mahandar teh gujar khan district Rawalpindi</t>
  </si>
  <si>
    <t>Nuzbah Shaheen</t>
  </si>
  <si>
    <t>GGPS MAHOTAY</t>
  </si>
  <si>
    <t>Mahotay</t>
  </si>
  <si>
    <t>G G P S Mahotay</t>
  </si>
  <si>
    <t>Maimoona Khanam</t>
  </si>
  <si>
    <t>GGPS MAHRAM SARGANA</t>
  </si>
  <si>
    <t>Abdi mahram sargana moza baghri p/o havili Lal tehsil, district jhang</t>
  </si>
  <si>
    <t>Mahram Wala</t>
  </si>
  <si>
    <t>najma bibi</t>
  </si>
  <si>
    <t>GGPS MAHRAN WALA</t>
  </si>
  <si>
    <t>Jhorar Thal</t>
  </si>
  <si>
    <t>chah missi wala moza jhorar thal p/o kot sultan</t>
  </si>
  <si>
    <t>GGPS MAHROOK KALAN</t>
  </si>
  <si>
    <t>chaki mehrook kalan</t>
  </si>
  <si>
    <t>Bushra Adnan</t>
  </si>
  <si>
    <t>GGPS MAHTAY KI MAHTAB RAI</t>
  </si>
  <si>
    <t>Mahtey K Mehtab</t>
  </si>
  <si>
    <t>mahtey k mehtAB rai</t>
  </si>
  <si>
    <t>Mahtey Key Mehtab</t>
  </si>
  <si>
    <t>Shazia Ahmad Yar</t>
  </si>
  <si>
    <t>GGPS MAHY KHURD</t>
  </si>
  <si>
    <t>Mahey Khurd</t>
  </si>
  <si>
    <t>village mahey khurd</t>
  </si>
  <si>
    <t>GGPS MAI DA FARM</t>
  </si>
  <si>
    <t>chah bhatal wala</t>
  </si>
  <si>
    <t>Allah Abad Sharki</t>
  </si>
  <si>
    <t>GGPS MAI DE JHUGI</t>
  </si>
  <si>
    <t>Kasoki Road Mai Di Jughi Kampke</t>
  </si>
  <si>
    <t>govt girls primary school mai di jughi</t>
  </si>
  <si>
    <t>Kot Rafeque</t>
  </si>
  <si>
    <t>Sehnaz Bhatti</t>
  </si>
  <si>
    <t>GGPS MAI RABO</t>
  </si>
  <si>
    <t>MAi rabo</t>
  </si>
  <si>
    <t>Mai rabo tehsil chunian distt kasur</t>
  </si>
  <si>
    <t>Mai rabo</t>
  </si>
  <si>
    <t>GGPS MAIKAN</t>
  </si>
  <si>
    <t>Asia Sajid</t>
  </si>
  <si>
    <t>GGPS MAIKY WALI</t>
  </si>
  <si>
    <t>Maiky Wali</t>
  </si>
  <si>
    <t>Maiky wali, tehsil Noshera Virkan</t>
  </si>
  <si>
    <t>Arfa Mubeen</t>
  </si>
  <si>
    <t>GGPS MAIL WASAVI</t>
  </si>
  <si>
    <t>ps Mail Wasavi Mangrotha sharqi,</t>
  </si>
  <si>
    <t>Hafeez Akhtar</t>
  </si>
  <si>
    <t>GGPS MAILO VIRKAN</t>
  </si>
  <si>
    <t>Mailo Virkan</t>
  </si>
  <si>
    <t>Mailo virkan tehsil Nowshera virkan district Gujranwala</t>
  </si>
  <si>
    <t>Hardo Artali</t>
  </si>
  <si>
    <t>Khudija Afzal</t>
  </si>
  <si>
    <t>GGPS MAIN MAIR</t>
  </si>
  <si>
    <t>Mian Mair</t>
  </si>
  <si>
    <t>VPO MIAN MAIR TEHSIL AND DISTRICT CHAKWL</t>
  </si>
  <si>
    <t>GGPS MAINA MOHRA</t>
  </si>
  <si>
    <t>Maina Mohra</t>
  </si>
  <si>
    <t>Maina mohra</t>
  </si>
  <si>
    <t>GGPS MAINGHLEY WALA</t>
  </si>
  <si>
    <t>basti raan near rajan pur nehr</t>
  </si>
  <si>
    <t>Basti Raan</t>
  </si>
  <si>
    <t>Mudasra Mehreen</t>
  </si>
  <si>
    <t>GGPS MAIRA BHARTA</t>
  </si>
  <si>
    <t>Bhartha</t>
  </si>
  <si>
    <t>maira bhartha Po box harraka</t>
  </si>
  <si>
    <t>Baggah Sheikhan</t>
  </si>
  <si>
    <t>Sadia Azaam</t>
  </si>
  <si>
    <t>GGPS MAIRA BIKHARI KALAN</t>
  </si>
  <si>
    <t>bikhari kalan</t>
  </si>
  <si>
    <t>v.p.o bikhari kalan,</t>
  </si>
  <si>
    <t>Rizwana Attia</t>
  </si>
  <si>
    <t>GGPS MAIRA KHURD</t>
  </si>
  <si>
    <t>Maira Khurd</t>
  </si>
  <si>
    <t>Maira Khurd Chakri road rawalpindi</t>
  </si>
  <si>
    <t>GGPS MAIRA SHARIF</t>
  </si>
  <si>
    <t>Maira sharif</t>
  </si>
  <si>
    <t>AZMAT JAN</t>
  </si>
  <si>
    <t>GGPS MAISIAN</t>
  </si>
  <si>
    <t>Maisian</t>
  </si>
  <si>
    <t>massian</t>
  </si>
  <si>
    <t>Reema Rani</t>
  </si>
  <si>
    <t>GGPS MAJAWAR WALI CHAK NO. 26</t>
  </si>
  <si>
    <t>Majawarwali</t>
  </si>
  <si>
    <t>chak no. 26 majawarwali tahsil shahkot distt.NNS</t>
  </si>
  <si>
    <t>Saher Afzal</t>
  </si>
  <si>
    <t>GGPS MAJEED ABAD</t>
  </si>
  <si>
    <t>derajattan  sardar abad khan bela</t>
  </si>
  <si>
    <t>Derajattan</t>
  </si>
  <si>
    <t>Tahira Manzoor</t>
  </si>
  <si>
    <t>GGPS MAJEED AMANAT ALI</t>
  </si>
  <si>
    <t>GGPS Majeed Amanat Ali</t>
  </si>
  <si>
    <t>Basti Majeed Amanat Ali</t>
  </si>
  <si>
    <t>GGPS MAJEED KHAN</t>
  </si>
  <si>
    <t>Govt.Girls P/S Majeed Khan</t>
  </si>
  <si>
    <t>Basti Majeed Khan</t>
  </si>
  <si>
    <t>GGPS MAJEED PARK SHAHDRA</t>
  </si>
  <si>
    <t>majeed park shahdara town lhr</t>
  </si>
  <si>
    <t>GGPS MAJHI WALA</t>
  </si>
  <si>
    <t>Kot Lal</t>
  </si>
  <si>
    <t>GGPS Majhi Wala Basti Kari Wala</t>
  </si>
  <si>
    <t>Attia Anjum</t>
  </si>
  <si>
    <t>GGPS MAJHIA</t>
  </si>
  <si>
    <t>majhia</t>
  </si>
  <si>
    <t>shah-rai-sadullah</t>
  </si>
  <si>
    <t>GGPS MAJI JAMLARA</t>
  </si>
  <si>
    <t>Jamlara</t>
  </si>
  <si>
    <t>ban mod majhi jamlara district vehari</t>
  </si>
  <si>
    <t>Maji Jamlara</t>
  </si>
  <si>
    <t>Hafiza Lubna Rauf</t>
  </si>
  <si>
    <t>GGPS MAJOKA</t>
  </si>
  <si>
    <t>po haveli majoka district sargodha</t>
  </si>
  <si>
    <t>Shamim Tahira</t>
  </si>
  <si>
    <t>GGPS MAJRA</t>
  </si>
  <si>
    <t>village majra P.O zafarwal district narowal</t>
  </si>
  <si>
    <t>GGPS MAJRA CHORANA</t>
  </si>
  <si>
    <t>Majara Chorana</t>
  </si>
  <si>
    <t>g.g./s majara chorana</t>
  </si>
  <si>
    <t>Shagufta Shahnaz</t>
  </si>
  <si>
    <t>GGPS MAJRA KHURD</t>
  </si>
  <si>
    <t>Majra Khurd</t>
  </si>
  <si>
    <t>village majra khurd, tehsil sambrial, distt. sialkot</t>
  </si>
  <si>
    <t>Jhethikay</t>
  </si>
  <si>
    <t>Saadia Ilyas</t>
  </si>
  <si>
    <t>GGPS MAJRA SHAMALI</t>
  </si>
  <si>
    <t>Majra Shamali</t>
  </si>
  <si>
    <t>majra shamali p.o box karianwala</t>
  </si>
  <si>
    <t>Sonia Mushtaq</t>
  </si>
  <si>
    <t>GGPS MAJUA</t>
  </si>
  <si>
    <t>Majua</t>
  </si>
  <si>
    <t>govt.girls primary school majua</t>
  </si>
  <si>
    <t>tanzila riaz</t>
  </si>
  <si>
    <t>GGPS MAJWAL</t>
  </si>
  <si>
    <t>Majwal</t>
  </si>
  <si>
    <t>majwal p/o chammal</t>
  </si>
  <si>
    <t>Khalida Samina</t>
  </si>
  <si>
    <t>GGPS MAKAN SHAH</t>
  </si>
  <si>
    <t>Makan Shah</t>
  </si>
  <si>
    <t>Basti Ahata Laghari Moza Makan Shah P/O Kot Sabzal Teh Sadiqabad Destrict Raheem Yar Khan</t>
  </si>
  <si>
    <t>Ahata Laghari</t>
  </si>
  <si>
    <t>Dandhi</t>
  </si>
  <si>
    <t>GGPS MAKHAN BELA</t>
  </si>
  <si>
    <t>Makhan BELA</t>
  </si>
  <si>
    <t>G.G P/S Makhan Bela</t>
  </si>
  <si>
    <t>Moosy Wala</t>
  </si>
  <si>
    <t>ROHILLANWALI</t>
  </si>
  <si>
    <t>GGPS MAKHAN BELA KHAS</t>
  </si>
  <si>
    <t>Basti &amp;Moza Makkhan Bella T&amp;District M.Garh</t>
  </si>
  <si>
    <t>Misbah Nazir</t>
  </si>
  <si>
    <t>GGPS MAKHAN KOT</t>
  </si>
  <si>
    <t>g g ps makhan kot pul 60 hazar sat marla scheem k.p</t>
  </si>
  <si>
    <t>Marla Scheem</t>
  </si>
  <si>
    <t>Rehana Firdos</t>
  </si>
  <si>
    <t>GGPS MAKHAN PUR</t>
  </si>
  <si>
    <t>Makhan Pur</t>
  </si>
  <si>
    <t>Makhan pur</t>
  </si>
  <si>
    <t>Aneela Javed</t>
  </si>
  <si>
    <t>GGPS MAKHDOOM</t>
  </si>
  <si>
    <t>Makhdoom abad khanpur ryk</t>
  </si>
  <si>
    <t>Tahira Firdoos</t>
  </si>
  <si>
    <t>GGPS MAKHDOOM FIDA HUSSAIN</t>
  </si>
  <si>
    <t>Basti Khokharan</t>
  </si>
  <si>
    <t>main Street basti makhdom fida Hussain near coca cola factory Ryk</t>
  </si>
  <si>
    <t>Chak 72/Np</t>
  </si>
  <si>
    <t>GGPS MAKHNA RAJEKA</t>
  </si>
  <si>
    <t>Makhna rajeka</t>
  </si>
  <si>
    <t>Makhna Rajeka</t>
  </si>
  <si>
    <t>GGPS MAKHNEY WALA</t>
  </si>
  <si>
    <t>Headr Dasti</t>
  </si>
  <si>
    <t>Basti talai mouza Haider dasti po basira</t>
  </si>
  <si>
    <t>Talai</t>
  </si>
  <si>
    <t>Tahira Mujahid</t>
  </si>
  <si>
    <t>GGPS MAKHWAL</t>
  </si>
  <si>
    <t>Makhwal</t>
  </si>
  <si>
    <t>vill makhwal</t>
  </si>
  <si>
    <t>Maqbol Hussain</t>
  </si>
  <si>
    <t>GGPS MAKI 460</t>
  </si>
  <si>
    <t>makki 460</t>
  </si>
  <si>
    <t>SAEEDA KHAN</t>
  </si>
  <si>
    <t>GGPS MAKKEY WAL</t>
  </si>
  <si>
    <t>Mackeywal</t>
  </si>
  <si>
    <t>MUMTAZ BEGUM</t>
  </si>
  <si>
    <t>GGPS MAKKI KHANA</t>
  </si>
  <si>
    <t>Makki Kohna</t>
  </si>
  <si>
    <t>makki dakhana khas gaon gaf Bay chak # 460 distt. skp</t>
  </si>
  <si>
    <t>Khadija Anwar</t>
  </si>
  <si>
    <t>GGPS MAKKI MASJID</t>
  </si>
  <si>
    <t>moh kherowal p/o Trag try issa khel msinwali</t>
  </si>
  <si>
    <t>GGPS MAKKIN COLONY</t>
  </si>
  <si>
    <t>Makin Colony</t>
  </si>
  <si>
    <t>makin colony ahmad pur sial</t>
  </si>
  <si>
    <t>Muncipal Committee  Mc Ap Sial</t>
  </si>
  <si>
    <t>GGPS MAKKY 525</t>
  </si>
  <si>
    <t>MAKKI No 525</t>
  </si>
  <si>
    <t>MAKKI 525</t>
  </si>
  <si>
    <t>MAKKI 460</t>
  </si>
  <si>
    <t>AZMA IQBAL</t>
  </si>
  <si>
    <t>GGPS MAKRUMMI</t>
  </si>
  <si>
    <t>Makrumi</t>
  </si>
  <si>
    <t>govt GGPS Makrumi PO DhaDhar</t>
  </si>
  <si>
    <t>Mastoor Bibi</t>
  </si>
  <si>
    <t>GGPS MAKTA</t>
  </si>
  <si>
    <t>Makta</t>
  </si>
  <si>
    <t>village Makta p/o kotli faqir chand teh pasrur dist Sialkot</t>
  </si>
  <si>
    <t>GGPS MAKU ANA</t>
  </si>
  <si>
    <t>Makuana</t>
  </si>
  <si>
    <t>Sobia Ramzan</t>
  </si>
  <si>
    <t>GGPS MAL BAJWA</t>
  </si>
  <si>
    <t>Mall Bajwa</t>
  </si>
  <si>
    <t>Village mall bajwa Tehsil &amp; District Narowal</t>
  </si>
  <si>
    <t>Shabana Akrm</t>
  </si>
  <si>
    <t>GGPS MAL LAHORE</t>
  </si>
  <si>
    <t>Mall</t>
  </si>
  <si>
    <t>Ggps Mall</t>
  </si>
  <si>
    <t>Sultanky</t>
  </si>
  <si>
    <t>Syeda Nargis Zahra</t>
  </si>
  <si>
    <t>GGPS MAL SIPRA</t>
  </si>
  <si>
    <t>Moza Mal sipra Tehsil Lalian Distt Chiniot</t>
  </si>
  <si>
    <t>GGPS MAL SULTAN</t>
  </si>
  <si>
    <t>Mal Sultan</t>
  </si>
  <si>
    <t>mouza mal sultan</t>
  </si>
  <si>
    <t>GGPS MALAK AFGHANA</t>
  </si>
  <si>
    <t>Malik Afghana</t>
  </si>
  <si>
    <t>Ggps Malik afghana tehsil shakargarh narowal</t>
  </si>
  <si>
    <t>Samina Munir</t>
  </si>
  <si>
    <t>GGPS MALAK MALA</t>
  </si>
  <si>
    <t>VPO Malak mala</t>
  </si>
  <si>
    <t>Underground</t>
  </si>
  <si>
    <t>GGPS MALAKAN WALA</t>
  </si>
  <si>
    <t>Malkanwala</t>
  </si>
  <si>
    <t>GGPS Malkanwala Mandi bahauddin</t>
  </si>
  <si>
    <t>Shumaila Ehsan</t>
  </si>
  <si>
    <t>GGPS MALAKOKI</t>
  </si>
  <si>
    <t>malkhoki</t>
  </si>
  <si>
    <t>malkhoki badian Road</t>
  </si>
  <si>
    <t>rukhsana Shaheen</t>
  </si>
  <si>
    <t>GGPS MALANA</t>
  </si>
  <si>
    <t>GGP/S Basti Malana</t>
  </si>
  <si>
    <t>Makwal kalan</t>
  </si>
  <si>
    <t>GGPS MALAY SHAH</t>
  </si>
  <si>
    <t>shabaz pur</t>
  </si>
  <si>
    <t>maly Shah</t>
  </si>
  <si>
    <t>Malay  shah</t>
  </si>
  <si>
    <t>Ghulam Rabia Basri</t>
  </si>
  <si>
    <t>GGPS MALEKAY</t>
  </si>
  <si>
    <t>Mallaykey</t>
  </si>
  <si>
    <t>mallaykeu p.o ranaykey daska sialko</t>
  </si>
  <si>
    <t>Siokey</t>
  </si>
  <si>
    <t>Shabana lateef</t>
  </si>
  <si>
    <t>GGPS MALHU</t>
  </si>
  <si>
    <t>village mallhu</t>
  </si>
  <si>
    <t>Mallhu</t>
  </si>
  <si>
    <t>GGPS MALHU SHEIKHU KA</t>
  </si>
  <si>
    <t>Malhu Sheikhu Ka</t>
  </si>
  <si>
    <t>mozaa abdal ky po haveli lakha teh depalpur  okara</t>
  </si>
  <si>
    <t>Humera Bashir</t>
  </si>
  <si>
    <t>GGPS MALI SINGH</t>
  </si>
  <si>
    <t>MALI singh</t>
  </si>
  <si>
    <t>mali singh tehsil depalpur district okara</t>
  </si>
  <si>
    <t>GGPS MALIAN WALA</t>
  </si>
  <si>
    <t>MALIAN-WALA</t>
  </si>
  <si>
    <t>p.o.box malian wala</t>
  </si>
  <si>
    <t>Malian Wala</t>
  </si>
  <si>
    <t>Bamban Wala</t>
  </si>
  <si>
    <t>aniqa jamil</t>
  </si>
  <si>
    <t>GGPS MALIAN WALA JATTAN</t>
  </si>
  <si>
    <t>kot malian wala jattan</t>
  </si>
  <si>
    <t>village kot malian wala jattan teh sambrial</t>
  </si>
  <si>
    <t>maryam siddiqua</t>
  </si>
  <si>
    <t>GGPS MALIK AZIZ NUMBERDAR</t>
  </si>
  <si>
    <t>Aziz Numberdar</t>
  </si>
  <si>
    <t>GGPS MALIK BAKHAT ALI</t>
  </si>
  <si>
    <t>malik bakhat ali</t>
  </si>
  <si>
    <t>Malik Bakhat Ali</t>
  </si>
  <si>
    <t>Nazra Yasmeen</t>
  </si>
  <si>
    <t>GGPS MALIK HABIB ULLAH</t>
  </si>
  <si>
    <t>Shedani Shareef</t>
  </si>
  <si>
    <t>kazmi public school abbas nagar p/o khanbela tehsil lqp dist ryk</t>
  </si>
  <si>
    <t>Malik Habibullah</t>
  </si>
  <si>
    <t>Romana Mehmood</t>
  </si>
  <si>
    <t>GGPS MALIK IBRAHIM</t>
  </si>
  <si>
    <t>Dhaywala</t>
  </si>
  <si>
    <t>GGPS Malik Ibrahim..</t>
  </si>
  <si>
    <t>Malik Ibrahim</t>
  </si>
  <si>
    <t>GGPS MALIK MUHAMMAD HUSSAIN</t>
  </si>
  <si>
    <t>khokhran</t>
  </si>
  <si>
    <t>basti malik muhammad hussain khokhar ahmedpur east</t>
  </si>
  <si>
    <t>tibbi izzat</t>
  </si>
  <si>
    <t>GGPS MALIK MUHAMMAD PANNAH NAICH</t>
  </si>
  <si>
    <t>Basti malik Muhammad pnnah naich</t>
  </si>
  <si>
    <t>Basti Malik Muhammad pnnah Y</t>
  </si>
  <si>
    <t>Zahra Hassan Hashmi</t>
  </si>
  <si>
    <t>GGPS MALIK MURID</t>
  </si>
  <si>
    <t>Giamal</t>
  </si>
  <si>
    <t>zila rajan pur tahseel rojhan dak Khana umr kot Nafees abad</t>
  </si>
  <si>
    <t>Nafees Abad</t>
  </si>
  <si>
    <t>Sobia Liaqat</t>
  </si>
  <si>
    <t>GGPS MALIK NABI BUX</t>
  </si>
  <si>
    <t>Basti roja Machi malkani.shedani road.</t>
  </si>
  <si>
    <t>Basti Roja Machi</t>
  </si>
  <si>
    <t>Naintara Zafar</t>
  </si>
  <si>
    <t>GGPS MALIK PARK SHAHDARA</t>
  </si>
  <si>
    <t>Malik Park</t>
  </si>
  <si>
    <t>ggps maik park shahdara</t>
  </si>
  <si>
    <t>Shamshabad</t>
  </si>
  <si>
    <t>GGPS MALIK PUR MOZA MALIK PUR</t>
  </si>
  <si>
    <t>malik ghulam fareed Naich moaza malik pur</t>
  </si>
  <si>
    <t>ghulam fareed naich</t>
  </si>
  <si>
    <t>jun pur</t>
  </si>
  <si>
    <t>SajdaSahar</t>
  </si>
  <si>
    <t>GGPS MALIK SHER WALA</t>
  </si>
  <si>
    <t>G G p/s Dera Malik Sherwala chak no.181</t>
  </si>
  <si>
    <t>Dera Malik Sherwala</t>
  </si>
  <si>
    <t>Ghizala Anjum</t>
  </si>
  <si>
    <t>GGPS MALIK SOBHA ARAIN</t>
  </si>
  <si>
    <t>GGPS sobha arain tehsil liaquat pur</t>
  </si>
  <si>
    <t>Basti Malik Sobha Arain</t>
  </si>
  <si>
    <t>Zafar  Abad</t>
  </si>
  <si>
    <t>Rizwana Arbi</t>
  </si>
  <si>
    <t>GGPS MALIK WAHIN</t>
  </si>
  <si>
    <t>govt girls p s Malik wahin</t>
  </si>
  <si>
    <t>Zareen Akhter</t>
  </si>
  <si>
    <t>GGPS MALIK WAL</t>
  </si>
  <si>
    <t>v p o vijh distt sargodha tehsil shahpur markaz wadhi female ggps malakwal</t>
  </si>
  <si>
    <t>Chackarala</t>
  </si>
  <si>
    <t>GGPS MALKA HAJI</t>
  </si>
  <si>
    <t>Govt girls primary school malka haji</t>
  </si>
  <si>
    <t>MalkaHaji</t>
  </si>
  <si>
    <t>Gulshan ara</t>
  </si>
  <si>
    <t>GGPS MALKA HANS CITY</t>
  </si>
  <si>
    <t>city malka hans</t>
  </si>
  <si>
    <t>Shama Iqbal</t>
  </si>
  <si>
    <t>GGPS MALKANA MORE</t>
  </si>
  <si>
    <t>Malkana</t>
  </si>
  <si>
    <t>GGps malkana more tehsil 18 hzari district jhang</t>
  </si>
  <si>
    <t>Malkana More</t>
  </si>
  <si>
    <t>GGPS MALKANI KHURD</t>
  </si>
  <si>
    <t>basti rangay wala hazara jhokeuttra d.g khan</t>
  </si>
  <si>
    <t>Rangay Wala</t>
  </si>
  <si>
    <t>GGPS MALKAY SHARAF DIN</t>
  </si>
  <si>
    <t>Malkay sharfdin</t>
  </si>
  <si>
    <t>malkaysharaf din</t>
  </si>
  <si>
    <t>Malkay Sharaf Din</t>
  </si>
  <si>
    <t>GGPS MALKI</t>
  </si>
  <si>
    <t>Malki</t>
  </si>
  <si>
    <t>GGPSMalki</t>
  </si>
  <si>
    <t>MAlki</t>
  </si>
  <si>
    <t>Jalalpur Sobtain</t>
  </si>
  <si>
    <t>tasneem     tahira</t>
  </si>
  <si>
    <t>GGPS MALKU</t>
  </si>
  <si>
    <t>Malko</t>
  </si>
  <si>
    <t>Moza Malko po (box) Sargana</t>
  </si>
  <si>
    <t>Hasina Bibi</t>
  </si>
  <si>
    <t>GGPS MALLA KHEL</t>
  </si>
  <si>
    <t>Malla khel</t>
  </si>
  <si>
    <t>GGPS MALLAN WALA CHAK NO. 34</t>
  </si>
  <si>
    <t>Mallanwala Chak 34</t>
  </si>
  <si>
    <t>mallanwala chak 34</t>
  </si>
  <si>
    <t>Mallanwala</t>
  </si>
  <si>
    <t>Kubra Ibrahim</t>
  </si>
  <si>
    <t>GGPS MALO PATIAL</t>
  </si>
  <si>
    <t>Malopatial</t>
  </si>
  <si>
    <t>malopatial pasrur</t>
  </si>
  <si>
    <t>GGPS MALO WAL</t>
  </si>
  <si>
    <t>malowal</t>
  </si>
  <si>
    <t>GGPS MALOWAL</t>
  </si>
  <si>
    <t>Shahida Ibrar</t>
  </si>
  <si>
    <t>GGPS MALOANNA</t>
  </si>
  <si>
    <t>Village Maloanna p/o box khangah dogran</t>
  </si>
  <si>
    <t>Maloanna</t>
  </si>
  <si>
    <t>Muzammil Rani</t>
  </si>
  <si>
    <t>GGPS MALOOK SHAH NO. 1</t>
  </si>
  <si>
    <t>basti malook shah ghous abad</t>
  </si>
  <si>
    <t>Malook Shah</t>
  </si>
  <si>
    <t>Shadani</t>
  </si>
  <si>
    <t>Najma Kouser</t>
  </si>
  <si>
    <t>GGPS MALOOT</t>
  </si>
  <si>
    <t>GGPS MALOT</t>
  </si>
  <si>
    <t>Aneela Sabahat</t>
  </si>
  <si>
    <t>GGPS MALOTE DHUNDAN</t>
  </si>
  <si>
    <t>Malote</t>
  </si>
  <si>
    <t>Post office kashmiri Bazar village Malote Dhundan tehsil murree district rawalpindi</t>
  </si>
  <si>
    <t>maloval</t>
  </si>
  <si>
    <t>Bariavala</t>
  </si>
  <si>
    <t>Tayyaba Mehmood</t>
  </si>
  <si>
    <t>GGPS MALPUR</t>
  </si>
  <si>
    <t>Ghari Afghana</t>
  </si>
  <si>
    <t>dak khana ghari afghana malpur</t>
  </si>
  <si>
    <t>Malpur</t>
  </si>
  <si>
    <t>Sehrish Suleman</t>
  </si>
  <si>
    <t>GGPS MALWANA</t>
  </si>
  <si>
    <t>Malwana</t>
  </si>
  <si>
    <t>GGPS Malwana, Kharian (Gujrat)</t>
  </si>
  <si>
    <t>GGPS MALYANA</t>
  </si>
  <si>
    <t>Malyana</t>
  </si>
  <si>
    <t>Chak Malyana, Pakpattan</t>
  </si>
  <si>
    <t>GGPS MALYAR</t>
  </si>
  <si>
    <t>Malyar</t>
  </si>
  <si>
    <t>VPO Malyar Tehsil P.D Khan Distt. Jhelum</t>
  </si>
  <si>
    <t>Salma Noreen</t>
  </si>
  <si>
    <t>GGPS MAMAR WALA</t>
  </si>
  <si>
    <t>Mammar wala</t>
  </si>
  <si>
    <t>Gulnaz Tabsuam</t>
  </si>
  <si>
    <t>GGPS MAMDANI</t>
  </si>
  <si>
    <t>Chak Lama</t>
  </si>
  <si>
    <t>Basti mamdani p/o shadn lund dgk</t>
  </si>
  <si>
    <t>GGPS MAMDOO TOTEN WALA</t>
  </si>
  <si>
    <t>RAKHWAN</t>
  </si>
  <si>
    <t>BASTI MAMDO TOTEN WALA, MOZA RAKHWAN, TEHSIL KAROR LAL EASON DISTRICT LAYYAH.</t>
  </si>
  <si>
    <t>BASTI MAMDO TOTEN WALA</t>
  </si>
  <si>
    <t>Tasleem Siddique</t>
  </si>
  <si>
    <t>GGPS MAMEY WAL</t>
  </si>
  <si>
    <t>Mameywal</t>
  </si>
  <si>
    <t>village Mameywal post office satuwal tehs.shakargarh distr.Narrowal</t>
  </si>
  <si>
    <t>Khalida Dasreen</t>
  </si>
  <si>
    <t>GGPS MAMKAN WALA</t>
  </si>
  <si>
    <t>Mamkanwala</t>
  </si>
  <si>
    <t>GGPS Mamkanwala</t>
  </si>
  <si>
    <t>Gulnaz  Akhtar</t>
  </si>
  <si>
    <t>GGPS MAMNA</t>
  </si>
  <si>
    <t>Touheed Nagar</t>
  </si>
  <si>
    <t>touheed nagar</t>
  </si>
  <si>
    <t>Mamna</t>
  </si>
  <si>
    <t>GGPS MAMTAZ ABAD MADOKI</t>
  </si>
  <si>
    <t>GGPS MUMTAZABAD madduki</t>
  </si>
  <si>
    <t>Luck Budher</t>
  </si>
  <si>
    <t>Rehana Batool</t>
  </si>
  <si>
    <t>GGPS MAN</t>
  </si>
  <si>
    <t>village Maan post office Dhamthal tehsil Zafarwal dist Narowal</t>
  </si>
  <si>
    <t>Memona Arim</t>
  </si>
  <si>
    <t>GGPS MAN JATTAN</t>
  </si>
  <si>
    <t>Man Jattan</t>
  </si>
  <si>
    <t>Vill. Man Jattan  p/o dudhuchak</t>
  </si>
  <si>
    <t>GGPS MAN PUR</t>
  </si>
  <si>
    <t>ggps manpur</t>
  </si>
  <si>
    <t>GGPS MANA</t>
  </si>
  <si>
    <t>Mana</t>
  </si>
  <si>
    <t>Village Mana Batapur shalimar cantt lahore</t>
  </si>
  <si>
    <t>GGPS MANA AHMEDANI NO.2</t>
  </si>
  <si>
    <t>Mana Ahmdani</t>
  </si>
  <si>
    <t>P/O Mana Ahmdani Tehsil kotchutta District D.G.Khan</t>
  </si>
  <si>
    <t>Saira Bilal</t>
  </si>
  <si>
    <t>GGPS MANA AHMEDANI NO.3</t>
  </si>
  <si>
    <t>Mana Ahemadani Sharqi</t>
  </si>
  <si>
    <t>Govt girls primary school no 3 mana ahemadani</t>
  </si>
  <si>
    <t>Basheer Colony</t>
  </si>
  <si>
    <t>Mana Ahemadani</t>
  </si>
  <si>
    <t>Asma Perveen</t>
  </si>
  <si>
    <t>GGPS MANA AHMEDANI NO.4</t>
  </si>
  <si>
    <t>p/o mana ahmdani tehsil kot chutta District Dg khan</t>
  </si>
  <si>
    <t>Nazir Anjum</t>
  </si>
  <si>
    <t>GGPS MANAK DAY KAY</t>
  </si>
  <si>
    <t>Manakdeky</t>
  </si>
  <si>
    <t>Gaps manakdyky</t>
  </si>
  <si>
    <t>Manakdyky</t>
  </si>
  <si>
    <t>Majida Sultana</t>
  </si>
  <si>
    <t>GGPS MANAK HERAJ, TULAMBA</t>
  </si>
  <si>
    <t>Khichi Wala</t>
  </si>
  <si>
    <t>basti manak haraj tulamba</t>
  </si>
  <si>
    <t>Manak Haraj</t>
  </si>
  <si>
    <t>Naeema Iram</t>
  </si>
  <si>
    <t>GGPS MANAN WALA BADIAN ROAD</t>
  </si>
  <si>
    <t>Mananwala</t>
  </si>
  <si>
    <t>GGPS Mananwala Bedian Road Lahore Cantt</t>
  </si>
  <si>
    <t>GGPS MANAWAN</t>
  </si>
  <si>
    <t>village Manawan p.o noshera tehsil noshera district khushab</t>
  </si>
  <si>
    <t>Robina shahnaz</t>
  </si>
  <si>
    <t>GGPS MANDAH</t>
  </si>
  <si>
    <t>Shah Star</t>
  </si>
  <si>
    <t>Ggps chak mandah</t>
  </si>
  <si>
    <t>Chak Mandah</t>
  </si>
  <si>
    <t>GGPS MANDANY WALI</t>
  </si>
  <si>
    <t>Jhok Hafiz Wala</t>
  </si>
  <si>
    <t>ggps mandany wala</t>
  </si>
  <si>
    <t>Mandany Walaa</t>
  </si>
  <si>
    <t>Bilquees Begum</t>
  </si>
  <si>
    <t>GGPS MANDHAL NO. 2</t>
  </si>
  <si>
    <t>village and p.o Mandhal tehsil Gujjar Khan district Rawalpindi</t>
  </si>
  <si>
    <t>GGPS MANDHAL NO.1</t>
  </si>
  <si>
    <t>Basti Malik Khadim Hussain Mandhal</t>
  </si>
  <si>
    <t>Samreen Asif</t>
  </si>
  <si>
    <t>GGPS MANDHAL NO.2</t>
  </si>
  <si>
    <t>Ggps mandhal no 2 tehsil Ahmed pur east distt Bahawal pur</t>
  </si>
  <si>
    <t>Jumma Arain</t>
  </si>
  <si>
    <t>Mazna Rasheed</t>
  </si>
  <si>
    <t>GGPS MANDHALA</t>
  </si>
  <si>
    <t>Village Mandhala PO Jalal Pur Jattan Gujrat</t>
  </si>
  <si>
    <t>GGPS MANDI AHMED ABAD</t>
  </si>
  <si>
    <t>GGPS MANDI DHOLAN</t>
  </si>
  <si>
    <t>mandi dholan p,/o Dholan hithar</t>
  </si>
  <si>
    <t>Mandi Dholan</t>
  </si>
  <si>
    <t>SHAZIA QAYOUM</t>
  </si>
  <si>
    <t>GGPS MANDI KHAIL</t>
  </si>
  <si>
    <t>Village Mundi khail,tehsil shakargarh,District Narowal,post Office kanjror</t>
  </si>
  <si>
    <t>Mundi Khail</t>
  </si>
  <si>
    <t>Shamiala Iqbal</t>
  </si>
  <si>
    <t>GGPS MANDI SADIQ GUNJ</t>
  </si>
  <si>
    <t>mandi sadiq gunj</t>
  </si>
  <si>
    <t>Mandi Sadiq Gunj</t>
  </si>
  <si>
    <t>GGPS MANDI SAMBRIAL NO.1</t>
  </si>
  <si>
    <t>Ggps no 1 mondi sambrial</t>
  </si>
  <si>
    <t>Mondi Sambrial</t>
  </si>
  <si>
    <t>GGPS MANDI SAMBRIAL NO.2</t>
  </si>
  <si>
    <t>g g p s no 2 mandi sambrial</t>
  </si>
  <si>
    <t>MEUNCIPAL COMITTEE</t>
  </si>
  <si>
    <t>ARIFA SULTANA</t>
  </si>
  <si>
    <t>GGPS MANDI WALA</t>
  </si>
  <si>
    <t>Chak jarwar</t>
  </si>
  <si>
    <t>chak jarwar</t>
  </si>
  <si>
    <t>Koto Mubarak</t>
  </si>
  <si>
    <t>Asmat Shaheen</t>
  </si>
  <si>
    <t>GGPS MANDIALA PONAICH</t>
  </si>
  <si>
    <t>village mondiala ponaich tehsil kamoki district GRW</t>
  </si>
  <si>
    <t>Modiala Ponaich</t>
  </si>
  <si>
    <t>Sakina Sabir</t>
  </si>
  <si>
    <t>GGPS MANDIALI KALAN</t>
  </si>
  <si>
    <t>Mndiyali Klan</t>
  </si>
  <si>
    <t>village mandiyali klan tehsil shakargarh Dist narowal</t>
  </si>
  <si>
    <t>Mandiyali Klan</t>
  </si>
  <si>
    <t>Langanh</t>
  </si>
  <si>
    <t>Effifa Jabeen</t>
  </si>
  <si>
    <t>GGPS MANDRAN WALA</t>
  </si>
  <si>
    <t>mandranwala</t>
  </si>
  <si>
    <t>mandranwala village dist.narowal</t>
  </si>
  <si>
    <t>mandran wala</t>
  </si>
  <si>
    <t>ransiwal</t>
  </si>
  <si>
    <t>GGPS MANDRANA</t>
  </si>
  <si>
    <t>Mundrana</t>
  </si>
  <si>
    <t>mundrana</t>
  </si>
  <si>
    <t>U C Bahiwal</t>
  </si>
  <si>
    <t>Aasia Bibi</t>
  </si>
  <si>
    <t>GGPS MANGA MORE</t>
  </si>
  <si>
    <t>Manga mandi</t>
  </si>
  <si>
    <t>Adil town</t>
  </si>
  <si>
    <t>Tahira  TASNEEM</t>
  </si>
  <si>
    <t>GGPS MANGA QADEEM</t>
  </si>
  <si>
    <t>Manga Qadeem</t>
  </si>
  <si>
    <t>village manga qadeem p\O qila kalar wala tehsil pasrur district sialkot</t>
  </si>
  <si>
    <t>GGPS MANGAL</t>
  </si>
  <si>
    <t>Mangal</t>
  </si>
  <si>
    <t>GGPS Mangal Village and P.O Mangal tehsil Kallar Syedan District Rawalpindi</t>
  </si>
  <si>
    <t>Ishrat Qayyum</t>
  </si>
  <si>
    <t>GGPS MANGAL WALA</t>
  </si>
  <si>
    <t>Mangal wala</t>
  </si>
  <si>
    <t>Zainab Ameer</t>
  </si>
  <si>
    <t>GGPS MANGANA WALA</t>
  </si>
  <si>
    <t>Mangna Wala Moza Tibbi Nalera Tehsil lalian District Chiniot</t>
  </si>
  <si>
    <t>Mangna Wala</t>
  </si>
  <si>
    <t>Rabia Noor</t>
  </si>
  <si>
    <t>GGPS MANGAT</t>
  </si>
  <si>
    <t>village mangat dak khana khas teh safdarabad distt.skp</t>
  </si>
  <si>
    <t>GGPS MANGAT KALAR</t>
  </si>
  <si>
    <t>village mangat kalar, teh kamoki, dist Gujranwala</t>
  </si>
  <si>
    <t>Mangat Kalar</t>
  </si>
  <si>
    <t>Iqra Qammar</t>
  </si>
  <si>
    <t>GGPS MANGLAY WALI</t>
  </si>
  <si>
    <t>Ggps Manglay Wali</t>
  </si>
  <si>
    <t>Manglay Wali</t>
  </si>
  <si>
    <t>Mangrotha East</t>
  </si>
  <si>
    <t>Ayesha Zia</t>
  </si>
  <si>
    <t>GGPS MANGLY WALA</t>
  </si>
  <si>
    <t>amnglywala ada notak tehsil kot chutta district dg khan</t>
  </si>
  <si>
    <t>Manglywala</t>
  </si>
  <si>
    <t>GGPS MANGO KAMA</t>
  </si>
  <si>
    <t>Mangokma</t>
  </si>
  <si>
    <t>mangokma post office thakra mahy tehsil sambrial district Sialkot</t>
  </si>
  <si>
    <t>Saeeda Nayyab Fatima</t>
  </si>
  <si>
    <t>GGPS MANGOO TAROO</t>
  </si>
  <si>
    <t>Mangu Taru</t>
  </si>
  <si>
    <t>mangu taru teh and distt nankana sahib</t>
  </si>
  <si>
    <t>GGPS MANGOOR</t>
  </si>
  <si>
    <t>Mangoor</t>
  </si>
  <si>
    <t>mangoor khushab</t>
  </si>
  <si>
    <t>Mehwish Mumtaz</t>
  </si>
  <si>
    <t>GGPS MANGU SANGAR</t>
  </si>
  <si>
    <t>Mangu Sangar</t>
  </si>
  <si>
    <t>Village Mangu Sangar Tehsil Pasrur District Sialkot</t>
  </si>
  <si>
    <t>Khadijah Sarfraz</t>
  </si>
  <si>
    <t>GGPS MANGWANI</t>
  </si>
  <si>
    <t>Mangwani</t>
  </si>
  <si>
    <t>moza mangwani dara bakha bwp .</t>
  </si>
  <si>
    <t>GGPS MANIAN WALA</t>
  </si>
  <si>
    <t>DOLAT Pur</t>
  </si>
  <si>
    <t>village mania wala</t>
  </si>
  <si>
    <t>MANIA WALA</t>
  </si>
  <si>
    <t>Farzana Nasim</t>
  </si>
  <si>
    <t>GGPS MANIK PUR</t>
  </si>
  <si>
    <t>G.g.p.s.manik pur (manik Pur khas )</t>
  </si>
  <si>
    <t>GGPS MANJA GHUNDI</t>
  </si>
  <si>
    <t>Village Manjha Ghundi, Tola Bangi Khel, Isa Khel</t>
  </si>
  <si>
    <t>Manjha Ghundi</t>
  </si>
  <si>
    <t>TAJ RIAN BIBI</t>
  </si>
  <si>
    <t>GGPS MANJA GHUNDI POSS</t>
  </si>
  <si>
    <t>Village Manjha Ghundi Poss, Tola Bangi Khel, Isa Khel</t>
  </si>
  <si>
    <t>Manjha Ghundi Poss</t>
  </si>
  <si>
    <t>Perveen Begum</t>
  </si>
  <si>
    <t>GGPS MANJAR MANJHAR</t>
  </si>
  <si>
    <t>manjhar</t>
  </si>
  <si>
    <t>Manjhar</t>
  </si>
  <si>
    <t>Noreen Tabassum</t>
  </si>
  <si>
    <t>GGPS MANJHA GHUNDI</t>
  </si>
  <si>
    <t>village Manja Ghundi P. O Injra R. S Tehsil Jand Attock</t>
  </si>
  <si>
    <t>GGPS MANJHA KOTLA</t>
  </si>
  <si>
    <t>Manjha Kotla</t>
  </si>
  <si>
    <t>mouza manjha kotla basti shoor kot</t>
  </si>
  <si>
    <t>Ladhha Bohar</t>
  </si>
  <si>
    <t>Nuzhat Majeed</t>
  </si>
  <si>
    <t>GGPS MANJHAY WALA</t>
  </si>
  <si>
    <t>Bahadar gamon  Sehol</t>
  </si>
  <si>
    <t>Majnhy wala dist Layyah</t>
  </si>
  <si>
    <t>Manjhy Wala</t>
  </si>
  <si>
    <t>Syeda Munazza Batool</t>
  </si>
  <si>
    <t>GGPS MANJHI KHEL</t>
  </si>
  <si>
    <t>Trag Gharbi</t>
  </si>
  <si>
    <t>mohalla manjhi khel</t>
  </si>
  <si>
    <t>GGPS MANJHI PUR</t>
  </si>
  <si>
    <t>Manjhi Pur</t>
  </si>
  <si>
    <t>manjhi pur</t>
  </si>
  <si>
    <t>Memoona Ashraf</t>
  </si>
  <si>
    <t>GGPS MANJHU MACHHI</t>
  </si>
  <si>
    <t>Chak Patyat</t>
  </si>
  <si>
    <t>Basti Manjhu Machi</t>
  </si>
  <si>
    <t>Manjhu Machi</t>
  </si>
  <si>
    <t>Shahzadi Mahjabeen</t>
  </si>
  <si>
    <t>GGPS Manjhyani</t>
  </si>
  <si>
    <t>basti majhyani</t>
  </si>
  <si>
    <t>Manjhyani</t>
  </si>
  <si>
    <t>Rizwana Ameer</t>
  </si>
  <si>
    <t>GGPS MANJITOOR</t>
  </si>
  <si>
    <t>Manjitoor</t>
  </si>
  <si>
    <t>Village manjitoor</t>
  </si>
  <si>
    <t>Zeenat Siddique</t>
  </si>
  <si>
    <t>GGPS MANJOTHAY WALA</t>
  </si>
  <si>
    <t>chah Manjothay Wala P/o ehsaanpur</t>
  </si>
  <si>
    <t>Manjothay Wala</t>
  </si>
  <si>
    <t>Ehsaanpur</t>
  </si>
  <si>
    <t>Bilqees Bibi</t>
  </si>
  <si>
    <t>GGPS MANK PUR</t>
  </si>
  <si>
    <t>Manak Pur</t>
  </si>
  <si>
    <t>ggps manak pur</t>
  </si>
  <si>
    <t>Sofia Naseem</t>
  </si>
  <si>
    <t>GGPS MANKA</t>
  </si>
  <si>
    <t>Manka Shamali</t>
  </si>
  <si>
    <t>village manka p/o fazla kach tribal area taunsa dg khan</t>
  </si>
  <si>
    <t>Salma Habib</t>
  </si>
  <si>
    <t>GGPS MANKA BHUTTA</t>
  </si>
  <si>
    <t>p/o dewala teh/distt.m.garh</t>
  </si>
  <si>
    <t>Saifullah Malik</t>
  </si>
  <si>
    <t>GGPS MANKERA CITY</t>
  </si>
  <si>
    <t>GGPS CITY MANKERA</t>
  </si>
  <si>
    <t>Basti shumali Mankera</t>
  </si>
  <si>
    <t>fiza shehnaz</t>
  </si>
  <si>
    <t>GGPS MANKERA NO. 1</t>
  </si>
  <si>
    <t>ggps mankera</t>
  </si>
  <si>
    <t>SHEREEN AKHTAR</t>
  </si>
  <si>
    <t>GGPS MANKERA NO.2</t>
  </si>
  <si>
    <t>ggps no 2 mankera</t>
  </si>
  <si>
    <t>GGPS MANKOOR</t>
  </si>
  <si>
    <t>Mankoor</t>
  </si>
  <si>
    <t>Langer Vnvvvvvvvvvvvnbvvvvnvvvvv Vbffvvvvbvg Vvbnvvvfvvvbr</t>
  </si>
  <si>
    <t>GGPS MANNA WALI</t>
  </si>
  <si>
    <t>Munnanwali</t>
  </si>
  <si>
    <t>village Munnanwali post office Depoky Zafarwal</t>
  </si>
  <si>
    <t>Depoky</t>
  </si>
  <si>
    <t>GGPS MANORIAN</t>
  </si>
  <si>
    <t>Manorian</t>
  </si>
  <si>
    <t>khalida farzana</t>
  </si>
  <si>
    <t>GGPS MANOWAL,LAHORE</t>
  </si>
  <si>
    <t>GGPS Manowal</t>
  </si>
  <si>
    <t>Manowal</t>
  </si>
  <si>
    <t>out side of school</t>
  </si>
  <si>
    <t>GGPS MANPUR</t>
  </si>
  <si>
    <t>Village Manpur p/o Bastan tehsil Shakargarh district Narowal</t>
  </si>
  <si>
    <t>Naveeda Sharif</t>
  </si>
  <si>
    <t>GGPS MANSA MAGLANI, ABDUL HAKIM</t>
  </si>
  <si>
    <t>sikandar pur</t>
  </si>
  <si>
    <t>kot islam dak khana khas</t>
  </si>
  <si>
    <t>Nabila Qureshi</t>
  </si>
  <si>
    <t>GGPS MANSOOR DIVA</t>
  </si>
  <si>
    <t>Mansur deva</t>
  </si>
  <si>
    <t>GGPS Mansur deva</t>
  </si>
  <si>
    <t>Mansur Deva</t>
  </si>
  <si>
    <t>Behkan Walla</t>
  </si>
  <si>
    <t>Rakhshanda  Arshad</t>
  </si>
  <si>
    <t>GGPS MANSOOR SIAL</t>
  </si>
  <si>
    <t>GGPS Mansoor sial</t>
  </si>
  <si>
    <t>GGPS MANYAND</t>
  </si>
  <si>
    <t>vilage manyand p.o kahuta tehsil kahuta distt rwp</t>
  </si>
  <si>
    <t>Tehmina Asghar</t>
  </si>
  <si>
    <t>motor fitting</t>
  </si>
  <si>
    <t>GGPS MANYANDA</t>
  </si>
  <si>
    <t>village manyanda teh. kalar syedan distt. Rwp</t>
  </si>
  <si>
    <t>Naheeda Parveen</t>
  </si>
  <si>
    <t>GGPS MANZOOR ABAD ISA KHEL</t>
  </si>
  <si>
    <t>village ghallykhel teh isakhel distt mianwali</t>
  </si>
  <si>
    <t>Ghallykhel</t>
  </si>
  <si>
    <t>Iffat Bibi</t>
  </si>
  <si>
    <t>GGPS MANZOOR ABAD KAMAR MUSHANI</t>
  </si>
  <si>
    <t>Kacha Kmar Mushani</t>
  </si>
  <si>
    <t>street purana bazar mohalla lal bag khel kacha kmar mushani</t>
  </si>
  <si>
    <t>Kmar Mushani</t>
  </si>
  <si>
    <t>Ruqia Shereen</t>
  </si>
  <si>
    <t>GGPS MANZOOR COLONY</t>
  </si>
  <si>
    <t>Jamat Pura</t>
  </si>
  <si>
    <t>G g p s manzoor colony kasur Jamal pura</t>
  </si>
  <si>
    <t>Kot Murad Khan</t>
  </si>
  <si>
    <t>H  Nazia</t>
  </si>
  <si>
    <t>GGPS MANZOOR HAMZA</t>
  </si>
  <si>
    <t>Murad Pur Shumali</t>
  </si>
  <si>
    <t>basti mochi</t>
  </si>
  <si>
    <t>Basti Mochi</t>
  </si>
  <si>
    <t>Farhat  Perveen</t>
  </si>
  <si>
    <t>GGPS MANZOOR HAYAT COLONY BHALWAL</t>
  </si>
  <si>
    <t>Ggps manzoor hayat colony  street no 15</t>
  </si>
  <si>
    <t>Tasswar Sultana</t>
  </si>
  <si>
    <t>GGPS MANZOOR KHAN GOLA</t>
  </si>
  <si>
    <t>Perwali Sultan</t>
  </si>
  <si>
    <t>basti gulshan arain</t>
  </si>
  <si>
    <t>Basti Gulshan Arain</t>
  </si>
  <si>
    <t>Badli sharif</t>
  </si>
  <si>
    <t>Jahan Iqbal</t>
  </si>
  <si>
    <t>GGPS MANZOORI</t>
  </si>
  <si>
    <t>Bostan abad</t>
  </si>
  <si>
    <t>Bostan Abad</t>
  </si>
  <si>
    <t>Sabeela Khan</t>
  </si>
  <si>
    <t>FROM NEIGHBOURS</t>
  </si>
  <si>
    <t>GGPS MAO PUBLIC SWL</t>
  </si>
  <si>
    <t>Fateh Sher Colony</t>
  </si>
  <si>
    <t>Fateh sher colony sahiwal</t>
  </si>
  <si>
    <t>Goal Chakker Sahiwal</t>
  </si>
  <si>
    <t>Parveen Manzoor</t>
  </si>
  <si>
    <t>GGPS MAQBOOL COLONY</t>
  </si>
  <si>
    <t>maqbool colony ranjeet kot</t>
  </si>
  <si>
    <t>Maqbool Colony</t>
  </si>
  <si>
    <t>Taslem Akhtar</t>
  </si>
  <si>
    <t>GGPS MAQBOOL COLONY BAHAWALPUR</t>
  </si>
  <si>
    <t>Hamatian</t>
  </si>
  <si>
    <t>BWP CITY 8</t>
  </si>
  <si>
    <t>Sadaf Javaid</t>
  </si>
  <si>
    <t>GGPS MAQBOOL WAH</t>
  </si>
  <si>
    <t>maqbool wah</t>
  </si>
  <si>
    <t>Sabiha Ramzan</t>
  </si>
  <si>
    <t>GGPS MAQSOODA</t>
  </si>
  <si>
    <t>Maqsooda tehsil district mailsi Zila vehari</t>
  </si>
  <si>
    <t>335wb</t>
  </si>
  <si>
    <t>Aziz Bi Bi</t>
  </si>
  <si>
    <t>GGPS MAQSOODA BHATTIAN</t>
  </si>
  <si>
    <t>Maqsooda Bhatian</t>
  </si>
  <si>
    <t>GGPSmaqsooda bhattian</t>
  </si>
  <si>
    <t>Maqsooda Bhattian</t>
  </si>
  <si>
    <t>GGPS MARAHA BASTI CHAH DARKHAN WALA SHUJABAD</t>
  </si>
  <si>
    <t>GGPSMahra</t>
  </si>
  <si>
    <t>Rokan Hati</t>
  </si>
  <si>
    <t>Shahida Babar</t>
  </si>
  <si>
    <t>GGPS MARALI OTTAR</t>
  </si>
  <si>
    <t>Marali Ottar</t>
  </si>
  <si>
    <t>Marali ottar</t>
  </si>
  <si>
    <t>marali Ottar</t>
  </si>
  <si>
    <t>Chena Arla</t>
  </si>
  <si>
    <t>Noreen Ambreen</t>
  </si>
  <si>
    <t>GGPS MARARA</t>
  </si>
  <si>
    <t>marara, zafarwal, narowal</t>
  </si>
  <si>
    <t>Tabassam Anayat</t>
  </si>
  <si>
    <t>GGPS MARARIAN</t>
  </si>
  <si>
    <t>MARARIAN</t>
  </si>
  <si>
    <t>GGPS MARARIAN GUJRAT</t>
  </si>
  <si>
    <t>ADOWAL</t>
  </si>
  <si>
    <t>Maliha Dogar</t>
  </si>
  <si>
    <t>GGPS MARDAN PUR NEAR BASTI KHAN WALA MULTAN</t>
  </si>
  <si>
    <t>basti khan wala</t>
  </si>
  <si>
    <t>Basti Khan</t>
  </si>
  <si>
    <t>GGPS MARDANA</t>
  </si>
  <si>
    <t>village Mardana tehsil Pasrur district sialkot</t>
  </si>
  <si>
    <t>Firdous Rani</t>
  </si>
  <si>
    <t>GGPS MARH BALOCHAN GHARBI</t>
  </si>
  <si>
    <t>Marrh Gharbi</t>
  </si>
  <si>
    <t>mendi marrhbalochan gharbi</t>
  </si>
  <si>
    <t>Mendi Marrh Balochan</t>
  </si>
  <si>
    <t>GGPS MARHAL</t>
  </si>
  <si>
    <t>Marhal</t>
  </si>
  <si>
    <t>village marhal</t>
  </si>
  <si>
    <t>SAJIDA AFZAL</t>
  </si>
  <si>
    <t>GGPS MARI</t>
  </si>
  <si>
    <t>Village Maari</t>
  </si>
  <si>
    <t>Gohar Sultana</t>
  </si>
  <si>
    <t>GGPS MARI ALLAH BACHAYA</t>
  </si>
  <si>
    <t>MAB</t>
  </si>
  <si>
    <t>kot mian noor muhammad mari Allah bchaya</t>
  </si>
  <si>
    <t>Kotnoor Muhammad</t>
  </si>
  <si>
    <t>Mari Allah Bchaya</t>
  </si>
  <si>
    <t>GGPS MARI BANGAIL</t>
  </si>
  <si>
    <t>tehsil district rawalpindi village post office mari bangail</t>
  </si>
  <si>
    <t>Mari Bangail</t>
  </si>
  <si>
    <t>GGPS MARI HAZARA</t>
  </si>
  <si>
    <t>Mari Hazara</t>
  </si>
  <si>
    <t>Mari Hazara Tehsil Arifwala District pakpattan</t>
  </si>
  <si>
    <t>NooraRath</t>
  </si>
  <si>
    <t>Shahnaz Khalid</t>
  </si>
  <si>
    <t>GGPS MARI JHAL</t>
  </si>
  <si>
    <t>Jhal</t>
  </si>
  <si>
    <t>Ggps mari jhal</t>
  </si>
  <si>
    <t>Shaista Qaisar</t>
  </si>
  <si>
    <t>GGPS MARI KAMBOH</t>
  </si>
  <si>
    <t>Mari Kamboh</t>
  </si>
  <si>
    <t>village mari kamboh</t>
  </si>
  <si>
    <t>Pundit Manfool</t>
  </si>
  <si>
    <t>Shazma Liaqat</t>
  </si>
  <si>
    <t>GGPS MARI MITRU</t>
  </si>
  <si>
    <t>Mari Mitru</t>
  </si>
  <si>
    <t>GGPS Mari mitru</t>
  </si>
  <si>
    <t>Lalipur</t>
  </si>
  <si>
    <t>Sameea Hameed</t>
  </si>
  <si>
    <t>GGPS MARI NOTAN</t>
  </si>
  <si>
    <t>mosa kanjo</t>
  </si>
  <si>
    <t>GGPS Mari Notan</t>
  </si>
  <si>
    <t>Mari Notan</t>
  </si>
  <si>
    <t>sahja</t>
  </si>
  <si>
    <t>Asma kouser</t>
  </si>
  <si>
    <t>GGPS MARI SANTRAM</t>
  </si>
  <si>
    <t>Laran</t>
  </si>
  <si>
    <t>GGPS Mari Santram</t>
  </si>
  <si>
    <t>Basri perveen</t>
  </si>
  <si>
    <t>GGPS MARI SHAH SAKHERA SHUMALI</t>
  </si>
  <si>
    <t>P/o mari shah sakhira Tehsil 18 hazari district jhang</t>
  </si>
  <si>
    <t>GGPS MARI SHEIKH SHIJRA</t>
  </si>
  <si>
    <t>Basti Saeed Abad</t>
  </si>
  <si>
    <t>Mari Sheikh SHUJRA</t>
  </si>
  <si>
    <t>Naseem  Akhter</t>
  </si>
  <si>
    <t>GGPS MARI WALA NO.1</t>
  </si>
  <si>
    <t>Nawa Shumali</t>
  </si>
  <si>
    <t>mari wala nawa shahr</t>
  </si>
  <si>
    <t>Amna Buzdar</t>
  </si>
  <si>
    <t>GGPS MARI WALA NO.2</t>
  </si>
  <si>
    <t>P/o Hassan Abad mozha Nawan Shumali kot chutta</t>
  </si>
  <si>
    <t>BAKHAT  WADI</t>
  </si>
  <si>
    <t>GGPS MARI WARAICHAN</t>
  </si>
  <si>
    <t>J.P.JATTAN-VI-FEMALE</t>
  </si>
  <si>
    <t>Marri Warraichan</t>
  </si>
  <si>
    <t>village marri warraichan p.o kasoki gujrat</t>
  </si>
  <si>
    <t>Kasoki</t>
  </si>
  <si>
    <t>GGPS MARIAN</t>
  </si>
  <si>
    <t>Mariyan</t>
  </si>
  <si>
    <t>basti mariyan tehsil ali pur district Muzaffargarh</t>
  </si>
  <si>
    <t>GGPS MARJAN</t>
  </si>
  <si>
    <t>Marjan</t>
  </si>
  <si>
    <t>PO Khrana, Village Marja , Teh. Kharian, Dist. Gujrat</t>
  </si>
  <si>
    <t>Nasira Younis</t>
  </si>
  <si>
    <t>GGPS MARKET COMMITTEE</t>
  </si>
  <si>
    <t>Ggps market committ vehar</t>
  </si>
  <si>
    <t>43 Wb Vehari</t>
  </si>
  <si>
    <t>GGPS MARKI (Barthi)</t>
  </si>
  <si>
    <t>Basti markee trible area distt dgkhan</t>
  </si>
  <si>
    <t>Markii</t>
  </si>
  <si>
    <t>GGPS MARKI (T.Qaisrani)</t>
  </si>
  <si>
    <t>PHUGLA</t>
  </si>
  <si>
    <t>MARKI  TRIBAL AREA</t>
  </si>
  <si>
    <t>MARKI</t>
  </si>
  <si>
    <t>BIROT</t>
  </si>
  <si>
    <t>NATURAL SOURCE</t>
  </si>
  <si>
    <t>GGPS MARL</t>
  </si>
  <si>
    <t>Marl</t>
  </si>
  <si>
    <t>village marl P/O chawinda tehseel Pasrur District Sialkot</t>
  </si>
  <si>
    <t>Muneeba Ejaz</t>
  </si>
  <si>
    <t>GGPS MARMAKI</t>
  </si>
  <si>
    <t>Dhok Marmaki</t>
  </si>
  <si>
    <t>ggps Marmaki  vpo Mithial</t>
  </si>
  <si>
    <t>GGPS MAROOF ABAD</t>
  </si>
  <si>
    <t>Maroofabad</t>
  </si>
  <si>
    <t>village maroofabad p/o chak biag tehsil wazirabad distt Gujranwala's</t>
  </si>
  <si>
    <t>Marofabad</t>
  </si>
  <si>
    <t>Nazia Rehmat</t>
  </si>
  <si>
    <t>GGPS MAROOS</t>
  </si>
  <si>
    <t>Chak Marris</t>
  </si>
  <si>
    <t>village chak marres</t>
  </si>
  <si>
    <t>Moroos</t>
  </si>
  <si>
    <t>M Pur Shumali</t>
  </si>
  <si>
    <t>Nahid  Blouch</t>
  </si>
  <si>
    <t>GGPS MAROZA</t>
  </si>
  <si>
    <t>Moonda</t>
  </si>
  <si>
    <t>riffat perveen</t>
  </si>
  <si>
    <t>GGPS MARRAH</t>
  </si>
  <si>
    <t>Iikhani</t>
  </si>
  <si>
    <t>basti marah</t>
  </si>
  <si>
    <t>Marrah</t>
  </si>
  <si>
    <t>Likhani</t>
  </si>
  <si>
    <t>Anila latif</t>
  </si>
  <si>
    <t>GGPS MARRAR 45 RB</t>
  </si>
  <si>
    <t>Chak 45 Marrar</t>
  </si>
  <si>
    <t>chak no. 45 marrar sangla hill district nankana sahib</t>
  </si>
  <si>
    <t>Chak No 45 Marrar</t>
  </si>
  <si>
    <t>GGPS MARRY WALI</t>
  </si>
  <si>
    <t>ggps meray wali</t>
  </si>
  <si>
    <t>meray wali</t>
  </si>
  <si>
    <t>rabia sultana</t>
  </si>
  <si>
    <t>GGPS MARYAM ABAD</t>
  </si>
  <si>
    <t>Maryamabad</t>
  </si>
  <si>
    <t>maryamabad distt grw tehsil wazirabad</t>
  </si>
  <si>
    <t>GGPS MARZAI CHAK</t>
  </si>
  <si>
    <t>Marzai chak</t>
  </si>
  <si>
    <t>marzai chak p/o lakhanwal</t>
  </si>
  <si>
    <t>Sadia Tahseen</t>
  </si>
  <si>
    <t>GGPS MARZI PURA, KHANEWAL</t>
  </si>
  <si>
    <t>ggps marzi pura</t>
  </si>
  <si>
    <t>GGPS MASAR</t>
  </si>
  <si>
    <t>village masar tehsil shahpur district sargodha</t>
  </si>
  <si>
    <t>GGPS MASEET WALI</t>
  </si>
  <si>
    <t>Maseet Wali</t>
  </si>
  <si>
    <t>p.o. saad ullahpur, tehsil phalia, district mandi bahauddin</t>
  </si>
  <si>
    <t>Maseet wali</t>
  </si>
  <si>
    <t>Narag</t>
  </si>
  <si>
    <t>Tasver Tahira</t>
  </si>
  <si>
    <t>GGPS MASEETA COLONY GOJRA</t>
  </si>
  <si>
    <t>Maseeta Colony</t>
  </si>
  <si>
    <t>maseeta coloy gojra</t>
  </si>
  <si>
    <t>Sadaf arif</t>
  </si>
  <si>
    <t>GGPS MASI JILLA</t>
  </si>
  <si>
    <t>Mansi</t>
  </si>
  <si>
    <t>Village Mansi Jhilla P/O Lehtrar Teh kahuta</t>
  </si>
  <si>
    <t>Mansi Jhilla</t>
  </si>
  <si>
    <t>Sadia Shahzad</t>
  </si>
  <si>
    <t>boring  mizail motor</t>
  </si>
  <si>
    <t>GGPS MASJID WALA</t>
  </si>
  <si>
    <t>chak som</t>
  </si>
  <si>
    <t>masjid wala chak som</t>
  </si>
  <si>
    <t>masjid wala</t>
  </si>
  <si>
    <t>kaki nou</t>
  </si>
  <si>
    <t>Shahina Rashid</t>
  </si>
  <si>
    <t>GGPS MASOO SHAH</t>
  </si>
  <si>
    <t>Kotla LAL Shah</t>
  </si>
  <si>
    <t>basti musso Shah tahsil jatoi district muzaffargarh</t>
  </si>
  <si>
    <t>Musso Shah</t>
  </si>
  <si>
    <t>Zeb Ilahi</t>
  </si>
  <si>
    <t>GGPS MASOO WALA</t>
  </si>
  <si>
    <t>Bairband 1</t>
  </si>
  <si>
    <t>chah masu wala p/o shaher sultan bair band awal.</t>
  </si>
  <si>
    <t>Masu Wala</t>
  </si>
  <si>
    <t>Bairband</t>
  </si>
  <si>
    <t>Sadaf Bashir Sial</t>
  </si>
  <si>
    <t>GGPS MASOOD ABAD</t>
  </si>
  <si>
    <t>Chanar</t>
  </si>
  <si>
    <t>mud malana</t>
  </si>
  <si>
    <t>Mud Malana</t>
  </si>
  <si>
    <t>Jhok Mahar</t>
  </si>
  <si>
    <t>Fazila Noreen</t>
  </si>
  <si>
    <t>GGPS MASOOM ABAD</t>
  </si>
  <si>
    <t>near pepsi egency,masoomabad bhakkar</t>
  </si>
  <si>
    <t>Tahira Shahzad</t>
  </si>
  <si>
    <t>GGPS MASOOM SHAH WALA</t>
  </si>
  <si>
    <t>Masoom Shah Wala</t>
  </si>
  <si>
    <t>GGPS MASSA SINGH KOHNA</t>
  </si>
  <si>
    <t>Massa Singh Kona</t>
  </si>
  <si>
    <t>Govt girls primary school massa singh kona</t>
  </si>
  <si>
    <t>Farzana Tahira</t>
  </si>
  <si>
    <t>GGPS MASSAD GARH</t>
  </si>
  <si>
    <t>Massad Ghar</t>
  </si>
  <si>
    <t>village Massad Ghar aeo ferozpur,tehsil zafarwal,dist.Narowal</t>
  </si>
  <si>
    <t>Masad Ghar</t>
  </si>
  <si>
    <t>Gaistiwala</t>
  </si>
  <si>
    <t>Sajida Bi Bi</t>
  </si>
  <si>
    <t>GGPS MASSOW WALA</t>
  </si>
  <si>
    <t>ggps massu wala islam pur nasheb</t>
  </si>
  <si>
    <t>Massu Wala</t>
  </si>
  <si>
    <t>Fateh Pur Pritty</t>
  </si>
  <si>
    <t>Qandeel</t>
  </si>
  <si>
    <t>GGPS MAST GARH</t>
  </si>
  <si>
    <t>Mast Garh</t>
  </si>
  <si>
    <t>Village Mast Garh P/O box sambrial Tehsil sambrial district Sialkot</t>
  </si>
  <si>
    <t>Arisha Zari</t>
  </si>
  <si>
    <t>GGPS MAST PUR</t>
  </si>
  <si>
    <t>mastpur po malaney pasrur</t>
  </si>
  <si>
    <t>GGPS MASTA PAROOKA</t>
  </si>
  <si>
    <t>Musta Paroka</t>
  </si>
  <si>
    <t>Govt Girls Primary school Musta Proka Markaz Gogera Okara</t>
  </si>
  <si>
    <t>GGPS MASTAN SHAH</t>
  </si>
  <si>
    <t>norywaly</t>
  </si>
  <si>
    <t>GGPS mastan shah</t>
  </si>
  <si>
    <t>mastan shah</t>
  </si>
  <si>
    <t>mc-ryk</t>
  </si>
  <si>
    <t>khalida rahman</t>
  </si>
  <si>
    <t>electric water moter</t>
  </si>
  <si>
    <t>GGPS MASTI WALA</t>
  </si>
  <si>
    <t>village mastiwala post office Ghundi Tehsil and district Mianwali</t>
  </si>
  <si>
    <t>Masti Wala</t>
  </si>
  <si>
    <t>Khan Bibi</t>
  </si>
  <si>
    <t>GGPS MASTOO WAL</t>
  </si>
  <si>
    <t>Mastowal</t>
  </si>
  <si>
    <t>mastowal post office arzani por</t>
  </si>
  <si>
    <t>Fazeelat Perveen</t>
  </si>
  <si>
    <t>GGPS MASTOOI WALA</t>
  </si>
  <si>
    <t>G/G/p/S mastoi clouny  dj khan</t>
  </si>
  <si>
    <t>Mastoi Clouny</t>
  </si>
  <si>
    <t>Naveeda Fatima</t>
  </si>
  <si>
    <t>GGPS MASYAL</t>
  </si>
  <si>
    <t>ggps Masyal</t>
  </si>
  <si>
    <t>Nazia Hameed</t>
  </si>
  <si>
    <t>GGPS MATA MOHANA</t>
  </si>
  <si>
    <t>Chak no.13 np Jdw road</t>
  </si>
  <si>
    <t>Chak no13 np</t>
  </si>
  <si>
    <t>GGPS MATA SINGH</t>
  </si>
  <si>
    <t>Marta Singh</t>
  </si>
  <si>
    <t>matta singh</t>
  </si>
  <si>
    <t>Matta Singh</t>
  </si>
  <si>
    <t>GGPS MATABA BOOTA SINGH</t>
  </si>
  <si>
    <t>mataba boota Singh chak no 9 safdrabad</t>
  </si>
  <si>
    <t>Mataba Boota Singh</t>
  </si>
  <si>
    <t>Nabeela Ramzan</t>
  </si>
  <si>
    <t>GGPS MATAN WALA</t>
  </si>
  <si>
    <t>Mattanwala</t>
  </si>
  <si>
    <t>haveli lakha , mattanwala</t>
  </si>
  <si>
    <t>samina akhtar</t>
  </si>
  <si>
    <t>GGPS MATARA CHANG</t>
  </si>
  <si>
    <t>Dauo Wala</t>
  </si>
  <si>
    <t>basti matara chang markaz nawaz abad P/O dao wala</t>
  </si>
  <si>
    <t>Matara Chang</t>
  </si>
  <si>
    <t>GGPS MATEEL</t>
  </si>
  <si>
    <t>village mateel po and teh kotli sattian dist rwp</t>
  </si>
  <si>
    <t>Mateel</t>
  </si>
  <si>
    <t>GGPS MATEKAY</t>
  </si>
  <si>
    <t>Mattey key</t>
  </si>
  <si>
    <t>Village Mattey key P.O Chawinda Teh Pasrur Distt Sialkot</t>
  </si>
  <si>
    <t>Kapoor pur</t>
  </si>
  <si>
    <t>AQSA SABOOHI</t>
  </si>
  <si>
    <t>GGPS MATELAY</t>
  </si>
  <si>
    <t>Mately</t>
  </si>
  <si>
    <t>village matelay Po box Khas Teh Daska distt sialkot</t>
  </si>
  <si>
    <t>Gulnaz Latif</t>
  </si>
  <si>
    <t>GGPS MATHROOMA</t>
  </si>
  <si>
    <t>moza mathrooma</t>
  </si>
  <si>
    <t>GGPS MATIAL</t>
  </si>
  <si>
    <t>Matial</t>
  </si>
  <si>
    <t>village Matial post office Baragran tehsil Dina district Jhelum</t>
  </si>
  <si>
    <t>Ghar Mahal</t>
  </si>
  <si>
    <t>Memoona Anwar</t>
  </si>
  <si>
    <t>GGPS MATMAN</t>
  </si>
  <si>
    <t>Matman</t>
  </si>
  <si>
    <t>darbar mehal road basti matman</t>
  </si>
  <si>
    <t>Taskeen Fatima</t>
  </si>
  <si>
    <t>GGPS MATOKI</t>
  </si>
  <si>
    <t>Matoki</t>
  </si>
  <si>
    <t>matoki vpo Kotgullah tehsil lawa district chakwal</t>
  </si>
  <si>
    <t>GGPS MATRAL KALAN</t>
  </si>
  <si>
    <t>Mitral Kalan</t>
  </si>
  <si>
    <t>GGP/S mitral kalan</t>
  </si>
  <si>
    <t>GGPS MATYAL</t>
  </si>
  <si>
    <t>Matyal</t>
  </si>
  <si>
    <t>village matyal p/o jakkar teh/dist jhelum</t>
  </si>
  <si>
    <t>Iqra Basharat</t>
  </si>
  <si>
    <t>GGPS MAUJ ALI</t>
  </si>
  <si>
    <t>p/o khar dg khan</t>
  </si>
  <si>
    <t>Maoj Ali</t>
  </si>
  <si>
    <t>Perveen  MEHR</t>
  </si>
  <si>
    <t>GGPS MAULVI GHULAM MUHAMMAD</t>
  </si>
  <si>
    <t>Tibbi Dhakwan</t>
  </si>
  <si>
    <t>govt girls primary school moulvi ghulam Muhammad</t>
  </si>
  <si>
    <t>Tibbi Izat</t>
  </si>
  <si>
    <t>Shabana Tabassum</t>
  </si>
  <si>
    <t>GGPS MAULVI MUHAMMAD HUSSAIN</t>
  </si>
  <si>
    <t>government girls primary school Moulvi Muhammad Hussainl Ahmed pur east district bwp</t>
  </si>
  <si>
    <t>Subz Ali Member</t>
  </si>
  <si>
    <t>GGPS MAULVI WAZEER AHMAD</t>
  </si>
  <si>
    <t>KHAIR PUR DAHA</t>
  </si>
  <si>
    <t>Hafiz Kammal Deen</t>
  </si>
  <si>
    <t>NAHEED KISHWAR SADDIQUE</t>
  </si>
  <si>
    <t>GGPS MAUZA BAZAR</t>
  </si>
  <si>
    <t>Mouza Bazar</t>
  </si>
  <si>
    <t>GGPS Mouza Bazar</t>
  </si>
  <si>
    <t>Jameela bibi</t>
  </si>
  <si>
    <t>GGPS MAUZA NOOR ULLAH</t>
  </si>
  <si>
    <t>Noor Ullah</t>
  </si>
  <si>
    <t>Govt Girls paraimry school mauza noor</t>
  </si>
  <si>
    <t>Amna Niazi</t>
  </si>
  <si>
    <t>GGPS MAWA DHAMIAL</t>
  </si>
  <si>
    <t>Dhoke Mawa Dhamyal P.O Kallar syedan  Teh Kallar syedan Dist Rwp</t>
  </si>
  <si>
    <t>Mawa Dhamyal</t>
  </si>
  <si>
    <t>Asma Ayub</t>
  </si>
  <si>
    <t>GGPS MAYER WALA NO.1 MULTAN</t>
  </si>
  <si>
    <t>Boa Pue</t>
  </si>
  <si>
    <t>G.G primary school chah mayyar wala no 1</t>
  </si>
  <si>
    <t>Boa Pure</t>
  </si>
  <si>
    <t>Wapda Colont</t>
  </si>
  <si>
    <t>GGPS MAZHAR FARID COLONY</t>
  </si>
  <si>
    <t>Wahid Bakhsh Mahr</t>
  </si>
  <si>
    <t>Ahmad pur road wahid bux mahr near FFC chok</t>
  </si>
  <si>
    <t>Basti Harni</t>
  </si>
  <si>
    <t>GGPS MAZRINA</t>
  </si>
  <si>
    <t>Possbanglekhal</t>
  </si>
  <si>
    <t>mazrina
tabbisar  isakhal</t>
  </si>
  <si>
    <t>Mazrina</t>
  </si>
  <si>
    <t>GGPS MC  KOT FATEH DIN KHAN</t>
  </si>
  <si>
    <t>Kot Fateh Din Khan Kasur</t>
  </si>
  <si>
    <t>Kot Fateh Din Khan</t>
  </si>
  <si>
    <t>Kot Azam Khan Kasur</t>
  </si>
  <si>
    <t>GGPS MC 130/15-L FAISAL TOWN, MIAN CHANNU</t>
  </si>
  <si>
    <t>130/15L</t>
  </si>
  <si>
    <t>130/15LFaisal town Mian channu</t>
  </si>
  <si>
    <t>130/15Lfaisal town</t>
  </si>
  <si>
    <t>Shazia Majeed</t>
  </si>
  <si>
    <t>GGPS MC 219 RB SHER SINGH WALA</t>
  </si>
  <si>
    <t>219rb</t>
  </si>
  <si>
    <t>219rb shersingh wala</t>
  </si>
  <si>
    <t>shersingh wala</t>
  </si>
  <si>
    <t>GGPS MC 220 RB JUDGE WALA</t>
  </si>
  <si>
    <t>Judge Wala</t>
  </si>
  <si>
    <t>220rb judge wala</t>
  </si>
  <si>
    <t>220rb Judge Wala</t>
  </si>
  <si>
    <t>Jamil Park</t>
  </si>
  <si>
    <t>Asifa Qayyum</t>
  </si>
  <si>
    <t>GGPS MC 4-G, KHANEWAL</t>
  </si>
  <si>
    <t>gg MC primary school number 4 block number 6 Khanewal</t>
  </si>
  <si>
    <t>bushra bibi</t>
  </si>
  <si>
    <t>GGPS MC 5-G, OLD SABZI MANDI, KHANEWAL</t>
  </si>
  <si>
    <t>old sabzi mandi khanewal</t>
  </si>
  <si>
    <t>Sanam Javid</t>
  </si>
  <si>
    <t>GGPS MC 6-G, OLD KHANEWAL</t>
  </si>
  <si>
    <t>Daha Chowk Old Khanewal</t>
  </si>
  <si>
    <t>MC Old Khanewal</t>
  </si>
  <si>
    <t>GGPS MC 7-G, P/O ISLAM PURA, KHANEWAL</t>
  </si>
  <si>
    <t>Islampura Kwl</t>
  </si>
  <si>
    <t>Kotalla Singh</t>
  </si>
  <si>
    <t>GGPS MC 8-G, JAMIA ABAD KHANEWAL</t>
  </si>
  <si>
    <t>Jammiabad</t>
  </si>
  <si>
    <t>bewa colony near nadra office  jammiabad khanwal</t>
  </si>
  <si>
    <t>Jammibad</t>
  </si>
  <si>
    <t>Khanewl</t>
  </si>
  <si>
    <t>Nusrat Shamim</t>
  </si>
  <si>
    <t>GGPS MC AGHA PURA</t>
  </si>
  <si>
    <t>Agha Pura</t>
  </si>
  <si>
    <t>G.M.C.Girls P/S Agha pura Multan</t>
  </si>
  <si>
    <t>GGPS MC AHATA NOOR KHAN</t>
  </si>
  <si>
    <t>village Ahata noor khan p/o murree thesil murree district rawalpindi</t>
  </si>
  <si>
    <t>Ahata Noor Khan</t>
  </si>
  <si>
    <t>Sidra shahid</t>
  </si>
  <si>
    <t>GGPS MC AHMED ABAD</t>
  </si>
  <si>
    <t>near mumtazaabad flyover muhala ahmad abad</t>
  </si>
  <si>
    <t>Ittafaq Pura</t>
  </si>
  <si>
    <t>GGPS MC AHMED PURI GATE BAHAWAL PUR</t>
  </si>
  <si>
    <t>fateh khan bazar</t>
  </si>
  <si>
    <t>GGPS MC ALLAMA IQBAL COLONY FSD</t>
  </si>
  <si>
    <t>Allama  iqbal colony C block fsd</t>
  </si>
  <si>
    <t>Allama Iqbal Colony Fsd</t>
  </si>
  <si>
    <t>Allama iqbal colony</t>
  </si>
  <si>
    <t>Farida Begum</t>
  </si>
  <si>
    <t>purch</t>
  </si>
  <si>
    <t>GGPS MC ALTAF GUNJ FSD</t>
  </si>
  <si>
    <t>Rsala Number 12</t>
  </si>
  <si>
    <t>rsala number 12 ayub research</t>
  </si>
  <si>
    <t>Aqsa Azhar</t>
  </si>
  <si>
    <t>GGPS MC ARANIAN WALA</t>
  </si>
  <si>
    <t>Arianwala</t>
  </si>
  <si>
    <t>GGMCPS arainwala</t>
  </si>
  <si>
    <t>Arainwala</t>
  </si>
  <si>
    <t>Basti Balocha</t>
  </si>
  <si>
    <t>GGPS MC ARIYA MOHALLAH RWP</t>
  </si>
  <si>
    <t>Ariya Mohallah</t>
  </si>
  <si>
    <t>Chamanzar</t>
  </si>
  <si>
    <t>Shafiqa Anjum</t>
  </si>
  <si>
    <t>GGPS MC ASHRAF PARK</t>
  </si>
  <si>
    <t>chwk imam barga gali dak khana sheikhupura</t>
  </si>
  <si>
    <t>muncipal</t>
  </si>
  <si>
    <t>Mehak Saeed</t>
  </si>
  <si>
    <t>GGPS MC AWAN PURA</t>
  </si>
  <si>
    <t>AwanPura outside Hafiz Jamal</t>
  </si>
  <si>
    <t>Muhalla</t>
  </si>
  <si>
    <t>GGPS MC AZIM ABAD</t>
  </si>
  <si>
    <t>Azeemabad burewala</t>
  </si>
  <si>
    <t>GGPS MC BALDIA COLONY</t>
  </si>
  <si>
    <t>GGMCP/S Baldia Colony</t>
  </si>
  <si>
    <t>fiter water can</t>
  </si>
  <si>
    <t>GGPS MC BANGASH COLONY RWP</t>
  </si>
  <si>
    <t>Bangush Colony</t>
  </si>
  <si>
    <t>bangush colony</t>
  </si>
  <si>
    <t>Rakhshanda Jabeei</t>
  </si>
  <si>
    <t>GGPS MC BANSRA GALI</t>
  </si>
  <si>
    <t>Bansra Gali</t>
  </si>
  <si>
    <t>bansra gali,p/o murree,tehsil murree,district rawalpindi</t>
  </si>
  <si>
    <t>Sidra Najeeb</t>
  </si>
  <si>
    <t>chasma</t>
  </si>
  <si>
    <t>GGPS MC BASTI CHIRAGH SHAH</t>
  </si>
  <si>
    <t>Govt. mc.girls primary schools basti chiragh Shah kasur</t>
  </si>
  <si>
    <t>Kot murad khan kasur</t>
  </si>
  <si>
    <t>Kot murad khan Kasur</t>
  </si>
  <si>
    <t>GGPS MC BASTI JANGLA</t>
  </si>
  <si>
    <t>Bastijangla Multan</t>
  </si>
  <si>
    <t>Sher Shah</t>
  </si>
  <si>
    <t>Gulnar colony Multan</t>
  </si>
  <si>
    <t>Ghazala  Tasnim</t>
  </si>
  <si>
    <t>GGPS MC B-BRANCH KAMALIA</t>
  </si>
  <si>
    <t>Kmalia</t>
  </si>
  <si>
    <t>G G p school mc b, branch kamalia</t>
  </si>
  <si>
    <t>GGPS MC BHANDI WALA KEHROR PACCA</t>
  </si>
  <si>
    <t>Mohallah Bhandi Wala kahror pakka</t>
  </si>
  <si>
    <t>Kahror Pacca</t>
  </si>
  <si>
    <t>Qudsia Taj Qureshi</t>
  </si>
  <si>
    <t>GGPS MC BILOCH NAGAR</t>
  </si>
  <si>
    <t>baloch Nagar</t>
  </si>
  <si>
    <t>Baloch Nagar</t>
  </si>
  <si>
    <t>Rukhsana  Tabassum</t>
  </si>
  <si>
    <t>GGPS MC BLOCK NO.16 SARGODHA</t>
  </si>
  <si>
    <t>16 block gujar  mohallah sgd</t>
  </si>
  <si>
    <t>MC Sgd</t>
  </si>
  <si>
    <t>Mubarrah Kiran</t>
  </si>
  <si>
    <t>GGPS MC BLOCK NO.19 SARGODHA</t>
  </si>
  <si>
    <t>Govt MC School Block No 19 Sargodha.</t>
  </si>
  <si>
    <t>Block No 19</t>
  </si>
  <si>
    <t>18 CiTY1 Sargodha</t>
  </si>
  <si>
    <t>Nighat Yaseen</t>
  </si>
  <si>
    <t>GGPS MC BLOCK NO.25 SARGODHA</t>
  </si>
  <si>
    <t>GGPSMC Block 25 sgd</t>
  </si>
  <si>
    <t>Sgd    6</t>
  </si>
  <si>
    <t>NASIM   AKHTER</t>
  </si>
  <si>
    <t>GGPS MC BLOCK NO.33 SARGODHA</t>
  </si>
  <si>
    <t>Block 33</t>
  </si>
  <si>
    <t>MC 12</t>
  </si>
  <si>
    <t>GGPS MC BUKHARI WALA NO. 6</t>
  </si>
  <si>
    <t>Mohallah Bukhari Wala Muzaffargarh</t>
  </si>
  <si>
    <t>Mohalla Bukhari Wala</t>
  </si>
  <si>
    <t>Mamoona Ejaz</t>
  </si>
  <si>
    <t>GGPS MC CANAL COLONY AHMADPUR EAST</t>
  </si>
  <si>
    <t>Ahmad Pur East</t>
  </si>
  <si>
    <t>Canal Colony Ahmad Pur East</t>
  </si>
  <si>
    <t>159/1</t>
  </si>
  <si>
    <t>Farzana Gul</t>
  </si>
  <si>
    <t>GGPS MC C-BRANCH KAMALIA</t>
  </si>
  <si>
    <t>muhallah eid gahu</t>
  </si>
  <si>
    <t>kamalia City Mck</t>
  </si>
  <si>
    <t>Zahida Latif</t>
  </si>
  <si>
    <t>GGPS MC CHAH KHOLAY</t>
  </si>
  <si>
    <t>Chah Kholay</t>
  </si>
  <si>
    <t>moh chah kholay gujrat</t>
  </si>
  <si>
    <t>Kalsoom Raza</t>
  </si>
  <si>
    <t>GGPS MC CHAH USMANIWALA MULTAN</t>
  </si>
  <si>
    <t>Chah Usmani Wala</t>
  </si>
  <si>
    <t>ggmc p/s chah usmani wala muhallah nizamabad Multan</t>
  </si>
  <si>
    <t>Imrana Zia</t>
  </si>
  <si>
    <t>GGPS MC CHAK NO.111/P GHARBI</t>
  </si>
  <si>
    <t>Chak 111/p</t>
  </si>
  <si>
    <t>MC GOVT GIRLS PRIMARY SCHOOL  111/P WEST RYK</t>
  </si>
  <si>
    <t>Chak 111/P WEST</t>
  </si>
  <si>
    <t>GGPS MC CHAMAN ZAR COLONY RWP</t>
  </si>
  <si>
    <t>CHAMANZAR COLONY</t>
  </si>
  <si>
    <t>GOVT. girls primary school MC chamanzar colony, Rawalpindi</t>
  </si>
  <si>
    <t>Toqueer Ayesha</t>
  </si>
  <si>
    <t>GGPS MC CHITTIAN HATTIAN MOHALLAHAKHARIDIAN</t>
  </si>
  <si>
    <t>mc gps chittian hattian</t>
  </si>
  <si>
    <t>Chittian Hattian Committee Chowk</t>
  </si>
  <si>
    <t>Beenish Saeed</t>
  </si>
  <si>
    <t>GGPS MC CHURRIAN WALA</t>
  </si>
  <si>
    <t>mohallah Lahori Gate chiniot</t>
  </si>
  <si>
    <t>Garha</t>
  </si>
  <si>
    <t>Saima Waheed</t>
  </si>
  <si>
    <t>GGPS MC CITY GROUND SARGODHA</t>
  </si>
  <si>
    <t>MC Girls Primary School City Ground City Stop Sargodha</t>
  </si>
  <si>
    <t>Babu Mohalah</t>
  </si>
  <si>
    <t>MC 20</t>
  </si>
  <si>
    <t>GGPS MC DASKA KALAN</t>
  </si>
  <si>
    <t>Nisbat road daska</t>
  </si>
  <si>
    <t>GGPS MC D-BRANCH KAMALIA</t>
  </si>
  <si>
    <t>Mohallah kharlanwala kamalia.</t>
  </si>
  <si>
    <t>Kamalia City /MCK</t>
  </si>
  <si>
    <t>Saeeda bano</t>
  </si>
  <si>
    <t>GGPS MC DERA ROSHAN MBDIN</t>
  </si>
  <si>
    <t>Deraroshan</t>
  </si>
  <si>
    <t>dera roshan</t>
  </si>
  <si>
    <t>Dera Roshan</t>
  </si>
  <si>
    <t>GGPS MC DHOK HASSU</t>
  </si>
  <si>
    <t>Model colony dhoke hassu</t>
  </si>
  <si>
    <t>Dhoke Hassu South</t>
  </si>
  <si>
    <t>musawara shaheen</t>
  </si>
  <si>
    <t>GGPS MC DHOK HUKAMDAD</t>
  </si>
  <si>
    <t>Dhoke Khabba</t>
  </si>
  <si>
    <t>qasimabad</t>
  </si>
  <si>
    <t>GGPS MC DOUBLE PHATAK MULTAN</t>
  </si>
  <si>
    <t>Muslim colony near Shujabad road.</t>
  </si>
  <si>
    <t>GGPS MC E-BLOCK</t>
  </si>
  <si>
    <t>N Block</t>
  </si>
  <si>
    <t>N Block Burewala</t>
  </si>
  <si>
    <t>Dilshad Shamim</t>
  </si>
  <si>
    <t>GGPS MC FACTORY AREA</t>
  </si>
  <si>
    <t>Mc factory area liver chock pathanistan ryk</t>
  </si>
  <si>
    <t>Zahida Rafiq</t>
  </si>
  <si>
    <t>GGPS MC FAROOQ PURA MULTAN</t>
  </si>
  <si>
    <t>Kutabpur</t>
  </si>
  <si>
    <t>Farooq pura multan</t>
  </si>
  <si>
    <t>City Multan</t>
  </si>
  <si>
    <t>Glass Factory</t>
  </si>
  <si>
    <t>Nafeesa Majeed</t>
  </si>
  <si>
    <t>GGPS MC FATIMA NO.11</t>
  </si>
  <si>
    <t>Gadai Shumali</t>
  </si>
  <si>
    <t>Muslim town Dera Ghazi Khan</t>
  </si>
  <si>
    <t>Mastoi Colony</t>
  </si>
  <si>
    <t>Zubida Bibi</t>
  </si>
  <si>
    <t>GGPS MC FEROZ ABAD</t>
  </si>
  <si>
    <t>mohl rehmatabad sargodha road gurat</t>
  </si>
  <si>
    <t>Dasundipura</t>
  </si>
  <si>
    <t>GGPS MC GALI BANK</t>
  </si>
  <si>
    <t>Bank Street Mianwali</t>
  </si>
  <si>
    <t>GGPS MC GAOO SHALA</t>
  </si>
  <si>
    <t>govt mc girls primary school awanpura</t>
  </si>
  <si>
    <t>City Life</t>
  </si>
  <si>
    <t>GGPS MC G-BLOCK</t>
  </si>
  <si>
    <t>A Block</t>
  </si>
  <si>
    <t>ablock near arbia islamia</t>
  </si>
  <si>
    <t>Ward No 38</t>
  </si>
  <si>
    <t>Nasreen Akhtarlkram</t>
  </si>
  <si>
    <t>GGPS MC GHAFAR PARK GOJRA</t>
  </si>
  <si>
    <t>Mohallah Ghafar Park</t>
  </si>
  <si>
    <t>Chak no 365 Jb</t>
  </si>
  <si>
    <t>Misbah Koukab</t>
  </si>
  <si>
    <t>GGPS MC GHOUS PURA</t>
  </si>
  <si>
    <t>ghous pura</t>
  </si>
  <si>
    <t>Ghous Pura</t>
  </si>
  <si>
    <t>kanwal kaleem</t>
  </si>
  <si>
    <t>GGPS MC GHOUSHALA</t>
  </si>
  <si>
    <t>Ghoushala</t>
  </si>
  <si>
    <t>Ghoushala fsd</t>
  </si>
  <si>
    <t>Nazim Abad</t>
  </si>
  <si>
    <t>Shazia aziz</t>
  </si>
  <si>
    <t>GGPS MC GHULAM RASOOL WALA ZULFIQAR  COLONY</t>
  </si>
  <si>
    <t>Zulifqar Colony</t>
  </si>
  <si>
    <t>st#6 zulifqar colony ghulam rasool wala</t>
  </si>
  <si>
    <t>Misbah Jamshed</t>
  </si>
  <si>
    <t>GGPS MC GUJAR KHADDA MULTAN</t>
  </si>
  <si>
    <t>GGPS MC gujjar khadda multan</t>
  </si>
  <si>
    <t>Abbas Pura</t>
  </si>
  <si>
    <t>Tehmeena Khanam</t>
  </si>
  <si>
    <t>GGPS MC GULSHEN COLONY</t>
  </si>
  <si>
    <t>Gulshan Colony</t>
  </si>
  <si>
    <t>M.C.G.P school gulshan colony near taj dare madina mosque fsd</t>
  </si>
  <si>
    <t>Gulshan  Colony</t>
  </si>
  <si>
    <t>GGPS MC HAIDER PURA</t>
  </si>
  <si>
    <t>Haiderpura</t>
  </si>
  <si>
    <t>GGPS MC Haiderpura, Multan..near chungi#11 mohalla haiderpura, Multan</t>
  </si>
  <si>
    <t>Ansaar Colony</t>
  </si>
  <si>
    <t>Mariyam Fatima</t>
  </si>
  <si>
    <t>GGPS MC HAJI PURA</t>
  </si>
  <si>
    <t>GGPS MC Haji Pura Sialkot City</t>
  </si>
  <si>
    <t>GGPS MC HAJVERI TOWN-1</t>
  </si>
  <si>
    <t>Hajveri Town</t>
  </si>
  <si>
    <t>st#2 hajveri town</t>
  </si>
  <si>
    <t>sarwat rizwana</t>
  </si>
  <si>
    <t>GGPS MC HAKEEMAN WALA</t>
  </si>
  <si>
    <t>hakeema wala school shaheen market</t>
  </si>
  <si>
    <t>Khajee Muhala</t>
  </si>
  <si>
    <t>Hakeeman Wala</t>
  </si>
  <si>
    <t>Waheeda Shamas</t>
  </si>
  <si>
    <t>GGPS MC HAMAITIAN BAHAWALPUR</t>
  </si>
  <si>
    <t>Hamaitian</t>
  </si>
  <si>
    <t>GGPS MC Hamaitian bahawalpur</t>
  </si>
  <si>
    <t>BWP CITY VIII</t>
  </si>
  <si>
    <t>Shabana Hanif</t>
  </si>
  <si>
    <t>GGPS MC HASSAN PARWANA</t>
  </si>
  <si>
    <t>Hassan parwana colony multan</t>
  </si>
  <si>
    <t>Shaista Qaiser</t>
  </si>
  <si>
    <t>GGPS MC H-BLOCK</t>
  </si>
  <si>
    <t>Ward No 33</t>
  </si>
  <si>
    <t>GGPS MC HILL DEHLO</t>
  </si>
  <si>
    <t>Hill Dhollo</t>
  </si>
  <si>
    <t>Hill Dhollo, P/O Murree , Tehsil  Murree , District Rawalpindi</t>
  </si>
  <si>
    <t>Room-un-nisa</t>
  </si>
  <si>
    <t>GGPS MC HUSSAIN ABAD</t>
  </si>
  <si>
    <t>37 H</t>
  </si>
  <si>
    <t>Bushra Yasmin</t>
  </si>
  <si>
    <t>GGPS MC INAYAT MOHALLAH MBDIN</t>
  </si>
  <si>
    <t>Anayat Mohallah</t>
  </si>
  <si>
    <t>No 2</t>
  </si>
  <si>
    <t>Waso</t>
  </si>
  <si>
    <t>Shaista Iram</t>
  </si>
  <si>
    <t>GGPS MC IQBAL ROAD JHELUM</t>
  </si>
  <si>
    <t>Iqbal Road Jhelum</t>
  </si>
  <si>
    <t>GGPMC school Iqbal' road jhelum</t>
  </si>
  <si>
    <t>Shamsa Batool</t>
  </si>
  <si>
    <t>GGPS MC JADEED GOJRA</t>
  </si>
  <si>
    <t>Eid Gaah Gojra</t>
  </si>
  <si>
    <t>nazd Eid gaah railway road teh goj</t>
  </si>
  <si>
    <t>Urban 23</t>
  </si>
  <si>
    <t>Bismillah Shahzadi</t>
  </si>
  <si>
    <t>GGPS MC JADEED NO.1 LAHORI GATE</t>
  </si>
  <si>
    <t>moh garha</t>
  </si>
  <si>
    <t>GGPS JADEED NO. 1 LAHORIGATE</t>
  </si>
  <si>
    <t>chioniot</t>
  </si>
  <si>
    <t>GGPS MC JAMAL PURA</t>
  </si>
  <si>
    <t>Writes Colony</t>
  </si>
  <si>
    <t>Naheed Azra</t>
  </si>
  <si>
    <t>GGPS MC JAWALA NAGAR</t>
  </si>
  <si>
    <t>Jawalanagar</t>
  </si>
  <si>
    <t>G.G.P.S. M.C. Jawalanagar</t>
  </si>
  <si>
    <t>Zarina Shahnaz</t>
  </si>
  <si>
    <t>GGPS MC JINDY BRANCH</t>
  </si>
  <si>
    <t>Sirajan Wala</t>
  </si>
  <si>
    <t>Govt Mc G p school jandi branch andron bohar Gate multan</t>
  </si>
  <si>
    <t>Bazar Umer-e-farooq</t>
  </si>
  <si>
    <t>alia zahra</t>
  </si>
  <si>
    <t>GGPS MC JINNAH COLONY CHONA BHATTIAN</t>
  </si>
  <si>
    <t>Jinnah Colony Sargodha</t>
  </si>
  <si>
    <t>Street no 1, Jinnah Colony near general bus stand Sargodha</t>
  </si>
  <si>
    <t>Javaria Shahid</t>
  </si>
  <si>
    <t>GGPS MC JUMA MOHALLAH MBDIN</t>
  </si>
  <si>
    <t>mbdin</t>
  </si>
  <si>
    <t>near railway hockey ground juma moh mb.din</t>
  </si>
  <si>
    <t>mbdin4</t>
  </si>
  <si>
    <t>Amtal quyyum</t>
  </si>
  <si>
    <t>GGPS MC JUNIOR MODEL JAFRIA COLONY BUND ROAD</t>
  </si>
  <si>
    <t>govt CDGL jaffria colony bund road lahore</t>
  </si>
  <si>
    <t>Niag Baig</t>
  </si>
  <si>
    <t>Jaffria Colony</t>
  </si>
  <si>
    <t>Farzana Qureshi</t>
  </si>
  <si>
    <t>GGPS MC JUNIOR MODEL MALI PURA</t>
  </si>
  <si>
    <t>C D G Girls Primary School Mali Pura  Lahore</t>
  </si>
  <si>
    <t>Mali Pura</t>
  </si>
  <si>
    <t>GGPS MC JUNIOR MODEL MEHMOOD BOOTI</t>
  </si>
  <si>
    <t>Mehmood Booti</t>
  </si>
  <si>
    <t>CDG GPS Mehmood Booti Lahore</t>
  </si>
  <si>
    <t>Hafiza Sana Irshad</t>
  </si>
  <si>
    <t>GGPS MC JUNIOR MODEL NEW CHAUBURJI PARK</t>
  </si>
  <si>
    <t>125/a. new chouburji park. Lahore</t>
  </si>
  <si>
    <t>Shamnagar</t>
  </si>
  <si>
    <t>Tahira Irshad</t>
  </si>
  <si>
    <t>GGPS MC JUNIOR MODEL PIR NASEER</t>
  </si>
  <si>
    <t>pir Naseer</t>
  </si>
  <si>
    <t>pir Naseer Herbans pura interchangeLahore</t>
  </si>
  <si>
    <t>nawanpind herbanspura</t>
  </si>
  <si>
    <t>Rehana gul</t>
  </si>
  <si>
    <t>GGPS MC JUNIOR PUBLIC NO. 2 GUJAR KHAN</t>
  </si>
  <si>
    <t>Kot Syedan</t>
  </si>
  <si>
    <t>Ward no 16 Kot Syedan Gujar Khan</t>
  </si>
  <si>
    <t>Anila Khalid</t>
  </si>
  <si>
    <t>GGPS MC KALRA KHASA</t>
  </si>
  <si>
    <t>Kalra Khasa</t>
  </si>
  <si>
    <t>kalra khasa s a fans gujrat</t>
  </si>
  <si>
    <t>GGPS MC KANAL COLONY SARGODHA</t>
  </si>
  <si>
    <t>kanal colony near Deplex polar</t>
  </si>
  <si>
    <t>Carporation</t>
  </si>
  <si>
    <t>Ruqia Mirzaman</t>
  </si>
  <si>
    <t>GGPS MC KOCHA MIR MUHAMMAD HUSSAIN</t>
  </si>
  <si>
    <t>kucha al hussain Rahim Yar khan</t>
  </si>
  <si>
    <t>34-E</t>
  </si>
  <si>
    <t>Anees Farooq</t>
  </si>
  <si>
    <t>GGPS MC KOT GHULAM MUHAMMAD</t>
  </si>
  <si>
    <t>Kot Ghulam Muhammad</t>
  </si>
  <si>
    <t>Government M\C Girls Primary School Kasur</t>
  </si>
  <si>
    <t>GGPS MC KOT HALEEM KHAN KASUR</t>
  </si>
  <si>
    <t>GGMCPS kot Haleem khan kasur</t>
  </si>
  <si>
    <t>Kot Haleem Khan Kasur</t>
  </si>
  <si>
    <t>SANIA KHAN</t>
  </si>
  <si>
    <t>GGPS MC KOT PEERAN KASUR</t>
  </si>
  <si>
    <t>kot peeran kasur</t>
  </si>
  <si>
    <t>Kot Peeran</t>
  </si>
  <si>
    <t>Sumaira Tabasum</t>
  </si>
  <si>
    <t>GGPS MC KOT RUKAN DIN KHAN</t>
  </si>
  <si>
    <t>Shah Anyat Colony khara Road kasur</t>
  </si>
  <si>
    <t>Shah Anyat Colony</t>
  </si>
  <si>
    <t>Rabia Abdul Aziz</t>
  </si>
  <si>
    <t>GGPS MC KOTLA TOLAY KHAN</t>
  </si>
  <si>
    <t>Taraf Mubarak awwal ShahRUKN e Alam town</t>
  </si>
  <si>
    <t>opposite purani kotwali</t>
  </si>
  <si>
    <t>nizam abad</t>
  </si>
  <si>
    <t>Sajida yasmin</t>
  </si>
  <si>
    <t>GGPS MC KUMHAR MANDI WALAYAT ABAD NO.1 MULTAN</t>
  </si>
  <si>
    <t>Willayat Abad no.1, kumhar Mandi, Multan</t>
  </si>
  <si>
    <t>Javaria Afzal</t>
  </si>
  <si>
    <t>GGPS MC LAKKAR MANDI MULTAN</t>
  </si>
  <si>
    <t>Bhata Colony</t>
  </si>
  <si>
    <t>Street no 12 lakkar mandi multan</t>
  </si>
  <si>
    <t>Walyatabad</t>
  </si>
  <si>
    <t>FAIZA MUNIR</t>
  </si>
  <si>
    <t>GGPS MC LIAQAT MOHALLA KHAWAJGAN</t>
  </si>
  <si>
    <t>Mohallah khawjgan Narowal</t>
  </si>
  <si>
    <t>Mohallah Khawjgan</t>
  </si>
  <si>
    <t>Razia Shahnaz</t>
  </si>
  <si>
    <t>GGPS MC MARZI PURA</t>
  </si>
  <si>
    <t>gali no 7 mrzipura Burewala</t>
  </si>
  <si>
    <t>gulshan e rehman</t>
  </si>
  <si>
    <t>Nafeesa Ejaz</t>
  </si>
  <si>
    <t>GGPS MC MASOOD ABAD</t>
  </si>
  <si>
    <t>MCGP Masoodabad</t>
  </si>
  <si>
    <t>GGPS MC MEDHI MOHALLAH GOJRA</t>
  </si>
  <si>
    <t>st#3 mehdi mohallah gojra</t>
  </si>
  <si>
    <t>Mehdi Mohallah Gojra</t>
  </si>
  <si>
    <t>Amina khatoon</t>
  </si>
  <si>
    <t>GGPS MC MEHMDA</t>
  </si>
  <si>
    <t>opposite canal colony mehmada</t>
  </si>
  <si>
    <t>Robina Qasir</t>
  </si>
  <si>
    <t>GGPS MC MILLAT ABAD SARGODHA</t>
  </si>
  <si>
    <t>Government MC Girls Primary school no 5 Millatabad</t>
  </si>
  <si>
    <t>GGPS MC MODEL TOWN-B BAHAWALPUR</t>
  </si>
  <si>
    <t>Bindra Puli</t>
  </si>
  <si>
    <t>REHMAN COLONY MODEL TOWN B BAHAWALPUR</t>
  </si>
  <si>
    <t>Uc MODEL TOWN B</t>
  </si>
  <si>
    <t>ABIDA PARVEEN MALIK</t>
  </si>
  <si>
    <t>GGPS MC MOHALLA KHATEKAN</t>
  </si>
  <si>
    <t>Kharasiyan</t>
  </si>
  <si>
    <t>GGMCPS khatekan,Mohalla kharasiyan,Raja Bazar Sialkot</t>
  </si>
  <si>
    <t>Waheeda Khanum</t>
  </si>
  <si>
    <t>GGPS MC MOHALLA RASOOL PURA</t>
  </si>
  <si>
    <t>Khalid Road Skp</t>
  </si>
  <si>
    <t>Khalid road skp</t>
  </si>
  <si>
    <t>GGPS MC MOHALLA TINAN WALI KHOI</t>
  </si>
  <si>
    <t>kachary road mohalla teena wali khoi</t>
  </si>
  <si>
    <t>Tinna Wali Khoi</t>
  </si>
  <si>
    <t>Bagh Langay Khan</t>
  </si>
  <si>
    <t>Rakhshanda Yasmeen</t>
  </si>
  <si>
    <t>GGPS MC MOHALLAH CHURIGRAN</t>
  </si>
  <si>
    <t>churri gurran sheikhupura</t>
  </si>
  <si>
    <t>Muslim Gunj</t>
  </si>
  <si>
    <t>Fazeelat Bano</t>
  </si>
  <si>
    <t>GGPS MC MOHALLAH GURRAH MBDIN</t>
  </si>
  <si>
    <t>Moh gurraha M. B .Din</t>
  </si>
  <si>
    <t>Moh Gurrah</t>
  </si>
  <si>
    <t>Kosar Parven</t>
  </si>
  <si>
    <t>GGPS MC MOHALLAH HASHIM SHAH</t>
  </si>
  <si>
    <t>Yaro khel</t>
  </si>
  <si>
    <t>Govt girls mc primary school mohallah Hashim shah mianwali</t>
  </si>
  <si>
    <t>Nazia Zahoor</t>
  </si>
  <si>
    <t>GGPS MC MOHALLAH MIANA ANTHA</t>
  </si>
  <si>
    <t>Govt Girls Primary School aintha, Moh. Miana</t>
  </si>
  <si>
    <t>Fatima Makki</t>
  </si>
  <si>
    <t>GGPS MC MOHRI KAMBAL</t>
  </si>
  <si>
    <t>Mohri Khambal</t>
  </si>
  <si>
    <t>GGCMS mohri khambal</t>
  </si>
  <si>
    <t>GGPS MC MORI GATE</t>
  </si>
  <si>
    <t>baldia chok kasur</t>
  </si>
  <si>
    <t>Morigate</t>
  </si>
  <si>
    <t>Afifa Rafique</t>
  </si>
  <si>
    <t>GGPS MC MOTGHUMERY BAZAR FSD</t>
  </si>
  <si>
    <t>Montgumery Bazar</t>
  </si>
  <si>
    <t>Tika street no 2. Montgumery Bazar . Faisalabad</t>
  </si>
  <si>
    <t>Rafiqa Bano</t>
  </si>
  <si>
    <t>GGPS MC MUJAHID ABAD JEHLUM</t>
  </si>
  <si>
    <t>gg mc primary school mujahidabad jhelum</t>
  </si>
  <si>
    <t>GGPS MC MUNSHI MOHALLAH MBDIN</t>
  </si>
  <si>
    <t>munshi mohallah</t>
  </si>
  <si>
    <t>Munshi Mohalah</t>
  </si>
  <si>
    <t>Sofia Noreen</t>
  </si>
  <si>
    <t>GGPS MC MUSLIM GUNJ</t>
  </si>
  <si>
    <t>gg ps mc muslim gunj sheikhupura</t>
  </si>
  <si>
    <t>Urban Muslim Gunj</t>
  </si>
  <si>
    <t>GGPS MC NASIR ALI STREET</t>
  </si>
  <si>
    <t>Miana Mohalah</t>
  </si>
  <si>
    <t>Miana mohalah Mianwali</t>
  </si>
  <si>
    <t>Mianwali City 2</t>
  </si>
  <si>
    <t>GGPS MC NATH PURA NOWEY BHOIEN</t>
  </si>
  <si>
    <t>Navian Bhavian</t>
  </si>
  <si>
    <t>GGPS MC Nath Pura  chowk sheedian Multan.</t>
  </si>
  <si>
    <t>Mumtazabad Town</t>
  </si>
  <si>
    <t>Khangah Anyat Shah</t>
  </si>
  <si>
    <t>GGPS MC NAWAN SHAHAR MULTAN</t>
  </si>
  <si>
    <t>Traf Ismail</t>
  </si>
  <si>
    <t>Muhalah kaat cup Nawan Shahar,near Regional Tax office, Multan.</t>
  </si>
  <si>
    <t>Nawan Shahar</t>
  </si>
  <si>
    <t>GGPS MC NO. 1 CHOWK NAWAB SAHIB</t>
  </si>
  <si>
    <t>Moh hayytu nabi  city grt</t>
  </si>
  <si>
    <t>Fattupura</t>
  </si>
  <si>
    <t>samina bokhari</t>
  </si>
  <si>
    <t>GGPS MC NO. 1 F BLOCK ARIF WALA</t>
  </si>
  <si>
    <t>GGPS MC No. 1 F/Block Arifwala</t>
  </si>
  <si>
    <t>Urban Area 3</t>
  </si>
  <si>
    <t>GGPS MC NO. 1 HAFIZABAD</t>
  </si>
  <si>
    <t>mohalla ghari awan hafizabad</t>
  </si>
  <si>
    <t>Gulfam</t>
  </si>
  <si>
    <t>GGPS MC NO. 1 LALA MUSA</t>
  </si>
  <si>
    <t>kulfy wali gali lalamusa</t>
  </si>
  <si>
    <t>lalamusa3</t>
  </si>
  <si>
    <t>Habiba Asif</t>
  </si>
  <si>
    <t>GGPS MC NO. 1 LAYYAH</t>
  </si>
  <si>
    <t>GGPS MC 1 LAYYAH MOH. BELLY WALA</t>
  </si>
  <si>
    <t>Moh Beely Wala</t>
  </si>
  <si>
    <t>farzana bagum</t>
  </si>
  <si>
    <t>GGPS MC NO. 1 NANKANA CITY</t>
  </si>
  <si>
    <t>NNS</t>
  </si>
  <si>
    <t>Near Muncipal Commette Nankana Sahib</t>
  </si>
  <si>
    <t>City NNS</t>
  </si>
  <si>
    <t>MC NNS</t>
  </si>
  <si>
    <t>Zahida Butt</t>
  </si>
  <si>
    <t>GGPS MC NO. 1 RAIL BAZAR</t>
  </si>
  <si>
    <t>GGPS MC C Block Rail Bazar Okara</t>
  </si>
  <si>
    <t>City III Okara</t>
  </si>
  <si>
    <t>GGPS MC NO. 18 GUJRANWALA</t>
  </si>
  <si>
    <t>Naila Chowk</t>
  </si>
  <si>
    <t>Naila Chowk street no1</t>
  </si>
  <si>
    <t>GGPS MC NO. 2 COMMITTEE BAGH</t>
  </si>
  <si>
    <t>m'c no2 committee chakwal</t>
  </si>
  <si>
    <t>GGPS MC NO. 2 FATTU PURA</t>
  </si>
  <si>
    <t>ggps mc#2 fattupura gujrat</t>
  </si>
  <si>
    <t>Fattupura Gujrat</t>
  </si>
  <si>
    <t>Najma Arshad</t>
  </si>
  <si>
    <t>GGPS MC NO. 2 GUJRANWALA</t>
  </si>
  <si>
    <t>moh. baghbanpura Bali mehar wazir wali hafizabad road, Gujranwala</t>
  </si>
  <si>
    <t>Ruzina Shahin</t>
  </si>
  <si>
    <t>GGPS MC NO. 2 HAFIZABAD</t>
  </si>
  <si>
    <t>Teacher Colony Hfd</t>
  </si>
  <si>
    <t>hafizabad Street no 2 malik Aslam wali</t>
  </si>
  <si>
    <t>Huma Ijaz</t>
  </si>
  <si>
    <t>GGPS MC NO. 2 KARIM PURA LALAMUSA</t>
  </si>
  <si>
    <t>kareem.pura lalamusa</t>
  </si>
  <si>
    <t>Asia Tanvveer</t>
  </si>
  <si>
    <t>GGPS MC NO. 2 LAYYAH</t>
  </si>
  <si>
    <t>Qazian wala moh</t>
  </si>
  <si>
    <t>lubna iram</t>
  </si>
  <si>
    <t>GGPS MC NO. 2 MACHINE MOHALLAH</t>
  </si>
  <si>
    <t>machine mohallah no 2 near railway hospital jhelum</t>
  </si>
  <si>
    <t>Machine Mohallah</t>
  </si>
  <si>
    <t>Machine Mohallah No 2 Jhelum</t>
  </si>
  <si>
    <t>GGPS MC NO. 2 MUZAFAR ABAD</t>
  </si>
  <si>
    <t>Mohla Muzfrabad</t>
  </si>
  <si>
    <t>Muzfrabad</t>
  </si>
  <si>
    <t>Urban-IV</t>
  </si>
  <si>
    <t>GGPS MC NO. 2 NANKANA SAHIB</t>
  </si>
  <si>
    <t>Bashir Bhatti Road Nankana Sahib</t>
  </si>
  <si>
    <t>Humaira Ghafoor</t>
  </si>
  <si>
    <t>GGPS MC NO. 2 PEOPLES COLONY-1 FSD</t>
  </si>
  <si>
    <t>Hashmat Khan Road</t>
  </si>
  <si>
    <t>peoples colony no 1 fsd</t>
  </si>
  <si>
    <t>Gulshad</t>
  </si>
  <si>
    <t>GGPS MC NO. 2 SOFIA ABAD</t>
  </si>
  <si>
    <t>Sofiya Abad</t>
  </si>
  <si>
    <t>MC # 2 sofiya abad</t>
  </si>
  <si>
    <t>Urban Warad 23</t>
  </si>
  <si>
    <t>GGPS MC NO. 21 GUJRANWALA</t>
  </si>
  <si>
    <t>camp no4</t>
  </si>
  <si>
    <t>sadar thana para camp no 4 street no 4</t>
  </si>
  <si>
    <t>Attia Anees</t>
  </si>
  <si>
    <t>GGPS MC NO. 24 GUJRANWALA</t>
  </si>
  <si>
    <t>street no 10 kachi Islam pura depo wala gala gujranwala</t>
  </si>
  <si>
    <t>municipal corporation</t>
  </si>
  <si>
    <t>Rubina firdos</t>
  </si>
  <si>
    <t>GGPS MC NO. 28 GUJRANWALA</t>
  </si>
  <si>
    <t>Kazafi Road Garjakh</t>
  </si>
  <si>
    <t>Muhallah Abbas pura gali no 1 kazafi road garjakh Grw</t>
  </si>
  <si>
    <t>Farida Bano</t>
  </si>
  <si>
    <t>GGPS MC NO. 3 AL-SADDIQUE TOWN</t>
  </si>
  <si>
    <t>61 Eb</t>
  </si>
  <si>
    <t>ggps  no  3. al  sadique   town arifwala</t>
  </si>
  <si>
    <t>Urban 4</t>
  </si>
  <si>
    <t>GGPS MC NO. 3 CHAKWAL</t>
  </si>
  <si>
    <t>GGPS MC NO 3 moh. ghousia Chakwal</t>
  </si>
  <si>
    <t>Rubina Shaheen Saleem</t>
  </si>
  <si>
    <t>GGPS MC NO. 3 HAFIZABAD</t>
  </si>
  <si>
    <t>usman ganj</t>
  </si>
  <si>
    <t>Qatal garha chowk hafizabad</t>
  </si>
  <si>
    <t>zakia</t>
  </si>
  <si>
    <t>GGPS MC NO. 3 LAYYAH</t>
  </si>
  <si>
    <t>Gurriyani Wala</t>
  </si>
  <si>
    <t>mohalla gurryani wala</t>
  </si>
  <si>
    <t>Asna Iftikhar</t>
  </si>
  <si>
    <t>GGPS MC NO. 3 PIR KOT PAKPATTAN</t>
  </si>
  <si>
    <t>Pir Karian</t>
  </si>
  <si>
    <t>Ggmc primary school #3 pir kot</t>
  </si>
  <si>
    <t>Pir Karuan</t>
  </si>
  <si>
    <t>Urban Ward 17</t>
  </si>
  <si>
    <t>GGPS MC NO. 4 HAFIZABAD</t>
  </si>
  <si>
    <t>Bahawalpura</t>
  </si>
  <si>
    <t>kassoki road hafizabad abad</t>
  </si>
  <si>
    <t>GGPS MC NO. 4 IQBAL NAGAR ARIFWALA</t>
  </si>
  <si>
    <t>Mohallah Iqbal Nagar Arifwala</t>
  </si>
  <si>
    <t>GGPS MC NO. 4 JARANWALA</t>
  </si>
  <si>
    <t>JRW</t>
  </si>
  <si>
    <t>M C G P School no4</t>
  </si>
  <si>
    <t>Lubna MUBARK</t>
  </si>
  <si>
    <t>GGPS MC NO. 4 KHUSHAB</t>
  </si>
  <si>
    <t>mohalla madni jamia Masjid khushab</t>
  </si>
  <si>
    <t>Kishwar Yaqub</t>
  </si>
  <si>
    <t>GGPS MC NO. 4 LAYYAH</t>
  </si>
  <si>
    <t>moh qadirabad layyah</t>
  </si>
  <si>
    <t>GGPS MC NO. 4 UNION COMMITTEE</t>
  </si>
  <si>
    <t>Sehat e Aama Road Near Sabaz Mandi</t>
  </si>
  <si>
    <t>94/6</t>
  </si>
  <si>
    <t>Shagufta Tahira</t>
  </si>
  <si>
    <t>GGPS MC NO. 5 GUJRANWALA</t>
  </si>
  <si>
    <t>Nowshehra road</t>
  </si>
  <si>
    <t>qabrastan road</t>
  </si>
  <si>
    <t>Mubarak shah road</t>
  </si>
  <si>
    <t>Mamona Butt</t>
  </si>
  <si>
    <t>GGPS MC NO. 5 JARANWALA</t>
  </si>
  <si>
    <t>mohla eid gha jaranwala</t>
  </si>
  <si>
    <t>GGPS MC NO. 6 LALA MUSA</t>
  </si>
  <si>
    <t>GGPS MC NO 6 LALAMUSA</t>
  </si>
  <si>
    <t>Lalamusa 2</t>
  </si>
  <si>
    <t>Iqra Sharif</t>
  </si>
  <si>
    <t>GGPS MC NO. 7 MUHAMMAD PURA</t>
  </si>
  <si>
    <t>GGPS M.C No.7 Muhammad Pura Lalamusa</t>
  </si>
  <si>
    <t>Lalamusa III</t>
  </si>
  <si>
    <t>GGPS MC NO.1</t>
  </si>
  <si>
    <t>Block 16,dgkhan</t>
  </si>
  <si>
    <t>Urban 8</t>
  </si>
  <si>
    <t>GGPS MC NO.1 BAGHBAN PURA</t>
  </si>
  <si>
    <t>Singh Saba</t>
  </si>
  <si>
    <t>CDG girls primary school no 1 baghbanpura Lahore</t>
  </si>
  <si>
    <t>GGPS MC NO.1 BHERA</t>
  </si>
  <si>
    <t>In front of Model Bazar Bhera</t>
  </si>
  <si>
    <t>GGPS MC NO.1 CHAKWAL</t>
  </si>
  <si>
    <t>GGmc p/s no 1 chakwal</t>
  </si>
  <si>
    <t>Sumaira Aziz</t>
  </si>
  <si>
    <t>GGPS MC NO.1 JARANWALA</t>
  </si>
  <si>
    <t>ggps mc no 1 waterworks road jaranwala</t>
  </si>
  <si>
    <t>Farah Arif</t>
  </si>
  <si>
    <t>GGPS MC NO.1 KAMOKE</t>
  </si>
  <si>
    <t>GT road Almgir road kamoke</t>
  </si>
  <si>
    <t>Kamoke Town Urban 1</t>
  </si>
  <si>
    <t>Zohra Parveen</t>
  </si>
  <si>
    <t>GGPS MC NO.1 KHUSHAB</t>
  </si>
  <si>
    <t>anarkali bazar khushab</t>
  </si>
  <si>
    <t>M C Khushab</t>
  </si>
  <si>
    <t>Nusrat shaheen</t>
  </si>
  <si>
    <t>GGPS MC NO.1 WAZIRABAD</t>
  </si>
  <si>
    <t>GGPS MC NO 1 in front of musaman burj lalazaar colony Wazirabad</t>
  </si>
  <si>
    <t>Farah Shamim</t>
  </si>
  <si>
    <t>GGPS MC NO.10 CHAMAN ZAR</t>
  </si>
  <si>
    <t>Chamenzar</t>
  </si>
  <si>
    <t>shaheen road sahiwal</t>
  </si>
  <si>
    <t>Fateh Shear Colony</t>
  </si>
  <si>
    <t>kousar Sarfraz</t>
  </si>
  <si>
    <t>GGPS MC NO.11</t>
  </si>
  <si>
    <t>GGPS MC11 R Block Farid Town Sahiwal</t>
  </si>
  <si>
    <t>Sobia Fakhar</t>
  </si>
  <si>
    <t>GGPS MC NO.11 GUJRANWALA</t>
  </si>
  <si>
    <t>ghobind gher</t>
  </si>
  <si>
    <t>grw</t>
  </si>
  <si>
    <t>GGPS MC NO.12</t>
  </si>
  <si>
    <t>block b, dera ghazi khan</t>
  </si>
  <si>
    <t>Shaheena Rasool</t>
  </si>
  <si>
    <t>filter water from plant</t>
  </si>
  <si>
    <t>GGPS MC NO.13 MOHALLA RAJPUR</t>
  </si>
  <si>
    <t>GGPS MC 13 RAJPURA NEAR BOP ARIF ROAD BRANCH</t>
  </si>
  <si>
    <t>Arif Wala Road</t>
  </si>
  <si>
    <t>Farhat Niaz</t>
  </si>
  <si>
    <t>GGPS MC NO.14 GUJRANWALA</t>
  </si>
  <si>
    <t>Gali Haji imam deen noshera road grw</t>
  </si>
  <si>
    <t>Mubarak Shah</t>
  </si>
  <si>
    <t>Tayyaba Aziz</t>
  </si>
  <si>
    <t>GGPS MC NO.15</t>
  </si>
  <si>
    <t>Bhutto Nagar</t>
  </si>
  <si>
    <t>GGMCPS NO 15 bhutto nagar#3</t>
  </si>
  <si>
    <t>Bushra Younas</t>
  </si>
  <si>
    <t>GGPS MC NO.2 BHERA</t>
  </si>
  <si>
    <t>Mohallah parachgan bhera</t>
  </si>
  <si>
    <t>Fozia Hameed</t>
  </si>
  <si>
    <t>GGPS MC NO.2 KHUSHAB</t>
  </si>
  <si>
    <t>uqqab  purana civil hospital  khushab</t>
  </si>
  <si>
    <t>Nishat Kousor</t>
  </si>
  <si>
    <t>GGPS MC NO.2 P/O BASTI CHAN SHAH, KHANEWAL</t>
  </si>
  <si>
    <t>GGPS MC No. 2 basti Chan shah kwl</t>
  </si>
  <si>
    <t>Basti Chn Shah</t>
  </si>
  <si>
    <t>Kwl 2</t>
  </si>
  <si>
    <t>Aqsa Yasmin</t>
  </si>
  <si>
    <t>GGPS MC NO.20 GUJRANWALA</t>
  </si>
  <si>
    <t>Govt Girls primary school MC20 farooq gunj bara gala nazd batool eye complex gujranwala</t>
  </si>
  <si>
    <t>Farooq Gunj town qilla didar singh</t>
  </si>
  <si>
    <t>GGPS MC NO.25 GUJRANWALA</t>
  </si>
  <si>
    <t>mukhtar colony</t>
  </si>
  <si>
    <t>Riffat Jan</t>
  </si>
  <si>
    <t>GGPS MC NO.29 GUJRANWALA</t>
  </si>
  <si>
    <t>gujranwala</t>
  </si>
  <si>
    <t>sultanpura gujranwala</t>
  </si>
  <si>
    <t>Rahila Kishwar</t>
  </si>
  <si>
    <t>GGPS MC NO.3 JARANWALA</t>
  </si>
  <si>
    <t>Munciple Colony</t>
  </si>
  <si>
    <t>GGPS MC no. 03 Jaranwala</t>
  </si>
  <si>
    <t>GGPS MC NO.3 KAMOKE</t>
  </si>
  <si>
    <t>Kasoki Road Kamonki</t>
  </si>
  <si>
    <t>kasoki road kamonki</t>
  </si>
  <si>
    <t>Kam0nki City</t>
  </si>
  <si>
    <t>Kamonki</t>
  </si>
  <si>
    <t>GGPS MC NO.3 KHUSHAB</t>
  </si>
  <si>
    <t>mohallah himatpura khushab</t>
  </si>
  <si>
    <t>GGPS MC NO.3 MACHINE MOHALLAH</t>
  </si>
  <si>
    <t>MM No3 Jhelum</t>
  </si>
  <si>
    <t>GGMC PS MM No3 jhelum</t>
  </si>
  <si>
    <t>MM No 3 Jhelum</t>
  </si>
  <si>
    <t>Jhelum III</t>
  </si>
  <si>
    <t>Sarah David</t>
  </si>
  <si>
    <t>GGPS MC NO.3 WAZIRABAD</t>
  </si>
  <si>
    <t>committee wali gali,wazirabad</t>
  </si>
  <si>
    <t>Muincipal Administration</t>
  </si>
  <si>
    <t>Shahana Bano</t>
  </si>
  <si>
    <t>GGPS MC NO.4 CHAKWAL</t>
  </si>
  <si>
    <t>MCGGPiramry School no4 sargojra chakwal</t>
  </si>
  <si>
    <t>Aziza Begum</t>
  </si>
  <si>
    <t>GGPS MC NO.4 CHICHWATNI</t>
  </si>
  <si>
    <t>Block No3</t>
  </si>
  <si>
    <t>block no.3 street no.6 cci</t>
  </si>
  <si>
    <t>GGPS MC NO.4 KAMOKE</t>
  </si>
  <si>
    <t>Thana road peer mubarik ali sha</t>
  </si>
  <si>
    <t>Kamoken</t>
  </si>
  <si>
    <t>GGPS MC NO.4 SATTELITE TOWN  SARGODHA</t>
  </si>
  <si>
    <t>Zafarullah Chowk</t>
  </si>
  <si>
    <t>Jinah Colooney</t>
  </si>
  <si>
    <t>Rehana Anwer</t>
  </si>
  <si>
    <t>GGPS MC NO.4 WAZIRABAD</t>
  </si>
  <si>
    <t>muzafar pura</t>
  </si>
  <si>
    <t>Muzafar Pura</t>
  </si>
  <si>
    <t>Saghira Sadiq</t>
  </si>
  <si>
    <t>GGPS MC NO.5</t>
  </si>
  <si>
    <t>Dosehra Ground Sahiwal</t>
  </si>
  <si>
    <t>Arifa Khatoon</t>
  </si>
  <si>
    <t>GGPS MC NO.5 CHAKWAL</t>
  </si>
  <si>
    <t>GGPSMC no 5 behari colony chakwal</t>
  </si>
  <si>
    <t>UC Chakwal City</t>
  </si>
  <si>
    <t>Nargus Naheed</t>
  </si>
  <si>
    <t>GGPS MC NO.5 KAMOKE</t>
  </si>
  <si>
    <t>Line Par Muhallah salamat pora kamoke</t>
  </si>
  <si>
    <t>salamat pora</t>
  </si>
  <si>
    <t>KOT RAFIQUE</t>
  </si>
  <si>
    <t>GGPS MC NO.6 GUJRANWALA</t>
  </si>
  <si>
    <t>gali gulam Hussain wali kacha darwaza gujranwala</t>
  </si>
  <si>
    <t>Bakhte Waal</t>
  </si>
  <si>
    <t>kashifa siddique</t>
  </si>
  <si>
    <t>GGPS MC NO.6 SAHIWAL</t>
  </si>
  <si>
    <t>GGPS MC no 6</t>
  </si>
  <si>
    <t>SadarA</t>
  </si>
  <si>
    <t>Samina Jabbar</t>
  </si>
  <si>
    <t>GGPS MC NO.7</t>
  </si>
  <si>
    <t>Chorata</t>
  </si>
  <si>
    <t>block chorata dgkhan</t>
  </si>
  <si>
    <t>Choratta</t>
  </si>
  <si>
    <t>Peer Kataal</t>
  </si>
  <si>
    <t>Zahida Jabeen</t>
  </si>
  <si>
    <t>GGPS MC NO.8 DG. KHAN</t>
  </si>
  <si>
    <t>block t dgkhan</t>
  </si>
  <si>
    <t>GGPS MC NO.8 JAHAZ GROUND SAHIWAL</t>
  </si>
  <si>
    <t>GGPS MC NO 8</t>
  </si>
  <si>
    <t>Gahaz Ground</t>
  </si>
  <si>
    <t>Jahaz Grond</t>
  </si>
  <si>
    <t>bushra jabeen</t>
  </si>
  <si>
    <t>GGPS MC NO.9</t>
  </si>
  <si>
    <t>G.G.P.S,M.C School No:9, Block.R, D.G.khan</t>
  </si>
  <si>
    <t>GGPS MC NO.9 GUJRANWALA</t>
  </si>
  <si>
    <t>Guronank pura</t>
  </si>
  <si>
    <t>gurunanak pura gali masjid Diary wale grw</t>
  </si>
  <si>
    <t>Farooq Ganjh</t>
  </si>
  <si>
    <t>Shazia Manzoor</t>
  </si>
  <si>
    <t>GGPS MC NOOR PURA MACHLI FARM</t>
  </si>
  <si>
    <t>Noorpura</t>
  </si>
  <si>
    <t>Govt girls M/C primary School noorpura fish farm, sheikhupura.</t>
  </si>
  <si>
    <t>Dera Hafizan</t>
  </si>
  <si>
    <t>AMTAL MATEEN</t>
  </si>
  <si>
    <t>GGPS MC PIR BAHAR SHAH</t>
  </si>
  <si>
    <t>pir bahar shah skp</t>
  </si>
  <si>
    <t>Pir Bahar Shah</t>
  </si>
  <si>
    <t>Shahida Alam Bhatti</t>
  </si>
  <si>
    <t>GGPS MC PIR KHURSHEED COLONY MULTAN</t>
  </si>
  <si>
    <t>GGPS MC pir khursheed colony Multan</t>
  </si>
  <si>
    <t>Tarf Mubarak Awal</t>
  </si>
  <si>
    <t>Ameera Abad</t>
  </si>
  <si>
    <t>Sumera naz</t>
  </si>
  <si>
    <t>GGPS MC PIRWADHI FOUJI COLONY</t>
  </si>
  <si>
    <t>Pir Wadhai</t>
  </si>
  <si>
    <t>GGMCPS st no 28fouji colony. Pirwadhai ,Rwp</t>
  </si>
  <si>
    <t>Fouji Colony</t>
  </si>
  <si>
    <t>GGPS MC PUBLIC CHINIOT</t>
  </si>
  <si>
    <t>mc public school chiniot,near library park</t>
  </si>
  <si>
    <t>Naila Aslam</t>
  </si>
  <si>
    <t>GGPS MC PUL MOJ DARYA MUHALLAH TARIQ ABAD GALI NO.2 MULTAN</t>
  </si>
  <si>
    <t>taraf ismail</t>
  </si>
  <si>
    <t>Mohalla tariq abad Gali No.2 Multan</t>
  </si>
  <si>
    <t>nishter town</t>
  </si>
  <si>
    <t>GGPS MC PURANI MANDI PATTOKI</t>
  </si>
  <si>
    <t>Old Mandi</t>
  </si>
  <si>
    <t>purani mandi pattoki</t>
  </si>
  <si>
    <t>Rukhsana Sher Jang</t>
  </si>
  <si>
    <t>GGPS MC QADEEM CHISHTIAN</t>
  </si>
  <si>
    <t>Old Chishtian</t>
  </si>
  <si>
    <t>GGPS MC Qadeem chishtian</t>
  </si>
  <si>
    <t>Syeda Ghulam Sughra</t>
  </si>
  <si>
    <t>GGPS MC QADEER ABAD MULTAN</t>
  </si>
  <si>
    <t>Qadeera Abad</t>
  </si>
  <si>
    <t>Govt.MC Grils Primary School Qadeera abad</t>
  </si>
  <si>
    <t>GGPS MC QUTAB ABAD GUJRAT</t>
  </si>
  <si>
    <t>Qutab Abad</t>
  </si>
  <si>
    <t>qutab abad  gujrat</t>
  </si>
  <si>
    <t>Daswandipura</t>
  </si>
  <si>
    <t>GGPS MC RAB SHAH CHOWK GHULAM MUHAMMAD ABAD</t>
  </si>
  <si>
    <t>Rab Shah Chowk</t>
  </si>
  <si>
    <t>G.M.c girls primary school #4 Rab shah chowk G.M abad</t>
  </si>
  <si>
    <t>Gm Abad</t>
  </si>
  <si>
    <t>Surryia Nargis</t>
  </si>
  <si>
    <t>GGPS MC RASOOL NAGAR</t>
  </si>
  <si>
    <t>GGPS MC REHMAT COLONY</t>
  </si>
  <si>
    <t>Rehmat Colony</t>
  </si>
  <si>
    <t>GG MCP SCHOOL REHMAT COLONY#1 st#6 gujrwala road skp</t>
  </si>
  <si>
    <t>Urban Roshenpura</t>
  </si>
  <si>
    <t>Zakia Ghazanfar</t>
  </si>
  <si>
    <t>GGPS MC RIALWAY ROAD MULTAN</t>
  </si>
  <si>
    <t>railway road multan</t>
  </si>
  <si>
    <t>Anayat Shah Bukhari</t>
  </si>
  <si>
    <t>Safia Nisar</t>
  </si>
  <si>
    <t>GGPS MC SCHEME NO. 2</t>
  </si>
  <si>
    <t>Taraf Mubarik Awal Gulgaaht</t>
  </si>
  <si>
    <t>govt. girls mc elementary school scheme no:2</t>
  </si>
  <si>
    <t>Riffat Farzana</t>
  </si>
  <si>
    <t>GGPS MC SHAREEF PURA</t>
  </si>
  <si>
    <t>t CHOWK usman PURA multan</t>
  </si>
  <si>
    <t>Usman Pura</t>
  </si>
  <si>
    <t>GGPS MC SHARIF PURA</t>
  </si>
  <si>
    <t>Sharif puras</t>
  </si>
  <si>
    <t>Fish  Form</t>
  </si>
  <si>
    <t>GGPS MC SHAWALA</t>
  </si>
  <si>
    <t>SHAWALA Murree  P/O Murree, Tehsil Murree,District Rawalpindi</t>
  </si>
  <si>
    <t>Tehmina  Sarfraz</t>
  </si>
  <si>
    <t>GGPS MC SINDHO COLONY</t>
  </si>
  <si>
    <t>Sindhu Colony</t>
  </si>
  <si>
    <t>sindhu colony okara</t>
  </si>
  <si>
    <t>GGPS MC SIR SYED JUNIOR MODEL NO. 3 LALA MUSA</t>
  </si>
  <si>
    <t>Ghalla mandi lalamusa</t>
  </si>
  <si>
    <t>Lalamusa 3</t>
  </si>
  <si>
    <t>GGPS MC SIR SYED TOWN FSD</t>
  </si>
  <si>
    <t>MC GP School Sir Syed town Faisalabad</t>
  </si>
  <si>
    <t>SHABANA BASHIR</t>
  </si>
  <si>
    <t>GGPS MC SOCIAL UP LIFT JHELUM</t>
  </si>
  <si>
    <t>Abbas Poora</t>
  </si>
  <si>
    <t>Osama chowk mohalla Abbas poora</t>
  </si>
  <si>
    <t>Rukhsana Asghar</t>
  </si>
  <si>
    <t>GGPS MC SUFI PURA MBDIN</t>
  </si>
  <si>
    <t>st#3 sufi pura m.b.din</t>
  </si>
  <si>
    <t>GGPS MC TARAF DAIRA</t>
  </si>
  <si>
    <t>Chah Jamu wala basti daira multan</t>
  </si>
  <si>
    <t>Basti Daira</t>
  </si>
  <si>
    <t>bilqees begum</t>
  </si>
  <si>
    <t>GGPS MC TIBBA NOOR PURA</t>
  </si>
  <si>
    <t>Tiba Noor Pura</t>
  </si>
  <si>
    <t>Tibba noor pura haroonabad</t>
  </si>
  <si>
    <t>Town Commitee</t>
  </si>
  <si>
    <t>GGPS MC TIBBA SYEDAN</t>
  </si>
  <si>
    <t>Marrian</t>
  </si>
  <si>
    <t>Moh  Marrian, opposit  Naikapura Police Station,Pull aik Sialkot</t>
  </si>
  <si>
    <t>Yasmeen Naz</t>
  </si>
  <si>
    <t>GGPS MC UNDROON PAK GATE</t>
  </si>
  <si>
    <t>Ggps mc insidepak gate near khooni burj chowk multan</t>
  </si>
  <si>
    <t>Insidepak Gate</t>
  </si>
  <si>
    <t>Rubina Qureshi</t>
  </si>
  <si>
    <t>GGPS MC UNION COUNCIL NO.1 BAHAWALPUR</t>
  </si>
  <si>
    <t>MOHALLA MUBARAK PURA BAHAWALPUR</t>
  </si>
  <si>
    <t>MOHALLA MUBARAK PURA</t>
  </si>
  <si>
    <t>Kauser Khuda Bux</t>
  </si>
  <si>
    <t>GGPS MC UNION COUNCIL NO.2 BAHAWALPUR</t>
  </si>
  <si>
    <t>muhalla Rahman shahi bazaar bahawalpur</t>
  </si>
  <si>
    <t>City A</t>
  </si>
  <si>
    <t>Muhalla Rahman</t>
  </si>
  <si>
    <t>Waheeda Amin</t>
  </si>
  <si>
    <t>GGPS MC UNION COUNCIL NO.3 BAHAWALPUR</t>
  </si>
  <si>
    <t>mohalkah chah fsth khan</t>
  </si>
  <si>
    <t>Bahawal Pur City</t>
  </si>
  <si>
    <t>Fozia Abbas Malik</t>
  </si>
  <si>
    <t>GGPS MC WANDHI WALI MOHAMMAD KHAN</t>
  </si>
  <si>
    <t>govt mc primary girls school wali mohammad khan mianwali</t>
  </si>
  <si>
    <t>Wandhi Ghund Wali</t>
  </si>
  <si>
    <t>GGPS MC WARD NO. 28</t>
  </si>
  <si>
    <t>ward 28, Raata amral</t>
  </si>
  <si>
    <t>Rattaamral</t>
  </si>
  <si>
    <t>Nargis Naheed</t>
  </si>
  <si>
    <t>GGPS MC WHEED-UD-DIN MBDIN</t>
  </si>
  <si>
    <t>M.B.Din</t>
  </si>
  <si>
    <t>Gurrah  Mohallah</t>
  </si>
  <si>
    <t>GGPS MC WRITERS COLONY MULTAN</t>
  </si>
  <si>
    <t>samnabad colony near chanan peer chowk Multan</t>
  </si>
  <si>
    <t>Fozia Nasreen</t>
  </si>
  <si>
    <t>GGPS MC YARU KHEL</t>
  </si>
  <si>
    <t>yarukhel</t>
  </si>
  <si>
    <t>Munawar Jan</t>
  </si>
  <si>
    <t>GGPS MC YASRIB STREET</t>
  </si>
  <si>
    <t>GGMC P/S Yasrab street</t>
  </si>
  <si>
    <t>GGPS MC ZADEY KHEL</t>
  </si>
  <si>
    <t>g.g.mc.PS moh zaday khal</t>
  </si>
  <si>
    <t>Zaday Khal</t>
  </si>
  <si>
    <t>GGPS MC ZAFAR COLONY</t>
  </si>
  <si>
    <t>GGPS Zafar Colony Okara</t>
  </si>
  <si>
    <t>Zafar Colony</t>
  </si>
  <si>
    <t>GGPS MEELO DHENGLA</t>
  </si>
  <si>
    <t>MELOO Dhengla</t>
  </si>
  <si>
    <t>GGPS MELOO Dhengla</t>
  </si>
  <si>
    <t>Emrozia Khan</t>
  </si>
  <si>
    <t>GGPS MEER AMAN ULLAH</t>
  </si>
  <si>
    <t>Mir Amanullah</t>
  </si>
  <si>
    <t>ps mir amanullah</t>
  </si>
  <si>
    <t>GGPS MEER KHANI</t>
  </si>
  <si>
    <t>meerkhani</t>
  </si>
  <si>
    <t>pindibahauddin</t>
  </si>
  <si>
    <t>GGPS MEER MUKHTAR</t>
  </si>
  <si>
    <t>Meer Mukhtar</t>
  </si>
  <si>
    <t>ggps meer Mukhtar</t>
  </si>
  <si>
    <t>GGPS MEER NAGAR</t>
  </si>
  <si>
    <t>near  mukhtiar nawaz house azmat wala</t>
  </si>
  <si>
    <t>Basti Mohammad</t>
  </si>
  <si>
    <t>najma sultana</t>
  </si>
  <si>
    <t>GGPS MEER SER WALA</t>
  </si>
  <si>
    <t>Chocki Masti</t>
  </si>
  <si>
    <t>GGPS meer ser wala</t>
  </si>
  <si>
    <t>Meer Sur</t>
  </si>
  <si>
    <t>GGPS MEERAL WASA</t>
  </si>
  <si>
    <t>Meeral Wasa</t>
  </si>
  <si>
    <t>basti illahi bukhush mouza meeral wasa</t>
  </si>
  <si>
    <t>Nageena Fardous</t>
  </si>
  <si>
    <t>GGPS MEERAY BASTI</t>
  </si>
  <si>
    <t>Basti Meeray</t>
  </si>
  <si>
    <t>Basti Meeray PO Kangan Pur Tehsil Chunain District Kasur</t>
  </si>
  <si>
    <t>Nargis Bibi</t>
  </si>
  <si>
    <t>GGPS MEERAY SHAH (MALWANA)</t>
  </si>
  <si>
    <t>basti meeray shah malwana</t>
  </si>
  <si>
    <t>Meeray Shah Malwana</t>
  </si>
  <si>
    <t>Rahila Rasheed</t>
  </si>
  <si>
    <t>GGPS MEGA</t>
  </si>
  <si>
    <t>Govt girls primary school Mega</t>
  </si>
  <si>
    <t>Fatima Muzammil</t>
  </si>
  <si>
    <t>GGPS MEGHA KADHI</t>
  </si>
  <si>
    <t>Megha Kadhi 150</t>
  </si>
  <si>
    <t>GGPS Meagha kadhi tel shahpur dis Sargodha</t>
  </si>
  <si>
    <t>Megha Kadhi</t>
  </si>
  <si>
    <t>Kot Bhikhan</t>
  </si>
  <si>
    <t>Uzma Riaz</t>
  </si>
  <si>
    <t>GGPS MEHAR ABAD KACHI MANDI</t>
  </si>
  <si>
    <t>TC LQP</t>
  </si>
  <si>
    <t>ggpsmahra abad</t>
  </si>
  <si>
    <t>Mahra Abad</t>
  </si>
  <si>
    <t>GGPS MEHAR COLONY SARGODHA</t>
  </si>
  <si>
    <t>49 Tail</t>
  </si>
  <si>
    <t>MEHAR colony 49 tail</t>
  </si>
  <si>
    <t>Mehar Colony</t>
  </si>
  <si>
    <t>Fakhara Inzmam</t>
  </si>
  <si>
    <t>GGPS MEHAR JEEWAN WALA</t>
  </si>
  <si>
    <t>170 Chak peer jagi</t>
  </si>
  <si>
    <t>Chan Nawan Fareed Wala</t>
  </si>
  <si>
    <t>Shehnaz Jabeen</t>
  </si>
  <si>
    <t>GGPS MEHAR PUR</t>
  </si>
  <si>
    <t>Meher Pur</t>
  </si>
  <si>
    <t>Abida Saher</t>
  </si>
  <si>
    <t>GGPS MEHAR SHAH</t>
  </si>
  <si>
    <t>Mehar Shah</t>
  </si>
  <si>
    <t>GGPS mehar shah teh/distt Muzaffargarh</t>
  </si>
  <si>
    <t>Alidah</t>
  </si>
  <si>
    <t>Kosar   Perveen</t>
  </si>
  <si>
    <t>GGPS MEHAR WALA</t>
  </si>
  <si>
    <t>Shrqi gurmani</t>
  </si>
  <si>
    <t>Shrqi gurmani station basti Mahar  wala</t>
  </si>
  <si>
    <t>Mahar Wala</t>
  </si>
  <si>
    <t>Khushbo Hussain</t>
  </si>
  <si>
    <t>GGPS MEHARAN ABAD</t>
  </si>
  <si>
    <t>Sharfrieed</t>
  </si>
  <si>
    <t>munghar shareef road bisti mehranabad</t>
  </si>
  <si>
    <t>Bisti Mehran Abad</t>
  </si>
  <si>
    <t>Talat Jahsn</t>
  </si>
  <si>
    <t>GGPS MEHAT PUR</t>
  </si>
  <si>
    <t>Mehatpur</t>
  </si>
  <si>
    <t>village mehatpur p/o korowal tehsil sambrial district sialkot</t>
  </si>
  <si>
    <t>Mehat-pur</t>
  </si>
  <si>
    <t>Musarat Jabeen Kouser</t>
  </si>
  <si>
    <t>GGPS MEHBOOB COLONY</t>
  </si>
  <si>
    <t>GGPS Mahboob Colony Ctn</t>
  </si>
  <si>
    <t>Tahira Fazeelat</t>
  </si>
  <si>
    <t>GGPS MEHBOOB NANGA</t>
  </si>
  <si>
    <t>Chak Mat No1</t>
  </si>
  <si>
    <t>Basti Mehboob Nanga</t>
  </si>
  <si>
    <t>Chak Mat</t>
  </si>
  <si>
    <t>Mussart Naeem</t>
  </si>
  <si>
    <t>GGPS MEHBOODB KOT</t>
  </si>
  <si>
    <t>chak zaman</t>
  </si>
  <si>
    <t>mehboob kot</t>
  </si>
  <si>
    <t>kapoora</t>
  </si>
  <si>
    <t>GGPS MEHD PUR</t>
  </si>
  <si>
    <t>Mehadpur</t>
  </si>
  <si>
    <t>village mehadpur,tehsil wazirabad,district Gujranwala</t>
  </si>
  <si>
    <t>Ghakhameter</t>
  </si>
  <si>
    <t>GGPS MEHDI ABAD</t>
  </si>
  <si>
    <t>Waan Bhchraan</t>
  </si>
  <si>
    <t>moh mehdi abad waan bhchraan</t>
  </si>
  <si>
    <t>Muzafer Pur Jnubi</t>
  </si>
  <si>
    <t>Aisha Aman</t>
  </si>
  <si>
    <t>GGPS MEHDI NANO</t>
  </si>
  <si>
    <t>Miadi Nano</t>
  </si>
  <si>
    <t>GGPS MEHFOZ ABAD</t>
  </si>
  <si>
    <t>government girls p/s mahfoz abad mailsi</t>
  </si>
  <si>
    <t>Mailsi West</t>
  </si>
  <si>
    <t>Irshad BiBi</t>
  </si>
  <si>
    <t>GGPS MEHLOO KE</t>
  </si>
  <si>
    <t>Mehlookey</t>
  </si>
  <si>
    <t>chak no 5/1,R,A  Renala khurd</t>
  </si>
  <si>
    <t>Mopalky</t>
  </si>
  <si>
    <t>Nabiya Noureen</t>
  </si>
  <si>
    <t>GGPS MEHLU</t>
  </si>
  <si>
    <t>G GPS MEHLU</t>
  </si>
  <si>
    <t>Sofia Mushtaq</t>
  </si>
  <si>
    <t>GGPS MEHMONWALI</t>
  </si>
  <si>
    <t>Mahmowali</t>
  </si>
  <si>
    <t>GGPS Memonwali</t>
  </si>
  <si>
    <t>GGPS MEHMOOD ABAD NO. 2</t>
  </si>
  <si>
    <t>Dawlat Abad</t>
  </si>
  <si>
    <t>Fatima Saghir</t>
  </si>
  <si>
    <t>GGPS MEHMOOD ABAD NO.1</t>
  </si>
  <si>
    <t>basti faqeeran wali near ada Allah Abad</t>
  </si>
  <si>
    <t>Rifat Kouser</t>
  </si>
  <si>
    <t>GGPS MEHMOOD AKHTAR WALA</t>
  </si>
  <si>
    <t>Kotla Chaakar</t>
  </si>
  <si>
    <t>Moza Kotla chakar jpp multan</t>
  </si>
  <si>
    <t>Kousar Parveen Anwer</t>
  </si>
  <si>
    <t>GGPS MEHMOOD CHIMNA</t>
  </si>
  <si>
    <t>Mehmood Chimna</t>
  </si>
  <si>
    <t>village mehmood chimna p/o dali banth tehsil and district gujrat</t>
  </si>
  <si>
    <t>Rubina Kosar</t>
  </si>
  <si>
    <t>GGPS MEHMOOD KOT</t>
  </si>
  <si>
    <t>Banglow Mori Nawan Kot Road</t>
  </si>
  <si>
    <t>Naheed Mushtaq</t>
  </si>
  <si>
    <t>GGPS MEHMOOD PUR</t>
  </si>
  <si>
    <t>Mehmodpur</t>
  </si>
  <si>
    <t>mehmoodpur tehseel arifwala ,distt pakpattan</t>
  </si>
  <si>
    <t>Jeevanshah</t>
  </si>
  <si>
    <t>Shaheen Mirza</t>
  </si>
  <si>
    <t>GGPS MEHMOOD PUR LALAKEKA</t>
  </si>
  <si>
    <t>Mehmood Pur Laleka</t>
  </si>
  <si>
    <t>ggps mehmood pur laleka dak khan a kabootri chawaika road minchinabad</t>
  </si>
  <si>
    <t>Mehmood Pur Ialeka</t>
  </si>
  <si>
    <t>Kabootri No 1</t>
  </si>
  <si>
    <t>Kusar Ramzan</t>
  </si>
  <si>
    <t>GGPS MEHMOOD PURA</t>
  </si>
  <si>
    <t>Mehmood Pura</t>
  </si>
  <si>
    <t>mehmood pura post office khudian khas tehsil and district kasur</t>
  </si>
  <si>
    <t>Beroon Khudian Khas</t>
  </si>
  <si>
    <t>Zara Kalsoom</t>
  </si>
  <si>
    <t>GGPS MEHMOOD SHAH</t>
  </si>
  <si>
    <t>mehmood shah, p/o garh maharaja tehsil A p sial district jhang</t>
  </si>
  <si>
    <t>Jaivain</t>
  </si>
  <si>
    <t>Farzana Mukhtar</t>
  </si>
  <si>
    <t>GGPS MEHMOOD SHAH MANDHAL</t>
  </si>
  <si>
    <t>basti laal shah mandhal</t>
  </si>
  <si>
    <t>Basti Laal Shah</t>
  </si>
  <si>
    <t>GGPS MEHMOOD SHAHEED</t>
  </si>
  <si>
    <t>Mehmood Shaeed Shaheed</t>
  </si>
  <si>
    <t>Mehmood shaheed noorpur thal khushab</t>
  </si>
  <si>
    <t>Mehmood shaheed</t>
  </si>
  <si>
    <t>Nasreen Murtaza</t>
  </si>
  <si>
    <t>GGPS MEHMOOD WALA</t>
  </si>
  <si>
    <t>basti mahmoodwala</t>
  </si>
  <si>
    <t>Mahmoodwala</t>
  </si>
  <si>
    <t>GGPS MEHMOODA JODHEKA</t>
  </si>
  <si>
    <t>Mehmoodajodhek</t>
  </si>
  <si>
    <t>Mehmoodajodheka</t>
  </si>
  <si>
    <t>Rehanakoser</t>
  </si>
  <si>
    <t>GGPS MEHMOODAY WALA NAWAN SHEHR</t>
  </si>
  <si>
    <t>Chack Haider Abad</t>
  </si>
  <si>
    <t>basti mehmoody wala nawan shher tehseel  kabir wala</t>
  </si>
  <si>
    <t>Mehmmdy Wala</t>
  </si>
  <si>
    <t>GGPS MEHNDI PUR  MULTAN</t>
  </si>
  <si>
    <t>Purana Shershah</t>
  </si>
  <si>
    <t>Govt. Girls Primary School Mehndi pur, Basti Akbar shah wala</t>
  </si>
  <si>
    <t>basti akbar shah wala</t>
  </si>
  <si>
    <t>GGPS MEHNGAY WALA</t>
  </si>
  <si>
    <t>chah mehngay wala</t>
  </si>
  <si>
    <t>Chah Mehngay Wala</t>
  </si>
  <si>
    <t>Humaira Mushtaq</t>
  </si>
  <si>
    <t>GGPS MEHR ALI SHAH</t>
  </si>
  <si>
    <t>Darkali Syedan</t>
  </si>
  <si>
    <t>vill darkali syedan p/o phalina tehsil kallar syedan district Rawalpindi</t>
  </si>
  <si>
    <t>Sadia Gillani</t>
  </si>
  <si>
    <t>GGPS MEHR HASSAN WALA</t>
  </si>
  <si>
    <t>Kotki Beruni</t>
  </si>
  <si>
    <t>Mir hasan wala post office kotki beruni</t>
  </si>
  <si>
    <t>Mir Hasan Wala</t>
  </si>
  <si>
    <t>NASIM BIBI</t>
  </si>
  <si>
    <t>GGPS MEHR IMAM NASHEB</t>
  </si>
  <si>
    <t>Mehr Imam Nasheb</t>
  </si>
  <si>
    <t>GGP/S mehr imam nasheb</t>
  </si>
  <si>
    <t>Panjgrain Nasheb</t>
  </si>
  <si>
    <t>Sadaf Hasan</t>
  </si>
  <si>
    <t>GGPS MEHR KHAN WALA</t>
  </si>
  <si>
    <t>GGP,s mehr khanwala</t>
  </si>
  <si>
    <t>Mehr Khanwala</t>
  </si>
  <si>
    <t>GGPS MEHR KHELAN WALA</t>
  </si>
  <si>
    <t>SULTANWALA SHARQI</t>
  </si>
  <si>
    <t>wandha Mehr Khelan wala</t>
  </si>
  <si>
    <t>Mehr Khelan wala</t>
  </si>
  <si>
    <t>Abba Kheal</t>
  </si>
  <si>
    <t>GGPS MEHR PURA SHARQI</t>
  </si>
  <si>
    <t>GGPS Mehr Pura Sharqi Attock</t>
  </si>
  <si>
    <t>mehr pura sharqi</t>
  </si>
  <si>
    <t>GGPS MEHR SHAH WALA</t>
  </si>
  <si>
    <t>Meher shah wala</t>
  </si>
  <si>
    <t>Meher Shah Wala</t>
  </si>
  <si>
    <t>GGPS MEHRABDIAN PO DHODA</t>
  </si>
  <si>
    <t>Mehrabdin</t>
  </si>
  <si>
    <t>vill mehrabdin p/o dhoda</t>
  </si>
  <si>
    <t>Mehrab Din</t>
  </si>
  <si>
    <t>GGPS MEHRAJ PURA</t>
  </si>
  <si>
    <t>Meraj Pura</t>
  </si>
  <si>
    <t>ggps meraj pura</t>
  </si>
  <si>
    <t>Amna Yasmin</t>
  </si>
  <si>
    <t>GGPS MEHRAM DHUDY</t>
  </si>
  <si>
    <t>Balla Arain</t>
  </si>
  <si>
    <t>mehram. dhudy</t>
  </si>
  <si>
    <t>Mehram Dhuddy</t>
  </si>
  <si>
    <t>Malikpura</t>
  </si>
  <si>
    <t>GGPS MEHRAM KHELAN WALA</t>
  </si>
  <si>
    <t>melay wali (kacha gujrat)</t>
  </si>
  <si>
    <t>govt.girls primary school mehram khelan wala tehsil piplan district mianwali</t>
  </si>
  <si>
    <t>mehram khelan wala (melay wali)</t>
  </si>
  <si>
    <t>kacha gujrat</t>
  </si>
  <si>
    <t>Farzana Naz Kousar</t>
  </si>
  <si>
    <t>GGPS MEHRAM SIAL</t>
  </si>
  <si>
    <t>markaz massan</t>
  </si>
  <si>
    <t>Massam</t>
  </si>
  <si>
    <t>GGPS MEHRAM WALA MEHARAM WALA</t>
  </si>
  <si>
    <t>Basti Mehram wala moza chata</t>
  </si>
  <si>
    <t>Moza Chatha Uc 131</t>
  </si>
  <si>
    <t>GGPS MEHRO BALOCH</t>
  </si>
  <si>
    <t>Mehro Baloch</t>
  </si>
  <si>
    <t>mouza mehro balochm</t>
  </si>
  <si>
    <t>Kiran Zawar Abbasi</t>
  </si>
  <si>
    <t>GGPS MEHTAB GARH</t>
  </si>
  <si>
    <t>Mehtab Garh</t>
  </si>
  <si>
    <t>govt girls primary school mehtab garh</t>
  </si>
  <si>
    <t>Mohent Darshan</t>
  </si>
  <si>
    <t>Nabeela Amin</t>
  </si>
  <si>
    <t>GGPS MEHTAB PUR HINJLI</t>
  </si>
  <si>
    <t>Mehtab Pur hunjli</t>
  </si>
  <si>
    <t>GGPS Mehtab Pur Hanjli P /0 Jhatokay Tehsil Pasrur District Sialkot</t>
  </si>
  <si>
    <t>Dulam Kahlwan</t>
  </si>
  <si>
    <t>GHAZALA RANI</t>
  </si>
  <si>
    <t>GGPS MELA BANGI KHEL</t>
  </si>
  <si>
    <t>Kuch Tander Khel</t>
  </si>
  <si>
    <t>shakar dara road kalabagh, tehsil isakhel district mainwali</t>
  </si>
  <si>
    <t>Mela Bangi Khel</t>
  </si>
  <si>
    <t>GGPS MELA RAM</t>
  </si>
  <si>
    <t>Mela Ram</t>
  </si>
  <si>
    <t>GGPS Mela Ram</t>
  </si>
  <si>
    <t>MARIA RAFIQUE</t>
  </si>
  <si>
    <t>GGPS MELAY WALI</t>
  </si>
  <si>
    <t>Melay Wali</t>
  </si>
  <si>
    <t>Moza Melay wali Tehsil piplan District Mianwali</t>
  </si>
  <si>
    <t>Sidra Nazish</t>
  </si>
  <si>
    <t>GGPS MELI BURJI</t>
  </si>
  <si>
    <t>Meli Burji</t>
  </si>
  <si>
    <t>meli burji chak 17 / rb</t>
  </si>
  <si>
    <t>Meli burji</t>
  </si>
  <si>
    <t>Sathianli Kalan</t>
  </si>
  <si>
    <t>arousa saeed</t>
  </si>
  <si>
    <t>GGPS MELI SADAR DIN HAMOKA</t>
  </si>
  <si>
    <t>tibba quim din I</t>
  </si>
  <si>
    <t>meli sadar din</t>
  </si>
  <si>
    <t>meli sadar dinmahib</t>
  </si>
  <si>
    <t>mahib pur</t>
  </si>
  <si>
    <t>GGPS MEMO JOYA</t>
  </si>
  <si>
    <t>Memojoya</t>
  </si>
  <si>
    <t>ggps memo Joya p/o kotliloharan west sialkot</t>
  </si>
  <si>
    <t>MemoJoya</t>
  </si>
  <si>
    <t>Sheeni</t>
  </si>
  <si>
    <t>Memoona Adrees</t>
  </si>
  <si>
    <t>GGPS MERA AJRI</t>
  </si>
  <si>
    <t>Dhiba Karsial</t>
  </si>
  <si>
    <t>mehra ajri post office dhibba karsial teh distt mianwali</t>
  </si>
  <si>
    <t>Mehra Ajri</t>
  </si>
  <si>
    <t>GGPS MERA KODAN SAPRAL</t>
  </si>
  <si>
    <t>karandi</t>
  </si>
  <si>
    <t>wandha bilzai village karandi p/o makarwal Tehsil Esakhel Dist. mianwali</t>
  </si>
  <si>
    <t>bilzai karandi</t>
  </si>
  <si>
    <t>vanjari</t>
  </si>
  <si>
    <t>Irshad Bi Bi</t>
  </si>
  <si>
    <t>GGPS MERA MARDWAL</t>
  </si>
  <si>
    <t>Mera mardwal</t>
  </si>
  <si>
    <t>Mera Mardwal</t>
  </si>
  <si>
    <t>GGPS MERANA CHAK NO.132/DNB</t>
  </si>
  <si>
    <t>132/Dnb Merana</t>
  </si>
  <si>
    <t>ggps 132/dnb merana</t>
  </si>
  <si>
    <t>Rehana Malik</t>
  </si>
  <si>
    <t>GGPS MERANPUR</t>
  </si>
  <si>
    <t>miranpur</t>
  </si>
  <si>
    <t>Salma Mushtaq</t>
  </si>
  <si>
    <t>GGPS MERIK PUR</t>
  </si>
  <si>
    <t>Mirkpur</t>
  </si>
  <si>
    <t>village Mirkpur</t>
  </si>
  <si>
    <t>Bagatpur</t>
  </si>
  <si>
    <t>GGPS MERO PADIAR</t>
  </si>
  <si>
    <t>Mero Padhiar</t>
  </si>
  <si>
    <t>govt.girls primary school Mero Padhyar district Sialkot tensil pasrur</t>
  </si>
  <si>
    <t>Mero Padhyar</t>
  </si>
  <si>
    <t>GGPS MIAN ALLAH DIWAYA</t>
  </si>
  <si>
    <t>Mud Alyas</t>
  </si>
  <si>
    <t>GGP/S Mian Allah Diwaya</t>
  </si>
  <si>
    <t>MianAllahDiwaya</t>
  </si>
  <si>
    <t>MarriAllahBachaya</t>
  </si>
  <si>
    <t>shamshad akhtatr</t>
  </si>
  <si>
    <t>GGPS MIAN CHEEMA</t>
  </si>
  <si>
    <t>Main cheema</t>
  </si>
  <si>
    <t>vpo kheewa bajwa tehsil pasrur district sialkot</t>
  </si>
  <si>
    <t>Main Cheema</t>
  </si>
  <si>
    <t>FAIZA JAHAN</t>
  </si>
  <si>
    <t>GGPS MIAN CHOHAN</t>
  </si>
  <si>
    <t>Mian Chohan</t>
  </si>
  <si>
    <t>village mian chohan post office kotla arab ali khan district gujrat tehsil kharian</t>
  </si>
  <si>
    <t>GGPS MIAN DHAKI</t>
  </si>
  <si>
    <t>village miandahki po chhab tehsil jand district attock</t>
  </si>
  <si>
    <t>Miandhakki</t>
  </si>
  <si>
    <t>Miandhaki</t>
  </si>
  <si>
    <t>GGPS MIAN IRSHAD AHMAD</t>
  </si>
  <si>
    <t>ZAHIR PIR</t>
  </si>
  <si>
    <t>GGPS MIAN IRSHAD Ahmad</t>
  </si>
  <si>
    <t>MIAN IRSHAD AHMAD</t>
  </si>
  <si>
    <t>MC Zahir Pir</t>
  </si>
  <si>
    <t>GGPS MIAN JALLAL</t>
  </si>
  <si>
    <t>Anayat Shah</t>
  </si>
  <si>
    <t>Govt Girls Primary School Mian Jalal Shah</t>
  </si>
  <si>
    <t>Mian Jalal Shah</t>
  </si>
  <si>
    <t>Gulzar Naseem</t>
  </si>
  <si>
    <t>GGPS MIAN KOT</t>
  </si>
  <si>
    <t>GGPSMian kot khalel wala near noori lal pump</t>
  </si>
  <si>
    <t>Khalel Wala</t>
  </si>
  <si>
    <t>Yasmeen Hmeed</t>
  </si>
  <si>
    <t>GGPS MIAN PHERO</t>
  </si>
  <si>
    <t>Darkest Jamal Khan</t>
  </si>
  <si>
    <t>basti Mian phero darkhwast jamal khqn</t>
  </si>
  <si>
    <t>Basti Mian Phero</t>
  </si>
  <si>
    <t>Shaista Yasmeen</t>
  </si>
  <si>
    <t>GGPS MIAN PUR</t>
  </si>
  <si>
    <t>Basti mian pur</t>
  </si>
  <si>
    <t>SALAR WAHIN NAU</t>
  </si>
  <si>
    <t>Fakhra Tehreem</t>
  </si>
  <si>
    <t>GGPS MIAN SANSI</t>
  </si>
  <si>
    <t>Mian Sansi</t>
  </si>
  <si>
    <t>Nargis Khanum</t>
  </si>
  <si>
    <t>GGPS MIAN SHEMIR NO.1 KHANEWAL</t>
  </si>
  <si>
    <t>Take Mukdum  Voni</t>
  </si>
  <si>
    <t>Railway Station Main Shameer khanewal</t>
  </si>
  <si>
    <t>Main Shamir</t>
  </si>
  <si>
    <t>14/9rbat</t>
  </si>
  <si>
    <t>GGPS MIAN WALI</t>
  </si>
  <si>
    <t>village mianwali p/o kanjrur tehsil shakargarh Distt Narowal</t>
  </si>
  <si>
    <t>Rakhshinda Khurshid Ahmad</t>
  </si>
  <si>
    <t>GGPS MIAN WALI QURESHIAN</t>
  </si>
  <si>
    <t>Mian Wali Qureshiian</t>
  </si>
  <si>
    <t>Ggps mian wali qureshian mohala molvian</t>
  </si>
  <si>
    <t>Mian Wali Qureshian Mohala Molvian</t>
  </si>
  <si>
    <t>Mian Wali Qureshian</t>
  </si>
  <si>
    <t>GGPS MIANA HAZARA</t>
  </si>
  <si>
    <t>MianaHazara</t>
  </si>
  <si>
    <t>Ggps MianaHazara Teh kot momin District sargodha</t>
  </si>
  <si>
    <t>TakhtHazara</t>
  </si>
  <si>
    <t>Najma Sarfraz</t>
  </si>
  <si>
    <t>GGPS MIANA MOHALLAH</t>
  </si>
  <si>
    <t>ggps mohallah miana wanbhachran</t>
  </si>
  <si>
    <t>Sidra  Amanat  Shah</t>
  </si>
  <si>
    <t>GGPS MIANA MOHRA</t>
  </si>
  <si>
    <t>mahuta mohra</t>
  </si>
  <si>
    <t>GGPS MIANAH WALA</t>
  </si>
  <si>
    <t>Mitha Khatak</t>
  </si>
  <si>
    <t>dakkhana awanawala tahseel isakhel district miawali</t>
  </si>
  <si>
    <t>Mianawala</t>
  </si>
  <si>
    <t>GGPS MIANI</t>
  </si>
  <si>
    <t>GGPS Miani</t>
  </si>
  <si>
    <t>Afshan Naseem</t>
  </si>
  <si>
    <t>GGPS MIANI ADA</t>
  </si>
  <si>
    <t>vpomiani</t>
  </si>
  <si>
    <t>GGPS MIANI DHALRI</t>
  </si>
  <si>
    <t>Ghogheat</t>
  </si>
  <si>
    <t>Bhatti Colony Miani</t>
  </si>
  <si>
    <t>Samra Gulzar</t>
  </si>
  <si>
    <t>GGPS MIANI JHABAIL</t>
  </si>
  <si>
    <t>Bhinda Ghulam Hussain</t>
  </si>
  <si>
    <t>Bastia miani jhabail</t>
  </si>
  <si>
    <t>Hafiza Ayesha Zia</t>
  </si>
  <si>
    <t>GGPS MIANI MEHMOOD NO. 1</t>
  </si>
  <si>
    <t>Rakh Qadra</t>
  </si>
  <si>
    <t>Ù…ÙˆØ¶Ø¹ Ø±Ú©Ú¾ Ù‚Ø§Ø¯Ø±Û Ù…Ø±Ú©Ø² Ø±ÙˆØ¬Ú¾Ø§Ù†</t>
  </si>
  <si>
    <t>Basti Balachani</t>
  </si>
  <si>
    <t>GGPS MINCHIN ABAD</t>
  </si>
  <si>
    <t>Mcd</t>
  </si>
  <si>
    <t>mcd</t>
  </si>
  <si>
    <t>Shahida Parvin</t>
  </si>
  <si>
    <t>GGPS MINHALA KHURD</t>
  </si>
  <si>
    <t>Minhala kalan</t>
  </si>
  <si>
    <t>GGPS MIR AHMAD SHER GHARH</t>
  </si>
  <si>
    <t>MirAhmed Sher Garh</t>
  </si>
  <si>
    <t>GGPSMir Ahmed Sher Garh</t>
  </si>
  <si>
    <t>Mir Ahmed Sher Garh</t>
  </si>
  <si>
    <t>GGPS MIR GALA MANGALA</t>
  </si>
  <si>
    <t>Pind Mirgala</t>
  </si>
  <si>
    <t>village pind mirgala p/o sar suba shah Teh kallar syedan dist Rawalpindi</t>
  </si>
  <si>
    <t>Mirgala Mangral</t>
  </si>
  <si>
    <t>Rozina Perveen</t>
  </si>
  <si>
    <t>GGPS MIR HUSSAIN KAKRALI</t>
  </si>
  <si>
    <t>village and post office Kakrali district Gujrat tehsil kharian</t>
  </si>
  <si>
    <t>Haleema Akhtar</t>
  </si>
  <si>
    <t>GGPS MIR KHAN MAHMOONKA</t>
  </si>
  <si>
    <t>mir khan mahmoonka</t>
  </si>
  <si>
    <t>Mir Khan Mahmoonka</t>
  </si>
  <si>
    <t>Jagga Bloach</t>
  </si>
  <si>
    <t>Mehwish Shahbaz</t>
  </si>
  <si>
    <t>GGPS MIR MUHAMMAD</t>
  </si>
  <si>
    <t>p/o kot bahadar tehsil ap sial distt jhang</t>
  </si>
  <si>
    <t>Wat Wala</t>
  </si>
  <si>
    <t>Nida Shaheen</t>
  </si>
  <si>
    <t>GGPS MIR MUHAMMAD CHACHAR</t>
  </si>
  <si>
    <t>Mud Hassan</t>
  </si>
  <si>
    <t>mir m chachar mud hassan tranda</t>
  </si>
  <si>
    <t>Mir M Chachar</t>
  </si>
  <si>
    <t>chak no 100</t>
  </si>
  <si>
    <t>Nusrat Abbas</t>
  </si>
  <si>
    <t>GGPS MIR PUR HUSSAIN</t>
  </si>
  <si>
    <t>Mohalla Mir Pur Hussain Kamra Kalan</t>
  </si>
  <si>
    <t>Motahirah Noor Anjum</t>
  </si>
  <si>
    <t>GGPS MIRA SAKRANA</t>
  </si>
  <si>
    <t>Government Girls Primary School Maira Sakrana</t>
  </si>
  <si>
    <t>Maira Sakrana</t>
  </si>
  <si>
    <t>GGPS MIRAJ COLONY</t>
  </si>
  <si>
    <t>govt girls primary school mairaj colony</t>
  </si>
  <si>
    <t>Mairaj Colony</t>
  </si>
  <si>
    <t>Chachky Gill</t>
  </si>
  <si>
    <t>Rubina Latif</t>
  </si>
  <si>
    <t>GGPS MIRAJ PUR BELI</t>
  </si>
  <si>
    <t>Miraj Pur Beli</t>
  </si>
  <si>
    <t>GGPS Miraj Pur Beli</t>
  </si>
  <si>
    <t>Bokan</t>
  </si>
  <si>
    <t>Maria Masood</t>
  </si>
  <si>
    <t>GGPS MIRALI</t>
  </si>
  <si>
    <t>Mirali</t>
  </si>
  <si>
    <t>Ggps mirali</t>
  </si>
  <si>
    <t>Norba</t>
  </si>
  <si>
    <t>kousar Khan</t>
  </si>
  <si>
    <t>GGPS MIRAN BUX</t>
  </si>
  <si>
    <t>Miran bux p/o bewal teh kallar syedan Rawalpindi</t>
  </si>
  <si>
    <t>Ruqiya Bibi</t>
  </si>
  <si>
    <t>GGPS MIRAN MAQBOOL SHAH</t>
  </si>
  <si>
    <t>GGPS MIRAN MAQBOOL SHAH NEAR DRBAR ROAD</t>
  </si>
  <si>
    <t>Miran Sakhi</t>
  </si>
  <si>
    <t>Rimsha Zartab</t>
  </si>
  <si>
    <t>GGPS MIRAN NANGRAY</t>
  </si>
  <si>
    <t>basti bughlani tehsil taunsa sharif district dg khan</t>
  </si>
  <si>
    <t>GGPS MIRAN PUR</t>
  </si>
  <si>
    <t>DilAara Yousaf</t>
  </si>
  <si>
    <t>GGPS MIRAN WALI</t>
  </si>
  <si>
    <t>BASTI MIRAN WALI METLA CHOK QASBA GUJRAT</t>
  </si>
  <si>
    <t>Gujrt</t>
  </si>
  <si>
    <t>GGPS MIRANI PACCA</t>
  </si>
  <si>
    <t>Samtia Nashab</t>
  </si>
  <si>
    <t>moza samtia nashab gpo layyah</t>
  </si>
  <si>
    <t>Chah Kaly Wala</t>
  </si>
  <si>
    <t>Lohanch Nashab</t>
  </si>
  <si>
    <t>Aisha Mukhtiar</t>
  </si>
  <si>
    <t>GGPS MIRANI WALA</t>
  </si>
  <si>
    <t>Rakh EHSAN Pur</t>
  </si>
  <si>
    <t>MIRANI Wala</t>
  </si>
  <si>
    <t>RAKH EHSAN PUR</t>
  </si>
  <si>
    <t>GGPS MIRASI WALA</t>
  </si>
  <si>
    <t>Doger Clasra</t>
  </si>
  <si>
    <t>mrasi wala</t>
  </si>
  <si>
    <t>Mrasi Wala</t>
  </si>
  <si>
    <t>GGPS MIRGALA KHALSA</t>
  </si>
  <si>
    <t>Pher Hali</t>
  </si>
  <si>
    <t>mirgala khalsa PO Choa khalsa Teh Kallar syedan</t>
  </si>
  <si>
    <t>GGPS MIRPUR</t>
  </si>
  <si>
    <t>Mirpur</t>
  </si>
  <si>
    <t>village mirpur teh HassanAbdal dist Attock</t>
  </si>
  <si>
    <t>Bhallar jogi</t>
  </si>
  <si>
    <t>Naheed  Akhter</t>
  </si>
  <si>
    <t>GGPS MIRPUR SANIAN</t>
  </si>
  <si>
    <t>Mirpur Sanian</t>
  </si>
  <si>
    <t>mirpur sanian</t>
  </si>
  <si>
    <t>Samia Hamid</t>
  </si>
  <si>
    <t>GGPS MIRZA</t>
  </si>
  <si>
    <t>Village mirza. Dist Gujrat</t>
  </si>
  <si>
    <t>GGPS MIRZA GORAYA</t>
  </si>
  <si>
    <t>vill.mirza goraya.teh daska.distt.sialkot</t>
  </si>
  <si>
    <t>Misbah Anwar</t>
  </si>
  <si>
    <t>GGPS MIRZA NO.1</t>
  </si>
  <si>
    <t>Govt. girls primary school mirza no 1</t>
  </si>
  <si>
    <t>AMNA NIGAR</t>
  </si>
  <si>
    <t>GGPS MIRZE WALI</t>
  </si>
  <si>
    <t>Mirzy wali</t>
  </si>
  <si>
    <t>village mirzy wali p o kanjrur Tehsil shakar garh district Narowal</t>
  </si>
  <si>
    <t>Aisha Majid</t>
  </si>
  <si>
    <t>GGPS MIRZIAL</t>
  </si>
  <si>
    <t>Mirzial</t>
  </si>
  <si>
    <t>vpo mithial</t>
  </si>
  <si>
    <t>GGPS MISER WALA</t>
  </si>
  <si>
    <t>village Miser Wala, Tabbi Sar, isa Khel</t>
  </si>
  <si>
    <t>Miser Wala</t>
  </si>
  <si>
    <t>tola Bangi Khel</t>
  </si>
  <si>
    <t>GGPS MISKEEN PUR</t>
  </si>
  <si>
    <t>ggps miskeenpur thsil jatoi district mGarh</t>
  </si>
  <si>
    <t>Miskeenpur</t>
  </si>
  <si>
    <t>GGPS MISRIA</t>
  </si>
  <si>
    <t>misria</t>
  </si>
  <si>
    <t>village misria post office rajuwal district  Gujrat Teh kharian</t>
  </si>
  <si>
    <t>sabour</t>
  </si>
  <si>
    <t>GGPS MISSA KASWAL</t>
  </si>
  <si>
    <t>Missa Kaswal</t>
  </si>
  <si>
    <t>Village Missa kaswal.Tehsil Gujar Khan.District. Rawalpindi</t>
  </si>
  <si>
    <t>GGPS MISSAN</t>
  </si>
  <si>
    <t>GGES Missan, Village Missan, P/O Kot Abdul Maalik, Tehsil Ferozwala, District Sheikhupura.</t>
  </si>
  <si>
    <t>Mandhyali</t>
  </si>
  <si>
    <t>Bazigha Bashir</t>
  </si>
  <si>
    <t>GGPS MISSION</t>
  </si>
  <si>
    <t>NAWANPIND</t>
  </si>
  <si>
    <t>GGPS MISSION NAWAN PIND CHAK 78</t>
  </si>
  <si>
    <t>GGPS MISSION NAIKA PURA</t>
  </si>
  <si>
    <t>Naikapura</t>
  </si>
  <si>
    <t>Mohalla Naikapura Near Pull Aik Sialkot</t>
  </si>
  <si>
    <t>Nuzhat Rehana</t>
  </si>
  <si>
    <t>GGPS MISTRY KHUDA BUKHSH</t>
  </si>
  <si>
    <t>noshera</t>
  </si>
  <si>
    <t>house no BIII 2141 mohallah qureshiyan</t>
  </si>
  <si>
    <t>basti darkhan</t>
  </si>
  <si>
    <t>noshera jadeed</t>
  </si>
  <si>
    <t>GGPS MITHA HUNJAN</t>
  </si>
  <si>
    <t>mitha hunjan</t>
  </si>
  <si>
    <t>Mitha Hunjan</t>
  </si>
  <si>
    <t>GGPS MITHA KHOH</t>
  </si>
  <si>
    <t>Mitha Khoo</t>
  </si>
  <si>
    <t>mitha kho</t>
  </si>
  <si>
    <t>Mitha Kho</t>
  </si>
  <si>
    <t>Rashida  Tanveer</t>
  </si>
  <si>
    <t>GGPS MITHAN KOT NO. 2</t>
  </si>
  <si>
    <t>Near town committe kot Mithan</t>
  </si>
  <si>
    <t>Kotmithan</t>
  </si>
  <si>
    <t>GGPS MITHAN KOT NO. 6</t>
  </si>
  <si>
    <t>ward no 10 kot mithan</t>
  </si>
  <si>
    <t>GGPS MITHAN WALI</t>
  </si>
  <si>
    <t>basti haji kreem bakhsh gopang moza mithan wali</t>
  </si>
  <si>
    <t>Basti Mithan Wali</t>
  </si>
  <si>
    <t>Gabar Arrain</t>
  </si>
  <si>
    <t>GGPS MITHEY WALI NO.2</t>
  </si>
  <si>
    <t>Mithay Wali</t>
  </si>
  <si>
    <t>mithay wali</t>
  </si>
  <si>
    <t>Amna bibi</t>
  </si>
  <si>
    <t>GGPS MITHO MANZOOR</t>
  </si>
  <si>
    <t>mitho mnzor</t>
  </si>
  <si>
    <t>p/o rzai shah shumali perr ashab nhseb</t>
  </si>
  <si>
    <t>zakia parveen</t>
  </si>
  <si>
    <t>GGPS MITHOO LAR</t>
  </si>
  <si>
    <t>MITHOO LAR</t>
  </si>
  <si>
    <t>Government girls primary school MITHOO LAR</t>
  </si>
  <si>
    <t>KOTLA MOOSA KHAN</t>
  </si>
  <si>
    <t>Samreena Yasmeen</t>
  </si>
  <si>
    <t>GGPS MITHU SHAH WALA</t>
  </si>
  <si>
    <t>sheinh wala</t>
  </si>
  <si>
    <t>mitho shah wala moza sheinh wala tehsil karor district layyah.</t>
  </si>
  <si>
    <t>chragh shah</t>
  </si>
  <si>
    <t>rukhsana malik</t>
  </si>
  <si>
    <t>GGPS MIZAR MIAN LATTU SHARIF</t>
  </si>
  <si>
    <t>Sultan khel Ghrbi</t>
  </si>
  <si>
    <t>Wandha bainawala p. O. Makerwal teh esa khel mianwali</t>
  </si>
  <si>
    <t>Makerwal</t>
  </si>
  <si>
    <t>Sultan khel</t>
  </si>
  <si>
    <t>FOUZIA ZAMAN</t>
  </si>
  <si>
    <t>GGPS MK MEMORIAL SHOUKAT TOWN</t>
  </si>
  <si>
    <t>Shokat Town</t>
  </si>
  <si>
    <t>GGPS MK Memorial shokat town lhr</t>
  </si>
  <si>
    <t>Robina Pervaiz</t>
  </si>
  <si>
    <t>GGPS MOAN BHATTIAN</t>
  </si>
  <si>
    <t>Muan Bhattian</t>
  </si>
  <si>
    <t>GGPS MOBHARAY KHAN</t>
  </si>
  <si>
    <t>Mubhary Khan</t>
  </si>
  <si>
    <t>mubhary khan tehsil sahiwal distt sargodha</t>
  </si>
  <si>
    <t>GGPS MOCHI WALA</t>
  </si>
  <si>
    <t>adda 1.R patti naich p/o sanawan tehseel kot adu dist M.Garh</t>
  </si>
  <si>
    <t>Adda 1R</t>
  </si>
  <si>
    <t>Nafeesa Haneef</t>
  </si>
  <si>
    <t>GGPS MOCHI WALI</t>
  </si>
  <si>
    <t>Mochi Wali</t>
  </si>
  <si>
    <t>moza Mochi Wali  Markiz Rohilan wali  District  Muzaffargarh</t>
  </si>
  <si>
    <t>GGPS MODEL  8-A/8-R, KACHA KHUH</t>
  </si>
  <si>
    <t>8A / 8R</t>
  </si>
  <si>
    <t>G M P/S 8A/8R</t>
  </si>
  <si>
    <t>11A / 8R</t>
  </si>
  <si>
    <t>pervaze akhtar</t>
  </si>
  <si>
    <t>GGPS MODEL 73/D</t>
  </si>
  <si>
    <t>73/D</t>
  </si>
  <si>
    <t>73/d</t>
  </si>
  <si>
    <t>GGPS MODEL ALAH PUR SAIDAN</t>
  </si>
  <si>
    <t>Ala Pur Sydan</t>
  </si>
  <si>
    <t>GPS ala pur sydan</t>
  </si>
  <si>
    <t>Ladake</t>
  </si>
  <si>
    <t>Ferhat</t>
  </si>
  <si>
    <t>GGPS MODEL BAHWALLAY KALAN</t>
  </si>
  <si>
    <t>Bahwalay  Kalan</t>
  </si>
  <si>
    <t>vpo bahwalay kalan tehsil gujar khan dist rawalpindi</t>
  </si>
  <si>
    <t>Bahwalay Kalan</t>
  </si>
  <si>
    <t>GGPS MODEL BHULAY DASAN WAL</t>
  </si>
  <si>
    <t>village bhullay</t>
  </si>
  <si>
    <t>Bhullay Dassan</t>
  </si>
  <si>
    <t>farkhanda parveen</t>
  </si>
  <si>
    <t>GGPS MODEL BILAWAL</t>
  </si>
  <si>
    <t>Bilawal</t>
  </si>
  <si>
    <t>Vpo Bilawal village Bilawal</t>
  </si>
  <si>
    <t>Sadaf Sultan</t>
  </si>
  <si>
    <t>GGPS MODEL BURJ</t>
  </si>
  <si>
    <t>Village burj post office narowal tehsil narowal district narowal</t>
  </si>
  <si>
    <t>Chandowal kalan</t>
  </si>
  <si>
    <t>Aqsa Ashraf</t>
  </si>
  <si>
    <t>GGPS MODEL CANTT MALOOK</t>
  </si>
  <si>
    <t>Kanyat Malook</t>
  </si>
  <si>
    <t>vill kanyat malook p o box kanyat Khalil teh gujar khan</t>
  </si>
  <si>
    <t>GGPS MODEL CHAK 6 DERA HAJI MUHAMMAD DIN</t>
  </si>
  <si>
    <t>Chak6 Dera Haji Muhammad Din</t>
  </si>
  <si>
    <t>chak6 dera haji Muhammad din teh SFD dist SKP</t>
  </si>
  <si>
    <t>GGPS MODEL CHAK 697/39 GB</t>
  </si>
  <si>
    <t>chak nmber 697/39 gb</t>
  </si>
  <si>
    <t>697/39 gb</t>
  </si>
  <si>
    <t>694/36 gb</t>
  </si>
  <si>
    <t>GGPS MODEL CHAK BOOTA</t>
  </si>
  <si>
    <t>Chak Boota</t>
  </si>
  <si>
    <t>mozÃ  chak Boota p o ghang Sharif tehsil raiwind Lahore</t>
  </si>
  <si>
    <t>GGPS MODEL CHAK NABIN</t>
  </si>
  <si>
    <t>Chak Naban</t>
  </si>
  <si>
    <t>V &amp; P/O Chak Naban</t>
  </si>
  <si>
    <t>Mohra Nouri</t>
  </si>
  <si>
    <t>Saba Mumtaz</t>
  </si>
  <si>
    <t>GGPS MODEL CHAK NO 268 A /TDA</t>
  </si>
  <si>
    <t>Chk No 268A/tda</t>
  </si>
  <si>
    <t>chk no 268A/tda</t>
  </si>
  <si>
    <t>GGPS MODEL CHAK NO 404 TDA</t>
  </si>
  <si>
    <t>Chak NO 404 /TDA</t>
  </si>
  <si>
    <t>Chak No 404/TDA Tehsil Choubara District Layyah</t>
  </si>
  <si>
    <t>Chak No 404 /TDA</t>
  </si>
  <si>
    <t>Saharan Chak452TDA</t>
  </si>
  <si>
    <t>Sidra Noureen</t>
  </si>
  <si>
    <t>GGPS MODEL CHAK NO 410 TDA</t>
  </si>
  <si>
    <t>chack No 410 T.D.A</t>
  </si>
  <si>
    <t>Chack No 410 TDA</t>
  </si>
  <si>
    <t>M C Choubara</t>
  </si>
  <si>
    <t>GGPS MODEL CHAK WARIACH</t>
  </si>
  <si>
    <t>Chak Waraich</t>
  </si>
  <si>
    <t>chak waraich</t>
  </si>
  <si>
    <t>Chakwaraich</t>
  </si>
  <si>
    <t>Ghucli</t>
  </si>
  <si>
    <t>Faiqa Mushtaq</t>
  </si>
  <si>
    <t>GGPS MODEL CHAKKI</t>
  </si>
  <si>
    <t>district Rawalpindi tehsil gujarkhan village chakki p/o machhia</t>
  </si>
  <si>
    <t>Tanzeela Batool</t>
  </si>
  <si>
    <t>GGPS MODEL CHAKRAN</t>
  </si>
  <si>
    <t>Chakran</t>
  </si>
  <si>
    <t>village chakran p/o Kolian hameed</t>
  </si>
  <si>
    <t>GGPS MODEL CHAMBAL</t>
  </si>
  <si>
    <t>CHAMBAL</t>
  </si>
  <si>
    <t>Village Chambal P.O Box Awan Bhattia District Tehsil Sheikhupura</t>
  </si>
  <si>
    <t>Iqra abdul hameed dar</t>
  </si>
  <si>
    <t>GGPS MODEL CHUNGI GUJJAR PURA</t>
  </si>
  <si>
    <t>Bowli Camp</t>
  </si>
  <si>
    <t>Government Model Girls Primary School Chungi Gujjar pura Bowli camp cantt lahore</t>
  </si>
  <si>
    <t>Hasiba Khanum</t>
  </si>
  <si>
    <t>GGPS MODEL DARGAHI GILL QADEEM</t>
  </si>
  <si>
    <t>Darghai Gill Qadeem</t>
  </si>
  <si>
    <t>Shamky</t>
  </si>
  <si>
    <t>Tahira Ghafoor</t>
  </si>
  <si>
    <t>GGPS MODEL DERA AWANA</t>
  </si>
  <si>
    <t>Dera Awana</t>
  </si>
  <si>
    <t>Ggps Dera Awana</t>
  </si>
  <si>
    <t>GGPS MODEL DERA LAKHOKE</t>
  </si>
  <si>
    <t>LAKHOKI</t>
  </si>
  <si>
    <t>GGMPS dera lakhoke</t>
  </si>
  <si>
    <t>Dera Lakhoki</t>
  </si>
  <si>
    <t>Dearhi</t>
  </si>
  <si>
    <t>Shakeela Aslam</t>
  </si>
  <si>
    <t>GGPS MODEL DERA MALLIAN SHARQI</t>
  </si>
  <si>
    <t>Dera Mehlian</t>
  </si>
  <si>
    <t>Dera mehlian</t>
  </si>
  <si>
    <t>Sucha Suda</t>
  </si>
  <si>
    <t>GGPS MODEL DERA PALLAN</t>
  </si>
  <si>
    <t>DERA  PALLAN</t>
  </si>
  <si>
    <t>DERA PALLAN FAROOQABAD SKP</t>
  </si>
  <si>
    <t>DERA PALLAN</t>
  </si>
  <si>
    <t>ESHERKEY</t>
  </si>
  <si>
    <t>Shazia Siddique</t>
  </si>
  <si>
    <t>GGPS MODEL DERA UMAR DA</t>
  </si>
  <si>
    <t>Dera umray da</t>
  </si>
  <si>
    <t>Dhaban klan</t>
  </si>
  <si>
    <t>Zeenat Ashraf</t>
  </si>
  <si>
    <t>GGPS MODEL DHOK BAGH</t>
  </si>
  <si>
    <t>Baghsana</t>
  </si>
  <si>
    <t>dhoke bagh</t>
  </si>
  <si>
    <t>Dhoke Bagh</t>
  </si>
  <si>
    <t>GGPS MODEL DHOON</t>
  </si>
  <si>
    <t>Dahoon</t>
  </si>
  <si>
    <t>village Dhoon post office syed.</t>
  </si>
  <si>
    <t>Shazia Shaheen</t>
  </si>
  <si>
    <t>GGPS MODEL FATEH PURI</t>
  </si>
  <si>
    <t>Esherky Fatehpuri</t>
  </si>
  <si>
    <t>village fatehpuri p/o Esherky</t>
  </si>
  <si>
    <t>Fatehpuri</t>
  </si>
  <si>
    <t>Sofia Liaqat</t>
  </si>
  <si>
    <t>GGPS MODEL GHANI SHAM</t>
  </si>
  <si>
    <t>Ghani Sham</t>
  </si>
  <si>
    <t>Govt model primary school ghani sham chak # 7rb</t>
  </si>
  <si>
    <t>Tasaddaq Hussain</t>
  </si>
  <si>
    <t>GGPS MODEL GORIAN MUGHLAN</t>
  </si>
  <si>
    <t>Gourian Mughlan</t>
  </si>
  <si>
    <t>Asif Ali Zaheer</t>
  </si>
  <si>
    <t>GGPS MODEL ILLANWALI KARIAL</t>
  </si>
  <si>
    <t>Illanwali Karial</t>
  </si>
  <si>
    <t>government girl primary school Illanwali Karial</t>
  </si>
  <si>
    <t>Saba Noureen</t>
  </si>
  <si>
    <t>GGPS MODEL JARNAIL WALA</t>
  </si>
  <si>
    <t>Jernail Wala</t>
  </si>
  <si>
    <t>37 Jaslani</t>
  </si>
  <si>
    <t>GGPS MODEL JHALLAR GHUMMAN</t>
  </si>
  <si>
    <t>Mananawala</t>
  </si>
  <si>
    <t>deera Zia khan</t>
  </si>
  <si>
    <t>Dera Zia Khan</t>
  </si>
  <si>
    <t>Karpal Sing</t>
  </si>
  <si>
    <t>Nazia Allah Rakha</t>
  </si>
  <si>
    <t>GGPS MODEL JHOKE CHANDHRAN</t>
  </si>
  <si>
    <t>Jhoke Chandran</t>
  </si>
  <si>
    <t>jhoke chandran</t>
  </si>
  <si>
    <t>Salarbhattian</t>
  </si>
  <si>
    <t>Sadaf Zahra Naqvi</t>
  </si>
  <si>
    <t>GGPS MODEL KALAR</t>
  </si>
  <si>
    <t>Govt Model school kallar Ferozwala Sheikhupura</t>
  </si>
  <si>
    <t>Rana Town Labour Colony</t>
  </si>
  <si>
    <t>Farah jabian</t>
  </si>
  <si>
    <t>GGPS MODEL KALARYALA</t>
  </si>
  <si>
    <t>Kallaryalla</t>
  </si>
  <si>
    <t>VPo Kallaryalla tehsil gujar Khan district rwp</t>
  </si>
  <si>
    <t>Nosheen Raza</t>
  </si>
  <si>
    <t>GGPS MODEL KOT NOOR SHAH</t>
  </si>
  <si>
    <t>kot noor shah tehsil ferozwala disst skp</t>
  </si>
  <si>
    <t>Ranabhtti</t>
  </si>
  <si>
    <t>Fouzia Siddique</t>
  </si>
  <si>
    <t>GGPS MODEL KUKKI VIRKAN</t>
  </si>
  <si>
    <t>Kaki Virkan</t>
  </si>
  <si>
    <t>village kaki virkan p/o bahalike tehsil safadarabad distt skp</t>
  </si>
  <si>
    <t>Kaki  Virkan</t>
  </si>
  <si>
    <t>Iqra Nazim</t>
  </si>
  <si>
    <t>GGPS Model MAHAY</t>
  </si>
  <si>
    <t>MAHAY VIRKAN</t>
  </si>
  <si>
    <t>MAHAY P/O NARANG MANDI TEHSIL MURIDKEY DISTRICT SHEIKHUPURA</t>
  </si>
  <si>
    <t>Nabeela Sadia</t>
  </si>
  <si>
    <t>GGPS MODEL MAHMOODA</t>
  </si>
  <si>
    <t>Mehmooda</t>
  </si>
  <si>
    <t>village Mehmooda p/o chak beli khan tehsil and dist Rawalpindi</t>
  </si>
  <si>
    <t>Saba minhas</t>
  </si>
  <si>
    <t>GGPS MODEL MALLAH SHAHU</t>
  </si>
  <si>
    <t>Mallay Shashu</t>
  </si>
  <si>
    <t>mallay shashu</t>
  </si>
  <si>
    <t>Cheena Virka</t>
  </si>
  <si>
    <t>Kehkashan Abid</t>
  </si>
  <si>
    <t>GGPS MODEL MIANA THATHA</t>
  </si>
  <si>
    <t>Miana Thatha</t>
  </si>
  <si>
    <t>Tehsil &amp; District Sheikhupura, Village Miana Thatha.</t>
  </si>
  <si>
    <t>Bahu Maan</t>
  </si>
  <si>
    <t>Kiran Akram</t>
  </si>
  <si>
    <t>GGPS MODEL MOHRA AMIN</t>
  </si>
  <si>
    <t>Darkali kalan</t>
  </si>
  <si>
    <t>mohra amin</t>
  </si>
  <si>
    <t>Mohra amin</t>
  </si>
  <si>
    <t>jhungal</t>
  </si>
  <si>
    <t>Khafsa Noreen</t>
  </si>
  <si>
    <t>GGPS MODEL MUGHAL WALA</t>
  </si>
  <si>
    <t>Mughal Wala</t>
  </si>
  <si>
    <t>GGMPS mughal wala</t>
  </si>
  <si>
    <t>Farheen ashraf</t>
  </si>
  <si>
    <t>GGPS MODEL MUNIALA</t>
  </si>
  <si>
    <t>Maniala</t>
  </si>
  <si>
    <t>Govt Model school village Maniala p.o box chountra</t>
  </si>
  <si>
    <t>Ansar Yasmeen</t>
  </si>
  <si>
    <t>GGPS MODEL NABI PUR DHAK</t>
  </si>
  <si>
    <t>Nabi Pur Dhak</t>
  </si>
  <si>
    <t>nabi pur dhak</t>
  </si>
  <si>
    <t>GGPS MODEL NATHIA GULBAZ</t>
  </si>
  <si>
    <t>Nothia Gulbaz</t>
  </si>
  <si>
    <t>village Nothia Gulbaz Teh. Gujar Khan Distt. Rawalpindi</t>
  </si>
  <si>
    <t>Saiqa Batool</t>
  </si>
  <si>
    <t>GGPS MODEL NOKHAR NAU</t>
  </si>
  <si>
    <t>Nokhar nou</t>
  </si>
  <si>
    <t>Abdul Razzaq Rehan</t>
  </si>
  <si>
    <t>GGPS MODEL PASWAL</t>
  </si>
  <si>
    <t>village paswal ,Post office pindi umra,Teh: shakargarh</t>
  </si>
  <si>
    <t>Memona Idress</t>
  </si>
  <si>
    <t>GGPS MODEL PATHAN WALA</t>
  </si>
  <si>
    <t>GMPS Pathan wala tehsil safdarabad district sheikhupura</t>
  </si>
  <si>
    <t>Shafaqat Ali</t>
  </si>
  <si>
    <t>GGPS MODEL QILA DERAWAR</t>
  </si>
  <si>
    <t>Qila Derawer</t>
  </si>
  <si>
    <t>Riffat Saleem</t>
  </si>
  <si>
    <t>GGPS MODEL RAN</t>
  </si>
  <si>
    <t>Ran</t>
  </si>
  <si>
    <t>ran</t>
  </si>
  <si>
    <t>GGPS MODEL RANDHIR KALAN</t>
  </si>
  <si>
    <t>Randheer Kala</t>
  </si>
  <si>
    <t>Village Randheer kalan</t>
  </si>
  <si>
    <t>Randheer Kalan</t>
  </si>
  <si>
    <t>Rasinwal</t>
  </si>
  <si>
    <t>Rukhsana Maqsood</t>
  </si>
  <si>
    <t>GGPS MODEL SAHOO WALA CHAK NO.4</t>
  </si>
  <si>
    <t>Safdrabad</t>
  </si>
  <si>
    <t>sahoowala check no 4</t>
  </si>
  <si>
    <t>Sahoowala Check No 4</t>
  </si>
  <si>
    <t>Pakeeza Ashfaq</t>
  </si>
  <si>
    <t>GGPS MODEL SAROTHA</t>
  </si>
  <si>
    <t>Sarotha</t>
  </si>
  <si>
    <t>Sarotha gujiana now district sheikhupura</t>
  </si>
  <si>
    <t>Gujiana Now</t>
  </si>
  <si>
    <t>Bukhtiar Ali Anwar</t>
  </si>
  <si>
    <t>GGPS MODEL TARHOUN SYEDAN</t>
  </si>
  <si>
    <t>Tarhoon Syedan</t>
  </si>
  <si>
    <t>tarhoon syedan p/o Chak Wahi No.522</t>
  </si>
  <si>
    <t>Kakargill</t>
  </si>
  <si>
    <t>Darkhshanda Sehrish</t>
  </si>
  <si>
    <t>GGPS MODEL THATA DILWAN</t>
  </si>
  <si>
    <t>Thatha Dhilwan</t>
  </si>
  <si>
    <t>govt primary school thatha dhilwan</t>
  </si>
  <si>
    <t>Asma Zafar</t>
  </si>
  <si>
    <t>GGPS MODEL THATHA BAHADAR SHAH</t>
  </si>
  <si>
    <t>Thatha bahadur shah</t>
  </si>
  <si>
    <t>GGPS thatha bahadur shah post office farooqabad Teh . skp dis. skp</t>
  </si>
  <si>
    <t>Saira Azam</t>
  </si>
  <si>
    <t>GGPS MODEL THEH BHATTA (KACHWANA)</t>
  </si>
  <si>
    <t>Kachwana</t>
  </si>
  <si>
    <t>kahna nau kachwana chowk</t>
  </si>
  <si>
    <t>Amber Nazia</t>
  </si>
  <si>
    <t>GGPS MODEL TIBBI BAGHO</t>
  </si>
  <si>
    <t>Tibbi Bhago</t>
  </si>
  <si>
    <t>p/o shukhaki Teh.safdar abad.Disst.sheikupura</t>
  </si>
  <si>
    <t>GGPS MODEL TOBA SYEDAN</t>
  </si>
  <si>
    <t>Toba Syedan</t>
  </si>
  <si>
    <t>p/box chakri village toba syedan tehsil and district rawalpindi</t>
  </si>
  <si>
    <t>Kolian hameed</t>
  </si>
  <si>
    <t>Shumaila Ishfaq</t>
  </si>
  <si>
    <t>GGPS MODEL WARA ARORA</t>
  </si>
  <si>
    <t>Wara Arora</t>
  </si>
  <si>
    <t>wara arora</t>
  </si>
  <si>
    <t>GGPS MODEL WARA BEHLOLIAN</t>
  </si>
  <si>
    <t>Jodh singh</t>
  </si>
  <si>
    <t>wara behliolian P/o box kotwar tehsil&amp; district sheikhupura</t>
  </si>
  <si>
    <t>Wara Behlolian</t>
  </si>
  <si>
    <t>Jodg singh</t>
  </si>
  <si>
    <t>GGPS MODERN BHOGIWAL BAGHBAN PURA</t>
  </si>
  <si>
    <t>Bhogiwal</t>
  </si>
  <si>
    <t>Ali park bhogiwal lahore</t>
  </si>
  <si>
    <t>ali park bhogiwal</t>
  </si>
  <si>
    <t>Ghos park sarfraz colony</t>
  </si>
  <si>
    <t>Muserrat Jahan</t>
  </si>
  <si>
    <t>GGPS MODI CHAWAN KABIRWALA</t>
  </si>
  <si>
    <t>GGPS modhichawan p/o kohiwala teh:kabirwala distt :khanewal</t>
  </si>
  <si>
    <t>okanwala</t>
  </si>
  <si>
    <t>Tahira Nazar</t>
  </si>
  <si>
    <t>GGPS MOGA AMIN</t>
  </si>
  <si>
    <t>Moga Amin</t>
  </si>
  <si>
    <t>village Moga Amin</t>
  </si>
  <si>
    <t>GGPS MOH IMAM BARA</t>
  </si>
  <si>
    <t>Khangah Dogran</t>
  </si>
  <si>
    <t>moh  imam bargah khangah dogran District SKP</t>
  </si>
  <si>
    <t>Town Kamaty</t>
  </si>
  <si>
    <t>GGPS MOH NOORI KHEL KUNDIAN</t>
  </si>
  <si>
    <t>moh Noor khel</t>
  </si>
  <si>
    <t>Kundiab</t>
  </si>
  <si>
    <t>MC Kundian</t>
  </si>
  <si>
    <t>Fatima Habeeb</t>
  </si>
  <si>
    <t>GGPS MOH SADHU</t>
  </si>
  <si>
    <t>MohAllah Sadhu</t>
  </si>
  <si>
    <t>near chok Meer Abdul ghani jpj</t>
  </si>
  <si>
    <t>Jalalpur Jattan</t>
  </si>
  <si>
    <t>Jpj#3</t>
  </si>
  <si>
    <t>GGPS MOHABBAT KHEL</t>
  </si>
  <si>
    <t>Tola Mangli</t>
  </si>
  <si>
    <t>villege mohabbat khal</t>
  </si>
  <si>
    <t>Mohabbat Khal</t>
  </si>
  <si>
    <t>GGPS MOHAJAN</t>
  </si>
  <si>
    <t>Mohajan</t>
  </si>
  <si>
    <t>moza Mohajan po box pakhoki</t>
  </si>
  <si>
    <t>Asmat Hamid</t>
  </si>
  <si>
    <t>GGPS MOHAJIR ABADI</t>
  </si>
  <si>
    <t>p/o doaba tehsil piplan district mianwali</t>
  </si>
  <si>
    <t>Raeesa Bibi</t>
  </si>
  <si>
    <t>GGPS MOHAL MOOSA</t>
  </si>
  <si>
    <t>Mohal Moosa Khan</t>
  </si>
  <si>
    <t>GGPS MOHALA ANSARIAN</t>
  </si>
  <si>
    <t>Mohallah Ansarian  Skg</t>
  </si>
  <si>
    <t>mohallah ansarian shakargarh tehsil shakargarh district Narowal</t>
  </si>
  <si>
    <t>Shakar Garh</t>
  </si>
  <si>
    <t>Skg</t>
  </si>
  <si>
    <t>Gulshad Bibi Mohammad Maqbool</t>
  </si>
  <si>
    <t>GGPS MOHALAH MUHAMMAD PURA</t>
  </si>
  <si>
    <t>ward no.16 Moh.Muhammad Pura Khanqah Dogran</t>
  </si>
  <si>
    <t>Muncipal Committe Khanqah Dogran</t>
  </si>
  <si>
    <t>Nasra Ali Ahmad</t>
  </si>
  <si>
    <t>GGPS MOHALAH RARWALA</t>
  </si>
  <si>
    <t>Nowhere Virka</t>
  </si>
  <si>
    <t>Rarwala</t>
  </si>
  <si>
    <t>GGPS MOHALLA ABDULLAH</t>
  </si>
  <si>
    <t>Moahallah Abdullah Mubarak pur.</t>
  </si>
  <si>
    <t>GGPS MOHALLA CHEENA WALA HAIDER ABAD</t>
  </si>
  <si>
    <t>mohallah cheena wala haider abad</t>
  </si>
  <si>
    <t>Haider Abbad</t>
  </si>
  <si>
    <t>Tahira Shaukat</t>
  </si>
  <si>
    <t>GGPS MOHALLA DEEWAN</t>
  </si>
  <si>
    <t>WARD No 5 MOHALLAH GANJ BUKSH</t>
  </si>
  <si>
    <t>SHARQI</t>
  </si>
  <si>
    <t>Nasra Parveen</t>
  </si>
  <si>
    <t>GGPS MOHALLA FAREED ABAD</t>
  </si>
  <si>
    <t>mohalla fareedabad khanpur</t>
  </si>
  <si>
    <t>72c</t>
  </si>
  <si>
    <t>Rasheeda Mumtaz</t>
  </si>
  <si>
    <t>GGPS MOHALLA FAROOQI CHAKWAL</t>
  </si>
  <si>
    <t>Mohallah Rahmania near Rahmania Masjid</t>
  </si>
  <si>
    <t>GGPS MOHALLA GHARBI HAIDER ABAD</t>
  </si>
  <si>
    <t>Hyderabad thall</t>
  </si>
  <si>
    <t>mohallah gharbi hyderabad thall</t>
  </si>
  <si>
    <t>Hyderabad</t>
  </si>
  <si>
    <t>GGPS MOHALLA ISLAM PURA</t>
  </si>
  <si>
    <t>168/p</t>
  </si>
  <si>
    <t>Muhallah Islam Pura</t>
  </si>
  <si>
    <t>Muhalla Islam Pura</t>
  </si>
  <si>
    <t>canes of water</t>
  </si>
  <si>
    <t>GGPS MOHALLA JAFAR ABAD</t>
  </si>
  <si>
    <t>Jaffarabad</t>
  </si>
  <si>
    <t>GGPS MOHALLA JAFAR ABAD chakwal</t>
  </si>
  <si>
    <t>Gulshan Akhter</t>
  </si>
  <si>
    <t>GGPS MOHALLA JANUBI ROKHRI MIANWALI</t>
  </si>
  <si>
    <t>GGPS Muhala Junubi rokhari p/o khas rokhari paka</t>
  </si>
  <si>
    <t>Rokhari 17</t>
  </si>
  <si>
    <t>GGPS MOHALLA KARBALA SADAT</t>
  </si>
  <si>
    <t>Darya  Khan  Dagar</t>
  </si>
  <si>
    <t>mohala  karbala  sadat  darya  khan</t>
  </si>
  <si>
    <t>Darya  Khan</t>
  </si>
  <si>
    <t>GGPS MOHALLA KHAIMTAN WALA</t>
  </si>
  <si>
    <t>Nei Abadi</t>
  </si>
  <si>
    <t>G G p/s mohala khemtan wala</t>
  </si>
  <si>
    <t>GGPS MOHALLA KHALIFA</t>
  </si>
  <si>
    <t>rakh kot mithan</t>
  </si>
  <si>
    <t>near by govt girls higher secondry school mithan kot</t>
  </si>
  <si>
    <t>kashmir colony</t>
  </si>
  <si>
    <t>Aisha Rafiq</t>
  </si>
  <si>
    <t>GGPS MOHALLA MALAK ABAD</t>
  </si>
  <si>
    <t>m.b.din.</t>
  </si>
  <si>
    <t>Farhat Sabir</t>
  </si>
  <si>
    <t>GGPS MOHALLA MAQBOOL HUSSAIN SHAH</t>
  </si>
  <si>
    <t>moh sadat noot pur thl</t>
  </si>
  <si>
    <t>Mc Noor Pur Thal</t>
  </si>
  <si>
    <t>Islam Bivi</t>
  </si>
  <si>
    <t>GGPS MOHALLA MUGHALA NO.2 PINANWAL</t>
  </si>
  <si>
    <t>moh mughlan pinanwal</t>
  </si>
  <si>
    <t>GGPS MOHALLA SADDAL</t>
  </si>
  <si>
    <t>Mohalla Sadal Naushera</t>
  </si>
  <si>
    <t>GGPS MOHALLA SARFARAZ KHEL SAWANS</t>
  </si>
  <si>
    <t>VPO SAWANS TEH AND DIST MIANWALI</t>
  </si>
  <si>
    <t>GGPS MOHALLA SIALAN WALA</t>
  </si>
  <si>
    <t>Darya Khan Dagr</t>
  </si>
  <si>
    <t>moh sialanwala darya khan</t>
  </si>
  <si>
    <t>GGPS MOHALLAH DALLU KHEL</t>
  </si>
  <si>
    <t>Shahbaz Khail</t>
  </si>
  <si>
    <t>g.g.p.school dalu khail shahbaz khail</t>
  </si>
  <si>
    <t>Razia Khatoon</t>
  </si>
  <si>
    <t>GGPS MOHALLAH FALAK SHER</t>
  </si>
  <si>
    <t>G.G.P.S.MOHALA FLAKSHER JAURA KALAN</t>
  </si>
  <si>
    <t>Samina Rani</t>
  </si>
  <si>
    <t>GGPS MOHALLAH FAREED NAGAR</t>
  </si>
  <si>
    <t>Aslm Noii Ppn</t>
  </si>
  <si>
    <t>frid nager ppn</t>
  </si>
  <si>
    <t>Freed NAger</t>
  </si>
  <si>
    <t>Urban Ward#5</t>
  </si>
  <si>
    <t>GGPS MOHALLAH GHARBI</t>
  </si>
  <si>
    <t>GGPS Moh Gharbi Moh pehelwankhel post office wan bhachran</t>
  </si>
  <si>
    <t>Wan Bhachran 1</t>
  </si>
  <si>
    <t>Surriya bibi</t>
  </si>
  <si>
    <t>GGPS MOHALLAH GORA JAND</t>
  </si>
  <si>
    <t>mohalla gora jand tehsil jand district attock</t>
  </si>
  <si>
    <t>Qamar Sultan</t>
  </si>
  <si>
    <t>GGPS MOHALLAH HAJI NIAZ WALA</t>
  </si>
  <si>
    <t>GGPS MOHALA HAJI NIAZ WALA jandanwala Teh.k.kot District Bhakkar</t>
  </si>
  <si>
    <t>Azra Dilshad</t>
  </si>
  <si>
    <t>GGPS MOHALLAH HASHIM SHAH</t>
  </si>
  <si>
    <t>Hashim Shah</t>
  </si>
  <si>
    <t>G G P S MOHALLAH HASHIM SHAH MIANWALI</t>
  </si>
  <si>
    <t>Rukhsana  Shaheen</t>
  </si>
  <si>
    <t>GGPS MOHALLAH HIMAT KHEL</t>
  </si>
  <si>
    <t>teh&amp;distric mianwali village shadia mohala azizkhelanwala</t>
  </si>
  <si>
    <t>GGPS MOHALLAH MASTIAL PADHRAR</t>
  </si>
  <si>
    <t>govt Girls primary  school  mohalla mastial padhrar</t>
  </si>
  <si>
    <t>Tahira Nazeer</t>
  </si>
  <si>
    <t>GGPS MOHALLAH MIANA SHADIA</t>
  </si>
  <si>
    <t>g/g ps mohalah Miana shadia</t>
  </si>
  <si>
    <t>GGPS MOHALLAH MUGHAL PURA</t>
  </si>
  <si>
    <t>mughalpura muhalla have hafizabad</t>
  </si>
  <si>
    <t>Hussainpura</t>
  </si>
  <si>
    <t>GGPS MOHALLAH PHULARWAN</t>
  </si>
  <si>
    <t>Jand Wala Kalan</t>
  </si>
  <si>
    <t>village jand wala p/O same teh/district bahawal nagar</t>
  </si>
  <si>
    <t>GGPS MOHALLAH QURESHIAN</t>
  </si>
  <si>
    <t>mohala qureshian kotmomin</t>
  </si>
  <si>
    <t>Ameer Begum</t>
  </si>
  <si>
    <t>GGPS MOHALLAH SALIMEE PARK JARANWALA</t>
  </si>
  <si>
    <t>mohalla saleemi park jaranwala</t>
  </si>
  <si>
    <t>43/5</t>
  </si>
  <si>
    <t>GGPS MOHALLAH SHALOLIAN WALA</t>
  </si>
  <si>
    <t>Mitha Tiwna</t>
  </si>
  <si>
    <t>moh  ShalolianWala mitha tiwana</t>
  </si>
  <si>
    <t>Farzana Iqbal</t>
  </si>
  <si>
    <t>GGPS MOHALLAH SHARIF PURA</t>
  </si>
  <si>
    <t>City  Mohala Sharif Pura</t>
  </si>
  <si>
    <t>Mohallah Sharif pura</t>
  </si>
  <si>
    <t>Municipal Cameety</t>
  </si>
  <si>
    <t>Shazia Imran</t>
  </si>
  <si>
    <t>GGPS MOHALLAH SHEIKHAN KOT SAMABA</t>
  </si>
  <si>
    <t>Mohallah sheikhan near old eid gah kotsamaba</t>
  </si>
  <si>
    <t>Shumaila Mukhtar</t>
  </si>
  <si>
    <t>GGPS MOHALLAH TUFAIL ABAD</t>
  </si>
  <si>
    <t>Ferozwatowan</t>
  </si>
  <si>
    <t>mohallah tufailabad ferozwatowan</t>
  </si>
  <si>
    <t>GGPS MOHAMAD ABAD</t>
  </si>
  <si>
    <t>Basti Muhammadabad BAIG MAHAR</t>
  </si>
  <si>
    <t>Tahira Siddique</t>
  </si>
  <si>
    <t>GGPS MOHAMMAD ALI WALA</t>
  </si>
  <si>
    <t>M Ali Wala</t>
  </si>
  <si>
    <t>District  SGD tehsil Sahiwal p/o nihang M Ali wala</t>
  </si>
  <si>
    <t>Kot Musa</t>
  </si>
  <si>
    <t>GGPS MOHAMMAD PURA RAIWIND</t>
  </si>
  <si>
    <t>GGPS Muhammad Pura tehsil Raiwind</t>
  </si>
  <si>
    <t>GGPS MOHAMMAD SHARIF WALI</t>
  </si>
  <si>
    <t>Muhammad sharif   wali</t>
  </si>
  <si>
    <t>mohammad shareef wali</t>
  </si>
  <si>
    <t>Muhammad Sharif wali</t>
  </si>
  <si>
    <t>Bashiran Khatoon</t>
  </si>
  <si>
    <t>GGPS MOHAN PUR BHATIAN</t>
  </si>
  <si>
    <t>Mohan Pur Bhatian</t>
  </si>
  <si>
    <t>mohen pur bhatian tehsil kamoki district gjw</t>
  </si>
  <si>
    <t>Mohen Pur Bhatian</t>
  </si>
  <si>
    <t>GGPS MOHAN WALA MULTAN</t>
  </si>
  <si>
    <t>kothey wala</t>
  </si>
  <si>
    <t>Mohan Wala</t>
  </si>
  <si>
    <t>GGPS MOHANAY KHEL</t>
  </si>
  <si>
    <t>mohany khel mochh</t>
  </si>
  <si>
    <t>ghulam asia</t>
  </si>
  <si>
    <t>GGPS MOHANAY WALA DERA BAHAWAL</t>
  </si>
  <si>
    <t>Khawas Khel Thal</t>
  </si>
  <si>
    <t>moza khawas khel thal post office kot sultan</t>
  </si>
  <si>
    <t>Dera Bahawal Wala</t>
  </si>
  <si>
    <t>GGPS MOHAR</t>
  </si>
  <si>
    <t>Mahar</t>
  </si>
  <si>
    <t>mahar, kalaswala</t>
  </si>
  <si>
    <t>GGPS MOHAR SINGH</t>
  </si>
  <si>
    <t>Mohar Singh</t>
  </si>
  <si>
    <t>GGPS Mohar Singh Tehsil Arifwala District Pakpattan</t>
  </si>
  <si>
    <t>GGPS MOHIB ALI OTAR</t>
  </si>
  <si>
    <t>Muhib Ali Otar</t>
  </si>
  <si>
    <t>Muhib ali otar</t>
  </si>
  <si>
    <t>Yasmeen Ramzan</t>
  </si>
  <si>
    <t>GGPS MOHIB SHAH</t>
  </si>
  <si>
    <t>ggps muhibshah pati  Nibahoram</t>
  </si>
  <si>
    <t>Pati Nibahoram</t>
  </si>
  <si>
    <t>GGPS MOHLAN</t>
  </si>
  <si>
    <t>Mohlan</t>
  </si>
  <si>
    <t>mohlan</t>
  </si>
  <si>
    <t>GGPS MOHLAN WAL KHURD</t>
  </si>
  <si>
    <t>GGPS mohlanwal khurd</t>
  </si>
  <si>
    <t>Mohlanwal Khurd</t>
  </si>
  <si>
    <t>Mohlanwal Kalan</t>
  </si>
  <si>
    <t>Farhana Umer Hayat</t>
  </si>
  <si>
    <t>GGPS MOHLAN WALI</t>
  </si>
  <si>
    <t>Nathey Wala</t>
  </si>
  <si>
    <t>mohlan wali p o noor sar</t>
  </si>
  <si>
    <t>Mohlan Wali</t>
  </si>
  <si>
    <t>ShahnazAkhter</t>
  </si>
  <si>
    <t>GGPS MOHLANWAL PUNJAB SOCIETY</t>
  </si>
  <si>
    <t>GGPS PGSHF Mohlanwal Lahore.</t>
  </si>
  <si>
    <t>Ghazala Iftikhar</t>
  </si>
  <si>
    <t>GGPS MOHLEN KAY</t>
  </si>
  <si>
    <t>Mohlankey</t>
  </si>
  <si>
    <t>village and Post office Mohlankey,wazirabad</t>
  </si>
  <si>
    <t>Taswar Tasleem</t>
  </si>
  <si>
    <t>GGPS MOHNI SHAH WALA</t>
  </si>
  <si>
    <t>GGPS Mohni Shah Wala</t>
  </si>
  <si>
    <t>Mohni Shah Wala</t>
  </si>
  <si>
    <t>Nassim Bibi</t>
  </si>
  <si>
    <t>GGPS MOHRA BERO</t>
  </si>
  <si>
    <t>Mohra Bero</t>
  </si>
  <si>
    <t>mohra bero tehsil kahuta</t>
  </si>
  <si>
    <t>Khaiot</t>
  </si>
  <si>
    <t>Faisra Tazim</t>
  </si>
  <si>
    <t>GGPS MOHRA BHATTIAN</t>
  </si>
  <si>
    <t>Mohra bhattain po talkhalsa</t>
  </si>
  <si>
    <t>Mohra Bhattian</t>
  </si>
  <si>
    <t>GGPS MOHRA FATIMA</t>
  </si>
  <si>
    <t>Mohra Fatima</t>
  </si>
  <si>
    <t>village and p.o Mohra Fatima tehsil gujar khan distt rawalpindi</t>
  </si>
  <si>
    <t>GGPS MOHRA FIROZAN</t>
  </si>
  <si>
    <t>mohra ferozan teh Gujar Khan</t>
  </si>
  <si>
    <t>Mohra Ferozan</t>
  </si>
  <si>
    <t>Jand Mehloo</t>
  </si>
  <si>
    <t>GGPS MOHRA JHAND</t>
  </si>
  <si>
    <t>Mora Jand</t>
  </si>
  <si>
    <t>vill mohra jand p/o bishandoat teh kallar syedan dist rwp</t>
  </si>
  <si>
    <t>Bishandoat</t>
  </si>
  <si>
    <t>Gul-e-afshan</t>
  </si>
  <si>
    <t>GGPS MOHRA KALIAL</t>
  </si>
  <si>
    <t>VPO Mohra Kalyal tehsil sohawa district jhelum</t>
  </si>
  <si>
    <t>Hadiqa Batool</t>
  </si>
  <si>
    <t>GGPS MOHRA KANYAL</t>
  </si>
  <si>
    <t>vill Mohra Kanyal p.o Pari Darweza Teh Sohawa Distt Jhelum</t>
  </si>
  <si>
    <t>Sidra Komal</t>
  </si>
  <si>
    <t>Mezyle motor</t>
  </si>
  <si>
    <t>GGPS MOHRA KOR CHASHAM</t>
  </si>
  <si>
    <t>Mohra kor Chasham</t>
  </si>
  <si>
    <t>mohra kor chasham</t>
  </si>
  <si>
    <t>SAJIDA SULTANA</t>
  </si>
  <si>
    <t>GGPS MOHRA MALAL</t>
  </si>
  <si>
    <t>Dkhayan</t>
  </si>
  <si>
    <t>village mohra malal post office karore</t>
  </si>
  <si>
    <t>GGPS MOHRA MAST</t>
  </si>
  <si>
    <t>Mohra  Mast</t>
  </si>
  <si>
    <t>village Mohra Mast P. O sarkal Mair Teh. &amp; Distt. Chakwal</t>
  </si>
  <si>
    <t>Mohra Mast</t>
  </si>
  <si>
    <t>Nabila Akhter</t>
  </si>
  <si>
    <t>GGPS MOHRA MEHAL</t>
  </si>
  <si>
    <t>Mohra Mehal</t>
  </si>
  <si>
    <t>village Mohra mehal p.o missa kaswal</t>
  </si>
  <si>
    <t>GGPS MOHRA MUZA GHANOIAN</t>
  </si>
  <si>
    <t>Ghanoyian</t>
  </si>
  <si>
    <t>vill-ghanoyian pob lehtrar kotli sattian rawalpindi</t>
  </si>
  <si>
    <t>Ghanoyiian</t>
  </si>
  <si>
    <t>Zahida Zafar</t>
  </si>
  <si>
    <t>GGPS MOHRA NAGIAL</t>
  </si>
  <si>
    <t>Mera Shamas</t>
  </si>
  <si>
    <t>Mohra Nagial</t>
  </si>
  <si>
    <t>GGPS MOHRA NAGRIAL NO.1</t>
  </si>
  <si>
    <t>Mohra Nagrial</t>
  </si>
  <si>
    <t>Vill Mohra Nagrial Tehsil Kallar Syedan Distt rwp</t>
  </si>
  <si>
    <t>saima naureen farrukh</t>
  </si>
  <si>
    <t>GGPS MOHRA NAGRIAL NO.2</t>
  </si>
  <si>
    <t>Vill/P.O mohra nagrial teh kallar seydan dist Rwp</t>
  </si>
  <si>
    <t>GGPS MOHRA NAJAR</t>
  </si>
  <si>
    <t>Mohra Najar</t>
  </si>
  <si>
    <t>Village Mohra Najar, PO Bishandote, Tehsil Kallar Syedan, District Rawalpindi.</t>
  </si>
  <si>
    <t>Bishandote</t>
  </si>
  <si>
    <t>GGPS MOHRA PLAI</t>
  </si>
  <si>
    <t>MOHRA PLAI</t>
  </si>
  <si>
    <t>VPO Nara Teh Kahuta Distt Rawalpindi</t>
  </si>
  <si>
    <t>Mohraplai</t>
  </si>
  <si>
    <t>Izwa Naheed</t>
  </si>
  <si>
    <t>GGPS MOHRA RAJWAL</t>
  </si>
  <si>
    <t>vill mohra rajwal po thoha khalsa teh kahuta distt rwp</t>
  </si>
  <si>
    <t>Mohra Rajwal</t>
  </si>
  <si>
    <t>Shumaila Irrum</t>
  </si>
  <si>
    <t>GGPS MOHRA ROSHAN</t>
  </si>
  <si>
    <t>Vill Mohra Roshan,P/o Pari Darweza,Teh Sohawa,Distt Jhelum.</t>
  </si>
  <si>
    <t>Morha Roshan</t>
  </si>
  <si>
    <t>Shamsa Ghalib</t>
  </si>
  <si>
    <t>GGPS MOHRA SHARAN</t>
  </si>
  <si>
    <t>Mohra Shera</t>
  </si>
  <si>
    <t>village Mohra  Shera Gujar Khan Rawalpindi</t>
  </si>
  <si>
    <t>Mohra Sheran</t>
  </si>
  <si>
    <t>Habiba khanum</t>
  </si>
  <si>
    <t>GGPS MOHRA SHARIF</t>
  </si>
  <si>
    <t>Mohra Sharief</t>
  </si>
  <si>
    <t>mohra sharief</t>
  </si>
  <si>
    <t>Saadia Aslam</t>
  </si>
  <si>
    <t>GGPS MOHRA SWAIAN</t>
  </si>
  <si>
    <t>Mohra Sowaian</t>
  </si>
  <si>
    <t>village mohra sowaian p.o bassali district rwp</t>
  </si>
  <si>
    <t>Mohra Sowian</t>
  </si>
  <si>
    <t>GGPS MOHRA THAKRAN</t>
  </si>
  <si>
    <t>MOHRA THAKRAN</t>
  </si>
  <si>
    <t>ABIDA SHAHEEN</t>
  </si>
  <si>
    <t>GGPS MOHRA THANEEL NO.1</t>
  </si>
  <si>
    <t>Mohra Thaneel</t>
  </si>
  <si>
    <t>village Mohra Thaneel PO Janga Teh &amp; Dist Chakwal</t>
  </si>
  <si>
    <t>GGPS MOHRA TULLA</t>
  </si>
  <si>
    <t>mohra tullah dha phase1</t>
  </si>
  <si>
    <t>Mohra Tullah</t>
  </si>
  <si>
    <t>GGPS MOHRAN SHEKHAN</t>
  </si>
  <si>
    <t>MOHRA SHEIKHAN</t>
  </si>
  <si>
    <t>VILLAGE MOHRA SHEIKHAN POST OFFICE KAUNTRILA TEHSIL GUJAR KHAN DISTRICT RAWALPINDI</t>
  </si>
  <si>
    <t>Saiqa Rani</t>
  </si>
  <si>
    <t>GGPS MOHRI</t>
  </si>
  <si>
    <t>KARNALI</t>
  </si>
  <si>
    <t>VPO Mohri Tehsil Gujar Khan</t>
  </si>
  <si>
    <t>MOHRI</t>
  </si>
  <si>
    <t>Humira Zulfiqar</t>
  </si>
  <si>
    <t>GGPS MOHRI POTHHA</t>
  </si>
  <si>
    <t>Mohri Potha</t>
  </si>
  <si>
    <t>vill mohri potha p/o ghazial teh/ distt chakwal</t>
  </si>
  <si>
    <t>Naveeda Ambrin Asghar</t>
  </si>
  <si>
    <t>GGPS MOHRI SINGAL</t>
  </si>
  <si>
    <t>Gadhar</t>
  </si>
  <si>
    <t>Vill gadhar p/o choa khalsa</t>
  </si>
  <si>
    <t>Chao Khalsa</t>
  </si>
  <si>
    <t>GGPS MOHRI WALA</t>
  </si>
  <si>
    <t>chowk aludey wali</t>
  </si>
  <si>
    <t>Jhandey Wali</t>
  </si>
  <si>
    <t>Kalsoom Toufiq</t>
  </si>
  <si>
    <t>GGPS MOHSAN SHAH</t>
  </si>
  <si>
    <t>mohsan shah</t>
  </si>
  <si>
    <t>mohsan shah moza mohsan shah Tehsil Karor Lal Eason District Layyah.</t>
  </si>
  <si>
    <t>GGPS MOHSIN SHAH WALA</t>
  </si>
  <si>
    <t>basti mohsin shah wala</t>
  </si>
  <si>
    <t>Shaheena Shehnaz</t>
  </si>
  <si>
    <t>GGPS MOIN-UD-DIN PUR</t>
  </si>
  <si>
    <t>moin u din pur</t>
  </si>
  <si>
    <t>Gulfam Shehzadi</t>
  </si>
  <si>
    <t>GGPS MOJAHID NAGAR</t>
  </si>
  <si>
    <t>Mujahid Nagar</t>
  </si>
  <si>
    <t>mujahid Nagar</t>
  </si>
  <si>
    <t>Tahira Ambar</t>
  </si>
  <si>
    <t>GGPS MOJOKE</t>
  </si>
  <si>
    <t>Mojoke</t>
  </si>
  <si>
    <t>Mojoka dharap</t>
  </si>
  <si>
    <t>Dongia</t>
  </si>
  <si>
    <t>Syeda Iffat Batool</t>
  </si>
  <si>
    <t>GGPS Mojoki</t>
  </si>
  <si>
    <t>mojoki</t>
  </si>
  <si>
    <t>Abidaperveen</t>
  </si>
  <si>
    <t>GGPS MOJOKI MALLIAN</t>
  </si>
  <si>
    <t>Mojo Ki Mallian</t>
  </si>
  <si>
    <t>Mojo ki Mallian p/o manno pur tehsil &amp; district sheikhupura</t>
  </si>
  <si>
    <t>Mandyala Virkan</t>
  </si>
  <si>
    <t>Amina Bebe</t>
  </si>
  <si>
    <t>GGPS MOLANAGAR</t>
  </si>
  <si>
    <t>Syeda shafia Khanam</t>
  </si>
  <si>
    <t>GGPS MOLVI ATTA NO. 1</t>
  </si>
  <si>
    <t>Molvi Atta</t>
  </si>
  <si>
    <t>GGPS molvi Atta</t>
  </si>
  <si>
    <t>GGPS MOLVI HUSSAIN ALI WALA</t>
  </si>
  <si>
    <t>Dera Husain Ali</t>
  </si>
  <si>
    <t>GGPS Dera Molvi Hussain Ali Muzafar pur shumali</t>
  </si>
  <si>
    <t>Dera Hussain Ali</t>
  </si>
  <si>
    <t>Muzafar Pur South</t>
  </si>
  <si>
    <t>GGPS MOLVI SIKANDAR</t>
  </si>
  <si>
    <t>GGPS Molvi Sikandar</t>
  </si>
  <si>
    <t>Nasreen Kaousar</t>
  </si>
  <si>
    <t>GGPS MOLVI WAH</t>
  </si>
  <si>
    <t>Faiz Wah</t>
  </si>
  <si>
    <t>moza Faiz wah post office ratta tiba vehari</t>
  </si>
  <si>
    <t>Molvi Wah</t>
  </si>
  <si>
    <t>Ujeyara Jamal</t>
  </si>
  <si>
    <t>GGPS MOLVI WALA FATEH KOT</t>
  </si>
  <si>
    <t>fateh kot</t>
  </si>
  <si>
    <t>Sajida Mahboob</t>
  </si>
  <si>
    <t>GGPS MOLVI WALA NO.2</t>
  </si>
  <si>
    <t>Takht Mahel Hithar</t>
  </si>
  <si>
    <t>molviwala p/o madrissa bwn</t>
  </si>
  <si>
    <t>Molviwala Wala</t>
  </si>
  <si>
    <t>Takht Mahel</t>
  </si>
  <si>
    <t>Aasia tasleem</t>
  </si>
  <si>
    <t>GGPS MOLVIAN WALA</t>
  </si>
  <si>
    <t>Oulak Sindhu</t>
  </si>
  <si>
    <t>moza oulak Sindhu basti molvian Wala</t>
  </si>
  <si>
    <t>Molvian Wala</t>
  </si>
  <si>
    <t>Choperhattah</t>
  </si>
  <si>
    <t>GGPS MOMAN KALAN</t>
  </si>
  <si>
    <t>Govt.Girls Primary school Moman Kalan uggoki tehsil sialkot</t>
  </si>
  <si>
    <t>GGPS MOMAN PUR</t>
  </si>
  <si>
    <t>Mominpur</t>
  </si>
  <si>
    <t>Mominpur tehsil hazro distt attock</t>
  </si>
  <si>
    <t>Mufassra Siddiqui</t>
  </si>
  <si>
    <t>GGPS MOMAN PURA KUNDIAN</t>
  </si>
  <si>
    <t>Mohallah momin pura kundian</t>
  </si>
  <si>
    <t>Kundian-2</t>
  </si>
  <si>
    <t>Farhat Saba</t>
  </si>
  <si>
    <t>GGPS MOMEN</t>
  </si>
  <si>
    <t>Moman</t>
  </si>
  <si>
    <t>moman chak no 30</t>
  </si>
  <si>
    <t>GGPS MOMIN SHAH WALA MOUZA DHANOT</t>
  </si>
  <si>
    <t>dhanote</t>
  </si>
  <si>
    <t>basti chabakn mouza dhanote</t>
  </si>
  <si>
    <t>ggps momin shah wala basti chabakn mouza dhanote</t>
  </si>
  <si>
    <t>rupper</t>
  </si>
  <si>
    <t>Balqees Akter</t>
  </si>
  <si>
    <t>GGPS MONA</t>
  </si>
  <si>
    <t>Mona</t>
  </si>
  <si>
    <t>ggps Mona vpo Mona</t>
  </si>
  <si>
    <t>Nabila Mubarik</t>
  </si>
  <si>
    <t>GGPS MONA PIND</t>
  </si>
  <si>
    <t>Mona Pind</t>
  </si>
  <si>
    <t>vil &amp; p.o Mona pind Teh &amp; Distt Jhelum</t>
  </si>
  <si>
    <t>Nabeela Rahat</t>
  </si>
  <si>
    <t>GGPS MONDAN</t>
  </si>
  <si>
    <t>Mondon</t>
  </si>
  <si>
    <t>ggpsmondon pÃ³ jallah jeem teh mailsi dist vehari</t>
  </si>
  <si>
    <t>Moza Mondon</t>
  </si>
  <si>
    <t>Wersiwahen</t>
  </si>
  <si>
    <t>Bushra Tul Madina</t>
  </si>
  <si>
    <t>GGPS MONG SHUMALI</t>
  </si>
  <si>
    <t>v&amp;p.o mong teh&amp;distt mandi Baha ud din</t>
  </si>
  <si>
    <t>Mong Shumali</t>
  </si>
  <si>
    <t>GGPS MONGAR</t>
  </si>
  <si>
    <t>mongar</t>
  </si>
  <si>
    <t>mongar 1 km lalian road</t>
  </si>
  <si>
    <t>ratta matta</t>
  </si>
  <si>
    <t>Ilmas Fatima</t>
  </si>
  <si>
    <t>GGPS MONGI THALI</t>
  </si>
  <si>
    <t>Mongi thali</t>
  </si>
  <si>
    <t>GGPS MONI DAN SINGH</t>
  </si>
  <si>
    <t>Mohni dhan singh</t>
  </si>
  <si>
    <t>Qaim Pur Ghangi</t>
  </si>
  <si>
    <t>Sajida Qutab U Din</t>
  </si>
  <si>
    <t>GGPS MONI THAL</t>
  </si>
  <si>
    <t>Monithal</t>
  </si>
  <si>
    <t>govt girls primary school monithal khanpur</t>
  </si>
  <si>
    <t>GGPS MOOLEY</t>
  </si>
  <si>
    <t>Moolay</t>
  </si>
  <si>
    <t>GMPS Moolay, P/o Minwal , Teh &amp; Distt Chakwal</t>
  </si>
  <si>
    <t>Amna Hafeez</t>
  </si>
  <si>
    <t>GGPS MOON LIGHT SANT NAGAR</t>
  </si>
  <si>
    <t>55 santnagar lhr</t>
  </si>
  <si>
    <t>CHOHAN PARK</t>
  </si>
  <si>
    <t>GGPS MOOTA</t>
  </si>
  <si>
    <t>P/O tanda village mota T/D Gujrat</t>
  </si>
  <si>
    <t>Fozia Tahira</t>
  </si>
  <si>
    <t>GGPS MORAN</t>
  </si>
  <si>
    <t>Moran</t>
  </si>
  <si>
    <t>basti moran</t>
  </si>
  <si>
    <t>Adam Suhaba</t>
  </si>
  <si>
    <t>hand pump out side of school</t>
  </si>
  <si>
    <t>GGPS MORAN WALA</t>
  </si>
  <si>
    <t>Government Girls Elementary School Moranwala</t>
  </si>
  <si>
    <t>filter water, hand pump,moter pump</t>
  </si>
  <si>
    <t>GGPS MORANI SHUMALI</t>
  </si>
  <si>
    <t>Morani Shumali</t>
  </si>
  <si>
    <t>morani shumali tehsil darya khan district bhakkar</t>
  </si>
  <si>
    <t>GGPS MORE EMINABAD</t>
  </si>
  <si>
    <t>more eminabad</t>
  </si>
  <si>
    <t>dhilanwali</t>
  </si>
  <si>
    <t>Aleena Batool</t>
  </si>
  <si>
    <t>GGPS MORE JAHNGI</t>
  </si>
  <si>
    <t>more jhangi</t>
  </si>
  <si>
    <t>KHANZADI ASMA KANWAL</t>
  </si>
  <si>
    <t>GGPS MORE WALA</t>
  </si>
  <si>
    <t>bair band</t>
  </si>
  <si>
    <t>basti dara shehr sultan</t>
  </si>
  <si>
    <t>basti dara</t>
  </si>
  <si>
    <t>bair bnd</t>
  </si>
  <si>
    <t>Fozia Saeed Sial</t>
  </si>
  <si>
    <t>GGPS MORGAH</t>
  </si>
  <si>
    <t>ggps morgah</t>
  </si>
  <si>
    <t>Sundas Mehnaz</t>
  </si>
  <si>
    <t>GGPS MORI DIWAN</t>
  </si>
  <si>
    <t>Mori Diwan</t>
  </si>
  <si>
    <t>village mori</t>
  </si>
  <si>
    <t>Jabeen Kausar</t>
  </si>
  <si>
    <t>GGPS MORI SYEDAN</t>
  </si>
  <si>
    <t>Mori Syedan po delhore teh kahuta</t>
  </si>
  <si>
    <t>Mori Syedan</t>
  </si>
  <si>
    <t>Saiqa Tasaddiq</t>
  </si>
  <si>
    <t>GGPS MORIAN</t>
  </si>
  <si>
    <t>p/o dhanda tahsil kotli sattian distric rawalpindi</t>
  </si>
  <si>
    <t>Morian</t>
  </si>
  <si>
    <t>Jamila Perveen</t>
  </si>
  <si>
    <t>chishma</t>
  </si>
  <si>
    <t>GGPS MORLAY</t>
  </si>
  <si>
    <t>Morlay</t>
  </si>
  <si>
    <t>village bhattian dokh morlay</t>
  </si>
  <si>
    <t>GGPS MORLI</t>
  </si>
  <si>
    <t>Morli</t>
  </si>
  <si>
    <t>morli Skg narowal</t>
  </si>
  <si>
    <t>GGPS MOSA PUR</t>
  </si>
  <si>
    <t>MUSA PUR</t>
  </si>
  <si>
    <t>Musa pur, P/O Kotnainan</t>
  </si>
  <si>
    <t>GGPS MOSAM WALA</t>
  </si>
  <si>
    <t>Moza Mosam Wala</t>
  </si>
  <si>
    <t>Moza Mosam Wala Tehsil Minchin Abad District Bahawalnagar</t>
  </si>
  <si>
    <t>Muzammil Siddique</t>
  </si>
  <si>
    <t>GGPS MOTA GHARBI</t>
  </si>
  <si>
    <t>Mota Gharbi</t>
  </si>
  <si>
    <t>v.p.o Mota Gharbi</t>
  </si>
  <si>
    <t>Nazma Shaheen</t>
  </si>
  <si>
    <t>GGPS MOTA SINGH</t>
  </si>
  <si>
    <t>Mota Singh</t>
  </si>
  <si>
    <t>Mota Singh wala</t>
  </si>
  <si>
    <t>GGPS MOTHUWALA</t>
  </si>
  <si>
    <t>Mothuwala</t>
  </si>
  <si>
    <t>vpo pichnand tehsil lawa Distt chakwal</t>
  </si>
  <si>
    <t>Saadia Batool</t>
  </si>
  <si>
    <t>GGPS MOTI WALA</t>
  </si>
  <si>
    <t>ward no 14 b kot adu</t>
  </si>
  <si>
    <t>GGPS MOTTON KALAN</t>
  </si>
  <si>
    <t>MATAN KALAN</t>
  </si>
  <si>
    <t>PO  SAR KALAN VILL.MATAN KALAN</t>
  </si>
  <si>
    <t>by tanker</t>
  </si>
  <si>
    <t>GGPS MOTTON KHURD</t>
  </si>
  <si>
    <t>P. O sarkalan village matan khurd</t>
  </si>
  <si>
    <t>Tallat Noureen</t>
  </si>
  <si>
    <t>GGPS MOULVI ABDUL GHANNI</t>
  </si>
  <si>
    <t>basti moulvi abdul ghanni</t>
  </si>
  <si>
    <t>GGPS MOUTRA</t>
  </si>
  <si>
    <t>village moutra p.o.box jamkey cheema</t>
  </si>
  <si>
    <t>Alou Mahar</t>
  </si>
  <si>
    <t>Sarwat Sultana</t>
  </si>
  <si>
    <t>GGPS MOUZA ALLAH ABAD</t>
  </si>
  <si>
    <t>Govt.girls primary school monza Allah abad</t>
  </si>
  <si>
    <t>Sumaira Batool</t>
  </si>
  <si>
    <t>GGPS MOUZA BAATIAN, ABDUL HAKIM</t>
  </si>
  <si>
    <t>Mouza Battian</t>
  </si>
  <si>
    <t>Jinnah Abadi Shahadat kandla</t>
  </si>
  <si>
    <t>GGPS MOUZA BAIT RAI ALI</t>
  </si>
  <si>
    <t>Baite Ray Wali</t>
  </si>
  <si>
    <t>ggps mouza bait ray ali</t>
  </si>
  <si>
    <t>Bodla Sandeela</t>
  </si>
  <si>
    <t>Matloob Hussain</t>
  </si>
  <si>
    <t>GGPS MOUZA BHAWANI</t>
  </si>
  <si>
    <t>Bhawani</t>
  </si>
  <si>
    <t>mouzabhawnni</t>
  </si>
  <si>
    <t>BHAWANI</t>
  </si>
  <si>
    <t>Bhadurshah 58 GD</t>
  </si>
  <si>
    <t>Riffat Sarwar</t>
  </si>
  <si>
    <t>GGPS MOUZA BUB</t>
  </si>
  <si>
    <t>Bub</t>
  </si>
  <si>
    <t>mouza bub</t>
  </si>
  <si>
    <t>722/Gb</t>
  </si>
  <si>
    <t>Fariha Kanwal Shaheen</t>
  </si>
  <si>
    <t>GGPS MOUZA DALA</t>
  </si>
  <si>
    <t>Mouza Dala P/O Dullewala Bhakkar</t>
  </si>
  <si>
    <t>Mouza Dala 7RD</t>
  </si>
  <si>
    <t>Dullewala Rural</t>
  </si>
  <si>
    <t>khurshid khanam</t>
  </si>
  <si>
    <t>GGPS MOUZA GOAL</t>
  </si>
  <si>
    <t>Govt Girls primary School Mouza Goal</t>
  </si>
  <si>
    <t>Basti Goal</t>
  </si>
  <si>
    <t>Tibbi Waddah</t>
  </si>
  <si>
    <t>GGPS MOUZA JAI SHUJABAD</t>
  </si>
  <si>
    <t>Jai</t>
  </si>
  <si>
    <t>mouza Jai near Bari jhoke</t>
  </si>
  <si>
    <t>Mouza Jai</t>
  </si>
  <si>
    <t>Chak R S</t>
  </si>
  <si>
    <t>Salma Farooq</t>
  </si>
  <si>
    <t>GGPS MOUZA JANNU KHAI</t>
  </si>
  <si>
    <t>Khai Dom Mustaqil</t>
  </si>
  <si>
    <t>moza jannu khai dom mustaqil post office dd panah tehsil kot addu</t>
  </si>
  <si>
    <t>Jannu Khai</t>
  </si>
  <si>
    <t>Nazia Zafar</t>
  </si>
  <si>
    <t>GGPS MOUZA JHOKE</t>
  </si>
  <si>
    <t>Gajuwahin</t>
  </si>
  <si>
    <t>jhoke bhutta</t>
  </si>
  <si>
    <t>Jhoke Bhutta</t>
  </si>
  <si>
    <t>Sanobar Iqbal</t>
  </si>
  <si>
    <t>GGPS MOUZA JUNI</t>
  </si>
  <si>
    <t>Juni</t>
  </si>
  <si>
    <t>mouza juni</t>
  </si>
  <si>
    <t>Chak 712gb</t>
  </si>
  <si>
    <t>GGPS MOUZA KHAN BELA</t>
  </si>
  <si>
    <t>manzoor colony missan Abad,khan bela</t>
  </si>
  <si>
    <t>Manzoor Colony Missan Abad</t>
  </si>
  <si>
    <t>Rehana Firdous</t>
  </si>
  <si>
    <t>GGPS MOUZA KHANPUR (SULTAN ABAD)</t>
  </si>
  <si>
    <t>village sultan abad GGPSMUZZA Khanpur</t>
  </si>
  <si>
    <t>76 Khanpur Janobi</t>
  </si>
  <si>
    <t>GGPS MOUZA KHARAL AZIM</t>
  </si>
  <si>
    <t>kharal azeem</t>
  </si>
  <si>
    <t>GGPS MOUZA KUL</t>
  </si>
  <si>
    <t>Moza Kull Tehsil Lalian District Chiniot</t>
  </si>
  <si>
    <t>Moza Kull</t>
  </si>
  <si>
    <t>Hajra Noor</t>
  </si>
  <si>
    <t>GGPS MOUZA LANGHA</t>
  </si>
  <si>
    <t>GGPS Mouza Langah</t>
  </si>
  <si>
    <t>GGPS MOUZA LUNDA</t>
  </si>
  <si>
    <t>Bsti mouza lunda</t>
  </si>
  <si>
    <t>Moza Lunda</t>
  </si>
  <si>
    <t>148/p</t>
  </si>
  <si>
    <t>Farhat nasreen</t>
  </si>
  <si>
    <t>GGPS MOUZA MAHOOTA</t>
  </si>
  <si>
    <t>ggpsmouza mahoota uc gadai</t>
  </si>
  <si>
    <t>Mahotta</t>
  </si>
  <si>
    <t>Yasmin Sultan</t>
  </si>
  <si>
    <t>GGPS MOUZA MOHAL</t>
  </si>
  <si>
    <t>Mohal</t>
  </si>
  <si>
    <t>mouza Mohal luddan Vehari</t>
  </si>
  <si>
    <t>Mouza Mohal</t>
  </si>
  <si>
    <t>Ali U Din</t>
  </si>
  <si>
    <t>Rubina Kousr</t>
  </si>
  <si>
    <t>GGPS MOUZA MUMBAR</t>
  </si>
  <si>
    <t>Mumberr</t>
  </si>
  <si>
    <t>moza mumberr</t>
  </si>
  <si>
    <t>Moza mumberr</t>
  </si>
  <si>
    <t>712 GB</t>
  </si>
  <si>
    <t>Saima Tasneem</t>
  </si>
  <si>
    <t>GGPS MOUZA PIPLEE</t>
  </si>
  <si>
    <t>Piplee</t>
  </si>
  <si>
    <t>ggps moza piplee</t>
  </si>
  <si>
    <t>Moza Piplee</t>
  </si>
  <si>
    <t>Azmat Shah Qadirbux</t>
  </si>
  <si>
    <t>GGPS MOUZA QURESHI</t>
  </si>
  <si>
    <t>Qutub Ambriend</t>
  </si>
  <si>
    <t>ggps mouza qureshi wala</t>
  </si>
  <si>
    <t>Molao Korea</t>
  </si>
  <si>
    <t>Shakila Majeed</t>
  </si>
  <si>
    <t>GGPS MOUZA RAM PUR</t>
  </si>
  <si>
    <t>moza rampur</t>
  </si>
  <si>
    <t>Aasia bibi</t>
  </si>
  <si>
    <t>GGPS MOUZA RID P/O LAR 18MR</t>
  </si>
  <si>
    <t>Ridd</t>
  </si>
  <si>
    <t>GGPS Mouza Ridd Multan</t>
  </si>
  <si>
    <t>Moza Ridd</t>
  </si>
  <si>
    <t>Suriya Parveen</t>
  </si>
  <si>
    <t>GGPS MOUZA SARAI 2</t>
  </si>
  <si>
    <t>saray</t>
  </si>
  <si>
    <t>ggps saray no 2 basti tibbi wala mouza saray</t>
  </si>
  <si>
    <t>basti tibbi wala</t>
  </si>
  <si>
    <t>bahawalgarh</t>
  </si>
  <si>
    <t>rabia bashir</t>
  </si>
  <si>
    <t>GGPS MOUZA SARAI NO. 1</t>
  </si>
  <si>
    <t>Ismail pur</t>
  </si>
  <si>
    <t>basti Sray no1</t>
  </si>
  <si>
    <t>Basti Sray</t>
  </si>
  <si>
    <t>Kahror pacca</t>
  </si>
  <si>
    <t>Naheed Tabssum</t>
  </si>
  <si>
    <t>GGPS MOUZA THAIRI</t>
  </si>
  <si>
    <t>Thairi</t>
  </si>
  <si>
    <t>mehray wala</t>
  </si>
  <si>
    <t>Narjiis Batool</t>
  </si>
  <si>
    <t>GGPS MOUZA TIBBI MOHAL</t>
  </si>
  <si>
    <t>Tibbi Mohal</t>
  </si>
  <si>
    <t>GGPS tibbi mohal</t>
  </si>
  <si>
    <t>shagufta umbreen</t>
  </si>
  <si>
    <t>GGPS MOUZA WAHAY</t>
  </si>
  <si>
    <t>Wahay Wala</t>
  </si>
  <si>
    <t>GGPS mouza wahay basti wahay wala</t>
  </si>
  <si>
    <t>NASEEM Begum</t>
  </si>
  <si>
    <t>GGPS MOWALA</t>
  </si>
  <si>
    <t>Mahwala</t>
  </si>
  <si>
    <t>village ghel p.o dhanda TEHSIL murree district rawalpindi</t>
  </si>
  <si>
    <t>Gehal</t>
  </si>
  <si>
    <t>Sobia Imtiaz</t>
  </si>
  <si>
    <t>GGPS MOZA ALI UL DIN</t>
  </si>
  <si>
    <t>ali u din</t>
  </si>
  <si>
    <t>Gul Shaheen</t>
  </si>
  <si>
    <t>GGPS MOZA BAHA UD DIN HUSSAIN KHAN</t>
  </si>
  <si>
    <t>Baha-ud-Din Wal</t>
  </si>
  <si>
    <t>Baha-ud-Din hussain khan</t>
  </si>
  <si>
    <t>AFSHAN AKRAM</t>
  </si>
  <si>
    <t>GGPS MOZA BAKHSHU</t>
  </si>
  <si>
    <t>Bakhshu</t>
  </si>
  <si>
    <t>Moza Bakhshu P.O Jaboka Teh &amp; Distt Okara</t>
  </si>
  <si>
    <t>GGPS MOZA BARA</t>
  </si>
  <si>
    <t>Chak Moza Bara, Tensil &amp; District Pakpattan</t>
  </si>
  <si>
    <t>Moza Bara</t>
  </si>
  <si>
    <t>Anwar Parween</t>
  </si>
  <si>
    <t>GGPS MOZA BHATIAN</t>
  </si>
  <si>
    <t>GGPS Moza Bhattian</t>
  </si>
  <si>
    <t>Moza Bhattian</t>
  </si>
  <si>
    <t>Naseem Khushi</t>
  </si>
  <si>
    <t>GGPS MOZA DANA BAD</t>
  </si>
  <si>
    <t>moza dana abad</t>
  </si>
  <si>
    <t>Moza Danabad</t>
  </si>
  <si>
    <t>Fahmida Bibi</t>
  </si>
  <si>
    <t>GGPS MOZA JAHANGI</t>
  </si>
  <si>
    <t>p/s mouza jungi</t>
  </si>
  <si>
    <t>Basti Noor Muhammad Basti NoorMuhammad</t>
  </si>
  <si>
    <t>hand pomp.moter pomp</t>
  </si>
  <si>
    <t>GGPS MOZA KALLAR WALI</t>
  </si>
  <si>
    <t>kalar wali</t>
  </si>
  <si>
    <t>toheed abad kalar wali jatoi  m.garh</t>
  </si>
  <si>
    <t>toheed abad</t>
  </si>
  <si>
    <t>Aqeela Nawaz Khan</t>
  </si>
  <si>
    <t>GGPS MOZA KHOKRAN</t>
  </si>
  <si>
    <t>KHOKHRAN</t>
  </si>
  <si>
    <t>MOZA KHOKHRAN TEHSIL BUREWALA DISTRICT VRHARI P/O SAHUKA</t>
  </si>
  <si>
    <t>AMIN KOT</t>
  </si>
  <si>
    <t>SAHUKA</t>
  </si>
  <si>
    <t>Sajida Riaz</t>
  </si>
  <si>
    <t>GGPS MOZA MADDER</t>
  </si>
  <si>
    <t>Mudder</t>
  </si>
  <si>
    <t>Basti karam khan post office farooqbad</t>
  </si>
  <si>
    <t>Basti Karam Khan</t>
  </si>
  <si>
    <t>Sana Sarwar</t>
  </si>
  <si>
    <t>GGPS MOZA MITHU</t>
  </si>
  <si>
    <t>Hamu Wala</t>
  </si>
  <si>
    <t>moza mitho</t>
  </si>
  <si>
    <t>Mitho</t>
  </si>
  <si>
    <t>Mehnaz Kosar</t>
  </si>
  <si>
    <t>GGPS MOZA MUHAMMAD ASAD KHAN</t>
  </si>
  <si>
    <t>Asad Khan</t>
  </si>
  <si>
    <t>Moza Asad Khan near Kat Ganga Singh</t>
  </si>
  <si>
    <t>Moza Asad khan</t>
  </si>
  <si>
    <t>Shakila Nazir</t>
  </si>
  <si>
    <t>GGPS MOZA NOOR PUR</t>
  </si>
  <si>
    <t>Basti Mastoi Murghai</t>
  </si>
  <si>
    <t>Basti Mastoi</t>
  </si>
  <si>
    <t>Aisha Riaz</t>
  </si>
  <si>
    <t>GGPS MOZA PINDI EASSA LUNDIANWALA</t>
  </si>
  <si>
    <t>Pindi Eassa</t>
  </si>
  <si>
    <t>moza Pindi Eassa, jrw, Fsd.</t>
  </si>
  <si>
    <t>NA 102</t>
  </si>
  <si>
    <t>GGPS MOZA QADIRA</t>
  </si>
  <si>
    <t>QADRA</t>
  </si>
  <si>
    <t>G GPS MOZA QADIRA</t>
  </si>
  <si>
    <t>BASTI ASLAMABAD</t>
  </si>
  <si>
    <t>Rakh Dama</t>
  </si>
  <si>
    <t>Kalsoom Baloch</t>
  </si>
  <si>
    <t>GGPS MOZA SAID PURA</t>
  </si>
  <si>
    <t>Said Pura</t>
  </si>
  <si>
    <t>Ggps moza said pura</t>
  </si>
  <si>
    <t>647/GB Kot Balkram</t>
  </si>
  <si>
    <t>Pakeeza Rasheed</t>
  </si>
  <si>
    <t>GGPS MOZANG NOU ABAD</t>
  </si>
  <si>
    <t>MOUZANG NOU ABAD</t>
  </si>
  <si>
    <t>Dhamkay</t>
  </si>
  <si>
    <t>Tehzeeb Sharif</t>
  </si>
  <si>
    <t>GGPS MOZO BAND ALI PUR</t>
  </si>
  <si>
    <t>Band Ali Pur</t>
  </si>
  <si>
    <t>basti band ali pur</t>
  </si>
  <si>
    <t>Sadullah Pur</t>
  </si>
  <si>
    <t>Zainab Saeed</t>
  </si>
  <si>
    <t>GGPS MOZO BONTRA</t>
  </si>
  <si>
    <t>Bontra</t>
  </si>
  <si>
    <t>GGPS MOZA BONTRA Manthar Road Sadiq Abad</t>
  </si>
  <si>
    <t>Moza Bontra</t>
  </si>
  <si>
    <t>Chak No 160/p</t>
  </si>
  <si>
    <t>BUSHRA Bibi</t>
  </si>
  <si>
    <t>GGPS MUAHAMMAD ALI HUSSAIN ABAD</t>
  </si>
  <si>
    <t>basti muhamad ali hussainabad moza hussainabad</t>
  </si>
  <si>
    <t>Mhammad Ali Husinabd</t>
  </si>
  <si>
    <t>GGPS MUBARA</t>
  </si>
  <si>
    <t>Mubara</t>
  </si>
  <si>
    <t>mubara</t>
  </si>
  <si>
    <t>Udoki</t>
  </si>
  <si>
    <t>GGPS MUBARAK ABAD, ABDUL HAKIM</t>
  </si>
  <si>
    <t>Ai Chappa</t>
  </si>
  <si>
    <t>Basti Mubarakabad</t>
  </si>
  <si>
    <t>Basti Mubarak Abad</t>
  </si>
  <si>
    <t>Sabeeha  Bano</t>
  </si>
  <si>
    <t>GGPS MUBARAK BHARA</t>
  </si>
  <si>
    <t>Mubarak Bhara</t>
  </si>
  <si>
    <t>GGPS Mubarak Bhara</t>
  </si>
  <si>
    <t>Shaiesta Abd Ur Rehman</t>
  </si>
  <si>
    <t>GGPS MUBARAK PUR</t>
  </si>
  <si>
    <t>Mubark Pur</t>
  </si>
  <si>
    <t>Mubark pur</t>
  </si>
  <si>
    <t>GGPS MUBARAK PURA</t>
  </si>
  <si>
    <t>basti mubarak wala</t>
  </si>
  <si>
    <t>Mubarak Wala</t>
  </si>
  <si>
    <t>Sara Riaz</t>
  </si>
  <si>
    <t>GGPS MUBARAK PURA KHURD</t>
  </si>
  <si>
    <t>Mubark Pura Khurd</t>
  </si>
  <si>
    <t>village mubark pura khurd tehsil muridkey district sheikhpura</t>
  </si>
  <si>
    <t>Mahein</t>
  </si>
  <si>
    <t>Ruby  Shamim</t>
  </si>
  <si>
    <t>GGPS MUBARAK TANWERI</t>
  </si>
  <si>
    <t>Thairh</t>
  </si>
  <si>
    <t>GGPS Mubarak Tanweri</t>
  </si>
  <si>
    <t>Mubarak Tanweri</t>
  </si>
  <si>
    <t>Goth Jungoo</t>
  </si>
  <si>
    <t>GGPS MUBARIK PUR KALAN</t>
  </si>
  <si>
    <t>Mubarak Pur Kalan</t>
  </si>
  <si>
    <t>village mubarak pur Klan p/o sirirampura tehsiel muridkey district sheikhupura</t>
  </si>
  <si>
    <t>Mhay</t>
  </si>
  <si>
    <t>GGPS MUD ADIL</t>
  </si>
  <si>
    <t>Mud adil</t>
  </si>
  <si>
    <t>Bastimahardakhanachachranshareef</t>
  </si>
  <si>
    <t>Basti mahar</t>
  </si>
  <si>
    <t>TAHIRA TAYYEBA</t>
  </si>
  <si>
    <t>GGPS MUD AHMED BUX</t>
  </si>
  <si>
    <t>SADIQ ABAD</t>
  </si>
  <si>
    <t>CHAK SADIQ ABAD</t>
  </si>
  <si>
    <t>Shahnaz Nargis</t>
  </si>
  <si>
    <t>GGPS MUD ARAIN</t>
  </si>
  <si>
    <t>Paati Chung</t>
  </si>
  <si>
    <t>basti fateh Muhammad arain moza paati chung</t>
  </si>
  <si>
    <t>Basti Fateh Muhammad Arian</t>
  </si>
  <si>
    <t>Sumera shamim</t>
  </si>
  <si>
    <t>GGPS MUD BATHI</t>
  </si>
  <si>
    <t>Bathi</t>
  </si>
  <si>
    <t>P/o Jhoke Bodo, Tehsil Taunsa DG Khan</t>
  </si>
  <si>
    <t>Mud Bathi</t>
  </si>
  <si>
    <t>Rabia Khanam</t>
  </si>
  <si>
    <t>GGPS MUD DARBARI</t>
  </si>
  <si>
    <t>Noory Walli</t>
  </si>
  <si>
    <t>ggps muddarbari</t>
  </si>
  <si>
    <t>Mud Darbari</t>
  </si>
  <si>
    <t>Noor E Wali</t>
  </si>
  <si>
    <t>Tasleem Nawaz</t>
  </si>
  <si>
    <t>tabs</t>
  </si>
  <si>
    <t>GGPS MUD GADOLA</t>
  </si>
  <si>
    <t>Fareda Abad</t>
  </si>
  <si>
    <t>basti mudgadola</t>
  </si>
  <si>
    <t>Mudgadola</t>
  </si>
  <si>
    <t>GGPS MUD GAMOO</t>
  </si>
  <si>
    <t>Derashamas</t>
  </si>
  <si>
    <t>mudgammon</t>
  </si>
  <si>
    <t>Mudgammon</t>
  </si>
  <si>
    <t>Koto Mendi Shah</t>
  </si>
  <si>
    <t>Tabinda Shafi</t>
  </si>
  <si>
    <t>GGPS MUD ILYAS KHANPUR BASTI MIAN ABDUL KHALIQ</t>
  </si>
  <si>
    <t>Mudilyas</t>
  </si>
  <si>
    <t>mudilyas</t>
  </si>
  <si>
    <t>Mian Abdul Khaliq</t>
  </si>
  <si>
    <t>Rozina Khanum</t>
  </si>
  <si>
    <t>GGPS MUD ISMAIL SHAH PUR</t>
  </si>
  <si>
    <t>Basti Malik Habibullah Moza Shah Pur</t>
  </si>
  <si>
    <t>Tahira Nawaz</t>
  </si>
  <si>
    <t>GGPS MUD JEWAN</t>
  </si>
  <si>
    <t>Peer Chanan Punan</t>
  </si>
  <si>
    <t>Postoffice Mari Allah Bachaya Teh.Khan Pur Distt.Rahim Yar Khan</t>
  </si>
  <si>
    <t>Mud Jevan</t>
  </si>
  <si>
    <t>GGPS MUD KALOO</t>
  </si>
  <si>
    <t>GGPS mud kaloo</t>
  </si>
  <si>
    <t>Mud Kaloo</t>
  </si>
  <si>
    <t>GGPS MUD LAL</t>
  </si>
  <si>
    <t>basti qazi ghulam rasool</t>
  </si>
  <si>
    <t>Qazi Ghulam Rsool</t>
  </si>
  <si>
    <t>MC Khanpur E</t>
  </si>
  <si>
    <t>Farhat Siddique</t>
  </si>
  <si>
    <t>GGPS MUD MALIK</t>
  </si>
  <si>
    <t>ggps mud malik dajal</t>
  </si>
  <si>
    <t>Mud Malik</t>
  </si>
  <si>
    <t>Afifa Begum</t>
  </si>
  <si>
    <t>GGPS MUD MANTHAR</t>
  </si>
  <si>
    <t>GGPS.MUD MANTHAR.RAJAN PUR KALAN.RAHIM YAR KHAN.</t>
  </si>
  <si>
    <t>WAHEEDA BANO</t>
  </si>
  <si>
    <t>GGPS MUD MEHMOOD</t>
  </si>
  <si>
    <t>Chak Bangla</t>
  </si>
  <si>
    <t>CHAK BANGLA</t>
  </si>
  <si>
    <t>GGPS MUD NUSARULLAH</t>
  </si>
  <si>
    <t>basti Allah bakhsh</t>
  </si>
  <si>
    <t>Basti Allah Bakhsh</t>
  </si>
  <si>
    <t>GGPS Mud Ranjha</t>
  </si>
  <si>
    <t>Ggps Mud Ranjh</t>
  </si>
  <si>
    <t>Mud Ranjh</t>
  </si>
  <si>
    <t>Musrat Kalsoom</t>
  </si>
  <si>
    <t>GGPS MUD RASHEED NO.2</t>
  </si>
  <si>
    <t>MUD RASHID</t>
  </si>
  <si>
    <t>BASTI ALLAH BUKHSH CHACHAR</t>
  </si>
  <si>
    <t>BASTI ALLAH BUX BUKHSH CHACHR</t>
  </si>
  <si>
    <t>KHUDA BUX MAHR</t>
  </si>
  <si>
    <t>Madhia Altaf</t>
  </si>
  <si>
    <t>GGPS MUD SAIN DAD</t>
  </si>
  <si>
    <t>Mad Sain Daad</t>
  </si>
  <si>
    <t>mud sain daad</t>
  </si>
  <si>
    <t>Mud Sain Daad</t>
  </si>
  <si>
    <t>Sadaf Farman</t>
  </si>
  <si>
    <t>GGPS MUD SONHARAY SHAH</t>
  </si>
  <si>
    <t>Mud Sohara Shah</t>
  </si>
  <si>
    <t>mud sohara shah tahisel ali pur distrek mzafar ghar</t>
  </si>
  <si>
    <t>Basti BOSAN</t>
  </si>
  <si>
    <t>M  Safdar</t>
  </si>
  <si>
    <t>GGPS MUD YARAY WALA</t>
  </si>
  <si>
    <t>BASTI YARRAY WALI TEHSIL JAMPUR DISTRICT RAJANPUR</t>
  </si>
  <si>
    <t>BASTI YARRAY WALI</t>
  </si>
  <si>
    <t>REHANA BIBI</t>
  </si>
  <si>
    <t>GGPS MUD ZOHRANI</t>
  </si>
  <si>
    <t>CHUCK HAJI</t>
  </si>
  <si>
    <t>BASTI MUD ZOHRANI</t>
  </si>
  <si>
    <t>MUD ZOHRANI</t>
  </si>
  <si>
    <t>GGPS MUFAT PURA</t>
  </si>
  <si>
    <t>Muft Pura</t>
  </si>
  <si>
    <t>GGPS MUFT PURA</t>
  </si>
  <si>
    <t>GGPS MUGHAL ABAD</t>
  </si>
  <si>
    <t>Mughal Abad</t>
  </si>
  <si>
    <t>mughal abad teh Sohawa distt jhelum</t>
  </si>
  <si>
    <t>Tabassum Rana</t>
  </si>
  <si>
    <t>GGPS MUGHAL ABAD CHAKRALA MIANWALI</t>
  </si>
  <si>
    <t>Chkrala</t>
  </si>
  <si>
    <t>p/of chkrala teh&amp; distt mianwali</t>
  </si>
  <si>
    <t>Rakhshanda Umbreen</t>
  </si>
  <si>
    <t>GGPS MUGHAL CHAK KHURD</t>
  </si>
  <si>
    <t>Mughal Chuk</t>
  </si>
  <si>
    <t>Mughal chuk khurd</t>
  </si>
  <si>
    <t>Mughal Chuk Khurd</t>
  </si>
  <si>
    <t>Fozia shoukat</t>
  </si>
  <si>
    <t>GGPS MUGHAL PURA PHALIA</t>
  </si>
  <si>
    <t>mughal Pura phalia</t>
  </si>
  <si>
    <t>Mughal Pura</t>
  </si>
  <si>
    <t>Phalia Comittee</t>
  </si>
  <si>
    <t>Saima Shahzad</t>
  </si>
  <si>
    <t>GGPS MUGHALAN WALA</t>
  </si>
  <si>
    <t>Dera Mughlanwala</t>
  </si>
  <si>
    <t>dera mughlan wala</t>
  </si>
  <si>
    <t>Dera Mughlan Wala</t>
  </si>
  <si>
    <t>1-4db</t>
  </si>
  <si>
    <t>Uzma Faiz Malik</t>
  </si>
  <si>
    <t>GGPS MUGHEES WALA</t>
  </si>
  <si>
    <t>Basti Din Pur</t>
  </si>
  <si>
    <t>chak no.164 A tda basti din pur</t>
  </si>
  <si>
    <t>164A</t>
  </si>
  <si>
    <t>TEHMINA KAUSAR</t>
  </si>
  <si>
    <t>GGPS MUGHLAN WALA</t>
  </si>
  <si>
    <t>Mughlanwala</t>
  </si>
  <si>
    <t>mughlanwala po mandi faiz abad</t>
  </si>
  <si>
    <t>Ganaish Pur</t>
  </si>
  <si>
    <t>Munazza Nasreen</t>
  </si>
  <si>
    <t>GGPS MUGHLAN WALI</t>
  </si>
  <si>
    <t>Mughlanwali</t>
  </si>
  <si>
    <t>village mughlanwali p.o.Kotli amir Ali teh and distt sialkot</t>
  </si>
  <si>
    <t>GGPS MUGHLI</t>
  </si>
  <si>
    <t>Mughli</t>
  </si>
  <si>
    <t>village mughli p/o baghrianwala tehdil kharian district gujrat</t>
  </si>
  <si>
    <t>Aqsa Noreen</t>
  </si>
  <si>
    <t>GGPS MUGHLIAN WALI</t>
  </si>
  <si>
    <t>Mughlianwali</t>
  </si>
  <si>
    <t>vill: Mughlianwali, P.O: Gunja, Kharian, Gujrat</t>
  </si>
  <si>
    <t>Shamim Naz</t>
  </si>
  <si>
    <t>GGPS MUHABAT NAGRY</t>
  </si>
  <si>
    <t>Govt Girls Model Primary School Muhabat Nangri, Moza Chak Nangar, U/C Choti Bala, Tehsil Kot Chuta</t>
  </si>
  <si>
    <t>Nousheen Fatima</t>
  </si>
  <si>
    <t>GGPS MUHALLA MOCHAIN WALA</t>
  </si>
  <si>
    <t>GGPS Muhalla Mochianwala Jandanwala Tehsil Kallur Kot Bhakkar</t>
  </si>
  <si>
    <t>MC Jandanwala</t>
  </si>
  <si>
    <t>Balqees Begum</t>
  </si>
  <si>
    <t>GGPS MUHALLAH RAAN</t>
  </si>
  <si>
    <t>Dulle wala</t>
  </si>
  <si>
    <t>girls ps mohalla rawn dulle wala</t>
  </si>
  <si>
    <t>M C Dulle Wala</t>
  </si>
  <si>
    <t>GGPS MUHALLAH RAJGAN KAHUTA</t>
  </si>
  <si>
    <t>ggps mohallah rajgan punjar chowk kahuta</t>
  </si>
  <si>
    <t>Muncipal Commetti</t>
  </si>
  <si>
    <t>Wajiha Javed</t>
  </si>
  <si>
    <t>GGPS MUHAMAD YAR KHAN WALA SHUJABAD</t>
  </si>
  <si>
    <t>Shah Musa</t>
  </si>
  <si>
    <t>GGPS Muhammad  Yar Khan Wala</t>
  </si>
  <si>
    <t>Shoukat Wala</t>
  </si>
  <si>
    <t>SAMINA NAZ</t>
  </si>
  <si>
    <t>GGPS MUHAMMAD ABAD</t>
  </si>
  <si>
    <t>GGPS Muhammad abad</t>
  </si>
  <si>
    <t>Madiha Marrium</t>
  </si>
  <si>
    <t>GGPS MUHAMMAD ABAD COLONY</t>
  </si>
  <si>
    <t>CHACHA BASTI</t>
  </si>
  <si>
    <t>MOUZA CHACHA BASTI NEAR GULSHAN NABI TOWN TEHSIL APE</t>
  </si>
  <si>
    <t>MC AHMADPUR EAST</t>
  </si>
  <si>
    <t>Shehnaz Ashraf</t>
  </si>
  <si>
    <t>GGPS MUHAMMAD ALI KHOHAWAR</t>
  </si>
  <si>
    <t>Jhung Bilawal</t>
  </si>
  <si>
    <t>Basti Muhammad Ali Khohawar u.c Nalla Mosani LiaquatPur</t>
  </si>
  <si>
    <t>Muhammad Ali Khohawar</t>
  </si>
  <si>
    <t>Syeda kiran zahra</t>
  </si>
  <si>
    <t>GGPS MUHAMMAD AMIN BHATTI WALA</t>
  </si>
  <si>
    <t>Dagger Kotli mankera</t>
  </si>
  <si>
    <t>Muhammad amin Bhatti Wala</t>
  </si>
  <si>
    <t>GGPS MUHAMMAD BUKHSH MEMBER</t>
  </si>
  <si>
    <t>Wahi Mochian</t>
  </si>
  <si>
    <t>basti muhammad bux member</t>
  </si>
  <si>
    <t>Basti Muhammad Bux Member</t>
  </si>
  <si>
    <t>Naina Saleem</t>
  </si>
  <si>
    <t>GGPS MUHAMMAD BUX BEHLA</t>
  </si>
  <si>
    <t>govt p/s Muhammad Bux bhela moza Allah dita Bhela thesil liaqat pur disst Rahim yar khan</t>
  </si>
  <si>
    <t>Allah Jewya Lar</t>
  </si>
  <si>
    <t>GGPS MUHAMMAD BUX LAR</t>
  </si>
  <si>
    <t>muhammad bux lar school,zafrabad</t>
  </si>
  <si>
    <t>Zafrarabad</t>
  </si>
  <si>
    <t>GGPS MUHAMMAD DAHA BASTI BABRAN</t>
  </si>
  <si>
    <t>Basti Babran Muhammad Daha</t>
  </si>
  <si>
    <t>GGPS MUHAMMAD FAZIL</t>
  </si>
  <si>
    <t>basti kulyar sahan wala</t>
  </si>
  <si>
    <t>Basti Kulyar</t>
  </si>
  <si>
    <t>GGPS MUHAMMAD HANIF KHANDA</t>
  </si>
  <si>
    <t>40f</t>
  </si>
  <si>
    <t>Azafi bsti 40f</t>
  </si>
  <si>
    <t>Chak 40f</t>
  </si>
  <si>
    <t>Naseem Nighat</t>
  </si>
  <si>
    <t>GGPS MUHAMMAD HUSSAIN NUMBERDAR</t>
  </si>
  <si>
    <t>Rakh Lukuu</t>
  </si>
  <si>
    <t>Rukh lukuu</t>
  </si>
  <si>
    <t>silo wala dira</t>
  </si>
  <si>
    <t>Lukuu</t>
  </si>
  <si>
    <t>GGPS MUHAMMAD ISHAQ</t>
  </si>
  <si>
    <t>p/o rasoolpur teh jampur distt rajanpur</t>
  </si>
  <si>
    <t>Allahabad Gharbi</t>
  </si>
  <si>
    <t>GGPS MUHAMMAD JOIYA</t>
  </si>
  <si>
    <t>Dagar Lail</t>
  </si>
  <si>
    <t>GGPS mehmand Joiya</t>
  </si>
  <si>
    <t>Mehmand Joiya</t>
  </si>
  <si>
    <t>Dagar Waghwra</t>
  </si>
  <si>
    <t>Rehana Aleem</t>
  </si>
  <si>
    <t>GGPS MUHAMMAD KHELAN WALA</t>
  </si>
  <si>
    <t>mehra Muhammad khelan wala,chak meras,muzafar pur shumali</t>
  </si>
  <si>
    <t>Muhammad Khelan Wala</t>
  </si>
  <si>
    <t>Jug Subhai</t>
  </si>
  <si>
    <t>GGPS MUHAMMAD MURAD DAHAR</t>
  </si>
  <si>
    <t>jalal photographer road,muhallah Hussain abad</t>
  </si>
  <si>
    <t>Muhallah Hussain Abad</t>
  </si>
  <si>
    <t>GGPS MUHAMMAD MUSA</t>
  </si>
  <si>
    <t>Bagh Wali Cholistan</t>
  </si>
  <si>
    <t>basti bagh wali muhammad moosa muzafar garh</t>
  </si>
  <si>
    <t>M Musa</t>
  </si>
  <si>
    <t>GGPS MUHAMMAD PUR HANBHI</t>
  </si>
  <si>
    <t>Hanbhi</t>
  </si>
  <si>
    <t>muhammad pur hanbhi tehsil jampur disst.rajanpur</t>
  </si>
  <si>
    <t>Muhammad Pur Hanbhi</t>
  </si>
  <si>
    <t>AAKFA MUBARAK</t>
  </si>
  <si>
    <t>GGPS MUHAMMAD PUR KHOKHAR</t>
  </si>
  <si>
    <t>Muhammad Pur Khokhar</t>
  </si>
  <si>
    <t>old shujabad road multan</t>
  </si>
  <si>
    <t>Shakila Yasmin</t>
  </si>
  <si>
    <t>GGPS MUHAMMAD PUR MUQEEM, KABIRWALA</t>
  </si>
  <si>
    <t>GGPS M PUR MUQEEM NEAR GIRLS COLLEGE KBW</t>
  </si>
  <si>
    <t>In City</t>
  </si>
  <si>
    <t>GGPS MUHAMMAD PUR NO. 2</t>
  </si>
  <si>
    <t>Moza Muhammad Pur No 1</t>
  </si>
  <si>
    <t>Goverment girls primary school no 2 muammadpur diwan</t>
  </si>
  <si>
    <t>Muhammad Pur No 1</t>
  </si>
  <si>
    <t>GGPS MUHAMMAD PUR SYEDAN</t>
  </si>
  <si>
    <t>muahammad pur sydian basti tariq nagar</t>
  </si>
  <si>
    <t>Basti Tariq Nagar</t>
  </si>
  <si>
    <t>salamat bibi</t>
  </si>
  <si>
    <t>GGPS MUHAMMAD PURA NARANG MANDI</t>
  </si>
  <si>
    <t>GGPS Mohammed Pura Narang</t>
  </si>
  <si>
    <t>Mc Narang</t>
  </si>
  <si>
    <t>GGPS MUHAMMAD SHAH WALI</t>
  </si>
  <si>
    <t>T M Shah</t>
  </si>
  <si>
    <t>GGPS M. SHAH WALI</t>
  </si>
  <si>
    <t>M Shah Wali</t>
  </si>
  <si>
    <t>GGPS MUHAMMAD WALI</t>
  </si>
  <si>
    <t>basti badani m.wali khair pur sadat</t>
  </si>
  <si>
    <t>Basti Badani</t>
  </si>
  <si>
    <t>SAMIA RASHEED</t>
  </si>
  <si>
    <t>GGPS MUHAMMAD YAR KHAN</t>
  </si>
  <si>
    <t>Kabar Lar</t>
  </si>
  <si>
    <t>Basti M.Y.K Markaz Kotla pathan , Moza Kabal Lar</t>
  </si>
  <si>
    <t>Muhammadyarkhan</t>
  </si>
  <si>
    <t>GGPS MUHAMMADIA COLONY SARGODHA</t>
  </si>
  <si>
    <t>Muhammadiacolo</t>
  </si>
  <si>
    <t>GGPS Muhammadabad Sgd</t>
  </si>
  <si>
    <t>Mc4</t>
  </si>
  <si>
    <t>Gulshan Parveen</t>
  </si>
  <si>
    <t>GGPS MUHMAT WALA</t>
  </si>
  <si>
    <t>GGPS Mehmat Wala basti dharo wala moza hazara,Markaz Ghous Abad tahsil kot chutta distract dgkhan,</t>
  </si>
  <si>
    <t>Dharu Wala</t>
  </si>
  <si>
    <t>Misbah Munawar</t>
  </si>
  <si>
    <t>GGPS MUJAHID ABAD RAILWAY STATION</t>
  </si>
  <si>
    <t>railway station mujahidabad lodhran</t>
  </si>
  <si>
    <t>Mujahidabad</t>
  </si>
  <si>
    <t>Wahi Salamat Roy</t>
  </si>
  <si>
    <t>Syeda Shumaila Saddar</t>
  </si>
  <si>
    <t>GGPS MUJAVRAN</t>
  </si>
  <si>
    <t>GGPS Basti Mujaran Liaquatpur Distt.RYK</t>
  </si>
  <si>
    <t>kotla dollat</t>
  </si>
  <si>
    <t>GGPS MUJHAD ABAD</t>
  </si>
  <si>
    <t>Shakoor Abad</t>
  </si>
  <si>
    <t>P/S girls Mujahid Abad school,Shakoor abad colony</t>
  </si>
  <si>
    <t>NILL</t>
  </si>
  <si>
    <t>Khadija Mubarka</t>
  </si>
  <si>
    <t>GGPS MUKHDOOM PUR</t>
  </si>
  <si>
    <t>Pul Bhatta</t>
  </si>
  <si>
    <t>Govt girls primery schol makhdompur</t>
  </si>
  <si>
    <t>makhdompur</t>
  </si>
  <si>
    <t>mubark pur</t>
  </si>
  <si>
    <t>noreen hafiz</t>
  </si>
  <si>
    <t>GGPS MUKHTIAR ABAD</t>
  </si>
  <si>
    <t>city rajanpur</t>
  </si>
  <si>
    <t>KishwarNahid</t>
  </si>
  <si>
    <t>GGPS MUKHTIAR WALA</t>
  </si>
  <si>
    <t>post office mehmoodkot kot Tehsil kot addu district m garh</t>
  </si>
  <si>
    <t>Aneela Jabeen</t>
  </si>
  <si>
    <t>GGPS MUKHYALA</t>
  </si>
  <si>
    <t>Balyampindori</t>
  </si>
  <si>
    <t>p/o ratala village mukhyala teh gujarkhan rawalpindi</t>
  </si>
  <si>
    <t>Mukhyala</t>
  </si>
  <si>
    <t>Shabana Rehna</t>
  </si>
  <si>
    <t>GGPS MUKKEY WALA</t>
  </si>
  <si>
    <t>hota howani</t>
  </si>
  <si>
    <t>ggps makkay wala chah Makkaywala dera ghazi khan</t>
  </si>
  <si>
    <t>makkay wala</t>
  </si>
  <si>
    <t>Iram Nazir</t>
  </si>
  <si>
    <t>GGPS MULA PUR</t>
  </si>
  <si>
    <t>Ggps mula pur tehsil chunian district kasur</t>
  </si>
  <si>
    <t>Nabeela Parveen</t>
  </si>
  <si>
    <t>GGPS MULAN FAQIR MULTAN</t>
  </si>
  <si>
    <t>Mullan Faqir</t>
  </si>
  <si>
    <t>ggps mulan faqir chah khuda bakhsh number dar wala mullan faqir multan</t>
  </si>
  <si>
    <t>Jhok Lashkar Pur</t>
  </si>
  <si>
    <t>Rabia Khatoon</t>
  </si>
  <si>
    <t>GGPS MULAN WALA</t>
  </si>
  <si>
    <t>Ggps Mulan Wala</t>
  </si>
  <si>
    <t>Mulan Wala</t>
  </si>
  <si>
    <t>GGPS MULEY WALA</t>
  </si>
  <si>
    <t>Molay wala</t>
  </si>
  <si>
    <t>GGPS MULL</t>
  </si>
  <si>
    <t>mall p/o awan sharif teh/s
dist Gujarat</t>
  </si>
  <si>
    <t>Samadia Jabeen</t>
  </si>
  <si>
    <t>GGPS MULLAN WALA</t>
  </si>
  <si>
    <t>Pol Wala</t>
  </si>
  <si>
    <t>basti perhar mouza pool wah jampur</t>
  </si>
  <si>
    <t>Basti perhar</t>
  </si>
  <si>
    <t>GGPS MULLAN WALA SHUJABAD</t>
  </si>
  <si>
    <t>Gajuhata</t>
  </si>
  <si>
    <t>mullan wala</t>
  </si>
  <si>
    <t>Samina Barkat</t>
  </si>
  <si>
    <t>GGPS MULLAY WALA MAUZA WAINS SHUJABAD</t>
  </si>
  <si>
    <t>Khohi wains wali moza wains ggps moolay wala.</t>
  </si>
  <si>
    <t>Moolay Walla</t>
  </si>
  <si>
    <t>Bugren</t>
  </si>
  <si>
    <t>GGPS MULTAN KHURD</t>
  </si>
  <si>
    <t>vpo multan khurd</t>
  </si>
  <si>
    <t>GGPS MULTANI LANGAH</t>
  </si>
  <si>
    <t>Ghannu Wale</t>
  </si>
  <si>
    <t>ggps multani langah moza ghannu wale uch sharif</t>
  </si>
  <si>
    <t>Anam Batool</t>
  </si>
  <si>
    <t>GGPS MULTANI WALA</t>
  </si>
  <si>
    <t>chah multani wala chak no.2 kot chutta district D.G.Khan</t>
  </si>
  <si>
    <t>Municipal Committee  Kot Chutta</t>
  </si>
  <si>
    <t>Anjum Almas</t>
  </si>
  <si>
    <t>GGPS MULTANI WALA KEHROR PACCA</t>
  </si>
  <si>
    <t>Ke9hror Pacca</t>
  </si>
  <si>
    <t>basti Multani wala kahror pacca</t>
  </si>
  <si>
    <t>Basti Multani Wala</t>
  </si>
  <si>
    <t>Nudrat Malik</t>
  </si>
  <si>
    <t>GGPS MULTANI WALA P/O MULTANI WALA MULTAN</t>
  </si>
  <si>
    <t>Multaniwala</t>
  </si>
  <si>
    <t>GGPS Multaniwala p/o same District &amp;tehsil Multan</t>
  </si>
  <si>
    <t>Khaggywala</t>
  </si>
  <si>
    <t>Rubina Khan</t>
  </si>
  <si>
    <t>GGPS MUMADANI</t>
  </si>
  <si>
    <t>Mery Sha</t>
  </si>
  <si>
    <t>g.g.p/s mumdani basti qasim jhulan</t>
  </si>
  <si>
    <t>QASIM JHULAN</t>
  </si>
  <si>
    <t>GGPS MUMBEY KEY</t>
  </si>
  <si>
    <t>Mumbey Key</t>
  </si>
  <si>
    <t>Mumbey key</t>
  </si>
  <si>
    <t>Shakeela  Basharat</t>
  </si>
  <si>
    <t>GGPS MUMDANA KHURD</t>
  </si>
  <si>
    <t>MUMDANA</t>
  </si>
  <si>
    <t>MOZA MUMDANA  KHURD</t>
  </si>
  <si>
    <t>MUMDANA KHURD</t>
  </si>
  <si>
    <t>Chak 737 GB</t>
  </si>
  <si>
    <t>GGPS MUMDANI MOZA SONAK</t>
  </si>
  <si>
    <t>GGPS Mumdani sonak BASTI MUNDHANI MAUZA SONAK</t>
  </si>
  <si>
    <t>Basti Mundhani</t>
  </si>
  <si>
    <t>SHABANA ARSHAD</t>
  </si>
  <si>
    <t>GGPS MUMMKA GOJRAN</t>
  </si>
  <si>
    <t>Mumka Gujran</t>
  </si>
  <si>
    <t>village mumka gujran p/o bhicko Chak tehsil shakargarh district narowal</t>
  </si>
  <si>
    <t>Bramanga</t>
  </si>
  <si>
    <t>Nusrat Beghum</t>
  </si>
  <si>
    <t>GGPS MUMTAZ</t>
  </si>
  <si>
    <t>Mohalla Islam Poora</t>
  </si>
  <si>
    <t>kolo road near DHQ hafizabad</t>
  </si>
  <si>
    <t>MC CITY HAFIZABAD</t>
  </si>
  <si>
    <t>Samrina Rafique</t>
  </si>
  <si>
    <t>GGPS MUMTAZ ABAD BAHIWAL</t>
  </si>
  <si>
    <t>mumtaz Abbad Bahiwal</t>
  </si>
  <si>
    <t>Mumtaz Abbad Baiwal</t>
  </si>
  <si>
    <t>Laila Hassan</t>
  </si>
  <si>
    <t>GGPS MUMTAZ COLONY</t>
  </si>
  <si>
    <t>ahmad pur sial</t>
  </si>
  <si>
    <t>chah Qasim Wala\\n</t>
  </si>
  <si>
    <t>chah qasim wala</t>
  </si>
  <si>
    <t>Qamar Shahzadi</t>
  </si>
  <si>
    <t>GGPS MUMTAZ NABI PURA GULBERG-III</t>
  </si>
  <si>
    <t>Shora Kothi</t>
  </si>
  <si>
    <t>118-LDA ShoraKothi Gulberg-II Lahore</t>
  </si>
  <si>
    <t>Gullberg</t>
  </si>
  <si>
    <t>Gulberg-II</t>
  </si>
  <si>
    <t>Tahira Khushi</t>
  </si>
  <si>
    <t>GGPS MUNAWAR ABAD</t>
  </si>
  <si>
    <t>THATTA MUHAMMAD SHAH</t>
  </si>
  <si>
    <t>GGPS MUNAWAR ABAD, UC.39 THATTA MUHAMMAD SHAH,P/O DARBAR DHUNDAY SHAH,TEHSIL BHOWANA,DISTRICT CHINIOT</t>
  </si>
  <si>
    <t>MUNAWAR ABAD</t>
  </si>
  <si>
    <t>KANWAL BATOOL</t>
  </si>
  <si>
    <t>GGPS MUND</t>
  </si>
  <si>
    <t>Mund</t>
  </si>
  <si>
    <t>vill.mund p.o. rachara,tehsil Daska,district Sialkot</t>
  </si>
  <si>
    <t>GGPS MUNDA PEER</t>
  </si>
  <si>
    <t>Tibi Bora Barbie</t>
  </si>
  <si>
    <t>tibi bora gharbi</t>
  </si>
  <si>
    <t>Tibi Bora Gharbi</t>
  </si>
  <si>
    <t>GGPS MUNDAIR KOTHAY</t>
  </si>
  <si>
    <t>Mundair Kothy</t>
  </si>
  <si>
    <t>ggps mundair kothy po. mundair sayedan. teh sambrial dist sialkot</t>
  </si>
  <si>
    <t>GGPS MUNDAYKI</t>
  </si>
  <si>
    <t>mundayki narayn sir</t>
  </si>
  <si>
    <t>Mundayki Narayn Sir</t>
  </si>
  <si>
    <t>Shafia Kausar</t>
  </si>
  <si>
    <t>from other villages</t>
  </si>
  <si>
    <t>GGPS MUNDE KI HITHAR</t>
  </si>
  <si>
    <t>Munday Ki Hithar</t>
  </si>
  <si>
    <t>Arian model farm</t>
  </si>
  <si>
    <t>Munday ki</t>
  </si>
  <si>
    <t>Samar Zahra</t>
  </si>
  <si>
    <t>GGPS MUNDHAR</t>
  </si>
  <si>
    <t>Veohva North</t>
  </si>
  <si>
    <t>g.g.p.s.mandhar</t>
  </si>
  <si>
    <t>Vehova North</t>
  </si>
  <si>
    <t>aamera parven</t>
  </si>
  <si>
    <t>GGPS MUNDHEER</t>
  </si>
  <si>
    <t>Mandeer</t>
  </si>
  <si>
    <t>MAndheer p/o pull sha dolla Teh Kamoke District Gujranwala</t>
  </si>
  <si>
    <t>Mandheer</t>
  </si>
  <si>
    <t>Ganour</t>
  </si>
  <si>
    <t>GGPS MUNDI</t>
  </si>
  <si>
    <t>Mundi</t>
  </si>
  <si>
    <t>Ggpsmundi post office joor</t>
  </si>
  <si>
    <t>Sundas Rida</t>
  </si>
  <si>
    <t>GGPS MUNDIAL</t>
  </si>
  <si>
    <t>mohella Mundial naushehra soon</t>
  </si>
  <si>
    <t>naushehra</t>
  </si>
  <si>
    <t>GGPS MUNDIR</t>
  </si>
  <si>
    <t>Mundir</t>
  </si>
  <si>
    <t>mundir p/o lalamusa teh kharian</t>
  </si>
  <si>
    <t>Kulewal Sydan</t>
  </si>
  <si>
    <t>GGPS MUNDO WALA</t>
  </si>
  <si>
    <t>basti ameer pur</t>
  </si>
  <si>
    <t>GGPS MUNIAN</t>
  </si>
  <si>
    <t>Vpo Tamman , Dhoke Munian Tehsil Talagang District Chakwal.</t>
  </si>
  <si>
    <t>GGPS MUNIR ABAD</t>
  </si>
  <si>
    <t>Govt Primary School Muneer abad</t>
  </si>
  <si>
    <t>Samina Iqbal Khan</t>
  </si>
  <si>
    <t>GGPS MUNIR WALI TEH. JALALPUR PIRWALA</t>
  </si>
  <si>
    <t>wahi khore</t>
  </si>
  <si>
    <t>wahi khore jppw</t>
  </si>
  <si>
    <t>khore wala</t>
  </si>
  <si>
    <t>GGPS MUNJKAY</t>
  </si>
  <si>
    <t>Manjke</t>
  </si>
  <si>
    <t>Manjky tehsil pasrur disst sailkot</t>
  </si>
  <si>
    <t>Manjkay</t>
  </si>
  <si>
    <t>GGPS MUNNIAN WALA</t>
  </si>
  <si>
    <t>Munnianwala</t>
  </si>
  <si>
    <t>GGPSMunianwala</t>
  </si>
  <si>
    <t>Chachy Gil</t>
  </si>
  <si>
    <t>Shakara Shafi</t>
  </si>
  <si>
    <t>GGPS MUNSHI NOOR MUHAMMAD KUNDIAN</t>
  </si>
  <si>
    <t>mohallah khaja khel kundian</t>
  </si>
  <si>
    <t>GGPS MUNSHI UTTAR</t>
  </si>
  <si>
    <t>Munshi Uttar</t>
  </si>
  <si>
    <t>Uzma Tahira</t>
  </si>
  <si>
    <t>GGPS MUNSHI WALA NO.2 JALALPUR</t>
  </si>
  <si>
    <t>Munshi wala ,Tehsil jalalpur pir wala, District Multan</t>
  </si>
  <si>
    <t>RAFFET SHAHEEN</t>
  </si>
  <si>
    <t>GGPS MUQARAB KHEL</t>
  </si>
  <si>
    <t>mohala muqarabkhel</t>
  </si>
  <si>
    <t>Ammara Sadaf</t>
  </si>
  <si>
    <t>GGPS MUQEEM PUR SHUJABAD</t>
  </si>
  <si>
    <t>Muqeem pur</t>
  </si>
  <si>
    <t>Govt Girls Primary school Muqeem pur.</t>
  </si>
  <si>
    <t>Mupeem pur</t>
  </si>
  <si>
    <t>shah musa</t>
  </si>
  <si>
    <t>Ambreen Khalil</t>
  </si>
  <si>
    <t>GGPS MUQEEMI WALA</t>
  </si>
  <si>
    <t>BABUL WALI</t>
  </si>
  <si>
    <t>GGPS MUQEEMI WALA MOUZA BABUL WALI</t>
  </si>
  <si>
    <t>MAQAMI WALA</t>
  </si>
  <si>
    <t>KOTLA DEEWAN</t>
  </si>
  <si>
    <t>GGPS MUR MANDI</t>
  </si>
  <si>
    <t>murmandi VPO musakhel</t>
  </si>
  <si>
    <t>Marmandi</t>
  </si>
  <si>
    <t>Naseem Ibrahim</t>
  </si>
  <si>
    <t>GGPS MURAAD WALA</t>
  </si>
  <si>
    <t>chah murad wala Muslim kot</t>
  </si>
  <si>
    <t>Saira Gull</t>
  </si>
  <si>
    <t>GGPS MURABBA NO. 52 ST. NO 21</t>
  </si>
  <si>
    <t>st#21, sq#52, muzaffar colony,fsd</t>
  </si>
  <si>
    <t>Muzaffar Colony</t>
  </si>
  <si>
    <t>GGPS MURAD KE KATHIA 1</t>
  </si>
  <si>
    <t>murad ke kathia</t>
  </si>
  <si>
    <t>chak murad ke kathia</t>
  </si>
  <si>
    <t>Nasreen Mahmood</t>
  </si>
  <si>
    <t>GGPS MURAD MAAN SARAI SIDHU</t>
  </si>
  <si>
    <t>Murad Maan</t>
  </si>
  <si>
    <t>ggps Murad maan</t>
  </si>
  <si>
    <t>GGPS MURAD PUR</t>
  </si>
  <si>
    <t>post office sardar our jhandir moza murad pur tehsil mailsi district vehari</t>
  </si>
  <si>
    <t>Farheen Iqbal</t>
  </si>
  <si>
    <t>GGPS MURAD PUR SANGI</t>
  </si>
  <si>
    <t>iqbal Nagar</t>
  </si>
  <si>
    <t>Basti malok walo jdw</t>
  </si>
  <si>
    <t>Kot Ghulam Meran Shah</t>
  </si>
  <si>
    <t>GGPS MURAD PUR SHUMALI</t>
  </si>
  <si>
    <t>government  girl p/s Murad pur shumali</t>
  </si>
  <si>
    <t>Baste Bana Roya</t>
  </si>
  <si>
    <t>GGPS MURAD PUR SIAL</t>
  </si>
  <si>
    <t>Muradpur Sial</t>
  </si>
  <si>
    <t>Fehmida Sultana</t>
  </si>
  <si>
    <t>GGPS MURAD WAH</t>
  </si>
  <si>
    <t>Muradwah</t>
  </si>
  <si>
    <t>ggps muradwah basti jam klo moza murad wah</t>
  </si>
  <si>
    <t>Basti Jam Kalo</t>
  </si>
  <si>
    <t>Ghrhi Akhtiar Khan</t>
  </si>
  <si>
    <t>GGPS MURADAY KHURD</t>
  </si>
  <si>
    <t>GGPS Murady khurd</t>
  </si>
  <si>
    <t>Murady khurd</t>
  </si>
  <si>
    <t>AMARA NAZ</t>
  </si>
  <si>
    <t>GGPS MURALI</t>
  </si>
  <si>
    <t>Murali</t>
  </si>
  <si>
    <t>vill murali po kot sarang teh talagang  distt  chakwal</t>
  </si>
  <si>
    <t>Kot Sarang</t>
  </si>
  <si>
    <t>Suriya Sultana</t>
  </si>
  <si>
    <t>GGPS MURAR PUR</t>
  </si>
  <si>
    <t>Mararpur</t>
  </si>
  <si>
    <t>mararpur</t>
  </si>
  <si>
    <t>Murarpur</t>
  </si>
  <si>
    <t>Chak Manjo</t>
  </si>
  <si>
    <t>Rabia Pervaiz</t>
  </si>
  <si>
    <t>GGPS MURDANI</t>
  </si>
  <si>
    <t>34 GD same via sadar gofgera</t>
  </si>
  <si>
    <t>Sheikh Sharif</t>
  </si>
  <si>
    <t>Nadia Kousar</t>
  </si>
  <si>
    <t>GGPS MURHAL</t>
  </si>
  <si>
    <t>GGPS Murhal post office Minwal District Chakwal</t>
  </si>
  <si>
    <t>Murhal</t>
  </si>
  <si>
    <t>Saira Gul</t>
  </si>
  <si>
    <t>GGPS MURID BALLA</t>
  </si>
  <si>
    <t>Nosheen Akhter</t>
  </si>
  <si>
    <t>GGPS MURID NO. 2</t>
  </si>
  <si>
    <t>vpo Mureed tehsil.and dist. chakwal</t>
  </si>
  <si>
    <t>Azra naheed</t>
  </si>
  <si>
    <t>GGPS MURIDWAL MULTAN ROAD</t>
  </si>
  <si>
    <t>Naiz Baigh</t>
  </si>
  <si>
    <t>ggps muridwal tohkar naiz baig multan road Lahore</t>
  </si>
  <si>
    <t>Muridwal</t>
  </si>
  <si>
    <t>Shahpur Kanjrah</t>
  </si>
  <si>
    <t>GGPS MURRAL</t>
  </si>
  <si>
    <t>Churkin</t>
  </si>
  <si>
    <t>basti murral</t>
  </si>
  <si>
    <t>Murral</t>
  </si>
  <si>
    <t>Ghulam Zeenat</t>
  </si>
  <si>
    <t>GGPS MURRANGE</t>
  </si>
  <si>
    <t>Murrange</t>
  </si>
  <si>
    <t>Mouza murrange basti murrange uc fazala</t>
  </si>
  <si>
    <t>Umm-E-Salma</t>
  </si>
  <si>
    <t>GGPS MURRI THUL</t>
  </si>
  <si>
    <t>ggps marhi thul</t>
  </si>
  <si>
    <t>Marhi</t>
  </si>
  <si>
    <t>Nawakot</t>
  </si>
  <si>
    <t>GGPS MURSHAD ABAD</t>
  </si>
  <si>
    <t>Murshad Abad</t>
  </si>
  <si>
    <t>murshad abad tehsil pasrur district sialkot</t>
  </si>
  <si>
    <t>Sadia sarwar</t>
  </si>
  <si>
    <t>GGPS MURTAZA</t>
  </si>
  <si>
    <t>Murtaza</t>
  </si>
  <si>
    <t>Murtaza P.O More khunda</t>
  </si>
  <si>
    <t>Ada Mangtanwala</t>
  </si>
  <si>
    <t>Shaista Abbas</t>
  </si>
  <si>
    <t>GGPS MUSA KAHUT</t>
  </si>
  <si>
    <t>Musa Kahut</t>
  </si>
  <si>
    <t>village Musa kahut po padshahn</t>
  </si>
  <si>
    <t>Mehwish Shaheen</t>
  </si>
  <si>
    <t>GGPS MUSA KALAN</t>
  </si>
  <si>
    <t>Mussa Kalan</t>
  </si>
  <si>
    <t>mussa kalan</t>
  </si>
  <si>
    <t>GGPS MUSA KHEL EAST</t>
  </si>
  <si>
    <t>mohallah yarikhel musakhel tehsil o distt mianwal</t>
  </si>
  <si>
    <t>Zaitoon Akhter</t>
  </si>
  <si>
    <t>GGPS MUSA LAGHARI</t>
  </si>
  <si>
    <t>phulan</t>
  </si>
  <si>
    <t>basti samandri  moza phulan</t>
  </si>
  <si>
    <t>basti samndry</t>
  </si>
  <si>
    <t>bandy shaw</t>
  </si>
  <si>
    <t>Arfa Akram</t>
  </si>
  <si>
    <t>GGPS MUSALA</t>
  </si>
  <si>
    <t>MUSALLA</t>
  </si>
  <si>
    <t>GGPS MUSALLA</t>
  </si>
  <si>
    <t>Naima Toor</t>
  </si>
  <si>
    <t>GGPS MUSALIAN WALA</t>
  </si>
  <si>
    <t>wandha bugga khe sultan khel gharbi esakhel mianwali</t>
  </si>
  <si>
    <t>GGPS MUSALIAN WALA NORTH II</t>
  </si>
  <si>
    <t>Maghiana</t>
  </si>
  <si>
    <t>ggps mustafa s.a.w campus near old biy pass</t>
  </si>
  <si>
    <t>Ismatzahra</t>
  </si>
  <si>
    <t>GGPS MUSALMANIAN</t>
  </si>
  <si>
    <t>Musalmanian</t>
  </si>
  <si>
    <t>p.0 jassar village musalmanian Tehsil dist narowal</t>
  </si>
  <si>
    <t>GGPS MUSAY WALA</t>
  </si>
  <si>
    <t>Musay wala</t>
  </si>
  <si>
    <t>Village Musay Wala,</t>
  </si>
  <si>
    <t>Musay Wala</t>
  </si>
  <si>
    <t>Safina Akram</t>
  </si>
  <si>
    <t>GGPS MUSE WAL</t>
  </si>
  <si>
    <t>musewal</t>
  </si>
  <si>
    <t>Aysha Hameed</t>
  </si>
  <si>
    <t>GGPS MUSHTAQ WALA</t>
  </si>
  <si>
    <t>Talkachu</t>
  </si>
  <si>
    <t>ggps mushtaqwala</t>
  </si>
  <si>
    <t>GGPS MUSLIM ABAD</t>
  </si>
  <si>
    <t>GGPS Muslim ABAD</t>
  </si>
  <si>
    <t>GGPS MUSLIM ABAD NEW RAFEEQ ABAD</t>
  </si>
  <si>
    <t>Noorey Wali</t>
  </si>
  <si>
    <t>Rafeeq-Abad Colony Rahim Yar Khan</t>
  </si>
  <si>
    <t>Rafieeq-Abad</t>
  </si>
  <si>
    <t>GGPS MUSLIM COLONY HAROONABAD</t>
  </si>
  <si>
    <t>G.G.P.S Muslim Colony Haroonabad, District Bahawalnagar</t>
  </si>
  <si>
    <t>Town Comittee</t>
  </si>
  <si>
    <t>Zubaida Abbas</t>
  </si>
  <si>
    <t>GGPS MUSLIM COLONY PASRUR</t>
  </si>
  <si>
    <t>muslim colony pasrur</t>
  </si>
  <si>
    <t>Pasrur-1</t>
  </si>
  <si>
    <t>Anjum Aziz</t>
  </si>
  <si>
    <t>GGPS MUSLIM COLONY SHAHDARA</t>
  </si>
  <si>
    <t>Imamia Colony shahdra Lahore</t>
  </si>
  <si>
    <t>Kubra Ali Asghar</t>
  </si>
  <si>
    <t>GGPS MUSLIM DOGAR</t>
  </si>
  <si>
    <t>Muslim Doger</t>
  </si>
  <si>
    <t>Muslim doger</t>
  </si>
  <si>
    <t>Shagufta Sohan</t>
  </si>
  <si>
    <t>GGPS MUSLIM GUNJ</t>
  </si>
  <si>
    <t>mohalla Muslim Gunj Kamoki</t>
  </si>
  <si>
    <t>GGPS MUSLIM M K SAHEED COLONY-2</t>
  </si>
  <si>
    <t>Kaleem Shaheed Colony No2</t>
  </si>
  <si>
    <t>GGMM primary school KALEEM SHAEED COLONY NO 2</t>
  </si>
  <si>
    <t>124 Jb</t>
  </si>
  <si>
    <t>Saddiq E Akbar</t>
  </si>
  <si>
    <t>Asma Nasim</t>
  </si>
  <si>
    <t>GGPS MUSLIM PURA SHARAQPUR</t>
  </si>
  <si>
    <t>Sharaqpur</t>
  </si>
  <si>
    <t>ggps muslimpura sharaqpur</t>
  </si>
  <si>
    <t>Muslim Pura</t>
  </si>
  <si>
    <t>Town Commitee Sharaqpur</t>
  </si>
  <si>
    <t>Muzamal Hanif</t>
  </si>
  <si>
    <t>GGPS MUSLIM TOWN SKG</t>
  </si>
  <si>
    <t>muslim town   skg</t>
  </si>
  <si>
    <t>Ghazia Razia</t>
  </si>
  <si>
    <t>GGPS MUSSALIAN WALA</t>
  </si>
  <si>
    <t>pio box khokhranwala Haitu</t>
  </si>
  <si>
    <t>Musalian Wala</t>
  </si>
  <si>
    <t>Mehvish Shahzadi</t>
  </si>
  <si>
    <t>GGPS MUSTAFA LASHKARNI WALA</t>
  </si>
  <si>
    <t>Norey wala Paka</t>
  </si>
  <si>
    <t>Moza Norey Wala Paka Teh &amp;Dist Layyah</t>
  </si>
  <si>
    <t>Mustafa Khan wala</t>
  </si>
  <si>
    <t>Basti Shadu khan</t>
  </si>
  <si>
    <t>Asia Gull</t>
  </si>
  <si>
    <t>GGPS MUSTAFABAD CHINOT</t>
  </si>
  <si>
    <t>Mohallah mustufabad</t>
  </si>
  <si>
    <t>Rahaman Abad</t>
  </si>
  <si>
    <t>GGPS MUSTALA</t>
  </si>
  <si>
    <t>Mastala</t>
  </si>
  <si>
    <t>vil mastala,p.o adhi</t>
  </si>
  <si>
    <t>Summera Bashir</t>
  </si>
  <si>
    <t>GGPS MUSTFA ABAD SHAHDRA</t>
  </si>
  <si>
    <t>G G P/ SCHOOL MUSTAFABAD SHAHDRA</t>
  </si>
  <si>
    <t>MUHALLA MUSTAFABAD</t>
  </si>
  <si>
    <t>GGPS MUT CHAKRANI</t>
  </si>
  <si>
    <t>Mouza mutt barthi trible area distt dgkhan</t>
  </si>
  <si>
    <t>MAIMOONA MUNIR</t>
  </si>
  <si>
    <t>GGPS MUT CHANDIA</t>
  </si>
  <si>
    <t>Mut Chandia</t>
  </si>
  <si>
    <t>Basti mut chandia uc mubarki</t>
  </si>
  <si>
    <t>Sadia kanwal</t>
  </si>
  <si>
    <t>GGPS MUTAHAR WALA</t>
  </si>
  <si>
    <t>mutahar wala</t>
  </si>
  <si>
    <t>GGPS MUTHRALA</t>
  </si>
  <si>
    <t>Muthrala</t>
  </si>
  <si>
    <t>v/po muthrala tehsil talagang distt chakwal</t>
  </si>
  <si>
    <t>GGPS MUTTHI</t>
  </si>
  <si>
    <t>Mutthi</t>
  </si>
  <si>
    <t>ggps mutthi</t>
  </si>
  <si>
    <t>Sobia Yousaf</t>
  </si>
  <si>
    <t>GGPS MUZA DHUKRAN</t>
  </si>
  <si>
    <t>Dhukran</t>
  </si>
  <si>
    <t>muza dhukran basti gulam qasim</t>
  </si>
  <si>
    <t>yasmeen Kousar</t>
  </si>
  <si>
    <t>GGPS MUZAFAR ABAD</t>
  </si>
  <si>
    <t>CHAK MUZAFFAR  ABAD</t>
  </si>
  <si>
    <t>CHAK MUZAFFAR ABAD.TEHSIL SHAHPUR SADAR.SARGODHA</t>
  </si>
  <si>
    <t>CHAK MUZAFFAR ABAD</t>
  </si>
  <si>
    <t>UMBREEN FATIMA</t>
  </si>
  <si>
    <t>GGPS MUZAFFAR ABAD</t>
  </si>
  <si>
    <t>muh Muzaffarbad Narang</t>
  </si>
  <si>
    <t>GGPS MUZAFFAR PUR GHARBI</t>
  </si>
  <si>
    <t>Muzafar pur</t>
  </si>
  <si>
    <t>Nazd GHS Muzafar pur tEhsil Mianwali</t>
  </si>
  <si>
    <t>Muzaffarpur Gharbi</t>
  </si>
  <si>
    <t>MUZAFFAR PUR  JANUBI</t>
  </si>
  <si>
    <t>shukria khanum</t>
  </si>
  <si>
    <t>GGPS NAAGRAY</t>
  </si>
  <si>
    <t>Nagray</t>
  </si>
  <si>
    <t>Nagray p/o Bhogotipur Tehsil Zafarwal District Narowal</t>
  </si>
  <si>
    <t>Kalsoom Jamil</t>
  </si>
  <si>
    <t>GGPS NAAI WALA</t>
  </si>
  <si>
    <t>Naaiwala</t>
  </si>
  <si>
    <t>naaiwala</t>
  </si>
  <si>
    <t>Sham Sing</t>
  </si>
  <si>
    <t>Asia  Noreen</t>
  </si>
  <si>
    <t>GGPS NABI BUKHSH WALA</t>
  </si>
  <si>
    <t>nabi bukhsh</t>
  </si>
  <si>
    <t>ggps nabi bukhsh</t>
  </si>
  <si>
    <t>pandoki</t>
  </si>
  <si>
    <t>Fouzia irshad</t>
  </si>
  <si>
    <t>GGPS NABI DAYA</t>
  </si>
  <si>
    <t>GGPS Nabi Daya basti shahid haider joyia</t>
  </si>
  <si>
    <t>Basti Shahid  Plxoxldlclckclclcll</t>
  </si>
  <si>
    <t>Fouzia Muhammad Hussain</t>
  </si>
  <si>
    <t>GGPS NABI PUR NO.1</t>
  </si>
  <si>
    <t>basti nabipur p.o sultanpur tehsil alipur</t>
  </si>
  <si>
    <t>Basti Nabipur No 1</t>
  </si>
  <si>
    <t>SEEMAN PERVEEN</t>
  </si>
  <si>
    <t>GGPS NABI PUR NO.2</t>
  </si>
  <si>
    <t>Pka Naich</t>
  </si>
  <si>
    <t>Basti Allahwsya moza ghouse pur adi wala</t>
  </si>
  <si>
    <t>Basti Allahwasya</t>
  </si>
  <si>
    <t>Rehana Shamshad</t>
  </si>
  <si>
    <t>GGPS NABI PUR NO.3</t>
  </si>
  <si>
    <t>Basti Kabeer wala GG p/s nabi pur no 3</t>
  </si>
  <si>
    <t>basti kabeerwala</t>
  </si>
  <si>
    <t>munazza nasreen</t>
  </si>
  <si>
    <t>GGPS NABI PUR PIRIAN</t>
  </si>
  <si>
    <t>Nabipur Piran</t>
  </si>
  <si>
    <t>Shabana Saleem</t>
  </si>
  <si>
    <t>GGPS NABI PURA</t>
  </si>
  <si>
    <t>Nabipura</t>
  </si>
  <si>
    <t>GGPS Nabipura, Sheikhupura</t>
  </si>
  <si>
    <t>Syeda Bushra Khanam</t>
  </si>
  <si>
    <t>GGPS NABI PURA DINGA</t>
  </si>
  <si>
    <t>nabipura dinga  tehsil kharian</t>
  </si>
  <si>
    <t>Dinga-ii</t>
  </si>
  <si>
    <t>Uneesa Jabeen</t>
  </si>
  <si>
    <t>GGPS NABI SHAH</t>
  </si>
  <si>
    <t>sonmiani</t>
  </si>
  <si>
    <t>umay kalsoom Akhter</t>
  </si>
  <si>
    <t>GGPS NABI SHAH BALA</t>
  </si>
  <si>
    <t>G.G p/s nbi shah bala</t>
  </si>
  <si>
    <t>Nbi Shah Bala</t>
  </si>
  <si>
    <t>13 Nb</t>
  </si>
  <si>
    <t>GGPS NABI SHAH KHURD</t>
  </si>
  <si>
    <t>Nabi Shah Khurd</t>
  </si>
  <si>
    <t>Nabi shah khurd</t>
  </si>
  <si>
    <t>Subra Shakoor</t>
  </si>
  <si>
    <t>GGPS NABIPUR RUKAN PUR</t>
  </si>
  <si>
    <t>ggps nabi pur markaz shah pur rahim yar khan</t>
  </si>
  <si>
    <t>Tahira Sadaf</t>
  </si>
  <si>
    <t>GGPS NADALA MOGHALAN</t>
  </si>
  <si>
    <t>Nadala Mughlan</t>
  </si>
  <si>
    <t>Nadala mughlan</t>
  </si>
  <si>
    <t>Chalah</t>
  </si>
  <si>
    <t>Asmin Nawaz</t>
  </si>
  <si>
    <t>GGPS NADDAY</t>
  </si>
  <si>
    <t>Nadday</t>
  </si>
  <si>
    <t>moza Nadday</t>
  </si>
  <si>
    <t>Classan Padamal</t>
  </si>
  <si>
    <t>Sidra Shareef</t>
  </si>
  <si>
    <t>GGPS NADRAL</t>
  </si>
  <si>
    <t>Nadral</t>
  </si>
  <si>
    <t>gmps Nadral teh chakwal p.office Minwal</t>
  </si>
  <si>
    <t>Zakia naz</t>
  </si>
  <si>
    <t>GGPS NAG SHAH</t>
  </si>
  <si>
    <t>Nagshah</t>
  </si>
  <si>
    <t>Government Girls Primary School Nagshah isakhel</t>
  </si>
  <si>
    <t>GGPS NAGERIAN WALA</t>
  </si>
  <si>
    <t>Nagrainwala</t>
  </si>
  <si>
    <t>nagrainwala</t>
  </si>
  <si>
    <t>Memoona Batool</t>
  </si>
  <si>
    <t>GGPS NAGRAY</t>
  </si>
  <si>
    <t>Sidra Muhammad Ali</t>
  </si>
  <si>
    <t>GGPS NAGRI</t>
  </si>
  <si>
    <t>post office bilomar dhok nagri, tehsil talagang,district chakwal</t>
  </si>
  <si>
    <t>Dhok Nagri</t>
  </si>
  <si>
    <t>Tehmina  Bibi</t>
  </si>
  <si>
    <t>GGPS NAGRIAN WALA</t>
  </si>
  <si>
    <t>GGPS Nagrianwala</t>
  </si>
  <si>
    <t>Sugra Perveen</t>
  </si>
  <si>
    <t>GGPS NAGROTA ANSARIAN</t>
  </si>
  <si>
    <t>Nagrota Ansarian</t>
  </si>
  <si>
    <t>ggps nagrota insarian</t>
  </si>
  <si>
    <t>GGPS NAGWAL</t>
  </si>
  <si>
    <t>ggps nagwal</t>
  </si>
  <si>
    <t>AMDAD NABI</t>
  </si>
  <si>
    <t>GGPS NAHALA RAIWIND</t>
  </si>
  <si>
    <t>Nahla</t>
  </si>
  <si>
    <t>GGPS Nahla near Glammer Adda Manga Road Raiwind LHR</t>
  </si>
  <si>
    <t>RABIA BASRI</t>
  </si>
  <si>
    <t>GGPS NAHAR WALI</t>
  </si>
  <si>
    <t>Naher Wali</t>
  </si>
  <si>
    <t>basti kachi kothi moza naher wali</t>
  </si>
  <si>
    <t>GGPS NAHMAT ALI SIPHON</t>
  </si>
  <si>
    <t>Chadhar Bhinda</t>
  </si>
  <si>
    <t>moza chaddhar bhinda syphon</t>
  </si>
  <si>
    <t>Basti Ibraheem</t>
  </si>
  <si>
    <t>Sumara Sarwar</t>
  </si>
  <si>
    <t>GGPS NAHRAN WALA</t>
  </si>
  <si>
    <t>nehran wala</t>
  </si>
  <si>
    <t>nrhranwala depalpur</t>
  </si>
  <si>
    <t>nehranwala</t>
  </si>
  <si>
    <t>shah yaka</t>
  </si>
  <si>
    <t>GGPS NAHRAY WALA</t>
  </si>
  <si>
    <t>chah jeetay wala moza nawan kot tehsiel choubara distic Layyah</t>
  </si>
  <si>
    <t>Jeetay Wala</t>
  </si>
  <si>
    <t>GGPS NAHUA</t>
  </si>
  <si>
    <t>Jhamat shumili</t>
  </si>
  <si>
    <t>nahua</t>
  </si>
  <si>
    <t>Nahua</t>
  </si>
  <si>
    <t>Jhamat Shumili</t>
  </si>
  <si>
    <t>Toaqeer Kaukab</t>
  </si>
  <si>
    <t>GGPS NAI ABADI 14/G</t>
  </si>
  <si>
    <t>14/g</t>
  </si>
  <si>
    <t>nai a bad i 14/g</t>
  </si>
  <si>
    <t>14/G</t>
  </si>
  <si>
    <t>GGPS NAI ABADI BHAROKAY</t>
  </si>
  <si>
    <t>Nai Abadi Bharokay p/o Gunah kalan Teh.Disst,Sialkot</t>
  </si>
  <si>
    <t>Nai Abadi Bharokay</t>
  </si>
  <si>
    <t>Maria Javed</t>
  </si>
  <si>
    <t>GGPS NAI ABADI CHAPRARI</t>
  </si>
  <si>
    <t>Naiabadi Chprari</t>
  </si>
  <si>
    <t>Nai Abadi Chaprari tehsil district sialkot</t>
  </si>
  <si>
    <t>Nai Abadi Chaprari</t>
  </si>
  <si>
    <t>Nazma Shafi</t>
  </si>
  <si>
    <t>GGPS NAI ABADI JANUBI</t>
  </si>
  <si>
    <t>street. no3 qadrabad</t>
  </si>
  <si>
    <t>Nai Abadi Janubi</t>
  </si>
  <si>
    <t>Watakhel</t>
  </si>
  <si>
    <t>GGPS NAI ABADI JHUGGIAN RAIWIND ROAD</t>
  </si>
  <si>
    <t>Rakh Khamba</t>
  </si>
  <si>
    <t>G.G.P.S Nai abadi jhuggian tehsil raiwind</t>
  </si>
  <si>
    <t>Jhuggian Ameer Pura</t>
  </si>
  <si>
    <t>Rehana Sadiq</t>
  </si>
  <si>
    <t>GGPS NAI ABADI KUNDIAN</t>
  </si>
  <si>
    <t>Mohallah Skelmanthorpe Kundian</t>
  </si>
  <si>
    <t>Fitrat Batool</t>
  </si>
  <si>
    <t>GGPS NAI ABADI NAJWAL</t>
  </si>
  <si>
    <t>Nai Abadi Najwal</t>
  </si>
  <si>
    <t>GGPS NAI ABADI NONAR</t>
  </si>
  <si>
    <t>Nai Abadi Nonar</t>
  </si>
  <si>
    <t>GGPSNAIABADI Nai Abadi Nonar</t>
  </si>
  <si>
    <t>Nai Ababi</t>
  </si>
  <si>
    <t>GGPS NAI BASTI ALLAH ABAD</t>
  </si>
  <si>
    <t>new basti Allah bad kabirwala</t>
  </si>
  <si>
    <t>New Basti</t>
  </si>
  <si>
    <t>Nabi Pour</t>
  </si>
  <si>
    <t>Manzoor Begum</t>
  </si>
  <si>
    <t>GGPS NAI BASTI DHERAN WALA</t>
  </si>
  <si>
    <t>Kulluan Wala</t>
  </si>
  <si>
    <t>Nai basti dehran wala</t>
  </si>
  <si>
    <t>Dehran Wala</t>
  </si>
  <si>
    <t>GGPS NAI BHANI NO.2</t>
  </si>
  <si>
    <t>Nai Bheni</t>
  </si>
  <si>
    <t>Nai bheni ,sharaqpur ,distt sheikhupura</t>
  </si>
  <si>
    <t>Kishwar Bashir</t>
  </si>
  <si>
    <t>GGPS NAI COLONY LAS LAWARIS</t>
  </si>
  <si>
    <t>G.G.P.S.NAI COLONY LAS LAWARIS</t>
  </si>
  <si>
    <t>Nai Colony Laslawaris</t>
  </si>
  <si>
    <t>Amna Bashir</t>
  </si>
  <si>
    <t>GGPS NAI DEHLI</t>
  </si>
  <si>
    <t>Bori</t>
  </si>
  <si>
    <t>ggps new dehli po lang shumali</t>
  </si>
  <si>
    <t>New Dehli</t>
  </si>
  <si>
    <t>Kot Eisa Shah</t>
  </si>
  <si>
    <t>Kousar Purveen</t>
  </si>
  <si>
    <t>GGPS NAI MANDI SUKHEKI</t>
  </si>
  <si>
    <t>Nai Mandi</t>
  </si>
  <si>
    <t>Nai Mandi Sukheke</t>
  </si>
  <si>
    <t>Kiran Habiba</t>
  </si>
  <si>
    <t>GGPS NAI WALA</t>
  </si>
  <si>
    <t>Mangla Nai Wala</t>
  </si>
  <si>
    <t>govt.girls primary school mangla naiwala,daak khana sawai wala,tehsil and district bahawalnagar.</t>
  </si>
  <si>
    <t>Tabassum Saleem</t>
  </si>
  <si>
    <t>GGPS NAIB WALL</t>
  </si>
  <si>
    <t>naibwall</t>
  </si>
  <si>
    <t>GGps naib wall</t>
  </si>
  <si>
    <t>ferozpur chistian</t>
  </si>
  <si>
    <t>GGPS NAIKA</t>
  </si>
  <si>
    <t>Naika</t>
  </si>
  <si>
    <t>ggps naika district attock</t>
  </si>
  <si>
    <t>zeenat Kousar</t>
  </si>
  <si>
    <t>GGPS NAIN SUKH WALA</t>
  </si>
  <si>
    <t>Nain Sukh</t>
  </si>
  <si>
    <t>Kot Chudrian</t>
  </si>
  <si>
    <t>Syeda Arooje Fatima</t>
  </si>
  <si>
    <t>GGPS NAIN WAL JAGHIR</t>
  </si>
  <si>
    <t>Nainwal jagir kasur</t>
  </si>
  <si>
    <t>Nain Wal</t>
  </si>
  <si>
    <t>Dohlan Athar</t>
  </si>
  <si>
    <t>Nafees Tahira</t>
  </si>
  <si>
    <t>GGPS NAIYAN WALA</t>
  </si>
  <si>
    <t>Naiyanwala</t>
  </si>
  <si>
    <t>ggps Naiyanwala</t>
  </si>
  <si>
    <t>Alikhail</t>
  </si>
  <si>
    <t>Shaheen Aslam</t>
  </si>
  <si>
    <t>GGPS NAJAF ABAD</t>
  </si>
  <si>
    <t>P A Rehman</t>
  </si>
  <si>
    <t>chah wan markaz P.A.Rehman</t>
  </si>
  <si>
    <t>chah wan</t>
  </si>
  <si>
    <t>GGPS NAJAF ABAD MOUZA FATEH SHAH</t>
  </si>
  <si>
    <t>najaf abad , fateh shah tehsil 18 hazari district jhang</t>
  </si>
  <si>
    <t>Najaf Abad</t>
  </si>
  <si>
    <t>Shakeela Nawaz</t>
  </si>
  <si>
    <t>GGPS NAJAM PUR BASTI MACHIAN</t>
  </si>
  <si>
    <t>Ahmed Pur Kohna</t>
  </si>
  <si>
    <t>GGPS Najam pur Ahmed pur kohna</t>
  </si>
  <si>
    <t>Farhat Tanveer</t>
  </si>
  <si>
    <t>GGPS NAJU CHAK</t>
  </si>
  <si>
    <t>Najuchak</t>
  </si>
  <si>
    <t>GGPS NAJUCHAK</t>
  </si>
  <si>
    <t>Adeela Nisar</t>
  </si>
  <si>
    <t>GGPS NAKA KALAN</t>
  </si>
  <si>
    <t>Village  Naka kalan</t>
  </si>
  <si>
    <t>Mera Shareef</t>
  </si>
  <si>
    <t>GGPS NAKA REHAN</t>
  </si>
  <si>
    <t>Nakka Rehan</t>
  </si>
  <si>
    <t>Nakka Rehan Talagang</t>
  </si>
  <si>
    <t>GGPS NAKHAY</t>
  </si>
  <si>
    <t>Nakhy</t>
  </si>
  <si>
    <t>GGP/S Nakhay</t>
  </si>
  <si>
    <t>GGPS NAKHLORE</t>
  </si>
  <si>
    <t>Nakhlore</t>
  </si>
  <si>
    <t>Basti Nakhlore.P.O Hatheji</t>
  </si>
  <si>
    <t>Madiha Akhtar</t>
  </si>
  <si>
    <t>GGPS NAKHNAL</t>
  </si>
  <si>
    <t>Nakhnal</t>
  </si>
  <si>
    <t>Tshsil pasrur dist.Sailkot</t>
  </si>
  <si>
    <t>GGPS NAKI JUTTAN</t>
  </si>
  <si>
    <t>Neiki Jattan</t>
  </si>
  <si>
    <t>neiki jattan</t>
  </si>
  <si>
    <t>Zubaria Asghar</t>
  </si>
  <si>
    <t>GGPS NAKKA KHURD</t>
  </si>
  <si>
    <t>nakka khurd</t>
  </si>
  <si>
    <t>Samina Khan</t>
  </si>
  <si>
    <t>GGPS NAKKI  JAGASI</t>
  </si>
  <si>
    <t>Nakki Jagesi</t>
  </si>
  <si>
    <t>govt girls primary school nakki jagesi tehsil dina district jhelum</t>
  </si>
  <si>
    <t>Nakki Jagedi</t>
  </si>
  <si>
    <t>Shakila Bashir</t>
  </si>
  <si>
    <t>GGPS NAKKI RAJGAN</t>
  </si>
  <si>
    <t>Nakki Rajgan</t>
  </si>
  <si>
    <t>v/nakki rajgan.post office bjwala kalan.D/T jhelum</t>
  </si>
  <si>
    <t>Samana Khatoon</t>
  </si>
  <si>
    <t>GGPS NAKKO</t>
  </si>
  <si>
    <t>Nukko</t>
  </si>
  <si>
    <t>village nukko p\ o sayyed tehsil gujarkhan didtt Rawalpindi</t>
  </si>
  <si>
    <t>GGPS NALA</t>
  </si>
  <si>
    <t>chajjana dhanda kotli sattian</t>
  </si>
  <si>
    <t>Nalla</t>
  </si>
  <si>
    <t>GGPS NALA SHARKI</t>
  </si>
  <si>
    <t>Nala Sharqi</t>
  </si>
  <si>
    <t>Nalasharqi</t>
  </si>
  <si>
    <t>Birote Mandwani</t>
  </si>
  <si>
    <t>hameeda begum</t>
  </si>
  <si>
    <t>GGPS NALDAF</t>
  </si>
  <si>
    <t>Nal Daf</t>
  </si>
  <si>
    <t>Village Nal daf p/o barthi trball area  d.g khan</t>
  </si>
  <si>
    <t>Sehrish Zafar</t>
  </si>
  <si>
    <t>GGPS NALI</t>
  </si>
  <si>
    <t>nali khurd</t>
  </si>
  <si>
    <t>Nali Khurd</t>
  </si>
  <si>
    <t>Kot Hasan Khan</t>
  </si>
  <si>
    <t>Faiza Saif</t>
  </si>
  <si>
    <t>GGPS NALKA FARM</t>
  </si>
  <si>
    <t>Nalka Farm</t>
  </si>
  <si>
    <t>Chak Nalka Farm PO Same, Tehsil &amp; District Sahiwal</t>
  </si>
  <si>
    <t>Mirdad Mafi</t>
  </si>
  <si>
    <t>Shafqat Atter</t>
  </si>
  <si>
    <t>GGPS NALKA LAL WALA</t>
  </si>
  <si>
    <t>Nalka Lal Wala</t>
  </si>
  <si>
    <t>Ggps Nalka Lal Wala</t>
  </si>
  <si>
    <t>GGPS NALLA KAKAR DHAR</t>
  </si>
  <si>
    <t>Wahgal</t>
  </si>
  <si>
    <t>village wahgal tehsil kotli sattian rwp</t>
  </si>
  <si>
    <t>Naheed Mehmood</t>
  </si>
  <si>
    <t>GGPS NALLA MOUSANI</t>
  </si>
  <si>
    <t>Nalla Mousani</t>
  </si>
  <si>
    <t>g g p/s nalla mousani</t>
  </si>
  <si>
    <t>GGPS NALLAH</t>
  </si>
  <si>
    <t>Nallah</t>
  </si>
  <si>
    <t>Nallah. Sohawa</t>
  </si>
  <si>
    <t>MC sohawa</t>
  </si>
  <si>
    <t>GGPS NALLI WALA</t>
  </si>
  <si>
    <t>GGP/S chah nali wala</t>
  </si>
  <si>
    <t>Chah Nali Wala</t>
  </si>
  <si>
    <t>GGPS NALSHI WALA</t>
  </si>
  <si>
    <t>Alam Pur</t>
  </si>
  <si>
    <t>Nalshiwala Mouza Alam Pur tehsil mailsi district vehri</t>
  </si>
  <si>
    <t>Nalshiwala</t>
  </si>
  <si>
    <t>sheher bano</t>
  </si>
  <si>
    <t>GGPS NAMA SAMOOR</t>
  </si>
  <si>
    <t>Namasamoor</t>
  </si>
  <si>
    <t>Nama samoor</t>
  </si>
  <si>
    <t>NAMA SAMOOR</t>
  </si>
  <si>
    <t>merdad mafi</t>
  </si>
  <si>
    <t>Nargis Sajjad</t>
  </si>
  <si>
    <t>GGPS NAMAY WALA</t>
  </si>
  <si>
    <t>Dagar Shada</t>
  </si>
  <si>
    <t>Ggps Namay Walla dagar shada</t>
  </si>
  <si>
    <t>Namay Walla</t>
  </si>
  <si>
    <t>Shagufta aziz</t>
  </si>
  <si>
    <t>GGPS NAMAY WALI</t>
  </si>
  <si>
    <t>Namay Wali</t>
  </si>
  <si>
    <t>GGPS Namywali khushab</t>
  </si>
  <si>
    <t>Namaywali</t>
  </si>
  <si>
    <t>Sundral</t>
  </si>
  <si>
    <t>GGPS NAMET ABAD</t>
  </si>
  <si>
    <t>Nematabad</t>
  </si>
  <si>
    <t>MOHALLAH NEMATABAD VPO WAISA</t>
  </si>
  <si>
    <t>Kamalpur Musa</t>
  </si>
  <si>
    <t>NOSHEEN FATIMA</t>
  </si>
  <si>
    <t>GGPS NANAK DA PIND</t>
  </si>
  <si>
    <t>Nanak Da Pind</t>
  </si>
  <si>
    <t>Nanak da pind</t>
  </si>
  <si>
    <t>Kryal Kalan</t>
  </si>
  <si>
    <t>Tanveer Yasmeen</t>
  </si>
  <si>
    <t>GGPS NANAK SAR</t>
  </si>
  <si>
    <t>Nanak Sir</t>
  </si>
  <si>
    <t>bhagta nanak sar</t>
  </si>
  <si>
    <t>Bhagta Nanak Sir</t>
  </si>
  <si>
    <t>GGPS NANAK VIRK</t>
  </si>
  <si>
    <t>Nanak virk</t>
  </si>
  <si>
    <t>nanak virk teh daska dist sialkot</t>
  </si>
  <si>
    <t>Ghazala Khushi Muhammad</t>
  </si>
  <si>
    <t>GGPS NAND KA TAKIA</t>
  </si>
  <si>
    <t>Nand ka Takia</t>
  </si>
  <si>
    <t>Herdosahari</t>
  </si>
  <si>
    <t>Saima Ishfaq</t>
  </si>
  <si>
    <t>GGPS NAND PUR</t>
  </si>
  <si>
    <t>p.o.box changi tehsil daska district sakot</t>
  </si>
  <si>
    <t>Sumeera Kiran</t>
  </si>
  <si>
    <t>GGPS NAND PUR SHARQI</t>
  </si>
  <si>
    <t>nandpur sharqi</t>
  </si>
  <si>
    <t>village nandpur sharqi tehsil sambrial district Sialkot</t>
  </si>
  <si>
    <t>Nandpur Sharqi</t>
  </si>
  <si>
    <t>anila irshad</t>
  </si>
  <si>
    <t>GGPS NANDAH CHAK 115/RB</t>
  </si>
  <si>
    <t>Nandah Chak</t>
  </si>
  <si>
    <t>nandah chak 115 tehsil sangla hill district nankana sahib</t>
  </si>
  <si>
    <t>Pendorian 122</t>
  </si>
  <si>
    <t>Samia Maqsood</t>
  </si>
  <si>
    <t>GGPS NANDAN PURA</t>
  </si>
  <si>
    <t>Nandan Pura</t>
  </si>
  <si>
    <t>nandan pura</t>
  </si>
  <si>
    <t>Uzma Tabasum</t>
  </si>
  <si>
    <t>GGPS NANDI PUR</t>
  </si>
  <si>
    <t>Nandipur</t>
  </si>
  <si>
    <t>Village nandipur tehsil n district sialkot</t>
  </si>
  <si>
    <t>Sabira Aziz</t>
  </si>
  <si>
    <t>GGPS NANDI PUR POWER HOUSE</t>
  </si>
  <si>
    <t>ggps nandipur power house</t>
  </si>
  <si>
    <t>GGPS NANDI PUR VILLAGE</t>
  </si>
  <si>
    <t>GGPS NANNDIPUR VILLAGE</t>
  </si>
  <si>
    <t>Bhatibhango</t>
  </si>
  <si>
    <t>Asima Akbar</t>
  </si>
  <si>
    <t>GGPS NANDKOT</t>
  </si>
  <si>
    <t>Nandkot</t>
  </si>
  <si>
    <t>village Nandkot p/0 tret Tehsil Murree</t>
  </si>
  <si>
    <t>GGPS NANDLA NO.2 NEAR SYED WALI KHOI</t>
  </si>
  <si>
    <t>GGPS Nandla No.2 syda wala bai pasd</t>
  </si>
  <si>
    <t>Basti Now</t>
  </si>
  <si>
    <t>Shahnaz Khan</t>
  </si>
  <si>
    <t>GGPS NANDNA JATTAL</t>
  </si>
  <si>
    <t>kallar syedan</t>
  </si>
  <si>
    <t>vill nadna jatal Po chowk pindori dist rwp teh kallar syedan</t>
  </si>
  <si>
    <t>Nadna jatal</t>
  </si>
  <si>
    <t>bishandot</t>
  </si>
  <si>
    <t>GGPS NANDNA MANGRAL</t>
  </si>
  <si>
    <t>Numb</t>
  </si>
  <si>
    <t>ggpsNandnamangral villNumb po chowkpandori kallar Rwp</t>
  </si>
  <si>
    <t>Nandna Mangral</t>
  </si>
  <si>
    <t>Rashada Qayyum</t>
  </si>
  <si>
    <t>GGPS NANDRAK ABAD</t>
  </si>
  <si>
    <t>Nara Taraf</t>
  </si>
  <si>
    <t>village nandrakabad  tehsil jand district attock</t>
  </si>
  <si>
    <t>Nandrak Abad</t>
  </si>
  <si>
    <t>Fatima Rehman</t>
  </si>
  <si>
    <t>GGPS NANDWAL</t>
  </si>
  <si>
    <t>Nandwal</t>
  </si>
  <si>
    <t>village nandwal p.o sarsal teh kharian distt gujrat</t>
  </si>
  <si>
    <t>Maryam Asghar</t>
  </si>
  <si>
    <t>GGPS NANGAL</t>
  </si>
  <si>
    <t>Nangal</t>
  </si>
  <si>
    <t>Airport road Nangal</t>
  </si>
  <si>
    <t>Kapuro Wali</t>
  </si>
  <si>
    <t>Riffat Sherin</t>
  </si>
  <si>
    <t>GGPS NANGAL BAUCHER</t>
  </si>
  <si>
    <t>nangal bucher po same Narang mandi tehsil muridke distt sheikhupura</t>
  </si>
  <si>
    <t>Bushra Sharif</t>
  </si>
  <si>
    <t>GGPS NANGAL JAMSHAID</t>
  </si>
  <si>
    <t>Nangal jamshaid</t>
  </si>
  <si>
    <t>Thilley</t>
  </si>
  <si>
    <t>GGPS NANGAL MIRZA</t>
  </si>
  <si>
    <t>Nangal Mirza</t>
  </si>
  <si>
    <t>Govt Girls primary school nangal mirza.</t>
  </si>
  <si>
    <t>Kishwar Tahira</t>
  </si>
  <si>
    <t>GGPS NANGAL WAHLA</t>
  </si>
  <si>
    <t>Nangal Wahla</t>
  </si>
  <si>
    <t>nangal wahlah Tehsil and district narowal</t>
  </si>
  <si>
    <t>Nangal Wahlah</t>
  </si>
  <si>
    <t>khadija</t>
  </si>
  <si>
    <t>GGPS NANGAL WARIS KHAN</t>
  </si>
  <si>
    <t>Nangal Waris</t>
  </si>
  <si>
    <t>nangal waris</t>
  </si>
  <si>
    <t>GGPS NANGAN WALI</t>
  </si>
  <si>
    <t>Nangawali</t>
  </si>
  <si>
    <t>GGPS Nangawali Tehsil Pindi gheb</t>
  </si>
  <si>
    <t>GGPS NANGI</t>
  </si>
  <si>
    <t>Thali</t>
  </si>
  <si>
    <t>roqia bibi ggps nagni moza thali tehsil kerorh pkka zila lodhran</t>
  </si>
  <si>
    <t>Nagni</t>
  </si>
  <si>
    <t>Naseerdiwahin</t>
  </si>
  <si>
    <t>GGPS NANGLE MINHASAN</t>
  </si>
  <si>
    <t>Nangal Minhadan</t>
  </si>
  <si>
    <t>vil,Nangal minhasan p/o Baramanga teh shakargarh</t>
  </si>
  <si>
    <t>Nangal Minhasan</t>
  </si>
  <si>
    <t>Atia rasool</t>
  </si>
  <si>
    <t>GGPS NANGLI</t>
  </si>
  <si>
    <t>Nangli</t>
  </si>
  <si>
    <t>village nangli p/o noorkot teh skg district narowal</t>
  </si>
  <si>
    <t>Zubaida Beghum</t>
  </si>
  <si>
    <t>GGPS NANGLIAN</t>
  </si>
  <si>
    <t>village nanglian</t>
  </si>
  <si>
    <t>GGPS NANGNI</t>
  </si>
  <si>
    <t>po box wanbhachran mianwali village nangni</t>
  </si>
  <si>
    <t>GGPS NANKA GIDDAR</t>
  </si>
  <si>
    <t>Nanka Gidder</t>
  </si>
  <si>
    <t>Nanka giddar pir mahal</t>
  </si>
  <si>
    <t>Lubna Shakeela</t>
  </si>
  <si>
    <t>GGPS NANKANA</t>
  </si>
  <si>
    <t>Gov girls primry school nankana</t>
  </si>
  <si>
    <t>GGPS NANO DOGAR</t>
  </si>
  <si>
    <t>nanu dogar</t>
  </si>
  <si>
    <t>nanu dogar arian</t>
  </si>
  <si>
    <t>GGPS NANO HANDA</t>
  </si>
  <si>
    <t>Nano handa</t>
  </si>
  <si>
    <t>Nano Handa</t>
  </si>
  <si>
    <t>GGPS NANO WALA</t>
  </si>
  <si>
    <t>basti rug wala tibba mustaqil sharqi daira din panah</t>
  </si>
  <si>
    <t>Rug Wala</t>
  </si>
  <si>
    <t>GGPS NANOANA GHARBI</t>
  </si>
  <si>
    <t>Nanoana Gharbi</t>
  </si>
  <si>
    <t>GGPS NAQSH BAND COLONY</t>
  </si>
  <si>
    <t>Taraf Jama Khalsa</t>
  </si>
  <si>
    <t>Ggpd naqsh band colony</t>
  </si>
  <si>
    <t>Naqshband Colony</t>
  </si>
  <si>
    <t>GGPS NAQVI IMAMIA COLONY</t>
  </si>
  <si>
    <t>imamia colony</t>
  </si>
  <si>
    <t>GGPS NARA NO.2</t>
  </si>
  <si>
    <t>vpo Nara Teh Jand dist Attock</t>
  </si>
  <si>
    <t>GGPS NARAH</t>
  </si>
  <si>
    <t>Charhn</t>
  </si>
  <si>
    <t>charhan</t>
  </si>
  <si>
    <t>Nasra Khatoon</t>
  </si>
  <si>
    <t>GGPS NARAIN GRAH BASTI BANGALA SHUJABAD</t>
  </si>
  <si>
    <t>chah ranjhy wala moza gardez pur</t>
  </si>
  <si>
    <t>Asmafaiz</t>
  </si>
  <si>
    <t>GGPS NARAIN WALA</t>
  </si>
  <si>
    <t>Wahi Nao</t>
  </si>
  <si>
    <t>GGPS Narain Wala Moza Wahi Nao Tehsil Kahror Pacca Dist Lodhran</t>
  </si>
  <si>
    <t>Narain Wala</t>
  </si>
  <si>
    <t>Aasma Mujeeb</t>
  </si>
  <si>
    <t>GGPS NARALI JABBAR</t>
  </si>
  <si>
    <t>Narali Jabbair</t>
  </si>
  <si>
    <t>village narali jabbair.post office changa bangial.Tehsil Gujar khan.Distt Rawalpindi</t>
  </si>
  <si>
    <t>GGPS NARALI MIRZIAN</t>
  </si>
  <si>
    <t>NARALI JABBAIR</t>
  </si>
  <si>
    <t>Narali Mirzian.Post Office Qazian.Tehsil Gujar Khan.Distt Rawalpindi.</t>
  </si>
  <si>
    <t>NARALI MIRZIAN</t>
  </si>
  <si>
    <t>misbah Shaheen</t>
  </si>
  <si>
    <t>GGPS NARANG DEH</t>
  </si>
  <si>
    <t>Narang Deh</t>
  </si>
  <si>
    <t>narang deh, narang mandi dist SKP</t>
  </si>
  <si>
    <t>Eiza Aurangzaib</t>
  </si>
  <si>
    <t>GGPS NARBAN</t>
  </si>
  <si>
    <t>Basti Nirban Hasilpur</t>
  </si>
  <si>
    <t>Basti Nirban</t>
  </si>
  <si>
    <t>Old Hasilpur 23</t>
  </si>
  <si>
    <t>sumera khatoon</t>
  </si>
  <si>
    <t>GGPS NARI MIANA</t>
  </si>
  <si>
    <t>Wan bhachran</t>
  </si>
  <si>
    <t>village nari miana p/o wan bhachran teh &amp; disst mianwali</t>
  </si>
  <si>
    <t>Nari miana</t>
  </si>
  <si>
    <t>Muzafarpur north</t>
  </si>
  <si>
    <t>summeya iqbal</t>
  </si>
  <si>
    <t>GGPS NARI SHOMALI NO.1</t>
  </si>
  <si>
    <t>bastinarishumali dak khana nari janubi</t>
  </si>
  <si>
    <t>Asma Dilshad</t>
  </si>
  <si>
    <t>GGPS NARI SHOMALI NO.2</t>
  </si>
  <si>
    <t>GGPS NARMAL KEY</t>
  </si>
  <si>
    <t>Narmal kay</t>
  </si>
  <si>
    <t>GGPS NARNAT</t>
  </si>
  <si>
    <t>village narnat po mallot sattian distt rwp</t>
  </si>
  <si>
    <t>Narnat</t>
  </si>
  <si>
    <t>Sofia Nisar</t>
  </si>
  <si>
    <t>GGPS NARO KE THATHA</t>
  </si>
  <si>
    <t>Naroki Thatha</t>
  </si>
  <si>
    <t>GGps naroki thatha</t>
  </si>
  <si>
    <t>GGPS NAROKI MAHJA</t>
  </si>
  <si>
    <t>narroki mahja</t>
  </si>
  <si>
    <t>Sufoora Jabeen</t>
  </si>
  <si>
    <t>GGPS NAROW</t>
  </si>
  <si>
    <t>Narow</t>
  </si>
  <si>
    <t>narow</t>
  </si>
  <si>
    <t>Bhattiandewanb</t>
  </si>
  <si>
    <t>GGPS NAROWAL</t>
  </si>
  <si>
    <t>Kalsoom Tahira</t>
  </si>
  <si>
    <t>GGPS NAROZ PUR</t>
  </si>
  <si>
    <t>Noroz Pur</t>
  </si>
  <si>
    <t>narozpur</t>
  </si>
  <si>
    <t>Narozpur</t>
  </si>
  <si>
    <t>GGPS NARRALA</t>
  </si>
  <si>
    <t>Vill hokra keri dhok narrala teh murree dist rwp</t>
  </si>
  <si>
    <t>GGPS NARRANGI</t>
  </si>
  <si>
    <t>narinjni</t>
  </si>
  <si>
    <t>Narinjni</t>
  </si>
  <si>
    <t>Sahjowal</t>
  </si>
  <si>
    <t>Zaiba Rani</t>
  </si>
  <si>
    <t>GGPS NARU KHELAN WALA</t>
  </si>
  <si>
    <t>Govt.Girls.Primary School NAROKHELANWA</t>
  </si>
  <si>
    <t>Narokhelanwala</t>
  </si>
  <si>
    <t>Zarina khatoon</t>
  </si>
  <si>
    <t>GGPS NARWAL</t>
  </si>
  <si>
    <t>Narwal</t>
  </si>
  <si>
    <t>Ggps Narwal ,PO Mangwal,Teh &amp; dist Chakwal</t>
  </si>
  <si>
    <t>Saiqa Javed</t>
  </si>
  <si>
    <t>GGPS NARYUB</t>
  </si>
  <si>
    <t>Poss Bangi Khel Darmi</t>
  </si>
  <si>
    <t>Village Naryub, Tola Bangi Khel, Isa Khel</t>
  </si>
  <si>
    <t>Naryub</t>
  </si>
  <si>
    <t>FARKHANDA ANJUM</t>
  </si>
  <si>
    <t>GGPS NASEEM IJAZ WALA</t>
  </si>
  <si>
    <t>GGPS Nasim ijaz wala, mauza Panwar Shumali,  Mehmood Kot city. District Muzaffargarh, Tehsil Kot Adu</t>
  </si>
  <si>
    <t>Barhaman Wala</t>
  </si>
  <si>
    <t>GGPS NASEER ABAD FSD</t>
  </si>
  <si>
    <t>Naseerabadd 207</t>
  </si>
  <si>
    <t>Mughal pura#2 Street #4 naseerabadd</t>
  </si>
  <si>
    <t>Naseerabadd</t>
  </si>
  <si>
    <t>Sadia Maqbool</t>
  </si>
  <si>
    <t>GGPS NASEER KHAN JAMALI</t>
  </si>
  <si>
    <t>Musa Kanjoo</t>
  </si>
  <si>
    <t>basti Allah Wasiya jamali</t>
  </si>
  <si>
    <t>Basti Allah Wasiya</t>
  </si>
  <si>
    <t>GGPS NASEERA KALU KA</t>
  </si>
  <si>
    <t>Khola Mirzyka</t>
  </si>
  <si>
    <t>Ggps naseera kaluka</t>
  </si>
  <si>
    <t>Naseera Kaluka</t>
  </si>
  <si>
    <t>Merzyka</t>
  </si>
  <si>
    <t>GGPS NASIR ABAD</t>
  </si>
  <si>
    <t>MUKHIANA</t>
  </si>
  <si>
    <t>GGP/S NASIR ABAD MOUZA MUKHIANA TEHSIL AND DISTRICT JHANG</t>
  </si>
  <si>
    <t>NasirAbad</t>
  </si>
  <si>
    <t>GGPS NASIR GUNJ</t>
  </si>
  <si>
    <t>Nasir Gunj</t>
  </si>
  <si>
    <t>nasir gunj lhr.</t>
  </si>
  <si>
    <t>Shagufta Younus</t>
  </si>
  <si>
    <t>GGPS NASIR KHAN KHAKWANI</t>
  </si>
  <si>
    <t>ggps nasir khan purana garey wala Multan</t>
  </si>
  <si>
    <t>Purana Garey Wala</t>
  </si>
  <si>
    <t>GGPS NASIR LODHRA</t>
  </si>
  <si>
    <t>Haji jhabel</t>
  </si>
  <si>
    <t>Ggps nasir lodhra hatheji</t>
  </si>
  <si>
    <t>Basti bseera lodhra</t>
  </si>
  <si>
    <t>51 Hatheji</t>
  </si>
  <si>
    <t>Rozina Fareed</t>
  </si>
  <si>
    <t>GGPS NASIRA JODHEKA</t>
  </si>
  <si>
    <t>Naseera Jodheka</t>
  </si>
  <si>
    <t>Chak Chandna Nasira Jodeka p/o Jandwala Tehsil and Distt Bahawal Nagar</t>
  </si>
  <si>
    <t>Shahida Iffat</t>
  </si>
  <si>
    <t>GGPS NASIRABAD COLONY AQIL SHAH</t>
  </si>
  <si>
    <t>Aqilshah</t>
  </si>
  <si>
    <t>Ggps nasirabad colony</t>
  </si>
  <si>
    <t>Nasirabad Colony</t>
  </si>
  <si>
    <t>Ruquia Bano</t>
  </si>
  <si>
    <t>GGPS NASIRABAD NO. 2</t>
  </si>
  <si>
    <t>Taj Sarwar Colony</t>
  </si>
  <si>
    <t>taj sarwar colony</t>
  </si>
  <si>
    <t>Urban Ctn</t>
  </si>
  <si>
    <t>GGPS NASRI WALA</t>
  </si>
  <si>
    <t>NASRI WALA</t>
  </si>
  <si>
    <t>Tahira Sarfraz</t>
  </si>
  <si>
    <t>GGPS NASWARIAN WALA</t>
  </si>
  <si>
    <t>naroowala</t>
  </si>
  <si>
    <t>Naroowala</t>
  </si>
  <si>
    <t>Humera  Naseem</t>
  </si>
  <si>
    <t>GGPS NATAL WALA</t>
  </si>
  <si>
    <t>Natal wala</t>
  </si>
  <si>
    <t>GGPS NATHA CHTTRA</t>
  </si>
  <si>
    <t>Natha chatter</t>
  </si>
  <si>
    <t>Village and post office NATHA CHATTER</t>
  </si>
  <si>
    <t>Natha Chatter</t>
  </si>
  <si>
    <t>Daultala II</t>
  </si>
  <si>
    <t>GGPS NATHOO WALA</t>
  </si>
  <si>
    <t>Nathoo Wala</t>
  </si>
  <si>
    <t>village nathoo Wala kasur</t>
  </si>
  <si>
    <t>Nathoowala</t>
  </si>
  <si>
    <t>Qadiwind</t>
  </si>
  <si>
    <t>GGPS NATHU KLAIR</t>
  </si>
  <si>
    <t>Nathu Klair</t>
  </si>
  <si>
    <t>GGPS Nathu klair</t>
  </si>
  <si>
    <t>Basree BiBi</t>
  </si>
  <si>
    <t>GGPS NATHU SHAH</t>
  </si>
  <si>
    <t>nATHU SHAH</t>
  </si>
  <si>
    <t>NATHU SHAH</t>
  </si>
  <si>
    <t>AMLIMOTI</t>
  </si>
  <si>
    <t>nasreen muzammal</t>
  </si>
  <si>
    <t>GGPS NATHU WALA</t>
  </si>
  <si>
    <t>Thati Sameeja</t>
  </si>
  <si>
    <t>muhalla natho wala mouza thati Sameeja post office kotla Ali dasti</t>
  </si>
  <si>
    <t>Javaria Shamshad</t>
  </si>
  <si>
    <t>GGPS NATTO WALA KAHAR</t>
  </si>
  <si>
    <t>Nattowala Kahar</t>
  </si>
  <si>
    <t>GGPS Nattowala kahar</t>
  </si>
  <si>
    <t>Maryam Zahra</t>
  </si>
  <si>
    <t>GGPS NAULAKHA BHIRKI</t>
  </si>
  <si>
    <t>basti naulakha bhirki tehsile kabirwala district khaniwal</t>
  </si>
  <si>
    <t>Naulakha Bhirki</t>
  </si>
  <si>
    <t>Robina Sundas</t>
  </si>
  <si>
    <t>GGPS NAURANGA</t>
  </si>
  <si>
    <t>Nauranga</t>
  </si>
  <si>
    <t>Wandha Guday Khelanwala,Dakhana Khas Tarikhel Kacha</t>
  </si>
  <si>
    <t>Wandha Guday Khelan Wala</t>
  </si>
  <si>
    <t>SAIMA ALMAS</t>
  </si>
  <si>
    <t>GGPS NAUSHERA  MIRHAL</t>
  </si>
  <si>
    <t>naushera</t>
  </si>
  <si>
    <t>G G P S Mirhal Naushera</t>
  </si>
  <si>
    <t>GGPS NAVEED COLONY</t>
  </si>
  <si>
    <t>Sharif Shaheed colony Street no.3 Gujranwala</t>
  </si>
  <si>
    <t>Madiha Asif</t>
  </si>
  <si>
    <t>GGPS NAWA GIRAN</t>
  </si>
  <si>
    <t>Fatwala</t>
  </si>
  <si>
    <t>NAWAN Giran</t>
  </si>
  <si>
    <t>GGPS NAWAB CHAKAR KAY</t>
  </si>
  <si>
    <t>Nawab Chakar Kay</t>
  </si>
  <si>
    <t>moza nawab chakar kay p/o kohla teh &amp; distt okara</t>
  </si>
  <si>
    <t>Rifat Shamaon</t>
  </si>
  <si>
    <t>GGPS NAWAB DASHTI</t>
  </si>
  <si>
    <t>Galloor Masoo</t>
  </si>
  <si>
    <t>GGPS Nawab Dashti mauza Ghaloor Masoo Markz Rukan pur</t>
  </si>
  <si>
    <t>Nawab Dashti</t>
  </si>
  <si>
    <t>Galoor Masoo</t>
  </si>
  <si>
    <t>GGPS NAWAB KHICHI, TULAMBA</t>
  </si>
  <si>
    <t>Nawab Khichi</t>
  </si>
  <si>
    <t>G G Primary school Nawab Khichi</t>
  </si>
  <si>
    <t>zareena malka ibrar</t>
  </si>
  <si>
    <t>GGPS NAWAB KOTLA NAWAB</t>
  </si>
  <si>
    <t>Basti kotla Nawab</t>
  </si>
  <si>
    <t>mavia malik</t>
  </si>
  <si>
    <t>GGPS NAWAB PUR</t>
  </si>
  <si>
    <t>Ggps nawab pur tehsil shahpur district Sargodha</t>
  </si>
  <si>
    <t>Khan Pur Wadhra</t>
  </si>
  <si>
    <t>GGPS NAWAB WALA</t>
  </si>
  <si>
    <t>Kuksan Abad</t>
  </si>
  <si>
    <t>ggps nawab wala markaz saray siddhu</t>
  </si>
  <si>
    <t>Nawab Wala</t>
  </si>
  <si>
    <t>Nighat Rose</t>
  </si>
  <si>
    <t>GGPS NAWADAY</t>
  </si>
  <si>
    <t>Nawaday</t>
  </si>
  <si>
    <t>GGPS Nawaday</t>
  </si>
  <si>
    <t>Uzma Ashraf</t>
  </si>
  <si>
    <t>GGPS NAWAN  BASTI MITHU</t>
  </si>
  <si>
    <t>Nawan Chak</t>
  </si>
  <si>
    <t>GGPS Nawan Chak</t>
  </si>
  <si>
    <t>Mohinpur Sharki</t>
  </si>
  <si>
    <t>Maira Gul</t>
  </si>
  <si>
    <t>GGPS NAWAN DERA</t>
  </si>
  <si>
    <t>Mail majeeth</t>
  </si>
  <si>
    <t>GGPS nawan dera basti gopi wala</t>
  </si>
  <si>
    <t>Basti gopi wala</t>
  </si>
  <si>
    <t>Nowsheen Ashiq</t>
  </si>
  <si>
    <t>GGPS NAWAN DOUR WALA</t>
  </si>
  <si>
    <t>Banday Shah</t>
  </si>
  <si>
    <t>Basti dina Mouza Bandyshah</t>
  </si>
  <si>
    <t>GGPS NAWAN GUSSU</t>
  </si>
  <si>
    <t>mouza dagar shada nawan gusso</t>
  </si>
  <si>
    <t>Nawan Gusso</t>
  </si>
  <si>
    <t>Dagar Sahada</t>
  </si>
  <si>
    <t>Saira Malik</t>
  </si>
  <si>
    <t>GGPS NAWAN KALOKA NO. 1</t>
  </si>
  <si>
    <t>Kaloka,teh. lalian,Distt.Chiniot</t>
  </si>
  <si>
    <t>Asia Bibi Do Abdul Ghafoor</t>
  </si>
  <si>
    <t>GGPS NAWAN KOT LALIAN WALA</t>
  </si>
  <si>
    <t>nawan kot lalian wala</t>
  </si>
  <si>
    <t>Nawan Kot Lalian Wala</t>
  </si>
  <si>
    <t>Ayesha Maqbool</t>
  </si>
  <si>
    <t>GGPS NAWAN LOK</t>
  </si>
  <si>
    <t>g.g.p.s.nawalok</t>
  </si>
  <si>
    <t>yasmeen kousar</t>
  </si>
  <si>
    <t>GGPS NAWAN LOK CHIMMON PO CHIMMON</t>
  </si>
  <si>
    <t>Nawan Lok Chimmon</t>
  </si>
  <si>
    <t>nawan lok chimmon distt/teh M.b.din</t>
  </si>
  <si>
    <t>Sobia Ahsan</t>
  </si>
  <si>
    <t>GGPS NAWAN MANIKA KALAN</t>
  </si>
  <si>
    <t>Deewan Nager</t>
  </si>
  <si>
    <t>dewaan nagar nawan manika kaln p.o sukheki tehsil pindi bhattian dist hafizabad</t>
  </si>
  <si>
    <t>Nawan Manika Kalan</t>
  </si>
  <si>
    <t>Nawan Manikakalan</t>
  </si>
  <si>
    <t>Laraib Ifthikhar</t>
  </si>
  <si>
    <t>GGPS NAWAN MANKIA KHURD</t>
  </si>
  <si>
    <t>Nawan Manika Khurad</t>
  </si>
  <si>
    <t>Nawan mankia khurd</t>
  </si>
  <si>
    <t>Nawan Mankia Khurd</t>
  </si>
  <si>
    <t>Hafiza Humaira Ali</t>
  </si>
  <si>
    <t>GGPS NAWAN PIND GUJRAN</t>
  </si>
  <si>
    <t>Nawan Pind Gujran</t>
  </si>
  <si>
    <t>GGPS Nawan Pind Gujran lahore</t>
  </si>
  <si>
    <t>Sadia Abdul Sattar</t>
  </si>
  <si>
    <t>GGPS NAWAN PIND H-II JOHAR TOWN</t>
  </si>
  <si>
    <t>ggps nawan pind h2 johar town lahore</t>
  </si>
  <si>
    <t>GGPS NAWAN PIND NO.3</t>
  </si>
  <si>
    <t>Nawan Pind No 3</t>
  </si>
  <si>
    <t>NAWAN PIND NO 3, P/O KOT KORA,TEHSIL.DISTRICT. SAILKOT.</t>
  </si>
  <si>
    <t>GGPS NAWAN PIND VIRKAN</t>
  </si>
  <si>
    <t>nawan pind virkan chak 14</t>
  </si>
  <si>
    <t>Nawan Pind Virkan</t>
  </si>
  <si>
    <t>Nawan Pind Chak No 78</t>
  </si>
  <si>
    <t>Aysha Niaz</t>
  </si>
  <si>
    <t>GGPS NAWAN PIR WALA</t>
  </si>
  <si>
    <t>Nawan Pir Wala</t>
  </si>
  <si>
    <t>GGPS NAWAN SHAHAR</t>
  </si>
  <si>
    <t>Nawan shaher</t>
  </si>
  <si>
    <t>nawan shaher dak khana dajal tehsil jampur distt Rajan pur</t>
  </si>
  <si>
    <t>Noshehra gharbi</t>
  </si>
  <si>
    <t>Sidrah Tul Muntaha</t>
  </si>
  <si>
    <t>GGPS NAWAN SHER SHUJABAD DISTT. MULTAN</t>
  </si>
  <si>
    <t>Gardaz pur</t>
  </si>
  <si>
    <t>GGPS NAWAZ ABAD</t>
  </si>
  <si>
    <t>government girls primary school nawaz abad</t>
  </si>
  <si>
    <t>Zubada Rana</t>
  </si>
  <si>
    <t>GGPS NAWAZ PARK</t>
  </si>
  <si>
    <t>Nawaz Park</t>
  </si>
  <si>
    <t>279 RB Nawaz Park faisalabad</t>
  </si>
  <si>
    <t>Kaleem Shaheed Colony 1</t>
  </si>
  <si>
    <t>GGPS NAWAZISH ABAD</t>
  </si>
  <si>
    <t>Nawazish Abad</t>
  </si>
  <si>
    <t>ggps nawazish abad DHA EME society Lahore</t>
  </si>
  <si>
    <t>GGPS NAZAR MUHAMMAD WALA</t>
  </si>
  <si>
    <t>basti Sher Muhammad rampur 1 tehsil jatoi</t>
  </si>
  <si>
    <t>Ghulam Zakia</t>
  </si>
  <si>
    <t>GGPS NAZAR PURA</t>
  </si>
  <si>
    <t>tibba nazar poor a ahsan pur</t>
  </si>
  <si>
    <t>GGPS NAZEER ABAD (QADIR ABAD)</t>
  </si>
  <si>
    <t>Weeslan</t>
  </si>
  <si>
    <t>Tasneem Farid</t>
  </si>
  <si>
    <t>GGPS NAZEER ABAD NO.1</t>
  </si>
  <si>
    <t>MEHRAB WALA</t>
  </si>
  <si>
    <t>Basti Nazir Abad moza Mehrab Wala</t>
  </si>
  <si>
    <t>Nazir Abad</t>
  </si>
  <si>
    <t>Fariha Rehman</t>
  </si>
  <si>
    <t>GGPS NAZEER SHAHEED BASTI BASHIR ABAD</t>
  </si>
  <si>
    <t>Soi Vehar</t>
  </si>
  <si>
    <t>Basti Bashir Abad p/o musafir khana district Bahawalpur</t>
  </si>
  <si>
    <t>Bashir Abad</t>
  </si>
  <si>
    <t>Jindu Missan</t>
  </si>
  <si>
    <t>GGPS NAZIM ABAD</t>
  </si>
  <si>
    <t>nazim abad</t>
  </si>
  <si>
    <t>Amman Ghat</t>
  </si>
  <si>
    <t>GGPS NAZIR COLONY</t>
  </si>
  <si>
    <t>Ggps nazeer colony bwn</t>
  </si>
  <si>
    <t>Khadam Abad</t>
  </si>
  <si>
    <t>GGPS NAZIR JAT, ABDUL HAKIM</t>
  </si>
  <si>
    <t>Gobind Ghar</t>
  </si>
  <si>
    <t>basti nabi pur nazir jat abdul hakeem</t>
  </si>
  <si>
    <t>Dharam Pur</t>
  </si>
  <si>
    <t>Umeed Ghar</t>
  </si>
  <si>
    <t>Afsana Noreen</t>
  </si>
  <si>
    <t>GGPS NAZIR KHAN WALA</t>
  </si>
  <si>
    <t>Khrl</t>
  </si>
  <si>
    <t>ggsp nazir khan wala</t>
  </si>
  <si>
    <t>Bsti Khrl</t>
  </si>
  <si>
    <t>GGPS NEALO CHAK</t>
  </si>
  <si>
    <t>Nahalo Chak</t>
  </si>
  <si>
    <t>nahalo chak Wazirabad District Gujranwala</t>
  </si>
  <si>
    <t>Ghakka Miter</t>
  </si>
  <si>
    <t>Fazeelat Tahira</t>
  </si>
  <si>
    <t>GGPS NEBHAO WALA</t>
  </si>
  <si>
    <t>Rupper</t>
  </si>
  <si>
    <t>G.G.P.S.Nibhao wala Basti Shadi pur</t>
  </si>
  <si>
    <t>GGPS NEEL GARH</t>
  </si>
  <si>
    <t>GGPS neell garh</t>
  </si>
  <si>
    <t>Neelngarh</t>
  </si>
  <si>
    <t>kotla Mahi</t>
  </si>
  <si>
    <t>GGPS NEEL KOT MULTAN</t>
  </si>
  <si>
    <t>neel Kot bosan road multan</t>
  </si>
  <si>
    <t>Bosan Town</t>
  </si>
  <si>
    <t>SAJIDA BATOOL</t>
  </si>
  <si>
    <t>GGPS NEELIAN WALI</t>
  </si>
  <si>
    <t>Toba Rehman Toba Rehman Shah</t>
  </si>
  <si>
    <t>GGps Neelian wali. moza toba Rehman shah. soondha</t>
  </si>
  <si>
    <t>Neelian Wali</t>
  </si>
  <si>
    <t>Zahida Kanwal</t>
  </si>
  <si>
    <t>GGPS NEHAL TEJY KA</t>
  </si>
  <si>
    <t>Nehal Tejayka</t>
  </si>
  <si>
    <t>Nehal tejayka Tehsil Depalpur dist Okara</t>
  </si>
  <si>
    <t>Nehal Tejyka</t>
  </si>
  <si>
    <t>Bhgwan Pura</t>
  </si>
  <si>
    <t>Shumaila Gull</t>
  </si>
  <si>
    <t>GGPS NEHALKA</t>
  </si>
  <si>
    <t>Nehalka</t>
  </si>
  <si>
    <t>govt girls primary school Nehalka</t>
  </si>
  <si>
    <t>Noorsar</t>
  </si>
  <si>
    <t>Misbah Shareen</t>
  </si>
  <si>
    <t>GGPS NEHER</t>
  </si>
  <si>
    <t>Nehar</t>
  </si>
  <si>
    <t>Nehar village</t>
  </si>
  <si>
    <t>Lesser Kalan</t>
  </si>
  <si>
    <t>Komal Sanaullah</t>
  </si>
  <si>
    <t>GGPS NEKUKARA</t>
  </si>
  <si>
    <t>Nekokara</t>
  </si>
  <si>
    <t>ggps nekokara</t>
  </si>
  <si>
    <t>Kotmpal</t>
  </si>
  <si>
    <t>GGPS NEMAT PUR</t>
  </si>
  <si>
    <t>Naimatpur</t>
  </si>
  <si>
    <t>naimatpur</t>
  </si>
  <si>
    <t>Buaa</t>
  </si>
  <si>
    <t>GGPS NEW ABADI DOABA</t>
  </si>
  <si>
    <t>ggps nai abadi doaba</t>
  </si>
  <si>
    <t>ASMA -BIBI</t>
  </si>
  <si>
    <t>GGPS NEW ABADI MITHAY WALI</t>
  </si>
  <si>
    <t>Mithay wali</t>
  </si>
  <si>
    <t>BALQIS BEGUM</t>
  </si>
  <si>
    <t>GGPS NEW AHMED WALA</t>
  </si>
  <si>
    <t>muzafar pur janubi</t>
  </si>
  <si>
    <t>ggps new ahmad wala wan bhachran</t>
  </si>
  <si>
    <t>GGPS NEW BALAQA SING</t>
  </si>
  <si>
    <t>Kanwain Jhok</t>
  </si>
  <si>
    <t>New Balaqa Sing</t>
  </si>
  <si>
    <t>Farzana Roohi</t>
  </si>
  <si>
    <t>GGPS NEW BASTI BANGLA SHUJABAD DISTT. MULTAN</t>
  </si>
  <si>
    <t>Ggps new basti bangala, basti gando.</t>
  </si>
  <si>
    <t>Basti Gando</t>
  </si>
  <si>
    <t>GGPS NEW CENTRAL JAIL BAHAWALPUR</t>
  </si>
  <si>
    <t>Karna</t>
  </si>
  <si>
    <t>new central jail coloney</t>
  </si>
  <si>
    <t>Zareena Naz</t>
  </si>
  <si>
    <t>GGPS NEW CENTRAL JAIL MULTAN</t>
  </si>
  <si>
    <t>ravi</t>
  </si>
  <si>
    <t>Govt Girls primary school New Central jail multan</t>
  </si>
  <si>
    <t>Ghousa abad</t>
  </si>
  <si>
    <t>GGPS NEW DESI WALA</t>
  </si>
  <si>
    <t>Dasi Wala</t>
  </si>
  <si>
    <t>caha khoei wala</t>
  </si>
  <si>
    <t>Bisti Khoeii</t>
  </si>
  <si>
    <t>Sadia Saher</t>
  </si>
  <si>
    <t>GGPS NEW FARID ABAD</t>
  </si>
  <si>
    <t>NEW FARIDABAD</t>
  </si>
  <si>
    <t>GOVERNMENT GIRLS MODEL PRIMARY SCHOOL NEW FARIDABAD</t>
  </si>
  <si>
    <t>FARIDABAD</t>
  </si>
  <si>
    <t>RUKHSANA FIAZ</t>
  </si>
  <si>
    <t>GGPS NEW GARDEN TOWN OKARA</t>
  </si>
  <si>
    <t>V Garden Town Okara</t>
  </si>
  <si>
    <t>g.g.p/s garden town okara</t>
  </si>
  <si>
    <t>New Garden Town Okara</t>
  </si>
  <si>
    <t>Chamra Mandi 8 City</t>
  </si>
  <si>
    <t>Nusrat Jamal</t>
  </si>
  <si>
    <t>GGPS NEW GHATALIAN</t>
  </si>
  <si>
    <t>New Ghatialian</t>
  </si>
  <si>
    <t>new ghatialian P/o ghatialian Tehsil Pasrur District Sialkot</t>
  </si>
  <si>
    <t>GHATIALIAN</t>
  </si>
  <si>
    <t>Naila Sadiq</t>
  </si>
  <si>
    <t>GGPS NEW GULSHAN COLONY</t>
  </si>
  <si>
    <t>GGPS new gulshan.colony</t>
  </si>
  <si>
    <t>New Gulshan colony</t>
  </si>
  <si>
    <t>Samia Mehmood</t>
  </si>
  <si>
    <t>GGPS NEW ISLAMIA GARHI SHAHU</t>
  </si>
  <si>
    <t>Government New Islamia Girls Primary school Garhi Shahu Lahore</t>
  </si>
  <si>
    <t>Mariyam Tariq</t>
  </si>
  <si>
    <t>GGPS NEW JARMOOT KALAN</t>
  </si>
  <si>
    <t>PO jarmot kalan Tehsil gujr khan dist RWP</t>
  </si>
  <si>
    <t>New Jarmot Kalan</t>
  </si>
  <si>
    <t>Shabana Yasmin</t>
  </si>
  <si>
    <t>GGPS NEW JODHEKA</t>
  </si>
  <si>
    <t>Jodhika</t>
  </si>
  <si>
    <t>new jodhika</t>
  </si>
  <si>
    <t>New Jodhika</t>
  </si>
  <si>
    <t>kalia shah</t>
  </si>
  <si>
    <t>Samreen Munir</t>
  </si>
  <si>
    <t>GGPS NEW KABIR KHEL MOCHH</t>
  </si>
  <si>
    <t>G.G P / S New Kabir khel Mochh</t>
  </si>
  <si>
    <t>Saba Naveed</t>
  </si>
  <si>
    <t>GGPS NEW KANDAY WALI</t>
  </si>
  <si>
    <t>basti kandy wali</t>
  </si>
  <si>
    <t>GGPS New Korray Sial</t>
  </si>
  <si>
    <t>Kory Sail</t>
  </si>
  <si>
    <t>New Koray Sial</t>
  </si>
  <si>
    <t>Shahida Yousaf</t>
  </si>
  <si>
    <t>GGPS NEW LAR MARI WALA</t>
  </si>
  <si>
    <t>Qasba Maral</t>
  </si>
  <si>
    <t>mari Wala qasba maral multan</t>
  </si>
  <si>
    <t>Ayazabad Maral</t>
  </si>
  <si>
    <t>Sadaf Jamshaid</t>
  </si>
  <si>
    <t>GGPS NEW MIR PUR</t>
  </si>
  <si>
    <t>New Mir Pur</t>
  </si>
  <si>
    <t>GGPS  New Mir Pur P O Box Daulat Nagar</t>
  </si>
  <si>
    <t>Sumaira Shabnam</t>
  </si>
  <si>
    <t>GGPS NEW MODEL GUJRAT</t>
  </si>
  <si>
    <t>Qila Junubi Dakhi</t>
  </si>
  <si>
    <t>new model qila junubi dakhi gujrat</t>
  </si>
  <si>
    <t>Hafiza Ruqia Bashir</t>
  </si>
  <si>
    <t>GGPS NEW MOHALLA GHARBI</t>
  </si>
  <si>
    <t>mangrotha</t>
  </si>
  <si>
    <t>p/o mangrotha east tehsil taunsa sharif  ,dg khan</t>
  </si>
  <si>
    <t>mamgrotha west</t>
  </si>
  <si>
    <t>Roubina Mumtaz</t>
  </si>
  <si>
    <t>GGPS NEW PAGALA</t>
  </si>
  <si>
    <t>New Pagala</t>
  </si>
  <si>
    <t>GGPS NEW Pagala</t>
  </si>
  <si>
    <t>GGPS NEW PAGWARI RWP</t>
  </si>
  <si>
    <t>New Phagwari</t>
  </si>
  <si>
    <t>GGPSnew phagwari rwp</t>
  </si>
  <si>
    <t>F Block Satellite Town</t>
  </si>
  <si>
    <t>SHAMEEN SHAFIQUE</t>
  </si>
  <si>
    <t>GGPS NEW REHMAN PURA CHANGA MANGA</t>
  </si>
  <si>
    <t>New Rehmanpura</t>
  </si>
  <si>
    <t>Newrehmanpura changa manga chunian</t>
  </si>
  <si>
    <t>Newrehmanpura</t>
  </si>
  <si>
    <t>Rehmanpura Pura</t>
  </si>
  <si>
    <t>Nasreen Bano</t>
  </si>
  <si>
    <t>GGPS NEW SAMUNDRI</t>
  </si>
  <si>
    <t>Akbar Town, Gojra Road, New Samundri</t>
  </si>
  <si>
    <t>New Samundri</t>
  </si>
  <si>
    <t>GGPS NEW SANDA</t>
  </si>
  <si>
    <t>New sanda</t>
  </si>
  <si>
    <t>New Sanda</t>
  </si>
  <si>
    <t>surraiya zahoor</t>
  </si>
  <si>
    <t>GGPS NEZA JODHEKA</t>
  </si>
  <si>
    <t>Neza Jodheka</t>
  </si>
  <si>
    <t>Neza jodheka</t>
  </si>
  <si>
    <t>Maria Rafiq</t>
  </si>
  <si>
    <t>GGPS NIA ALLI KHAIL</t>
  </si>
  <si>
    <t>Nia Alli Khail 5rd</t>
  </si>
  <si>
    <t>ggps nia alli khail</t>
  </si>
  <si>
    <t>Nia Alli Khail</t>
  </si>
  <si>
    <t>Rukhsana Mai</t>
  </si>
  <si>
    <t>GGPS NIA DULAM</t>
  </si>
  <si>
    <t>nia dulam</t>
  </si>
  <si>
    <t>Nia Dulam</t>
  </si>
  <si>
    <t>Tehmina Shahzadi</t>
  </si>
  <si>
    <t>GGPS NIA MIANA PURA</t>
  </si>
  <si>
    <t>Mianapura</t>
  </si>
  <si>
    <t>Govt Girls primary school Nia Miana pura  roras road Sialkot</t>
  </si>
  <si>
    <t>Mubashra Sultana</t>
  </si>
  <si>
    <t>GGPS NIAZ ABAD, CHISHTIAN</t>
  </si>
  <si>
    <t>Basti Niaz abad</t>
  </si>
  <si>
    <t>Niaz Abad</t>
  </si>
  <si>
    <t>Umme Salma</t>
  </si>
  <si>
    <t>GGPS NIAZ BHUTTA</t>
  </si>
  <si>
    <t>Niaz bhutta primary school.Noraja bhutta .Tehsil jalal pur pir wala.</t>
  </si>
  <si>
    <t>GGPS NIAZ PUR</t>
  </si>
  <si>
    <t>Niaz Pur</t>
  </si>
  <si>
    <t>GGPS Niaz Pur</t>
  </si>
  <si>
    <t>Shabana Yasmeen</t>
  </si>
  <si>
    <t>GGPS NIAZ WALA</t>
  </si>
  <si>
    <t>Faiz pur</t>
  </si>
  <si>
    <t>GGps.niazwala Uc BindaIshaqJatoiMGarh</t>
  </si>
  <si>
    <t>Niazwala</t>
  </si>
  <si>
    <t>Binda ishaq</t>
  </si>
  <si>
    <t>BAKHT ALI</t>
  </si>
  <si>
    <t>GGPS NIAZI WALA</t>
  </si>
  <si>
    <t>GGPS basti Niaziwala</t>
  </si>
  <si>
    <t>Niazi Wala</t>
  </si>
  <si>
    <t>Skina Bibi</t>
  </si>
  <si>
    <t>GGPS NIGAH HUSSAIN CHAN</t>
  </si>
  <si>
    <t>ggps nigah hussain chan</t>
  </si>
  <si>
    <t>Shaheen Iqbal</t>
  </si>
  <si>
    <t>GGPS NIGRIAN</t>
  </si>
  <si>
    <t>Nigrian</t>
  </si>
  <si>
    <t>GGPS Nigrian, Kharian (Gujrat)</t>
  </si>
  <si>
    <t>MIRZA TAHIR</t>
  </si>
  <si>
    <t>GGPS NIKKA KEILA</t>
  </si>
  <si>
    <t>Nikka Kaila</t>
  </si>
  <si>
    <t>village nikka kaila p.o. Mitranwali.</t>
  </si>
  <si>
    <t>Humara Rafiq</t>
  </si>
  <si>
    <t>GGPS NIKKEY BALOCH</t>
  </si>
  <si>
    <t>Nikky Baloch</t>
  </si>
  <si>
    <t>mouza nikky Baloch tehsiel and District jhang</t>
  </si>
  <si>
    <t>GGPS NIKKI CHOOI</t>
  </si>
  <si>
    <t>vpo saghar nikki chooi talagang chakwal</t>
  </si>
  <si>
    <t>GGPS NIKKO CHAK</t>
  </si>
  <si>
    <t>Kot Makhdoom</t>
  </si>
  <si>
    <t>Nikko chak</t>
  </si>
  <si>
    <t>Niko Chak</t>
  </si>
  <si>
    <t>Jhulan Arian</t>
  </si>
  <si>
    <t>Um-e-Salma</t>
  </si>
  <si>
    <t>GGPS NIKROO SHAHEED</t>
  </si>
  <si>
    <t>nikroo shaheed tehsil noorpur thal distt khushab</t>
  </si>
  <si>
    <t>Shomaila Asghar</t>
  </si>
  <si>
    <t>GGPS NIKY KAY</t>
  </si>
  <si>
    <t>NIkki KY</t>
  </si>
  <si>
    <t>NIKKI KY</t>
  </si>
  <si>
    <t>MAHANAT DARSHAN</t>
  </si>
  <si>
    <t>GGPS NIMTAS</t>
  </si>
  <si>
    <t>Nimtas</t>
  </si>
  <si>
    <t>GGPS Nimtas</t>
  </si>
  <si>
    <t>GGPS NINDAY LAL</t>
  </si>
  <si>
    <t>HAIDER PUR</t>
  </si>
  <si>
    <t>Basti Haider Pur Mouza pur Uch Sharif</t>
  </si>
  <si>
    <t>Sobia Malik</t>
  </si>
  <si>
    <t>GGPS NISAR COLONY</t>
  </si>
  <si>
    <t>Gulshan rafique nisar colony fsd</t>
  </si>
  <si>
    <t>ANNA AJAZ</t>
  </si>
  <si>
    <t>GGPS NISHTAR COLONY</t>
  </si>
  <si>
    <t>ammar block near police station nishter colony lhr</t>
  </si>
  <si>
    <t>Nishter Colony</t>
  </si>
  <si>
    <t>NishterColony</t>
  </si>
  <si>
    <t>Tahira Rashid</t>
  </si>
  <si>
    <t>GGPS NITTAN KHELAN WALA</t>
  </si>
  <si>
    <t>Wandha nittan khelan wala</t>
  </si>
  <si>
    <t>Ghazi Khel</t>
  </si>
  <si>
    <t>Sidra Aziz</t>
  </si>
  <si>
    <t>GGPS NIVEEN RASOOL PUR</t>
  </si>
  <si>
    <t>Niveen Rasool Pur</t>
  </si>
  <si>
    <t>niveen rasool</t>
  </si>
  <si>
    <t>GGPS NIWAN THEH</t>
  </si>
  <si>
    <t>NEWAN Theh</t>
  </si>
  <si>
    <t>niwan theh mustafabad</t>
  </si>
  <si>
    <t>GGPS NIWAZISH NAGAR</t>
  </si>
  <si>
    <t>nawazish nagr</t>
  </si>
  <si>
    <t>Nawazish Nagr</t>
  </si>
  <si>
    <t>Fouzia Malik</t>
  </si>
  <si>
    <t>GGPS NIZAM ABAD, KHANEWAL</t>
  </si>
  <si>
    <t>GGPS Nizamabad Khanewal</t>
  </si>
  <si>
    <t>RUKHSANA KAUSAR</t>
  </si>
  <si>
    <t>GGPS NIZAM KHEL</t>
  </si>
  <si>
    <t>post office makerwal</t>
  </si>
  <si>
    <t>Nizam Khel</t>
  </si>
  <si>
    <t>Razia Yasmeen</t>
  </si>
  <si>
    <t>GGPS NIZAM PUR GHALIAN</t>
  </si>
  <si>
    <t>Nizam Pura Ghallian</t>
  </si>
  <si>
    <t>Mohalla Nizam Pura Ghallian,Kingra Rd,Ban Phatak Sialkot</t>
  </si>
  <si>
    <t>GGPS NIZAM WALA</t>
  </si>
  <si>
    <t>Govt girls primary school Nizam wala  moza kotla nawab liaquat pur</t>
  </si>
  <si>
    <t>Nizam Wala</t>
  </si>
  <si>
    <t>Kotla Nwab</t>
  </si>
  <si>
    <t>Razia bibi</t>
  </si>
  <si>
    <t>GGPS NO 1 BHILOMAR</t>
  </si>
  <si>
    <t>village and possibly chinji teh talagang distt chakwal</t>
  </si>
  <si>
    <t>GGPS NO 1 NAROWAL</t>
  </si>
  <si>
    <t>Abu bakar Pura</t>
  </si>
  <si>
    <t>moh.abubakar pura narowal</t>
  </si>
  <si>
    <t>Yasmine Akhter</t>
  </si>
  <si>
    <t>GGPS NO 1 ZAFARWAL</t>
  </si>
  <si>
    <t>GGPS No.1 Eidgah Road Zafarwal</t>
  </si>
  <si>
    <t>Rubia Anjum</t>
  </si>
  <si>
    <t>GGPS NO 2 ADLAKA</t>
  </si>
  <si>
    <t>vpo adlaka</t>
  </si>
  <si>
    <t>TAHIRA SULTANA</t>
  </si>
  <si>
    <t>GGPS NO 2 BAGGA SHEIKHAN</t>
  </si>
  <si>
    <t>GgPS no  2 Bagga Sheikhan Rawat Rawalpindi</t>
  </si>
  <si>
    <t>Bagga sheikhan</t>
  </si>
  <si>
    <t>Khalida Naseer</t>
  </si>
  <si>
    <t>GGPS NO 2 KANDWAL</t>
  </si>
  <si>
    <t>Rizwana Javaid</t>
  </si>
  <si>
    <t>GGPS NO 2 P.D KHAN</t>
  </si>
  <si>
    <t>mohallah kot kalan tehsil  pd khan district jhelum</t>
  </si>
  <si>
    <t>samina Mumtaz</t>
  </si>
  <si>
    <t>GGPS NO 2 RODA</t>
  </si>
  <si>
    <t>p.o khas roda tehsil and district khushab</t>
  </si>
  <si>
    <t>Roda Thal</t>
  </si>
  <si>
    <t>GGPS NO 2 SAMUNDRI</t>
  </si>
  <si>
    <t>G.G.P/S NO 2</t>
  </si>
  <si>
    <t>Nazia Kanwal</t>
  </si>
  <si>
    <t>GGPS NO 3 NAROWAL</t>
  </si>
  <si>
    <t>ggps no 3 narowal</t>
  </si>
  <si>
    <t>Akhtar Parveen</t>
  </si>
  <si>
    <t>GGPS NO 4 PETROL PUMP BASIR PUR</t>
  </si>
  <si>
    <t>petrol pump</t>
  </si>
  <si>
    <t>pso petrol pump main bazar basirpur</t>
  </si>
  <si>
    <t>municipal comettee MC Basirpur</t>
  </si>
  <si>
    <t>GGPS NO 5 CHAK NO 4 REMOUNT DEPOT</t>
  </si>
  <si>
    <t>Chak#4</t>
  </si>
  <si>
    <t>GGPSNO.5 chak#4 remount depot sargodha</t>
  </si>
  <si>
    <t>Chak #4rd</t>
  </si>
  <si>
    <t>GGPS NO 5 DEPALPUR</t>
  </si>
  <si>
    <t>Moh Islampura</t>
  </si>
  <si>
    <t>Moh Islam pura near bus stand adda depalpur</t>
  </si>
  <si>
    <t>MC Depalpur</t>
  </si>
  <si>
    <t>Asma Iran</t>
  </si>
  <si>
    <t>GGPS NO. 1 GADAI</t>
  </si>
  <si>
    <t>DG Khan</t>
  </si>
  <si>
    <t>Gaddai, DG Khan</t>
  </si>
  <si>
    <t>Saher Noreen</t>
  </si>
  <si>
    <t>GGPS NO. 1 GADDI JANUBI</t>
  </si>
  <si>
    <t>gaddi</t>
  </si>
  <si>
    <t>ggps gadi no 1</t>
  </si>
  <si>
    <t>bhoar</t>
  </si>
  <si>
    <t>Aziz Begum</t>
  </si>
  <si>
    <t>GGPS NO. 1 HADALI</t>
  </si>
  <si>
    <t>govt girls primry school hadali no -1 near civil hspital mhlah tiwanawala hadali</t>
  </si>
  <si>
    <t>GGPS NO. 1 JABA</t>
  </si>
  <si>
    <t>village o post office jaba tehsil naushera district khushab</t>
  </si>
  <si>
    <t>GGPS NO. 1 JAUHARABAD</t>
  </si>
  <si>
    <t>Block no ,1 Jauharabad</t>
  </si>
  <si>
    <t>GGPS NO. 1 JHELUM</t>
  </si>
  <si>
    <t>Bagh Mohallah</t>
  </si>
  <si>
    <t>Bagh Mohallah Jhelum</t>
  </si>
  <si>
    <t>Shabnam Sarfaraz</t>
  </si>
  <si>
    <t>GGPS NO. 1 KALA GUJRAN</t>
  </si>
  <si>
    <t>GGPS No.1 Kala Gujran Jhelum</t>
  </si>
  <si>
    <t>Umaira  Tahir</t>
  </si>
  <si>
    <t>GGPS NO. 1 KUFRI</t>
  </si>
  <si>
    <t>Siddique Abad</t>
  </si>
  <si>
    <t>Ggps no.1 siddique abad teh noshera dist khushab</t>
  </si>
  <si>
    <t>GGPS NO. 1 MUSTAFA ABAD</t>
  </si>
  <si>
    <t>Mustafbad</t>
  </si>
  <si>
    <t>ameer colony Mustafa abad</t>
  </si>
  <si>
    <t>GGPS NO. 1 PHULARWAN</t>
  </si>
  <si>
    <t>g.g.p.s.no.1 phularwan</t>
  </si>
  <si>
    <t>Phulrwan</t>
  </si>
  <si>
    <t>Rukhsana Nisar</t>
  </si>
  <si>
    <t>GGPS NO. 1 PINDI BHATTIAN</t>
  </si>
  <si>
    <t>ggpsno1 pindi phattion</t>
  </si>
  <si>
    <t>Kishawer Sultana</t>
  </si>
  <si>
    <t>GGPS NO. 1 QILA DIDAR SINGH</t>
  </si>
  <si>
    <t>Mohallah qabristan wala Qila didar singh</t>
  </si>
  <si>
    <t>Fazeelat shaheen</t>
  </si>
  <si>
    <t>GGPS NO. 2  BASTI PIR</t>
  </si>
  <si>
    <t>Govt.girls primary school no.2 basti peer</t>
  </si>
  <si>
    <t>Basti Peer</t>
  </si>
  <si>
    <t>RIFFAT BIBI</t>
  </si>
  <si>
    <t>GGPS NO. 2  G TYPE JAUHARABAD</t>
  </si>
  <si>
    <t>G G ps no 2g type jbd</t>
  </si>
  <si>
    <t>MC 2 Jauharabad</t>
  </si>
  <si>
    <t>Yasmin Feroz</t>
  </si>
  <si>
    <t>GGPS NO. 2 CHAK NO. 39 MB</t>
  </si>
  <si>
    <t>15 chak 39 mb</t>
  </si>
  <si>
    <t>39 Mb</t>
  </si>
  <si>
    <t>50Mb</t>
  </si>
  <si>
    <t>Nasreen Mehboob</t>
  </si>
  <si>
    <t>GGPS NO. 2 CHAK NO.117 NB NAI ABADI</t>
  </si>
  <si>
    <t>117NB Nai Abadi</t>
  </si>
  <si>
    <t>117 NB NAI abadi</t>
  </si>
  <si>
    <t>117 Nb Nai Abadi</t>
  </si>
  <si>
    <t>CHAK 118 Nb</t>
  </si>
  <si>
    <t>Ayesha Altaf</t>
  </si>
  <si>
    <t>GGPS NO. 2 CHOA SADIAN SHAH</t>
  </si>
  <si>
    <t>Grid road Choa Saiden Shah</t>
  </si>
  <si>
    <t>Farhana Nawaz</t>
  </si>
  <si>
    <t>GGPS NO. 2 CHUNIAN</t>
  </si>
  <si>
    <t>Bairoon Qila Roopa Singh</t>
  </si>
  <si>
    <t>Government Girls Primary School No. 2, Bairoon Qila Roopa Singh, Chunian</t>
  </si>
  <si>
    <t>MC Chunian</t>
  </si>
  <si>
    <t>Alia Bashir</t>
  </si>
  <si>
    <t>GGPS NO. 2 FAIZ</t>
  </si>
  <si>
    <t>2 Faiz</t>
  </si>
  <si>
    <t>chk no 2 faiz post office lar tehsil multan</t>
  </si>
  <si>
    <t>1 Faiz Shumali</t>
  </si>
  <si>
    <t>Hafiza Tahira Summaya</t>
  </si>
  <si>
    <t>GGPS NO. 2 HADALI</t>
  </si>
  <si>
    <t>Mohala Sumliyo Wala Hadali</t>
  </si>
  <si>
    <t>Safia Khatoon</t>
  </si>
  <si>
    <t>GGPS NO. 2 HARRAPA CITY</t>
  </si>
  <si>
    <t>Munnay Wala Chok Harappa City</t>
  </si>
  <si>
    <t>GGPS NO. 2 JADEED T.T.SINGH</t>
  </si>
  <si>
    <t>G G Jadeed p/school no 2 near telephone exchange Toba Tek singh</t>
  </si>
  <si>
    <t>Gulshin Younes</t>
  </si>
  <si>
    <t>GGPS NO. 2 JHELUM</t>
  </si>
  <si>
    <t>Suleman Paras</t>
  </si>
  <si>
    <t>mohallah suleman paras jhelum</t>
  </si>
  <si>
    <t>Lalazar Colony</t>
  </si>
  <si>
    <t>GGPS NO. 2 KALA BAGH</t>
  </si>
  <si>
    <t>Kala Bagh</t>
  </si>
  <si>
    <t>nawab saib kala bagh tehsil isa khel distt mianwali</t>
  </si>
  <si>
    <t>shaveen akhter</t>
  </si>
  <si>
    <t>GGPS NO. 2 KOT MOMIN</t>
  </si>
  <si>
    <t>Mozamabad road Kotmoman</t>
  </si>
  <si>
    <t>Wasfa jabeen</t>
  </si>
  <si>
    <t>GGPS NO. 2 KOT RADHA KISHAN</t>
  </si>
  <si>
    <t>Mohalla Judge Wala</t>
  </si>
  <si>
    <t>mohalla judge wala, kot radha kishan, kasur</t>
  </si>
  <si>
    <t>MC KRK</t>
  </si>
  <si>
    <t>GGPS NO. 2 KUFRI</t>
  </si>
  <si>
    <t>ggpssiddiqueabad</t>
  </si>
  <si>
    <t>GGPS NO. 2 MAMUNKANJAN</t>
  </si>
  <si>
    <t>mamukanjan</t>
  </si>
  <si>
    <t>railway ground mamukanjan</t>
  </si>
  <si>
    <t>town mamukanjan</t>
  </si>
  <si>
    <t>GGPS NO. 2 MANGORATHA GHARBI</t>
  </si>
  <si>
    <t>mangrotha west tehsil taunsa disst.dg khan</t>
  </si>
  <si>
    <t>Mangrotha West</t>
  </si>
  <si>
    <t>GGPS NO. 2 MANGROTHA EAST</t>
  </si>
  <si>
    <t>Mangrotha East tehsil taunsa Sharif district dg khan</t>
  </si>
  <si>
    <t>shahnaz bano</t>
  </si>
  <si>
    <t>GGPS NO. 2 MOHALLA TAJ PURA QILA DIDAR SINGH</t>
  </si>
  <si>
    <t>mohalla taj pura qds</t>
  </si>
  <si>
    <t>QDS</t>
  </si>
  <si>
    <t>Qila Didar Sing</t>
  </si>
  <si>
    <t>MARYAM NAWAZ</t>
  </si>
  <si>
    <t>GGPS NO. 2 MUSTAFA ABAD</t>
  </si>
  <si>
    <t>Christian colony Mustafa Abad kasur</t>
  </si>
  <si>
    <t>Bushra Zahid</t>
  </si>
  <si>
    <t>GGPS NO. 2 PHULARWAN</t>
  </si>
  <si>
    <t>school no 2 Phularwan girls school</t>
  </si>
  <si>
    <t>Suriya</t>
  </si>
  <si>
    <t>GGPS NO. 2 QADIRABAD</t>
  </si>
  <si>
    <t>Qadir abad</t>
  </si>
  <si>
    <t>GGPS NO. 2 QUAIDABAD</t>
  </si>
  <si>
    <t>g block quaidabad</t>
  </si>
  <si>
    <t>McQuaidabad</t>
  </si>
  <si>
    <t>Javahar Khatoon</t>
  </si>
  <si>
    <t>GGPS NO. 3  JOUHAR ABAD</t>
  </si>
  <si>
    <t>Satelitte Town 1</t>
  </si>
  <si>
    <t>GGP/S No 3 Jauharabad</t>
  </si>
  <si>
    <t>MC2 Jauharabad</t>
  </si>
  <si>
    <t>GGPS NO. 3 CHUNIAN</t>
  </si>
  <si>
    <t>GGPS no 3 chunain near amina marriage hall</t>
  </si>
  <si>
    <t>City Chunian</t>
  </si>
  <si>
    <t>GGPS NO. 3 GUJAR KHAN</t>
  </si>
  <si>
    <t>Gujarkhan</t>
  </si>
  <si>
    <t>GGPS no 3 housing scheme no 1 gujarkhan</t>
  </si>
  <si>
    <t>Naveeda Aslam</t>
  </si>
  <si>
    <t>GGPS NO. 3 HADALI  NOOR HAYAT COLONY HADALI</t>
  </si>
  <si>
    <t>ggps no. 3 hadali  noor  hayat colony</t>
  </si>
  <si>
    <t>GGPS NO. 3 JEHLUM</t>
  </si>
  <si>
    <t>ggps no 3 near to islamia boys school kacheri road</t>
  </si>
  <si>
    <t>Muhammadi Chok</t>
  </si>
  <si>
    <t>Adrish Naseer</t>
  </si>
  <si>
    <t>GGPS NO. 3 KALA BAGH</t>
  </si>
  <si>
    <t>ggpsno.3 kalabagh</t>
  </si>
  <si>
    <t>GGPS NO. 3 KOT MOMIN</t>
  </si>
  <si>
    <t>mohallah tariq abad kmn</t>
  </si>
  <si>
    <t>Mc Kotmoman</t>
  </si>
  <si>
    <t>Shanaz Bibi</t>
  </si>
  <si>
    <t>GGPS NO. 3 LALIAN</t>
  </si>
  <si>
    <t>Mohalla railway station lalian</t>
  </si>
  <si>
    <t>GGPS NO. 3 MALAKWAL</t>
  </si>
  <si>
    <t>mohallah sabri malakwal tehsil malakwal district m.b.din</t>
  </si>
  <si>
    <t>GGPS NO. 3 MOH WEST B/KALAN</t>
  </si>
  <si>
    <t>Sobia Suleman</t>
  </si>
  <si>
    <t>GGPS NO. 3 MUSTAFA ABAD</t>
  </si>
  <si>
    <t>GGPS NO. 3 PHULLARWAN</t>
  </si>
  <si>
    <t>govt  model p/s no.3 phularwan</t>
  </si>
  <si>
    <t>Rukyya Bagum</t>
  </si>
  <si>
    <t>GGPS NO. 3 SAMUNDRI</t>
  </si>
  <si>
    <t>Chakki Bazar Samundri</t>
  </si>
  <si>
    <t>GGPS NO. 3 SATELLITE TOWN JHANG</t>
  </si>
  <si>
    <t>w block satellite town jhang</t>
  </si>
  <si>
    <t>Mc area</t>
  </si>
  <si>
    <t>GGPS NO. 32 NP WEST</t>
  </si>
  <si>
    <t>Chak 32np west</t>
  </si>
  <si>
    <t>chak 32np west</t>
  </si>
  <si>
    <t>Sanjer pur</t>
  </si>
  <si>
    <t>GGPS NO. 4 KALA GUJRAN</t>
  </si>
  <si>
    <t>GGPS NO 4 KALA GUJRAN JHELUM</t>
  </si>
  <si>
    <t>Nida Rafique</t>
  </si>
  <si>
    <t>GGPS NO. 4 VEHOVA</t>
  </si>
  <si>
    <t>mohila bakhai wala</t>
  </si>
  <si>
    <t>Hina khanØ­Ù†Ø§ Ø®Ø§Ù†</t>
  </si>
  <si>
    <t>GGPS NO. 4 WARD  12 TAUNSA</t>
  </si>
  <si>
    <t>GGPS No .4 Ward No.12 Taunaa sharif</t>
  </si>
  <si>
    <t>Kousar Hanif   Daughter Of Muhammad Hanif</t>
  </si>
  <si>
    <t>GGPS NO. 5 BASIR PUR</t>
  </si>
  <si>
    <t>Mohallah  GausPura, Basirpur.</t>
  </si>
  <si>
    <t>GGPS no 5</t>
  </si>
  <si>
    <t>Town Committee Basirpur</t>
  </si>
  <si>
    <t>HALIMA ASHRAF</t>
  </si>
  <si>
    <t>GGPS NO. 5 MALAKWAL</t>
  </si>
  <si>
    <t>Malkwal</t>
  </si>
  <si>
    <t>G G P S No 5.Malkwal</t>
  </si>
  <si>
    <t>GGPS NO. 7 TAUNSA SHARIF</t>
  </si>
  <si>
    <t>Taunsa North</t>
  </si>
  <si>
    <t>ggps No 7 near khosa  clinic mohala mochiyan wala</t>
  </si>
  <si>
    <t>kousar bashir</t>
  </si>
  <si>
    <t>GGPS NO.1 CHAK NO.40 SB</t>
  </si>
  <si>
    <t>Chak 40SB</t>
  </si>
  <si>
    <t>chak no 40 sb</t>
  </si>
  <si>
    <t>40 Sb</t>
  </si>
  <si>
    <t>Saba Javaid</t>
  </si>
  <si>
    <t>GGPS NO.1 CHAK NO.45 SB</t>
  </si>
  <si>
    <t>Chak No 45 SB Sargodha</t>
  </si>
  <si>
    <t>Chak No. 45 SB</t>
  </si>
  <si>
    <t>45 SB</t>
  </si>
  <si>
    <t>Chak # 45 SB</t>
  </si>
  <si>
    <t>GGPS NO.1 CHAK NO.71 SB</t>
  </si>
  <si>
    <t>71 sb</t>
  </si>
  <si>
    <t>chak 71 sb sargodha</t>
  </si>
  <si>
    <t>73 sb</t>
  </si>
  <si>
    <t>anam nisar</t>
  </si>
  <si>
    <t>from other handpump</t>
  </si>
  <si>
    <t>GGPS NO.1 CHAK NO.88 SB</t>
  </si>
  <si>
    <t>88SB</t>
  </si>
  <si>
    <t>GGPS NUMBER 1 , 88SB</t>
  </si>
  <si>
    <t>GGPS NO.1 CHAK NO.90 SB</t>
  </si>
  <si>
    <t>90 sb</t>
  </si>
  <si>
    <t>chak 90sb Sargodha</t>
  </si>
  <si>
    <t>Chak 90 SB</t>
  </si>
  <si>
    <t>Chak No 36SB</t>
  </si>
  <si>
    <t>Umme Habiba</t>
  </si>
  <si>
    <t>GGPS NO.1 CHAL PUR</t>
  </si>
  <si>
    <t>Chalpur</t>
  </si>
  <si>
    <t>chalpur</t>
  </si>
  <si>
    <t>Atika Jamal</t>
  </si>
  <si>
    <t>GGPS NO.1 CHOA SAIDAN SHAH</t>
  </si>
  <si>
    <t>thana gali choa saiden shah Teh choa saiden shah</t>
  </si>
  <si>
    <t>Choa saiden Shah</t>
  </si>
  <si>
    <t>Tallat Shaheen</t>
  </si>
  <si>
    <t>GGPS NO.1 FAROOKA</t>
  </si>
  <si>
    <t>G.G.P.S.No.1 Farooka</t>
  </si>
  <si>
    <t>Farooka Village</t>
  </si>
  <si>
    <t>GGPS NO.1 HANAS PATTI</t>
  </si>
  <si>
    <t>1 Hans</t>
  </si>
  <si>
    <t>chak 1 hans puthi p/o kot abbas shaheed</t>
  </si>
  <si>
    <t>1 Hans Puthi Puthi</t>
  </si>
  <si>
    <t>Shakeela Khanum</t>
  </si>
  <si>
    <t>GGPS NO.1 MADINA SYEDAN</t>
  </si>
  <si>
    <t>p.o.khas madina syedan tehsil and district Gujrat</t>
  </si>
  <si>
    <t>Sadia Shabbir</t>
  </si>
  <si>
    <t>GGPS NO.1 MALAKWAL</t>
  </si>
  <si>
    <t>gali talianwali malakwal</t>
  </si>
  <si>
    <t>Naveela Yasmeen</t>
  </si>
  <si>
    <t>GGPS NO.1 MANKEY WALA</t>
  </si>
  <si>
    <t>Mankey Wala</t>
  </si>
  <si>
    <t>mankey wala</t>
  </si>
  <si>
    <t>GGPS NO.1 NAWAN LOK SAHIWAL</t>
  </si>
  <si>
    <t>near dypty d.e.o (w) office sahiwal</t>
  </si>
  <si>
    <t>GGPS NO.1 NEW PLOT GOJRA</t>
  </si>
  <si>
    <t>New Plot Base Line Gojra</t>
  </si>
  <si>
    <t>G.G.p.s no 1 new plot base  line gojra</t>
  </si>
  <si>
    <t>Muncipal Commety</t>
  </si>
  <si>
    <t>Ferdous</t>
  </si>
  <si>
    <t>GGPS NO.1 NIZAMABAD</t>
  </si>
  <si>
    <t>Nizam Abad</t>
  </si>
  <si>
    <t>ggp/s nizam abad post office wadhi teh shahpur distt sargodha</t>
  </si>
  <si>
    <t>Sabo Wal</t>
  </si>
  <si>
    <t>Aisha Tabassum</t>
  </si>
  <si>
    <t>GGPS NO.1 SAHIWAL</t>
  </si>
  <si>
    <t>Gg  p/s  no.1  sultantown   sahiwal.</t>
  </si>
  <si>
    <t>GGPS NO.2 BHERA</t>
  </si>
  <si>
    <t>circular road near degree collage for women bhera</t>
  </si>
  <si>
    <t>Nayab Fatima</t>
  </si>
  <si>
    <t>GGPS NO.2 CHAK NO.139 SB DERA REHMAT ULLAH ABAD</t>
  </si>
  <si>
    <t>ggps139sb dera rahmat abad</t>
  </si>
  <si>
    <t>136sb</t>
  </si>
  <si>
    <t>Ummul aish</t>
  </si>
  <si>
    <t>GGPS NO.2 CHAK NO.31 SB</t>
  </si>
  <si>
    <t>Chak 31 Sb</t>
  </si>
  <si>
    <t>chak31 sb sargodha</t>
  </si>
  <si>
    <t>Chak31sb</t>
  </si>
  <si>
    <t>Sughra Nafees</t>
  </si>
  <si>
    <t>GGPS NO.2 CHAK NO.36 SB</t>
  </si>
  <si>
    <t>Chak 36</t>
  </si>
  <si>
    <t>36 sb sargodha</t>
  </si>
  <si>
    <t>36 Sb</t>
  </si>
  <si>
    <t>Sana Mubeen</t>
  </si>
  <si>
    <t>GGPS NO.2 CHAK NO.37 SB</t>
  </si>
  <si>
    <t>ggmps Chak 37 sb sgd</t>
  </si>
  <si>
    <t>Chak 37 Sb Sgd</t>
  </si>
  <si>
    <t>36 Sb Sgd</t>
  </si>
  <si>
    <t>Mehwish Azeem</t>
  </si>
  <si>
    <t>GGPS NO.2 CHAK NO.42 SB</t>
  </si>
  <si>
    <t>42 Sb</t>
  </si>
  <si>
    <t>chak no 42 SB sargodha</t>
  </si>
  <si>
    <t>42 SB Sargodha</t>
  </si>
  <si>
    <t>Chak No 40 SB</t>
  </si>
  <si>
    <t>GGPS NO.2 CHAK NO.46 SB</t>
  </si>
  <si>
    <t>46 SB</t>
  </si>
  <si>
    <t>chak no 46 sb sgd</t>
  </si>
  <si>
    <t>46 Sb</t>
  </si>
  <si>
    <t>46 sb</t>
  </si>
  <si>
    <t>Maqsooda Bibi</t>
  </si>
  <si>
    <t>GGPS NO.2 CHAK NO.84 NB</t>
  </si>
  <si>
    <t>84 NB</t>
  </si>
  <si>
    <t>Chak 84 NB Sargodha</t>
  </si>
  <si>
    <t>Chak 84 NB</t>
  </si>
  <si>
    <t>Chak 92 NB</t>
  </si>
  <si>
    <t>GGPS NO.2 CHAK NO.90 SB</t>
  </si>
  <si>
    <t>Anwraabad</t>
  </si>
  <si>
    <t>g g p s no 2 Chak 90 s.b</t>
  </si>
  <si>
    <t>90 Sb</t>
  </si>
  <si>
    <t>36sb</t>
  </si>
  <si>
    <t>Rahila Kanwal</t>
  </si>
  <si>
    <t>GGPS NO.2 CHAK NO.94 NB PAKKA DERA</t>
  </si>
  <si>
    <t>Pakka Dera</t>
  </si>
  <si>
    <t>chak no 94 nb sargodha</t>
  </si>
  <si>
    <t>Chak 94 Nb</t>
  </si>
  <si>
    <t>Chak 104nb</t>
  </si>
  <si>
    <t>Madiha Ahmed</t>
  </si>
  <si>
    <t>GGPS NO.2 CHAL PUR</t>
  </si>
  <si>
    <t>Mid</t>
  </si>
  <si>
    <t>mustafabad muhala</t>
  </si>
  <si>
    <t>Iram   Nosheen</t>
  </si>
  <si>
    <t>GGPS NO.2 DHAREMA</t>
  </si>
  <si>
    <t>ggps no.2 dharema</t>
  </si>
  <si>
    <t>Karishma Kanwal</t>
  </si>
  <si>
    <t>GGPS NO.2 EAST BUCHAL KALAN</t>
  </si>
  <si>
    <t>Mohalla madhora vpo buchal kalan tehsil kallar kahar dist chakwal</t>
  </si>
  <si>
    <t>Yasmin Afsar</t>
  </si>
  <si>
    <t>GGPS NO.2 FAROOKA</t>
  </si>
  <si>
    <t>Ishrat Naheed</t>
  </si>
  <si>
    <t>GGPS NO.2 GADAI</t>
  </si>
  <si>
    <t>Gaddi</t>
  </si>
  <si>
    <t>G.G.P.S no 2 Gaddai</t>
  </si>
  <si>
    <t>GGPS NO.2 GARH</t>
  </si>
  <si>
    <t>Lnbna Akhtar</t>
  </si>
  <si>
    <t>GGPS NO.2 GOPANG</t>
  </si>
  <si>
    <t>chowk gopang tehsil jatoi m.garh</t>
  </si>
  <si>
    <t>GGPS NO.2 ISLAM PURA KAMALIA</t>
  </si>
  <si>
    <t>Bilal gunj kamalia</t>
  </si>
  <si>
    <t>Municipal council</t>
  </si>
  <si>
    <t>Nabila Anees</t>
  </si>
  <si>
    <t>GGPS NO.2 JHAWARIAN</t>
  </si>
  <si>
    <t>shahi masjad</t>
  </si>
  <si>
    <t>FARRUKH JABEEN</t>
  </si>
  <si>
    <t>GGPS NO.2 KOT KAMBOH</t>
  </si>
  <si>
    <t>Village Kot Kamboh P/O Jhawarian Tehsil: Shahpur</t>
  </si>
  <si>
    <t>Aslam Parveen</t>
  </si>
  <si>
    <t>GGPS NO.2 MALAKWAL</t>
  </si>
  <si>
    <t>mohallah kanyawala</t>
  </si>
  <si>
    <t>Aneesa Zaineb</t>
  </si>
  <si>
    <t>GGPS NO.2 MUKHTAR COLONY BHALWAL</t>
  </si>
  <si>
    <t>mukhtar colony city 2 bhalwal</t>
  </si>
  <si>
    <t>Mukhtar colony</t>
  </si>
  <si>
    <t>GGPS NO.2 NEW PLOT HABIB PARK GOJRA</t>
  </si>
  <si>
    <t>Habib Park</t>
  </si>
  <si>
    <t>g.g.p/s no.2  habib park new plot gojra</t>
  </si>
  <si>
    <t>New Plot</t>
  </si>
  <si>
    <t>GGPS NO.2 PINDI BAHAUDDIN</t>
  </si>
  <si>
    <t>P B Din</t>
  </si>
  <si>
    <t>p b din</t>
  </si>
  <si>
    <t>Pindi B Din</t>
  </si>
  <si>
    <t>GGPS NO.2 SAHIWAL NAI HAVELI</t>
  </si>
  <si>
    <t>Naye Haweli School No 2 Sahiwal</t>
  </si>
  <si>
    <t>MC SAHIWAL</t>
  </si>
  <si>
    <t>GGPS NO.2 SHAHPUR CITY</t>
  </si>
  <si>
    <t>SHAHPUR CITY</t>
  </si>
  <si>
    <t>shahpur city mohallah kila wala</t>
  </si>
  <si>
    <t>Zarina  Akhtar</t>
  </si>
  <si>
    <t>GGPS NO.2 SHAHPUR SADAR</t>
  </si>
  <si>
    <t>thane Vala Shahpur</t>
  </si>
  <si>
    <t>G,G,P,SNo. 2 shah pur</t>
  </si>
  <si>
    <t>Samer Batool</t>
  </si>
  <si>
    <t>GGPS NO.3 7-MARLA SCHEME CHAK NO.98 SB</t>
  </si>
  <si>
    <t>Chak No 98 Sb</t>
  </si>
  <si>
    <t>Chak no 98'sb</t>
  </si>
  <si>
    <t>Chak No 36 Sb</t>
  </si>
  <si>
    <t>GGPS NO.3 ABU ZAHBI COLONY NO 3</t>
  </si>
  <si>
    <t>54/p</t>
  </si>
  <si>
    <t>Abu Dhabi Colony no.3</t>
  </si>
  <si>
    <t>Abu Dhabi Colony No 3</t>
  </si>
  <si>
    <t>GGPS NO.3 BHERA</t>
  </si>
  <si>
    <t>Muhalla khawajgan Bhera</t>
  </si>
  <si>
    <t>GGPS NO.3 MEHAR ABAD PIR MAHAL</t>
  </si>
  <si>
    <t>govt girls primary school no 3 meharabad pirmahal</t>
  </si>
  <si>
    <t>MC Pir Mahal</t>
  </si>
  <si>
    <t>GGPS NO.3 SAHIWAL</t>
  </si>
  <si>
    <t>muhala wazir pur sahiwal</t>
  </si>
  <si>
    <t>GGPS NO.3 SHAH PUR SADDAR</t>
  </si>
  <si>
    <t>mohla  depty   wala  shahpur sadar</t>
  </si>
  <si>
    <t>Mc Shahpur Sadar</t>
  </si>
  <si>
    <t>Naheed Babi</t>
  </si>
  <si>
    <t>GGPS NO.4 CHAK NO.10 REMOUNT DEPOT SARGODHA</t>
  </si>
  <si>
    <t>Chak 10 Remount Depot</t>
  </si>
  <si>
    <t>school no 4 chak 10 R/D</t>
  </si>
  <si>
    <t>Chak No 10 Remount Depot</t>
  </si>
  <si>
    <t>GGPS NO.4 GHOUSIA ABAD PIR MAHAL</t>
  </si>
  <si>
    <t>Ghousia Abad pirmahal</t>
  </si>
  <si>
    <t>Town Comittiee Pml</t>
  </si>
  <si>
    <t>Asifa Touqeer</t>
  </si>
  <si>
    <t>GGPS NO.4 NEW PLOT GOJRA</t>
  </si>
  <si>
    <t>g g p s no 4 new plot gojra</t>
  </si>
  <si>
    <t>Misbah tabussum</t>
  </si>
  <si>
    <t>GGPS NO.4 SAHIWAL</t>
  </si>
  <si>
    <t>g.g.p/s ward no 4 sahiwal</t>
  </si>
  <si>
    <t>Mc Sahiwal</t>
  </si>
  <si>
    <t>GGPS NO.6 DEPALPUR</t>
  </si>
  <si>
    <t>GGPS no 6</t>
  </si>
  <si>
    <t>Rashida Saeed</t>
  </si>
  <si>
    <t>GGPS NO.6 RAJA PARK T.T.SINGH</t>
  </si>
  <si>
    <t>toba</t>
  </si>
  <si>
    <t>GMPS NO 6 Raja park TTSINGH</t>
  </si>
  <si>
    <t>GGPS NO.7 CHAK 327 JB</t>
  </si>
  <si>
    <t>327jb</t>
  </si>
  <si>
    <t>ggps 327jb toba tek Singh</t>
  </si>
  <si>
    <t>327 Jb Bhalar</t>
  </si>
  <si>
    <t>324jb</t>
  </si>
  <si>
    <t>GGPS NODEEL</t>
  </si>
  <si>
    <t>NODEEL</t>
  </si>
  <si>
    <t>VILLAGE NODEEL P/O HERNAL, MANDRA TEHSIL GUJARKHAN,RWP</t>
  </si>
  <si>
    <t>GHUNGRILA</t>
  </si>
  <si>
    <t>Nabeela Shaheen</t>
  </si>
  <si>
    <t>GGPS NOGAZZA</t>
  </si>
  <si>
    <t>Nogazza</t>
  </si>
  <si>
    <t>vill nogazza p/o bara manga</t>
  </si>
  <si>
    <t>Walipur Bora</t>
  </si>
  <si>
    <t>GGPS NOGRAN</t>
  </si>
  <si>
    <t>Kot</t>
  </si>
  <si>
    <t>village nogran kahuta rawalpindi</t>
  </si>
  <si>
    <t>Nogran</t>
  </si>
  <si>
    <t>Syeda Iram Zareen</t>
  </si>
  <si>
    <t>GGPS NOHRA MUHAMMAD SARWAR</t>
  </si>
  <si>
    <t>Nohra Muhammad Sarwar Moza Nehal Wazirka Tehsil Minchinabad</t>
  </si>
  <si>
    <t>Nohra Muhammad Sarwar</t>
  </si>
  <si>
    <t>GGPS NOKHER QADEEM</t>
  </si>
  <si>
    <t>GGPS Nokhar Qadeem Farooq Abad</t>
  </si>
  <si>
    <t>Nokhar Qadeem</t>
  </si>
  <si>
    <t>iffat bano</t>
  </si>
  <si>
    <t>GGPS NONARI AWAN</t>
  </si>
  <si>
    <t>Basti Nonari Awan lqp</t>
  </si>
  <si>
    <t>Nonari Awan</t>
  </si>
  <si>
    <t>Laraib Kanwal</t>
  </si>
  <si>
    <t>GGPS NOON ADHWANA NEAR NAWAB PUR ROAD CHAK MAHANI</t>
  </si>
  <si>
    <t>Noon Adhwana</t>
  </si>
  <si>
    <t>GGPS Noon Adhwana Nawab pur road chak Mahni</t>
  </si>
  <si>
    <t>Basti Ikram Abad</t>
  </si>
  <si>
    <t>GGPS NOON BHAI KHAN</t>
  </si>
  <si>
    <t>Noon Bhai Khan</t>
  </si>
  <si>
    <t>Village noon Bhai khan</t>
  </si>
  <si>
    <t>Thats Karim Daad</t>
  </si>
  <si>
    <t>GGPS NOON JAGEER</t>
  </si>
  <si>
    <t>Noon Jageer</t>
  </si>
  <si>
    <t>G.g.p.s noon jageer</t>
  </si>
  <si>
    <t>Shumaila Noreen</t>
  </si>
  <si>
    <t>GGPS NOON KALLU</t>
  </si>
  <si>
    <t>Noonklu</t>
  </si>
  <si>
    <t>noon kalu</t>
  </si>
  <si>
    <t>Noon Kalu</t>
  </si>
  <si>
    <t>GGPS NOON SANGRA MOUZA NOON SANGRA</t>
  </si>
  <si>
    <t>Anser  Feroz</t>
  </si>
  <si>
    <t>GGPS NOON SUGAR MILLS COLONY BHALWAL</t>
  </si>
  <si>
    <t>Govt.Girls primary School Noon sugar mills(Tahirabad) Bhalwal.</t>
  </si>
  <si>
    <t>Tahirabad Colony</t>
  </si>
  <si>
    <t>GGPS NOON WALA</t>
  </si>
  <si>
    <t>Mahraghrbi</t>
  </si>
  <si>
    <t>noonwala</t>
  </si>
  <si>
    <t>Noonwala</t>
  </si>
  <si>
    <t>Mahragarbi</t>
  </si>
  <si>
    <t>Safia Sulttana</t>
  </si>
  <si>
    <t>GGPS NOOR AHMAD LAR</t>
  </si>
  <si>
    <t>GGPS jam noor ahmad lar</t>
  </si>
  <si>
    <t>Basti Dad Potra</t>
  </si>
  <si>
    <t>Gohka</t>
  </si>
  <si>
    <t>Rukhsana Siddiqui</t>
  </si>
  <si>
    <t>GGPS NOOR AHMAD LASHARI</t>
  </si>
  <si>
    <t>GGPS Noor Ahmad Leshari</t>
  </si>
  <si>
    <t>Kamu Khan</t>
  </si>
  <si>
    <t>GGPS NOOR AHMED BHOMB</t>
  </si>
  <si>
    <t>BASTI NOOR AHMED BHOMB MOZA MURAD PUR SIAL LIAQUAT PUR</t>
  </si>
  <si>
    <t>NOOR AHMED BHOMB</t>
  </si>
  <si>
    <t>SAJIDA BIBI</t>
  </si>
  <si>
    <t>GGPS NOOR AHMED NAICH</t>
  </si>
  <si>
    <t>basti noor ahmed naich</t>
  </si>
  <si>
    <t>Basti Noor Ahmed Naich</t>
  </si>
  <si>
    <t>Sadia Makki</t>
  </si>
  <si>
    <t>GGPS NOOR AHMED WALI</t>
  </si>
  <si>
    <t>Post Office Mangrotha East</t>
  </si>
  <si>
    <t>Noor Ahmad Wali</t>
  </si>
  <si>
    <t>Misbah Khan</t>
  </si>
  <si>
    <t>GGPS NOOR ALLAH DAD</t>
  </si>
  <si>
    <t>Noor Allah dad</t>
  </si>
  <si>
    <t>moza noor Allah dad</t>
  </si>
  <si>
    <t>Noor Allah Dad</t>
  </si>
  <si>
    <t>GGPS NOOR ASHRAF</t>
  </si>
  <si>
    <t>GG PS Noor Ashraf wala PO zammy wala tehsil kallur kot district bhakar</t>
  </si>
  <si>
    <t>Noor Ashraf Wala</t>
  </si>
  <si>
    <t>Ghulaman No  2</t>
  </si>
  <si>
    <t>GGPS NOOR FAQIR WALA SHUJABAD</t>
  </si>
  <si>
    <t>Noor Fakir</t>
  </si>
  <si>
    <t>noor fakir village shujabad</t>
  </si>
  <si>
    <t>Afshan Nisar</t>
  </si>
  <si>
    <t>GGPS NOOR GARH MOUZA</t>
  </si>
  <si>
    <t>noor garh tehsil Dunya pur district lodhran</t>
  </si>
  <si>
    <t>GGPS NOOR HAYAT COLONY BHALWAL</t>
  </si>
  <si>
    <t>Noor  Hayat Colony</t>
  </si>
  <si>
    <t>noor hayat colony street No 16</t>
  </si>
  <si>
    <t>Noor Hayat Colony Bhalwal</t>
  </si>
  <si>
    <t>Rubeena Yasmeen</t>
  </si>
  <si>
    <t>GGPS NOOR MAHAL ROAD MUHAMMADIA COLONY</t>
  </si>
  <si>
    <t>Hansra</t>
  </si>
  <si>
    <t>Ggps Muhammadia colony Noor mahal road bwp</t>
  </si>
  <si>
    <t>GGPS NOOR MUHAMMAD</t>
  </si>
  <si>
    <t>Chack Noor Muhammad</t>
  </si>
  <si>
    <t>42 Sp Sumundri</t>
  </si>
  <si>
    <t>GGPS NOOR MUHAMMAD CHEENRAL WALA</t>
  </si>
  <si>
    <t>Cheen Pura</t>
  </si>
  <si>
    <t>china pora</t>
  </si>
  <si>
    <t>Cheena Pura</t>
  </si>
  <si>
    <t>GGPS NOOR MUHAMMAD KHAN</t>
  </si>
  <si>
    <t>Gg p/s Noor Muhammad Khan basti chotay lar P/o Khan Bela</t>
  </si>
  <si>
    <t>Chotay lar</t>
  </si>
  <si>
    <t>Haneefa Yaseen</t>
  </si>
  <si>
    <t>GGPS NOOR MUHAMMAD SIAL</t>
  </si>
  <si>
    <t>Manjhi Wala</t>
  </si>
  <si>
    <t>basti Noor Muhammad Sial</t>
  </si>
  <si>
    <t>Bun Wala</t>
  </si>
  <si>
    <t>Ayesha Zahoor</t>
  </si>
  <si>
    <t>GGPS NOOR MUHAMMAD WALA NO.1 KABIRWALA</t>
  </si>
  <si>
    <t>Chack Hadier Abad</t>
  </si>
  <si>
    <t>ggps noor muhammad wala no 1 kabir wala</t>
  </si>
  <si>
    <t>GGPS NOOR MUHAMMAD WALA NO.2 KABIRWALA</t>
  </si>
  <si>
    <t>Okaan Wala</t>
  </si>
  <si>
    <t>P/O KUKKAR HATTA TEHSIL KABIRWALA DISTRICT KHANEWAL</t>
  </si>
  <si>
    <t>Sham Lat</t>
  </si>
  <si>
    <t>GGPS NOOR PUR ARAIAN</t>
  </si>
  <si>
    <t>Noor Pur Arrain</t>
  </si>
  <si>
    <t>Noor pur arrain sikhan Wala bangla road sharqpur</t>
  </si>
  <si>
    <t>GGPS NOOR PUR BASTI</t>
  </si>
  <si>
    <t>Sadeeq abad</t>
  </si>
  <si>
    <t>sadeeq abad sargodha near Ali park</t>
  </si>
  <si>
    <t>Nazia Mumtaz</t>
  </si>
  <si>
    <t>GGPS NOOR PUR KATVI</t>
  </si>
  <si>
    <t>G g PS noor pur katvi p o Noor pur katvi Thsil phalia Distt M b din</t>
  </si>
  <si>
    <t>Khumb Kalan</t>
  </si>
  <si>
    <t>Adeela Hussain</t>
  </si>
  <si>
    <t>GGPS NOOR PUR LALEKA</t>
  </si>
  <si>
    <t>ggps noorpurlaleka</t>
  </si>
  <si>
    <t>chak noorpur laleka</t>
  </si>
  <si>
    <t>GGPS NOOR PUR PIPAL</t>
  </si>
  <si>
    <t>Noorpur Pipple</t>
  </si>
  <si>
    <t>pipple bhutta</t>
  </si>
  <si>
    <t>GGPS NOOR PUR PIRAN</t>
  </si>
  <si>
    <t>Noorpur Piran</t>
  </si>
  <si>
    <t>noorpur piran</t>
  </si>
  <si>
    <t>Sana Saeed</t>
  </si>
  <si>
    <t>GGPS NOOR PURA</t>
  </si>
  <si>
    <t>Sakhi Talaab</t>
  </si>
  <si>
    <t>basti noorpura tehsil minchinabad district bahawalnagar</t>
  </si>
  <si>
    <t>Shahnaz Qasim</t>
  </si>
  <si>
    <t>GGPS NOOR PURA NO. 2</t>
  </si>
  <si>
    <t>Noorpura 3</t>
  </si>
  <si>
    <t>GGPS MC NOOR PURA CTN</t>
  </si>
  <si>
    <t>Rukhsana Salik</t>
  </si>
  <si>
    <t>GGPS NOOR SHAH BUKHARI</t>
  </si>
  <si>
    <t>mohalla noor shah bukhari APE</t>
  </si>
  <si>
    <t>Ahmad pur city</t>
  </si>
  <si>
    <t>GGPS NOOR SHAH GILLANI NO.1</t>
  </si>
  <si>
    <t>noor shah gillani</t>
  </si>
  <si>
    <t>noor  shah gillani</t>
  </si>
  <si>
    <t>Safia Rehman</t>
  </si>
  <si>
    <t>GGPS NOOR SHAH KAHIRAN WALA</t>
  </si>
  <si>
    <t>ggps noor shah Kahiran Wala</t>
  </si>
  <si>
    <t>Noor Shah  Kahiran Wala</t>
  </si>
  <si>
    <t>GGPS NOOR SHAH KISAN WALA</t>
  </si>
  <si>
    <t>kasanwala</t>
  </si>
  <si>
    <t>Kasanwala</t>
  </si>
  <si>
    <t>GGPS NOOR UL HASAN</t>
  </si>
  <si>
    <t>durhatta</t>
  </si>
  <si>
    <t>GG PS Noor ul Hassan wala basti durhatta lodhran</t>
  </si>
  <si>
    <t>GGPS NOOR WAH BASTI HAJI ALI BUKHSH</t>
  </si>
  <si>
    <t>GGPS Noorwah basti haji ali bukhush</t>
  </si>
  <si>
    <t>Basti Haji Ali Bukhush</t>
  </si>
  <si>
    <t>GGPS NOOR WALA  No.2</t>
  </si>
  <si>
    <t>qabool shah</t>
  </si>
  <si>
    <t>aali wala</t>
  </si>
  <si>
    <t>Iram Hameed</t>
  </si>
  <si>
    <t>GGPS NOOR WALA NO. 1</t>
  </si>
  <si>
    <t>Chack Qabool Sh</t>
  </si>
  <si>
    <t>noorwala no 1</t>
  </si>
  <si>
    <t>Noorwala</t>
  </si>
  <si>
    <t>Aliawala</t>
  </si>
  <si>
    <t>Tanzila Akbar</t>
  </si>
  <si>
    <t>GGPS NOOR WANA</t>
  </si>
  <si>
    <t>Noorwana</t>
  </si>
  <si>
    <t>noorwana</t>
  </si>
  <si>
    <t>GGPS NOORA AHLOKA</t>
  </si>
  <si>
    <t>Noora Ahloka</t>
  </si>
  <si>
    <t>ggps noora ahloka</t>
  </si>
  <si>
    <t>Samina Akbar</t>
  </si>
  <si>
    <t>GGPS NOORA ARAIN</t>
  </si>
  <si>
    <t>Noora  Araien</t>
  </si>
  <si>
    <t>Basti noora araien</t>
  </si>
  <si>
    <t>Noora Araien</t>
  </si>
  <si>
    <t>Mahta Jhedu</t>
  </si>
  <si>
    <t>Nafisa Ittrat</t>
  </si>
  <si>
    <t>GGPS NOORANG WALA KHANSER</t>
  </si>
  <si>
    <t>chah Norang Wala khansar</t>
  </si>
  <si>
    <t>Chah Norang Wala</t>
  </si>
  <si>
    <t>GGPS NOORANI</t>
  </si>
  <si>
    <t>Mohallah mochian khair pur sadat</t>
  </si>
  <si>
    <t>water from filter plant</t>
  </si>
  <si>
    <t>GGPS NOORAY WALA JADEED</t>
  </si>
  <si>
    <t>chah pathi wala Moza Darigh post office kot addu</t>
  </si>
  <si>
    <t>Chah Pathi Wala</t>
  </si>
  <si>
    <t>GGPS NOORBAN</t>
  </si>
  <si>
    <t>village and post office sorasi tehsil murree dist rawalpindi</t>
  </si>
  <si>
    <t>Noorban</t>
  </si>
  <si>
    <t>Nabila Bibi</t>
  </si>
  <si>
    <t>private</t>
  </si>
  <si>
    <t>GGPS NOOREY WALA, P/O MOUZA MARI SAHU, KABIRWALA</t>
  </si>
  <si>
    <t>GGPS NOORI MITHA TIWANA</t>
  </si>
  <si>
    <t>Mithatiwana</t>
  </si>
  <si>
    <t>moh mahlana wala mithatiwana</t>
  </si>
  <si>
    <t>Mc Mithatiwana</t>
  </si>
  <si>
    <t>Ambreen Javaid</t>
  </si>
  <si>
    <t>GGPS NOORI WALA</t>
  </si>
  <si>
    <t>Noori Wala</t>
  </si>
  <si>
    <t>Village Noori wala</t>
  </si>
  <si>
    <t>kashifa noor</t>
  </si>
  <si>
    <t>GGPS NOORPUR MANJHU WALA NO. 1</t>
  </si>
  <si>
    <t>Noorpur Manjhu</t>
  </si>
  <si>
    <t>Noorpur Manjhu wala</t>
  </si>
  <si>
    <t>Noorpur Manjhu Wala</t>
  </si>
  <si>
    <t>GGPS NOORPUR NO 2</t>
  </si>
  <si>
    <t>Rajan Pur No 01</t>
  </si>
  <si>
    <t>Alfarooq Town  Aqil pur road Rajan Pur</t>
  </si>
  <si>
    <t>Alfarooq Town</t>
  </si>
  <si>
    <t>M C Rajanpur</t>
  </si>
  <si>
    <t>GGPS NOORPURA MACHIKE</t>
  </si>
  <si>
    <t>noorpura machikey</t>
  </si>
  <si>
    <t>noorpura</t>
  </si>
  <si>
    <t>ghazi minara</t>
  </si>
  <si>
    <t>Tehmina Niaz</t>
  </si>
  <si>
    <t>GGPS NOOR-UL-ISLAM JALALPUR PIRWALA</t>
  </si>
  <si>
    <t>Basti lang permat road lodhran jalal pur pir wala</t>
  </si>
  <si>
    <t>GGPS NOORYAL</t>
  </si>
  <si>
    <t>dhok Noryal dakhli Nilhad Tehsil Pindi gheb District attock</t>
  </si>
  <si>
    <t>Malowali</t>
  </si>
  <si>
    <t>Mahwish  Sultana</t>
  </si>
  <si>
    <t>GGPS NOQABIL WAH  NO.2 CHAH SONAY WALA</t>
  </si>
  <si>
    <t>GGPS NOQABIL WAH NO 2 BASTI SONY WALA</t>
  </si>
  <si>
    <t>Sony Wala</t>
  </si>
  <si>
    <t>Dhakna Gharoo</t>
  </si>
  <si>
    <t>Alia Sharif</t>
  </si>
  <si>
    <t>GGPS NORAN SAMPAL</t>
  </si>
  <si>
    <t>Nooran Sanpal</t>
  </si>
  <si>
    <t>Mirdad Mafii</t>
  </si>
  <si>
    <t>Fozia Sardar</t>
  </si>
  <si>
    <t>GGPS NORANG KHELAN WALA</t>
  </si>
  <si>
    <t>GGPS NORANG WALA</t>
  </si>
  <si>
    <t>Norang Wala</t>
  </si>
  <si>
    <t>GGPS Norang Wala,tehsil sahiwal,district Sargodha</t>
  </si>
  <si>
    <t>Kotla Fateh Khan</t>
  </si>
  <si>
    <t>Noore Wala</t>
  </si>
  <si>
    <t>Kanwal Rani</t>
  </si>
  <si>
    <t>GGPS NORANGAY WALA</t>
  </si>
  <si>
    <t>Norangaywala</t>
  </si>
  <si>
    <t>village Norangaywala tehsil lalian district chiniot</t>
  </si>
  <si>
    <t>Bushra Khalid</t>
  </si>
  <si>
    <t>GGPS NORIA KORIA</t>
  </si>
  <si>
    <t>NORIA KORIA</t>
  </si>
  <si>
    <t>ggps noria koria.d.g.khan</t>
  </si>
  <si>
    <t>LADAN</t>
  </si>
  <si>
    <t>Nagina Nasreen</t>
  </si>
  <si>
    <t>GGPS NORUNG WALA SHUJABAD DISTT. MULTAN</t>
  </si>
  <si>
    <t>soman</t>
  </si>
  <si>
    <t>chahnirung wala tehsil shujabad district multan</t>
  </si>
  <si>
    <t>norang wala</t>
  </si>
  <si>
    <t>ponta</t>
  </si>
  <si>
    <t>GGPS NORYANA BOSAL</t>
  </si>
  <si>
    <t>Noryana</t>
  </si>
  <si>
    <t>P/O Noryana Bosal the. Malakwal Distt.M.B.Din</t>
  </si>
  <si>
    <t>Noryana Bosal</t>
  </si>
  <si>
    <t>KINZA NAWAZ</t>
  </si>
  <si>
    <t>GGPS NOSHARA</t>
  </si>
  <si>
    <t>noshehra mailsi</t>
  </si>
  <si>
    <t>Farzana Mai</t>
  </si>
  <si>
    <t>GGPS NOSHERA JANGLE RAKH</t>
  </si>
  <si>
    <t>Noshera Jungle Rakh</t>
  </si>
  <si>
    <t>noshera jungle rakh</t>
  </si>
  <si>
    <t>Lalaamersing</t>
  </si>
  <si>
    <t>Salma Rasheed</t>
  </si>
  <si>
    <t>GGPS NOSHERA NASHAIB</t>
  </si>
  <si>
    <t>basti noshera nashaib shahpur layyah</t>
  </si>
  <si>
    <t>sumreen ejaz</t>
  </si>
  <si>
    <t>GGPS NOTA</t>
  </si>
  <si>
    <t>nota</t>
  </si>
  <si>
    <t>village nota</t>
  </si>
  <si>
    <t>Fozia Saddique</t>
  </si>
  <si>
    <t>GGPS NOTH</t>
  </si>
  <si>
    <t>Village and P/O Nothein Via Kisran Teh Jand Distt Attock</t>
  </si>
  <si>
    <t>Saira Salahuddin</t>
  </si>
  <si>
    <t>GGPS NOTHEEN MALKAN</t>
  </si>
  <si>
    <t>vpo ahmedal</t>
  </si>
  <si>
    <t>GGPS NOTHIA QURESHIAN</t>
  </si>
  <si>
    <t>nothia qureshian</t>
  </si>
  <si>
    <t>bhag nagar</t>
  </si>
  <si>
    <t>GGPS NOUKRIAN BAJWA</t>
  </si>
  <si>
    <t>Noukrianbajwa</t>
  </si>
  <si>
    <t>noukrain bajw pasrur district Sialkot</t>
  </si>
  <si>
    <t>Noukrain Bajwa</t>
  </si>
  <si>
    <t>GGPS NOUKRIAN MUGHLAN</t>
  </si>
  <si>
    <t>Noukrian Mughlan</t>
  </si>
  <si>
    <t>GGPSNOUKRIANMUGHLAN</t>
  </si>
  <si>
    <t>GGPS NOURANG ABAD</t>
  </si>
  <si>
    <t>Nourangabad</t>
  </si>
  <si>
    <t>Govt girls ps nourangabad</t>
  </si>
  <si>
    <t>GGPS NOUSHERA</t>
  </si>
  <si>
    <t>Noushehra</t>
  </si>
  <si>
    <t>noushera</t>
  </si>
  <si>
    <t>Khaglan Wala</t>
  </si>
  <si>
    <t>GGPS NOWSHERA VIRKAN NO.2</t>
  </si>
  <si>
    <t>Mohalla Batth Nowshera Virkan</t>
  </si>
  <si>
    <t>PerveenAkhtar</t>
  </si>
  <si>
    <t>GGPS NOWSHERI</t>
  </si>
  <si>
    <t>G.G.P.S.nowsheri</t>
  </si>
  <si>
    <t>Nowsheri</t>
  </si>
  <si>
    <t>Nasia Farsa</t>
  </si>
  <si>
    <t>GGPS NULAN DE JALLAR</t>
  </si>
  <si>
    <t>MARAKA</t>
  </si>
  <si>
    <t>Nolan de jallar Bahria town lahore</t>
  </si>
  <si>
    <t>Nolan de jallar</t>
  </si>
  <si>
    <t>SADIA NAZIR</t>
  </si>
  <si>
    <t>GGPS NUMB BEHRA MALL</t>
  </si>
  <si>
    <t>Numb Behramall</t>
  </si>
  <si>
    <t>post office ghora gali village numb behramall murree</t>
  </si>
  <si>
    <t>Faiza Aurangzeb</t>
  </si>
  <si>
    <t>GGPS NUMB DARA</t>
  </si>
  <si>
    <t>Numb dara</t>
  </si>
  <si>
    <t>village santh anwali tehsil kotli sattian dist rwp</t>
  </si>
  <si>
    <t>Mallot Satian</t>
  </si>
  <si>
    <t>SOFIA HAMEED</t>
  </si>
  <si>
    <t>GGPS NUMB MIRGALA</t>
  </si>
  <si>
    <t>Mir Gala Mangral</t>
  </si>
  <si>
    <t>vill  numb mir gala p/o sar suba shah teh  kallr sayedan  distt Rawalpindi</t>
  </si>
  <si>
    <t>Numb Mir Gala</t>
  </si>
  <si>
    <t>Afia Parveen</t>
  </si>
  <si>
    <t>GGPS NUMB ROMAL NO 1</t>
  </si>
  <si>
    <t>Numbromall</t>
  </si>
  <si>
    <t>village numbromall p\o phagwari tehsil Mureee</t>
  </si>
  <si>
    <t>GGPS NUMBRAN WALA</t>
  </si>
  <si>
    <t>Tibba Saigran Wala</t>
  </si>
  <si>
    <t>tibba saigran wala p/o kohawar kalan tehsil darya khan district bhakkar</t>
  </si>
  <si>
    <t>Zareena Begum</t>
  </si>
  <si>
    <t>GGPS NUSRAT KHELAN WALA</t>
  </si>
  <si>
    <t>Noorullah</t>
  </si>
  <si>
    <t>wandha alam khelan wala ,nusrat khel</t>
  </si>
  <si>
    <t>Alam Khelan Wala</t>
  </si>
  <si>
    <t>Rashida Noreen</t>
  </si>
  <si>
    <t>GGPS NUTKANI NO.2</t>
  </si>
  <si>
    <t>Rasheeda Parveen</t>
  </si>
  <si>
    <t>GGPS NUTKANI NO.3</t>
  </si>
  <si>
    <t>nutkani</t>
  </si>
  <si>
    <t>Nusrat Waseem</t>
  </si>
  <si>
    <t>GGPS OBARA SHUMALI</t>
  </si>
  <si>
    <t>Obawara shumali</t>
  </si>
  <si>
    <t>Dakkhana khas obawara shumali</t>
  </si>
  <si>
    <t>Rabia Bukhari</t>
  </si>
  <si>
    <t>GGPS OBATTA</t>
  </si>
  <si>
    <t>obatts</t>
  </si>
  <si>
    <t>basti minyn moza obatta</t>
  </si>
  <si>
    <t>obatta</t>
  </si>
  <si>
    <t>azeemshah</t>
  </si>
  <si>
    <t>GGPS OJNA</t>
  </si>
  <si>
    <t>Ojna</t>
  </si>
  <si>
    <t>GGPS ojna p.o mirza por tehsil kotli sattian dist rwp</t>
  </si>
  <si>
    <t>Aqsa Parveen</t>
  </si>
  <si>
    <t>GGPS OKAN WALA</t>
  </si>
  <si>
    <t>okana wala post office taty pur multan</t>
  </si>
  <si>
    <t>GGPS OLAKH HITHAR</t>
  </si>
  <si>
    <t>olakh hithar</t>
  </si>
  <si>
    <t>Kalsoom Ilyas</t>
  </si>
  <si>
    <t>GGPS OLAKHAN WALA SHARQI</t>
  </si>
  <si>
    <t>aulakhanwala Sharqi</t>
  </si>
  <si>
    <t>aulakhanwala sharqi tehsil piplan distt mianwali</t>
  </si>
  <si>
    <t>harnoli</t>
  </si>
  <si>
    <t>GGPS OLIKH</t>
  </si>
  <si>
    <t>Olukh</t>
  </si>
  <si>
    <t>olukh shakar garah</t>
  </si>
  <si>
    <t>Kunwol Ghafoor</t>
  </si>
  <si>
    <t>GGPS ONARA</t>
  </si>
  <si>
    <t>Onara</t>
  </si>
  <si>
    <t>mouza onara p/of mandi shah jewna</t>
  </si>
  <si>
    <t>Paber Wala</t>
  </si>
  <si>
    <t>GGPS OPANA</t>
  </si>
  <si>
    <t>Pakka Sidhar</t>
  </si>
  <si>
    <t>GGPS Opana, P/O pakka sidhar, Dist Pakpattan</t>
  </si>
  <si>
    <t>Opana</t>
  </si>
  <si>
    <t>Syeda Tehseen Fatima</t>
  </si>
  <si>
    <t>GGPS OPEL BARKI ROAD</t>
  </si>
  <si>
    <t>Opal</t>
  </si>
  <si>
    <t>village Opal</t>
  </si>
  <si>
    <t>Hudyara</t>
  </si>
  <si>
    <t>GGPS OPLAN WALA</t>
  </si>
  <si>
    <t>Oplanwala</t>
  </si>
  <si>
    <t>chah oplanwala p/o bath kalan teh pattoki distt kasur</t>
  </si>
  <si>
    <t>Chah Oplanwala</t>
  </si>
  <si>
    <t>Sumaira Said</t>
  </si>
  <si>
    <t>GGPS ORANG</t>
  </si>
  <si>
    <t>Orang</t>
  </si>
  <si>
    <t>Post Office Orang Tehsil Minchinabad</t>
  </si>
  <si>
    <t>GGPS ORARA KALAN</t>
  </si>
  <si>
    <t>Orara kalan kasur</t>
  </si>
  <si>
    <t>Orara Kalan</t>
  </si>
  <si>
    <t>orara</t>
  </si>
  <si>
    <t>GGPS ORARA KHURD</t>
  </si>
  <si>
    <t>orara khurd</t>
  </si>
  <si>
    <t>Tahira Anwar</t>
  </si>
  <si>
    <t>GGPS OSHAN</t>
  </si>
  <si>
    <t>Oshan</t>
  </si>
  <si>
    <t>ggps oshan Narrow so w</t>
  </si>
  <si>
    <t>Afzal Akhter</t>
  </si>
  <si>
    <t>GGPS OTHEE</t>
  </si>
  <si>
    <t>Othee</t>
  </si>
  <si>
    <t>g.g.p.s othee</t>
  </si>
  <si>
    <t>Sarghana</t>
  </si>
  <si>
    <t>GGPS OUDANGAL</t>
  </si>
  <si>
    <t>Oudangal</t>
  </si>
  <si>
    <t>G.G.P.S Oudangal</t>
  </si>
  <si>
    <t>Uzma Iqbal Zafar</t>
  </si>
  <si>
    <t>GGPS OULAKH AWANAN</t>
  </si>
  <si>
    <t>Aoulakh Awanan</t>
  </si>
  <si>
    <t>village Aoulakh Awanan Post office bhagwal awan Sialkot</t>
  </si>
  <si>
    <t>Nasreen Amjad</t>
  </si>
  <si>
    <t>GGPS OULAKH SINDHU NO.1</t>
  </si>
  <si>
    <t>Oulakh Sindhu</t>
  </si>
  <si>
    <t>basti oulakh sindhu</t>
  </si>
  <si>
    <t>Basti Oulakh Sindhu</t>
  </si>
  <si>
    <t>Choperhtta</t>
  </si>
  <si>
    <t>Naveesa Rani</t>
  </si>
  <si>
    <t>GGPS PABBER WALA</t>
  </si>
  <si>
    <t>mouza Pubber Wala</t>
  </si>
  <si>
    <t>FAHMEEDA YASMIN</t>
  </si>
  <si>
    <t>GGPS PACCA QURESHIAN</t>
  </si>
  <si>
    <t>Ghaleja</t>
  </si>
  <si>
    <t>basti pacca qureshian tehsil&amp;district  rahim yar khan</t>
  </si>
  <si>
    <t>Pacca Qureshian</t>
  </si>
  <si>
    <t>Perveen Kousar</t>
  </si>
  <si>
    <t>GGPS PACCA SADHAR</t>
  </si>
  <si>
    <t>pacca sidhar</t>
  </si>
  <si>
    <t>GGPS PACCA SANDAN WALA</t>
  </si>
  <si>
    <t>GGPS pacca Sandan wala shadia</t>
  </si>
  <si>
    <t>Pacca Sandan Wala</t>
  </si>
  <si>
    <t>Khadijah Saeed</t>
  </si>
  <si>
    <t>GGPS PACCA SHAH NAWAZ</t>
  </si>
  <si>
    <t>maqsoda ghejhar</t>
  </si>
  <si>
    <t>ggps paccashahnawaz dera ghazi khan</t>
  </si>
  <si>
    <t>pacca shahnawaz</t>
  </si>
  <si>
    <t>dhao</t>
  </si>
  <si>
    <t>suryia parveen</t>
  </si>
  <si>
    <t>GGPS PACCA SHEHDAD</t>
  </si>
  <si>
    <t>Dhau</t>
  </si>
  <si>
    <t>G.g p/s pacca shehdad</t>
  </si>
  <si>
    <t>Pacca Shehdad</t>
  </si>
  <si>
    <t>Hina Yasmin</t>
  </si>
  <si>
    <t>GGPS PACH WALIAN</t>
  </si>
  <si>
    <t>Pachwalian</t>
  </si>
  <si>
    <t>village pachwalian p/o zafarwal tehsil zafarwal district narowal</t>
  </si>
  <si>
    <t>Chak Dhodu</t>
  </si>
  <si>
    <t>Farkhanda Nargis</t>
  </si>
  <si>
    <t>GGPS PACHANI</t>
  </si>
  <si>
    <t>PACHANI</t>
  </si>
  <si>
    <t>GOVT  Girls.  Primary.  School.   Pachani</t>
  </si>
  <si>
    <t>Qammer Batool</t>
  </si>
  <si>
    <t>GGPS PACHAR WALA</t>
  </si>
  <si>
    <t>Basti khutto Bair Band2 Teh. jatoi Dist M.garh</t>
  </si>
  <si>
    <t>Basti Khutto</t>
  </si>
  <si>
    <t>GGPS PADRI</t>
  </si>
  <si>
    <t>padri p/o barki lahore</t>
  </si>
  <si>
    <t>Banghali</t>
  </si>
  <si>
    <t>Sajid ali</t>
  </si>
  <si>
    <t>GGPS PAGALA</t>
  </si>
  <si>
    <t>Pagala</t>
  </si>
  <si>
    <t>Pagala tehsil nowshera virkan GRW</t>
  </si>
  <si>
    <t>Marri Bhindran</t>
  </si>
  <si>
    <t>Madifer Un Nisa</t>
  </si>
  <si>
    <t>GGPS PAGH</t>
  </si>
  <si>
    <t>Village Pagh post office kot Fateh Khan tehsil Fateh jang district Attock</t>
  </si>
  <si>
    <t>GGPS PAHALWAN KA</t>
  </si>
  <si>
    <t>Phelwanka</t>
  </si>
  <si>
    <t>moza phelwanka bhaloka</t>
  </si>
  <si>
    <t>Bhaloka</t>
  </si>
  <si>
    <t>GGPS PAHAR PUR</t>
  </si>
  <si>
    <t>mouza pahar pur</t>
  </si>
  <si>
    <t>Nergis Batool</t>
  </si>
  <si>
    <t>GGPS PAHAR PUR NASHAIB</t>
  </si>
  <si>
    <t>PAHAR PUR NASHAIB</t>
  </si>
  <si>
    <t>BASTI KALALR</t>
  </si>
  <si>
    <t>PAHAR PUR</t>
  </si>
  <si>
    <t>GGPS PAHAR SHAH</t>
  </si>
  <si>
    <t>Nooro Arain</t>
  </si>
  <si>
    <t>GGPS Pahar shah  markz Msafer khana Bahawal Pur</t>
  </si>
  <si>
    <t>Khanqah Sharief</t>
  </si>
  <si>
    <t>Zahida Akhtar</t>
  </si>
  <si>
    <t>GGPS PAHARDAN WALA</t>
  </si>
  <si>
    <t>pharadawala isakhel</t>
  </si>
  <si>
    <t>Rasheeda Bibi</t>
  </si>
  <si>
    <t>GGPS PAHORAN WALA</t>
  </si>
  <si>
    <t>p\s wanda pahoro wala</t>
  </si>
  <si>
    <t>Pahoranwala</t>
  </si>
  <si>
    <t>Pahoro Wala</t>
  </si>
  <si>
    <t>Belqees Rahmat</t>
  </si>
  <si>
    <t>GGPS PAIAHNA</t>
  </si>
  <si>
    <t>Pai Ahana</t>
  </si>
  <si>
    <t>Basti pai ahana p / o Zahir pir</t>
  </si>
  <si>
    <t>GGPS PAIE KHAIL</t>
  </si>
  <si>
    <t>paikhail</t>
  </si>
  <si>
    <t>dist attock,teh jand,p/o paikhel</t>
  </si>
  <si>
    <t>dakhnair</t>
  </si>
  <si>
    <t>naheed kosar</t>
  </si>
  <si>
    <t>local arrange</t>
  </si>
  <si>
    <t>GGPS PAIGAH NO. 2</t>
  </si>
  <si>
    <t>Ggps paigha No 2</t>
  </si>
  <si>
    <t>Fahmeeda Bagam</t>
  </si>
  <si>
    <t>GGPS PAINDA</t>
  </si>
  <si>
    <t>Painda</t>
  </si>
  <si>
    <t>Naheed  Kausar</t>
  </si>
  <si>
    <t>GGPS PAINDA KHAN WALA</t>
  </si>
  <si>
    <t>Jhangi Khelan Wala</t>
  </si>
  <si>
    <t>ggps painda khan wala wandha jhange khelan wala mianwali</t>
  </si>
  <si>
    <t>GGPS PAJIAN</t>
  </si>
  <si>
    <t>Pajjian</t>
  </si>
  <si>
    <t>village pajjian</t>
  </si>
  <si>
    <t>KANIZ BASHIR</t>
  </si>
  <si>
    <t>GGPS PAJOKI</t>
  </si>
  <si>
    <t>village pajoki po lakhanwal teh n dist gujrat</t>
  </si>
  <si>
    <t>Pajoki Kalan</t>
  </si>
  <si>
    <t>GGPS PAK AWAMI KALIM SHAHEED COLONY- 2</t>
  </si>
  <si>
    <t>124Jb</t>
  </si>
  <si>
    <t>kaleem shaheed colony #2</t>
  </si>
  <si>
    <t>K S Colony #2</t>
  </si>
  <si>
    <t>Siddique E Akber Town</t>
  </si>
  <si>
    <t>GGPS PAK UNITED BILAL GUNJ</t>
  </si>
  <si>
    <t>Ittehad Colony Massan Lahore</t>
  </si>
  <si>
    <t>ittehad colony massan Lahore</t>
  </si>
  <si>
    <t>Data Gunj Bakhsh Town Lahore</t>
  </si>
  <si>
    <t>GGPS PAKAR PUR</t>
  </si>
  <si>
    <t>Pakhar Pur</t>
  </si>
  <si>
    <t>GGPS pakhar pur gunnah kalan teh &amp;distt skt</t>
  </si>
  <si>
    <t>Paragpur</t>
  </si>
  <si>
    <t>Fiza Talib</t>
  </si>
  <si>
    <t>GGPS PAKAY WALA</t>
  </si>
  <si>
    <t>ggps pakkay wala mouza aali wala</t>
  </si>
  <si>
    <t>Vajiha Naz</t>
  </si>
  <si>
    <t>GGPS PAKHAR PUR</t>
  </si>
  <si>
    <t>Pakher Pur</t>
  </si>
  <si>
    <t>GGPS pakher pur p/o kotly loharan west</t>
  </si>
  <si>
    <t>Bartha Wala</t>
  </si>
  <si>
    <t>GGPS PAKHOKI</t>
  </si>
  <si>
    <t>pakhoki</t>
  </si>
  <si>
    <t>keshwar Naheed</t>
  </si>
  <si>
    <t>GGPS PAKHOWAL</t>
  </si>
  <si>
    <t>Jewenwl</t>
  </si>
  <si>
    <t>KALYAN PUR</t>
  </si>
  <si>
    <t>GGPS PAKIZA GONDAL IQBAL TOWN LAHORE</t>
  </si>
  <si>
    <t>Pak Block</t>
  </si>
  <si>
    <t>288Pak Block Allama Iqbal Town Lhr.</t>
  </si>
  <si>
    <t>Neellam  block</t>
  </si>
  <si>
    <t>Yasmin akhter</t>
  </si>
  <si>
    <t>GGPS PAKKA MIANA</t>
  </si>
  <si>
    <t>pakka Maina</t>
  </si>
  <si>
    <t>Pakka Maina</t>
  </si>
  <si>
    <t>GGPS PAKKA QILA KOT KASUR</t>
  </si>
  <si>
    <t>pakka qilla. bakar Mandi kasur</t>
  </si>
  <si>
    <t>Pacca Qila</t>
  </si>
  <si>
    <t>Tehmina Nasir</t>
  </si>
  <si>
    <t>GGPS PAKKAY WALA</t>
  </si>
  <si>
    <t>Mutfarqa</t>
  </si>
  <si>
    <t>Backside Civil Hospital Rai Colony</t>
  </si>
  <si>
    <t>Ali Pur City</t>
  </si>
  <si>
    <t>Maria Habib</t>
  </si>
  <si>
    <t>GGPS PAKKI BASTI</t>
  </si>
  <si>
    <t>Goth Raza</t>
  </si>
  <si>
    <t>PAKKI BASTI Rahim Yar Khan</t>
  </si>
  <si>
    <t>PAKKI BASTI</t>
  </si>
  <si>
    <t>Mussarat Saeed</t>
  </si>
  <si>
    <t>GGPS PAKKI HAVELI</t>
  </si>
  <si>
    <t>Paki Haveli</t>
  </si>
  <si>
    <t>paki haveli</t>
  </si>
  <si>
    <t>Samina Yasin</t>
  </si>
  <si>
    <t>GGPS PAKKI SHAH MARDAN</t>
  </si>
  <si>
    <t>Daudkhel paka</t>
  </si>
  <si>
    <t>GGPS new pakki shah Mardan Mianwali</t>
  </si>
  <si>
    <t>Mureed Fiza</t>
  </si>
  <si>
    <t>GGPS PALAHAY</t>
  </si>
  <si>
    <t>PALAHAY</t>
  </si>
  <si>
    <t>mouza palahy</t>
  </si>
  <si>
    <t>GGPS PALALA SYEDAN</t>
  </si>
  <si>
    <t>Palala Syedan</t>
  </si>
  <si>
    <t>GGPS  palala syedan</t>
  </si>
  <si>
    <t>GGPS PALAY WALA P/O MOZA SHAIR SINGH NEAR 19 KASSI</t>
  </si>
  <si>
    <t>GGPS palay Wala</t>
  </si>
  <si>
    <t>Palay Wala</t>
  </si>
  <si>
    <t>Rubina Rashid</t>
  </si>
  <si>
    <t>GGPS PALI</t>
  </si>
  <si>
    <t>BHANGAL</t>
  </si>
  <si>
    <t>PALI</t>
  </si>
  <si>
    <t>GGPS PALLA HAMSHERA</t>
  </si>
  <si>
    <t>Palla Hamshera</t>
  </si>
  <si>
    <t>palla hamshera</t>
  </si>
  <si>
    <t>Kotla Musa</t>
  </si>
  <si>
    <t>GGPS PALLA MALLA KHAN</t>
  </si>
  <si>
    <t>Palal</t>
  </si>
  <si>
    <t>village palala mulla Khan Tehsil kallar syedan Post Office Waliyat abad Dist RWP</t>
  </si>
  <si>
    <t>Palala Mulla Khan</t>
  </si>
  <si>
    <t>Smote</t>
  </si>
  <si>
    <t>Aqeela Shabir</t>
  </si>
  <si>
    <t>outside well</t>
  </si>
  <si>
    <t>GGPS PALLO SHAH</t>
  </si>
  <si>
    <t>pallu shah</t>
  </si>
  <si>
    <t>ggs pallu shah</t>
  </si>
  <si>
    <t>bahodi pur qureshian</t>
  </si>
  <si>
    <t>GGPS PALLU WALA</t>
  </si>
  <si>
    <t>pallu wala</t>
  </si>
  <si>
    <t>pallu.wala ada shehnal</t>
  </si>
  <si>
    <t>chak himta</t>
  </si>
  <si>
    <t>GGPS PALU WALA</t>
  </si>
  <si>
    <t>Village Palu Wala P/O Ghundi Mian wali</t>
  </si>
  <si>
    <t>Palu Wala</t>
  </si>
  <si>
    <t>GGPS PALUNG PUR</t>
  </si>
  <si>
    <t>Plung Pur</t>
  </si>
  <si>
    <t>Village plung pur post office cheba sindhwa tehsil noshera virkan district gujrnwal</t>
  </si>
  <si>
    <t>Sadaf Rani</t>
  </si>
  <si>
    <t>GGPS PALUWAN</t>
  </si>
  <si>
    <t>GGPS Paluwan Teh. Noor Pur Thal Distt. Khushab</t>
  </si>
  <si>
    <t>Shahnaz Nasreen</t>
  </si>
  <si>
    <t>GGPS PANA KHAILI</t>
  </si>
  <si>
    <t>dhok pana khaili teh jand.distt.attock</t>
  </si>
  <si>
    <t>GGPS PANCH MARLA SCHEME ALLAH ABAD</t>
  </si>
  <si>
    <t>Allah Bad</t>
  </si>
  <si>
    <t>Bhutto colony Allah Bad</t>
  </si>
  <si>
    <t>GGPS PANDAK</t>
  </si>
  <si>
    <t>Pandak</t>
  </si>
  <si>
    <t>Dohok Pandak, VPO Nartopa, Tehsil Hazro</t>
  </si>
  <si>
    <t>Shabnum Rehman</t>
  </si>
  <si>
    <t>GGPS PANDHI WALA</t>
  </si>
  <si>
    <t>Dolut Pur</t>
  </si>
  <si>
    <t>basti pandhiwala post office mondka muzaffargarh</t>
  </si>
  <si>
    <t>Pandhiwala</t>
  </si>
  <si>
    <t>GGPS PANDIAL</t>
  </si>
  <si>
    <t>Pandial</t>
  </si>
  <si>
    <t>GGPS Pandial</t>
  </si>
  <si>
    <t>GGPS PANDIT HAZARA JEVAN RAM</t>
  </si>
  <si>
    <t>GGPS Pandat Hazara</t>
  </si>
  <si>
    <t>Frah  Anam</t>
  </si>
  <si>
    <t>GGPS PANDOKI</t>
  </si>
  <si>
    <t>moza pandoki cannt teh disst lahore</t>
  </si>
  <si>
    <t>Rukhsana Muhammed Din</t>
  </si>
  <si>
    <t>GGPS PANDORI KHURD</t>
  </si>
  <si>
    <t>Pandori Khurd</t>
  </si>
  <si>
    <t>pandori khurd P/O pandori kalan teh wzd Disst Grw</t>
  </si>
  <si>
    <t>Pandori khurd</t>
  </si>
  <si>
    <t>Pindorikalan</t>
  </si>
  <si>
    <t>GGPS PANDORI TONDA</t>
  </si>
  <si>
    <t>Pandori Dhunda</t>
  </si>
  <si>
    <t>Village: Pandori Dhunda, Post Office: Dhudhu Chak, Tehsil: Shakar garh, District : Narowa</t>
  </si>
  <si>
    <t>Basra Jaala</t>
  </si>
  <si>
    <t>Beenish Waris</t>
  </si>
  <si>
    <t>GGPS PANJ DHERA NO.1</t>
  </si>
  <si>
    <t>Panjdhera</t>
  </si>
  <si>
    <t>VPO panjdhera,  Chakwal</t>
  </si>
  <si>
    <t>Nafeesa Adil</t>
  </si>
  <si>
    <t>GGPS PANJ DHERA NO.2</t>
  </si>
  <si>
    <t>Punjdhera</t>
  </si>
  <si>
    <t>village dhok karam kaba post office punjdhera district and tehsil chakwal</t>
  </si>
  <si>
    <t>Dhok Karam Kaba</t>
  </si>
  <si>
    <t>GGPS PANJ GRAIAN</t>
  </si>
  <si>
    <t>Punj Graian</t>
  </si>
  <si>
    <t>village Punj Graian p/o baddomalhi teh &amp; district narowal</t>
  </si>
  <si>
    <t>Iqra Dilawar</t>
  </si>
  <si>
    <t>GGPS PANJ GRAIN BAJWA</t>
  </si>
  <si>
    <t>Punjgrain Bajwa</t>
  </si>
  <si>
    <t>punjgrain Bajwa , pasrur , sialkot .</t>
  </si>
  <si>
    <t>Anita  Davi</t>
  </si>
  <si>
    <t>GGPS PANJAY WALA</t>
  </si>
  <si>
    <t>Rekra</t>
  </si>
  <si>
    <t>basti panjay wala mauza rekra ghousabad tehsil kot chutta</t>
  </si>
  <si>
    <t>Panjay Wala</t>
  </si>
  <si>
    <t>Arfa Yaqoob</t>
  </si>
  <si>
    <t>GGPS PANWAN KHUKAR</t>
  </si>
  <si>
    <t>Panwan Khokhar</t>
  </si>
  <si>
    <t>Panwan khukhar</t>
  </si>
  <si>
    <t>Vali Pur Bhora</t>
  </si>
  <si>
    <t>Madiha Gul Naz</t>
  </si>
  <si>
    <t>GGPS PAPA NAGRI</t>
  </si>
  <si>
    <t>Papa Nagri</t>
  </si>
  <si>
    <t>Ggps Papa Nagri</t>
  </si>
  <si>
    <t>GGPS PAR AHMAD</t>
  </si>
  <si>
    <t>Par Ahmad</t>
  </si>
  <si>
    <t>GGPS par Ahmad</t>
  </si>
  <si>
    <t>GGPS PAR LAKHAN</t>
  </si>
  <si>
    <t>Parr Lakhan</t>
  </si>
  <si>
    <t>parr lakhan</t>
  </si>
  <si>
    <t>GGPS PAR WANDHI</t>
  </si>
  <si>
    <t>moh parwandhi p/o musa khel teh distt mianwali</t>
  </si>
  <si>
    <t>GGPS PARAGWAL</t>
  </si>
  <si>
    <t>Paragwal</t>
  </si>
  <si>
    <t>Village Paragwal p/o  Barapind  Teh.zafarwal Distt.Narowal</t>
  </si>
  <si>
    <t>GGPS PARALI KHEL</t>
  </si>
  <si>
    <t>mohalah parali khel</t>
  </si>
  <si>
    <t>Mukhtar Bibi</t>
  </si>
  <si>
    <t>GGPS PARANEKI</t>
  </si>
  <si>
    <t>Paraneki</t>
  </si>
  <si>
    <t>village paraneki</t>
  </si>
  <si>
    <t>Vijhwan</t>
  </si>
  <si>
    <t>Sidra Ashraf</t>
  </si>
  <si>
    <t>GGPS PARARAN SHARIF JADEED</t>
  </si>
  <si>
    <t>Praran Sharif</t>
  </si>
  <si>
    <t>Ggps praran Sharif jadeed liaquat pur</t>
  </si>
  <si>
    <t>Prarah Sharif</t>
  </si>
  <si>
    <t>syeda sadia tehmina</t>
  </si>
  <si>
    <t>GGPS PARARAN SHARIF(QADEEM)</t>
  </si>
  <si>
    <t>Kadu wali</t>
  </si>
  <si>
    <t>Basti Rahim bukhsh Prarah sharif</t>
  </si>
  <si>
    <t>AminAbad</t>
  </si>
  <si>
    <t>Fozia arshad</t>
  </si>
  <si>
    <t>GGPS PAREHRA</t>
  </si>
  <si>
    <t>Parehra</t>
  </si>
  <si>
    <t>village parehra po mehinwal</t>
  </si>
  <si>
    <t>water carrier</t>
  </si>
  <si>
    <t>GGPS PARHANA</t>
  </si>
  <si>
    <t>vill nd post office parrhana Teh murree dist rawalpindi</t>
  </si>
  <si>
    <t>Parrhana</t>
  </si>
  <si>
    <t>Nuzhat Nawaz</t>
  </si>
  <si>
    <t>GGPS PARI</t>
  </si>
  <si>
    <t>ggps pari</t>
  </si>
  <si>
    <t>Naghma Naheed</t>
  </si>
  <si>
    <t>GGPS PARI SKINDRIAL</t>
  </si>
  <si>
    <t>karonta</t>
  </si>
  <si>
    <t>pari skindrial p.o ghadraim tehsil sohwa district jhelum</t>
  </si>
  <si>
    <t>Pari Skindial</t>
  </si>
  <si>
    <t>Pail Bnney Khan</t>
  </si>
  <si>
    <t>Safina Nawaz</t>
  </si>
  <si>
    <t>GGPS PARKAR ABAD</t>
  </si>
  <si>
    <t>Chak 370</t>
  </si>
  <si>
    <t>6 chk ram nagar</t>
  </si>
  <si>
    <t>Parkar Abad</t>
  </si>
  <si>
    <t>Martan Pur</t>
  </si>
  <si>
    <t>Anbar Naz</t>
  </si>
  <si>
    <t>GGPS PARMAT STOP MUZA HALALWAJA</t>
  </si>
  <si>
    <t>Halalwaja</t>
  </si>
  <si>
    <t>g.g.p/s permat.</t>
  </si>
  <si>
    <t>Permat</t>
  </si>
  <si>
    <t>Qaisar Pur</t>
  </si>
  <si>
    <t>GGPS PARMET 5 MARLA SCHEME</t>
  </si>
  <si>
    <t>parmat 5 marla scheme</t>
  </si>
  <si>
    <t>Parmat 5 Marla Scheme</t>
  </si>
  <si>
    <t>Saeeda Ashiq</t>
  </si>
  <si>
    <t>GGPS PARRERY WALI</t>
  </si>
  <si>
    <t>Parray Wali</t>
  </si>
  <si>
    <t>dhoke parray wali</t>
  </si>
  <si>
    <t>Dhoke Parray Wali</t>
  </si>
  <si>
    <t>T M Khan</t>
  </si>
  <si>
    <t>Raheela Yasmeen</t>
  </si>
  <si>
    <t>GGPS PARREY WALI</t>
  </si>
  <si>
    <t>5chak Kalan</t>
  </si>
  <si>
    <t>parray Wali</t>
  </si>
  <si>
    <t>Martin pur</t>
  </si>
  <si>
    <t>GGPS PARRI</t>
  </si>
  <si>
    <t>Parri</t>
  </si>
  <si>
    <t>parri</t>
  </si>
  <si>
    <t>Shehnaz Akhtr</t>
  </si>
  <si>
    <t>GGPS PARSOWAL</t>
  </si>
  <si>
    <t>Parsowal</t>
  </si>
  <si>
    <t>Village p/o parsowal tehsil &amp;Dist.Gujrat</t>
  </si>
  <si>
    <t>Jalal pur sobtian</t>
  </si>
  <si>
    <t>GGPS PARYAL</t>
  </si>
  <si>
    <t>AKRA Mohra</t>
  </si>
  <si>
    <t>dhoke paryal dakhli akra mohra the sohawa dist jhelum</t>
  </si>
  <si>
    <t>Paryal</t>
  </si>
  <si>
    <t>Pindmatay Khan</t>
  </si>
  <si>
    <t>Nafeesa Begum</t>
  </si>
  <si>
    <t>GGPS PASRUR NO.2</t>
  </si>
  <si>
    <t>Moh. kakay zain pasrur</t>
  </si>
  <si>
    <t>Samina Sboohy</t>
  </si>
  <si>
    <t>GGPS PATAFIAN</t>
  </si>
  <si>
    <t>basti Patafian khan Pur</t>
  </si>
  <si>
    <t>Patafian</t>
  </si>
  <si>
    <t>Deen Pur Shreef</t>
  </si>
  <si>
    <t>GGPS PATAI ALLAN WALI</t>
  </si>
  <si>
    <t>Patai  Allan  Wali</t>
  </si>
  <si>
    <t>moza  patai  Allan  Wali  marking kot ESA  shah teh  and  distt  Jhang</t>
  </si>
  <si>
    <t>Dhoori  Wala</t>
  </si>
  <si>
    <t>GGPS PATAISER</t>
  </si>
  <si>
    <t>Pataisar</t>
  </si>
  <si>
    <t>village pataisar Post office dalowali</t>
  </si>
  <si>
    <t>vironeka</t>
  </si>
  <si>
    <t>GGPS PATHAN CHAK 51 RB</t>
  </si>
  <si>
    <t>g g p s pathan chak #51</t>
  </si>
  <si>
    <t>Kariwara</t>
  </si>
  <si>
    <t>Iqra Tabassum</t>
  </si>
  <si>
    <t>GGPS PATHAN KEY</t>
  </si>
  <si>
    <t>Pathankey</t>
  </si>
  <si>
    <t>village Pathankey</t>
  </si>
  <si>
    <t>GGPS PATHANAY KHAN</t>
  </si>
  <si>
    <t>Basti Pathan khan tmp</t>
  </si>
  <si>
    <t>Pathan Khan</t>
  </si>
  <si>
    <t>Tranda Mpanah</t>
  </si>
  <si>
    <t>Nafisa Nwaz</t>
  </si>
  <si>
    <t>GGPS PATHANAY KHAN LABANA</t>
  </si>
  <si>
    <t>Gulan Gukala</t>
  </si>
  <si>
    <t>basti pathany Khan Labana</t>
  </si>
  <si>
    <t>Basti Pathany Khan Labana</t>
  </si>
  <si>
    <t>Din Pur Sharif</t>
  </si>
  <si>
    <t>Samina Sohail</t>
  </si>
  <si>
    <t>GGPS PATHANAY WALA</t>
  </si>
  <si>
    <t>Pathany Wala</t>
  </si>
  <si>
    <t>Pathany wala near Ahmed Nagar</t>
  </si>
  <si>
    <t>Kanwen Wala</t>
  </si>
  <si>
    <t>Majeeda Raza</t>
  </si>
  <si>
    <t>GGPS PATHANEY WALA, KABIRWALA</t>
  </si>
  <si>
    <t>Karmpur</t>
  </si>
  <si>
    <t>GGPS Pathaneywala,post office Kukarhatta</t>
  </si>
  <si>
    <t>Pathaneywala</t>
  </si>
  <si>
    <t>Boota Singwala</t>
  </si>
  <si>
    <t>Memoona Aslam</t>
  </si>
  <si>
    <t>GGPS PATHAR TALAGANG</t>
  </si>
  <si>
    <t>Phathar</t>
  </si>
  <si>
    <t>v p o Budhial tensil Talagang  district  chakwal</t>
  </si>
  <si>
    <t>Bhudial</t>
  </si>
  <si>
    <t>ZAHIDA AUNMBREEN</t>
  </si>
  <si>
    <t>GGPS PATHAR WALI CHAK NO.167/RB</t>
  </si>
  <si>
    <t>Patherwali</t>
  </si>
  <si>
    <t>patherwali chk no 167rb tehsil shahkot dist nankana sahib</t>
  </si>
  <si>
    <t>Shahida Parvveen</t>
  </si>
  <si>
    <t>GGPS PATHLI NO 1</t>
  </si>
  <si>
    <t>Pathli</t>
  </si>
  <si>
    <t>mozia  pathli p/o Clifton camp Bansra gali murree</t>
  </si>
  <si>
    <t>Gora Gali</t>
  </si>
  <si>
    <t>Najmun Nisa</t>
  </si>
  <si>
    <t>GGPS PATI PUR</t>
  </si>
  <si>
    <t>Pati Pur</t>
  </si>
  <si>
    <t>pati pur</t>
  </si>
  <si>
    <t>Kani Pur</t>
  </si>
  <si>
    <t>Shahida Sharif</t>
  </si>
  <si>
    <t>GGPS PATLI KHARAL</t>
  </si>
  <si>
    <t>Patli Kharal</t>
  </si>
  <si>
    <t>village patli kharal post office rasulpur tarar</t>
  </si>
  <si>
    <t>Solangi  Kharal</t>
  </si>
  <si>
    <t>Zahra Anees Awan</t>
  </si>
  <si>
    <t>GGPS PATOANA GHARBI</t>
  </si>
  <si>
    <t>mz patoana</t>
  </si>
  <si>
    <t>GGPS PATRAKI</t>
  </si>
  <si>
    <t>Patraki</t>
  </si>
  <si>
    <t>gg p/s patraki</t>
  </si>
  <si>
    <t>Harsa Sheikh</t>
  </si>
  <si>
    <t>GGPS PATRIATA</t>
  </si>
  <si>
    <t>Charian</t>
  </si>
  <si>
    <t>village patriata  po g gali teh murree dist rawal pindi</t>
  </si>
  <si>
    <t>Rehana Babi</t>
  </si>
  <si>
    <t>GGPS PATTAL KALAN</t>
  </si>
  <si>
    <t>Patal Kalan</t>
  </si>
  <si>
    <t>patal kalan</t>
  </si>
  <si>
    <t>Chamryal</t>
  </si>
  <si>
    <t>GGPS PATTAN</t>
  </si>
  <si>
    <t>Lundi Nashaib</t>
  </si>
  <si>
    <t>Basti Kiran, Lundi Nashaib, PO.Box Hassan Shah, Tehsil Darya Khan, Dist. Bhakkar</t>
  </si>
  <si>
    <t>Basti Kiran</t>
  </si>
  <si>
    <t>Shabana parveen</t>
  </si>
  <si>
    <t>GGPS PATTAY WALA</t>
  </si>
  <si>
    <t>basti paty wala</t>
  </si>
  <si>
    <t>Paty Wala</t>
  </si>
  <si>
    <t>GGPS PATTI DRIGH</t>
  </si>
  <si>
    <t>Pattidrigh</t>
  </si>
  <si>
    <t>patti drigh</t>
  </si>
  <si>
    <t>Khorain Wali</t>
  </si>
  <si>
    <t>Mahal khakhi</t>
  </si>
  <si>
    <t>GGPS PATTI GHULAM ALI</t>
  </si>
  <si>
    <t>Patti Diaya  Chakha</t>
  </si>
  <si>
    <t>moza patti diaya chokha tehsil kotadu disstric M.garh</t>
  </si>
  <si>
    <t>Bhudhoo Wala</t>
  </si>
  <si>
    <t>Patti Diaya Chokha</t>
  </si>
  <si>
    <t>GGPS PATTI GHULAM ALI GHARBI</t>
  </si>
  <si>
    <t>chah gyany Wala Patti ghulam Ali gharbi teh. kot adu dist. M.Garh</t>
  </si>
  <si>
    <t>Gyany Wala</t>
  </si>
  <si>
    <t>GGPS PATTI LOHAR WALI</t>
  </si>
  <si>
    <t>ggp/s pati lohar wali m garh</t>
  </si>
  <si>
    <t>AQEELA NARGIS</t>
  </si>
  <si>
    <t>GGPS PATTI PUR DAKHLI MALIK PUR</t>
  </si>
  <si>
    <t>GGPS PATIPUR</t>
  </si>
  <si>
    <t>PATIPUR</t>
  </si>
  <si>
    <t>Rubina Abbas</t>
  </si>
  <si>
    <t>GGPS PATTI SHOIB WALA</t>
  </si>
  <si>
    <t>GGPS Patti Shoaib DG.khan road muzaffargarh</t>
  </si>
  <si>
    <t>Patti Shoaib</t>
  </si>
  <si>
    <t>humaira shaheen</t>
  </si>
  <si>
    <t>GGPS PATTI TALLI</t>
  </si>
  <si>
    <t>Patti Talli</t>
  </si>
  <si>
    <t>patti talli p/o shah sadar din teh, district dera ghazi khan</t>
  </si>
  <si>
    <t>Satai</t>
  </si>
  <si>
    <t>Rabia Jafar</t>
  </si>
  <si>
    <t>GGPS PATTI WATOO</t>
  </si>
  <si>
    <t>mouza sonhara Wasawa kot sultan</t>
  </si>
  <si>
    <t>Tehmina Gulshan</t>
  </si>
  <si>
    <t>GGPS PATWALI</t>
  </si>
  <si>
    <t>Patt Wali</t>
  </si>
  <si>
    <t>patt wali p/o dajal teh jampur dist rajanpur</t>
  </si>
  <si>
    <t>GGPS PAWLI WALA</t>
  </si>
  <si>
    <t>Pirhar Gjarbi</t>
  </si>
  <si>
    <t>mauza pirhar gharbi ghair mustaqil</t>
  </si>
  <si>
    <t>Dari 29000</t>
  </si>
  <si>
    <t>GGPS PAYARA KHAN</t>
  </si>
  <si>
    <t>GGPS PIYARAY KHAN BASTI PIYARAY KHAN LABANA KHAN PUR</t>
  </si>
  <si>
    <t>Basti Piyaray Khan</t>
  </si>
  <si>
    <t>Sumera Maqbool</t>
  </si>
  <si>
    <t>GGPS PEENG LAR</t>
  </si>
  <si>
    <t>Yara Sulha</t>
  </si>
  <si>
    <t>penglar yara p /o goharwala Teh mankera distt Bhakkar</t>
  </si>
  <si>
    <t>Penglar</t>
  </si>
  <si>
    <t>Attia Gul</t>
  </si>
  <si>
    <t>GGPS PEER DA KILLA</t>
  </si>
  <si>
    <t>Dhakna Gharu</t>
  </si>
  <si>
    <t>Govt girls primary school peer da killa nazar wah</t>
  </si>
  <si>
    <t>Nazar Wah</t>
  </si>
  <si>
    <t>Sadaf Salahuddin</t>
  </si>
  <si>
    <t>GGPS PEER FATEH SHAH NO. 1</t>
  </si>
  <si>
    <t>village peer fateh shah near darbar</t>
  </si>
  <si>
    <t>Peer Fateh Shah</t>
  </si>
  <si>
    <t>Shagufta Naureen</t>
  </si>
  <si>
    <t>GGPS PEER FATEH SHAH NO. 2</t>
  </si>
  <si>
    <t>chah chally wala,</t>
  </si>
  <si>
    <t>Chally Wala</t>
  </si>
  <si>
    <t>Iram Fazal</t>
  </si>
  <si>
    <t>GGPS PEER JAGGI BAIROON</t>
  </si>
  <si>
    <t>PEER JAGGI GHARBI</t>
  </si>
  <si>
    <t>MOUZA PEER JAGGI GHARBI DERA AZEEM UL DEEN</t>
  </si>
  <si>
    <t>DERA AZEEM UL DEEN</t>
  </si>
  <si>
    <t>PEER JAGGI</t>
  </si>
  <si>
    <t>AZRA BATOOL</t>
  </si>
  <si>
    <t>GGPS PEER JAHANIAN</t>
  </si>
  <si>
    <t>Deen pur</t>
  </si>
  <si>
    <t>basti peer jahanian</t>
  </si>
  <si>
    <t>Peer jahanian</t>
  </si>
  <si>
    <t>Azra perveen</t>
  </si>
  <si>
    <t>GGPS PEER KALA</t>
  </si>
  <si>
    <t>Peer Kala</t>
  </si>
  <si>
    <t>vill  peer kala p./o jindran Sharif teh zwl disst nwl</t>
  </si>
  <si>
    <t>Bhatian Dewan</t>
  </si>
  <si>
    <t>Mobeen Akhtar</t>
  </si>
  <si>
    <t>GGPS PEER KALAY SHAH</t>
  </si>
  <si>
    <t>Peer Kaly Shah</t>
  </si>
  <si>
    <t>GGPS Peer kaly shah hfd</t>
  </si>
  <si>
    <t>Hfd</t>
  </si>
  <si>
    <t>Tanzeela Sharif</t>
  </si>
  <si>
    <t>GGPS PEER KAMAL</t>
  </si>
  <si>
    <t>Peer Kamal</t>
  </si>
  <si>
    <t>Matteky</t>
  </si>
  <si>
    <t>GGPS PEER KOT</t>
  </si>
  <si>
    <t>Peerkot</t>
  </si>
  <si>
    <t>peerkot</t>
  </si>
  <si>
    <t>Jeevan Pura</t>
  </si>
  <si>
    <t>Zunairah Zafar</t>
  </si>
  <si>
    <t>GGPS PEER PULIA SHAH</t>
  </si>
  <si>
    <t>basti Peer pulia shah Rahim Yar Khan</t>
  </si>
  <si>
    <t>Basti Peer Pulia Shah</t>
  </si>
  <si>
    <t>GGPS PEER SIKANDAR</t>
  </si>
  <si>
    <t>Takht mahal</t>
  </si>
  <si>
    <t>GGPS peer sikandar basti jamaal pura</t>
  </si>
  <si>
    <t>Jamaal pura</t>
  </si>
  <si>
    <t>Sanatey ka</t>
  </si>
  <si>
    <t>Sajida Hafeez</t>
  </si>
  <si>
    <t>GGPS PEER WALA</t>
  </si>
  <si>
    <t>Ali wala</t>
  </si>
  <si>
    <t>Basti peer vala</t>
  </si>
  <si>
    <t>Peer vala</t>
  </si>
  <si>
    <t>ruqia naheed</t>
  </si>
  <si>
    <t>GGPS PEER WALA PURANA</t>
  </si>
  <si>
    <t>Pirwala Purana , Rustam SarganA</t>
  </si>
  <si>
    <t>Zubiada Begum</t>
  </si>
  <si>
    <t>GGPS PEER WALI MAHMMAD</t>
  </si>
  <si>
    <t>qadir abad</t>
  </si>
  <si>
    <t>ggps peer wali muhammad sultan</t>
  </si>
  <si>
    <t>peer wali muhammad sulatan</t>
  </si>
  <si>
    <t>BADLI SHAREEF</t>
  </si>
  <si>
    <t>GGPS PEERAY WALA NO.2</t>
  </si>
  <si>
    <t>Baloch Nagar, Moza Daira Pur, Tehsil shujabad</t>
  </si>
  <si>
    <t>Sughra Batool</t>
  </si>
  <si>
    <t>GGPS PEERO CHAK</t>
  </si>
  <si>
    <t>GGPS  peero Chak Gujranwala</t>
  </si>
  <si>
    <t>Talwandi MusaKhan</t>
  </si>
  <si>
    <t>Nusrat Taihra</t>
  </si>
  <si>
    <t>GGPS PEHAR NO. 1</t>
  </si>
  <si>
    <t>Mor Jhangi</t>
  </si>
  <si>
    <t>Basti peehar</t>
  </si>
  <si>
    <t>hamd</t>
  </si>
  <si>
    <t>GGPS PEHER NO 2</t>
  </si>
  <si>
    <t>Mari Darmiani</t>
  </si>
  <si>
    <t>chah pati wala</t>
  </si>
  <si>
    <t>Chah Pati Wala</t>
  </si>
  <si>
    <t>PanjGarain</t>
  </si>
  <si>
    <t>Shahzad Bibi</t>
  </si>
  <si>
    <t>GGPS PEHR HALI</t>
  </si>
  <si>
    <t>Pehr Hali</t>
  </si>
  <si>
    <t>vill pehr hali post office choha khalsa Teh kallar syedan distt rwp</t>
  </si>
  <si>
    <t>Choha Khalsa</t>
  </si>
  <si>
    <t>GGPS PEITHI PIRZAI</t>
  </si>
  <si>
    <t>Pethi</t>
  </si>
  <si>
    <t>GGPS pethi</t>
  </si>
  <si>
    <t>Abida  Mir  Afzal</t>
  </si>
  <si>
    <t>GGPS PENCILIN COLONY SIKANDER ABAD</t>
  </si>
  <si>
    <t>Daudkhel Pakka</t>
  </si>
  <si>
    <t>Pencilin Colony Iskanderabad</t>
  </si>
  <si>
    <t>Iskandarabad</t>
  </si>
  <si>
    <t>GGPS PEOPLE'S COLONY NAWAN KOT</t>
  </si>
  <si>
    <t>GGPS Peoples Colony midh ranch attuned</t>
  </si>
  <si>
    <t>Midh Ranjha 2</t>
  </si>
  <si>
    <t>Sangeeta Chand</t>
  </si>
  <si>
    <t>GGPS PEOPLES COLONY, KHANEWAL</t>
  </si>
  <si>
    <t>govt girls primary school W block people's colony kwl</t>
  </si>
  <si>
    <t>Badar Bano</t>
  </si>
  <si>
    <t>GGPS PERO SHAHI</t>
  </si>
  <si>
    <t>Peeroshahi</t>
  </si>
  <si>
    <t>ggps peeroshahi</t>
  </si>
  <si>
    <t>GGPS PEROANA SHUMALI</t>
  </si>
  <si>
    <t>Perowana Shumali</t>
  </si>
  <si>
    <t>p/o jaboana moza Perwana Shumali , 18-hazari , jhang</t>
  </si>
  <si>
    <t>GGPS PERS RAM</t>
  </si>
  <si>
    <t>Purs Ram</t>
  </si>
  <si>
    <t>govt girls primary school pets ram</t>
  </si>
  <si>
    <t>Sarraich</t>
  </si>
  <si>
    <t>GGPS PERSRAM CHAK NO 51/RB</t>
  </si>
  <si>
    <t>persram chak no.51</t>
  </si>
  <si>
    <t>Persram</t>
  </si>
  <si>
    <t>Sonia Asif</t>
  </si>
  <si>
    <t>GGPS PERU WALA</t>
  </si>
  <si>
    <t>Piru Wala</t>
  </si>
  <si>
    <t>piru wala</t>
  </si>
  <si>
    <t>Bairoon Kasur</t>
  </si>
  <si>
    <t>Naseem Farzand</t>
  </si>
  <si>
    <t>GGPS PERVAIZ ABAD</t>
  </si>
  <si>
    <t>Daulat Wahi</t>
  </si>
  <si>
    <t>basti nai wala ggps pervaizabad</t>
  </si>
  <si>
    <t>GGPS PERWANA WALA</t>
  </si>
  <si>
    <t>Chidro</t>
  </si>
  <si>
    <t>Wandha peerwana wala chidro</t>
  </si>
  <si>
    <t>Peerwana Wala</t>
  </si>
  <si>
    <t>Kanwal Naz</t>
  </si>
  <si>
    <t>GGPS PHAGWARI GALA</t>
  </si>
  <si>
    <t>Phagwari Gala</t>
  </si>
  <si>
    <t>PHAGWARI GALA P.o. Bhalakhar tehsil kallar syedan district Rawalpindi</t>
  </si>
  <si>
    <t>GGPS PHAGWARI HINDUAN</t>
  </si>
  <si>
    <t>village and p\o phagwari</t>
  </si>
  <si>
    <t>NAGINA KOUSAR</t>
  </si>
  <si>
    <t>GGPS PHAL WALA</t>
  </si>
  <si>
    <t>Yaro</t>
  </si>
  <si>
    <t>cha per wala</t>
  </si>
  <si>
    <t>Cha Per Wala</t>
  </si>
  <si>
    <t>GGPS PHALIA BOOTA</t>
  </si>
  <si>
    <t>Phalia Boota</t>
  </si>
  <si>
    <t>village phalia boota</t>
  </si>
  <si>
    <t>GGPS PHALIA KEEMAN</t>
  </si>
  <si>
    <t>G G P/s phalia Keeman</t>
  </si>
  <si>
    <t>Asifa Shafique</t>
  </si>
  <si>
    <t>GGPS PHALIA MEHMAN</t>
  </si>
  <si>
    <t>Govt girls primery school Phalia mehman</t>
  </si>
  <si>
    <t>Town Comitie Phalia</t>
  </si>
  <si>
    <t>Rahila Parveen Kousar</t>
  </si>
  <si>
    <t>GGPS PHALINA</t>
  </si>
  <si>
    <t>Phalina</t>
  </si>
  <si>
    <t>vpo Phalina teh Kallar distt Rwp</t>
  </si>
  <si>
    <t>Darkali Mamori</t>
  </si>
  <si>
    <t>NAZIMA SHAHEEN</t>
  </si>
  <si>
    <t>GGPS PHALOKE CHEEMA</t>
  </si>
  <si>
    <t>Phalokey</t>
  </si>
  <si>
    <t>phalokey</t>
  </si>
  <si>
    <t>Bhattikey</t>
  </si>
  <si>
    <t>Taqeeya Ijaz</t>
  </si>
  <si>
    <t>GGPS PHALORA</t>
  </si>
  <si>
    <t>Phalora</t>
  </si>
  <si>
    <t>phalora</t>
  </si>
  <si>
    <t>Shamaila Shehbaz</t>
  </si>
  <si>
    <t>GGPS PHALOWAL, BASTI NOOR PURA</t>
  </si>
  <si>
    <t>Govt.Girls Primary School Phalowal,Jhang</t>
  </si>
  <si>
    <t>Rubila Tabasam</t>
  </si>
  <si>
    <t>GGPS PHALWARI</t>
  </si>
  <si>
    <t>village phalwari post office shakargarh district narowal</t>
  </si>
  <si>
    <t>Jamila Kosar</t>
  </si>
  <si>
    <t>GGPS PHAMRA KHLSA</t>
  </si>
  <si>
    <t>Phamra Khalsa</t>
  </si>
  <si>
    <t>GGPS Phamra Khalsa</t>
  </si>
  <si>
    <t>Ruksana bibi</t>
  </si>
  <si>
    <t>GGPS PHANGAT</t>
  </si>
  <si>
    <t>phangat</t>
  </si>
  <si>
    <t>Kandansyan</t>
  </si>
  <si>
    <t>Sana Noreen</t>
  </si>
  <si>
    <t>GGPS PHAPHAIL NATHU</t>
  </si>
  <si>
    <t>PHAPHEEL  NATHU</t>
  </si>
  <si>
    <t>vill Phapheel Nathu P.o phulray syedan Tehsil sohawa Distt Jhelum.</t>
  </si>
  <si>
    <t>Phapheel Nathu</t>
  </si>
  <si>
    <t>Saba Mobeen Roqayya</t>
  </si>
  <si>
    <t>GGPS PHARI PUR</t>
  </si>
  <si>
    <t>Pahari Pur</t>
  </si>
  <si>
    <t>Pahari pur teh Daska dist sialkot</t>
  </si>
  <si>
    <t>GGPS PHILLO DEOVTA</t>
  </si>
  <si>
    <t>Philo Devota</t>
  </si>
  <si>
    <t>villag philo devota  p o ..box  joina wala</t>
  </si>
  <si>
    <t>Mallian Klan</t>
  </si>
  <si>
    <t>Sajidha Sindhu</t>
  </si>
  <si>
    <t>GGPS PHIRAY</t>
  </si>
  <si>
    <t>Pheay</t>
  </si>
  <si>
    <t>po box pheray teh phalia dist mandi baho din</t>
  </si>
  <si>
    <t>Deakan Kalan</t>
  </si>
  <si>
    <t>GGPS PHOLLAH</t>
  </si>
  <si>
    <t>village pholla bangla tel: noweshra virkan dist : gujranwala</t>
  </si>
  <si>
    <t>Pholla Bangla</t>
  </si>
  <si>
    <t>Shamsa Dhadha</t>
  </si>
  <si>
    <t>GGPS PHOOLARWAN</t>
  </si>
  <si>
    <t>PHOOLARWAN</t>
  </si>
  <si>
    <t>Village phoolarwan post office Bhaddar tehsil kharian District Gujrat</t>
  </si>
  <si>
    <t>Tanzila Zulfiqar</t>
  </si>
  <si>
    <t>GGPS PHOUGALAH NO 2</t>
  </si>
  <si>
    <t>GGPS PHUGLOO</t>
  </si>
  <si>
    <t>Puglo</t>
  </si>
  <si>
    <t>GPS puglo portal.fly2tech.com barthi up theakar</t>
  </si>
  <si>
    <t>Shahina Baloch</t>
  </si>
  <si>
    <t>GGPS PHULAN TOLI KHURD</t>
  </si>
  <si>
    <t>phullan toli khurd</t>
  </si>
  <si>
    <t>Phullan Toli Khurd</t>
  </si>
  <si>
    <t>GGPS PHULAR WAN</t>
  </si>
  <si>
    <t>Phullarwan</t>
  </si>
  <si>
    <t>Phullarwan lhr cantt</t>
  </si>
  <si>
    <t>Shahida Parveen HD</t>
  </si>
  <si>
    <t>GGPS PHULAR WAN KAMBOH</t>
  </si>
  <si>
    <t>Phularwon Kambo</t>
  </si>
  <si>
    <t>Phularwon kamboh</t>
  </si>
  <si>
    <t>Phularwon Kamboh</t>
  </si>
  <si>
    <t>Amlimoti</t>
  </si>
  <si>
    <t>Nadia Zaheer</t>
  </si>
  <si>
    <t>GGPS PHULARWAN</t>
  </si>
  <si>
    <t>Village phularwan post office phularwan teh Sara_i_Alamgir District Gujrat</t>
  </si>
  <si>
    <t>Samra Majeed</t>
  </si>
  <si>
    <t>GGPS PHULL MUHAMMAD SUMRA WALA</t>
  </si>
  <si>
    <t>basti phull muhammad sumra choubara</t>
  </si>
  <si>
    <t>Basti Phull Sumra Muhammad sumra</t>
  </si>
  <si>
    <t>GGPS PHULLA</t>
  </si>
  <si>
    <t>Phula</t>
  </si>
  <si>
    <t>village phulla Po Takhatpur tehsil pasrur district Sialkot</t>
  </si>
  <si>
    <t>Khalida Nabila</t>
  </si>
  <si>
    <t>GGPS PHULLOO WALA</t>
  </si>
  <si>
    <t>phullowala daak khana Jhamat shumali tehsil darya khan</t>
  </si>
  <si>
    <t>Phulloowala</t>
  </si>
  <si>
    <t>GGPS PIAL KHURD</t>
  </si>
  <si>
    <t>Pial Khurd</t>
  </si>
  <si>
    <t>pial khurd p/O usman Wala Teh and distt kasur</t>
  </si>
  <si>
    <t>GGPS PIDI PUR</t>
  </si>
  <si>
    <t>Piddipur</t>
  </si>
  <si>
    <t>piddipur Nankana Sahib</t>
  </si>
  <si>
    <t>Fatta Thatha</t>
  </si>
  <si>
    <t>Tabussam</t>
  </si>
  <si>
    <t>GGPS PIDRIAN WALA</t>
  </si>
  <si>
    <t>Pidranwala</t>
  </si>
  <si>
    <t>pidranwala</t>
  </si>
  <si>
    <t>Okhimohla</t>
  </si>
  <si>
    <t>SAMEENA BIBI</t>
  </si>
  <si>
    <t>GGPS PIHAR GHARBI</t>
  </si>
  <si>
    <t>basti pirhar gharbi tahsil kot adu</t>
  </si>
  <si>
    <t>Basti Pirhar</t>
  </si>
  <si>
    <t>Farzana Faiz</t>
  </si>
  <si>
    <t>GGPS PILA GUJRAN</t>
  </si>
  <si>
    <t>Peela Gujran</t>
  </si>
  <si>
    <t>GGPS peela gujran</t>
  </si>
  <si>
    <t>GGPS PILOWAL SYEDAN</t>
  </si>
  <si>
    <t>Pelowal saidan</t>
  </si>
  <si>
    <t>Pelowal saidan Teh Lalian Distt Chiniot</t>
  </si>
  <si>
    <t>Amatul Sbooh</t>
  </si>
  <si>
    <t>GGPS PIND AZIZ</t>
  </si>
  <si>
    <t>Pind Aziz</t>
  </si>
  <si>
    <t>GGPS pind aziz post office khas tehsil sarai alamgir Distt Gujrat</t>
  </si>
  <si>
    <t>GGPS PIND BALA</t>
  </si>
  <si>
    <t>Pind Bala</t>
  </si>
  <si>
    <t>village pind Bala p.o Paimal the gujar Khan distt Rawalpindi</t>
  </si>
  <si>
    <t>Sofia Shiraz</t>
  </si>
  <si>
    <t>GGPS PIND BHADUR KHAN</t>
  </si>
  <si>
    <t>Pind Bhadur Khan</t>
  </si>
  <si>
    <t>village pind bhadur khan post office bahtar tehsil fateh jang district Attock</t>
  </si>
  <si>
    <t>Saima Nasreen</t>
  </si>
  <si>
    <t>GGPS PIND GONDAL</t>
  </si>
  <si>
    <t>Pind Gondal</t>
  </si>
  <si>
    <t>GGPS Pind gondal</t>
  </si>
  <si>
    <t>Mehwish Kamal</t>
  </si>
  <si>
    <t>GGPS PIND HIRAJ P/O NARANG</t>
  </si>
  <si>
    <t>Pind Haraj</t>
  </si>
  <si>
    <t>GGPS PIND JATTA</t>
  </si>
  <si>
    <t>Pindjata</t>
  </si>
  <si>
    <t>village pindjata, p/o dina, tehsil dina, distt jhelum</t>
  </si>
  <si>
    <t>Reema  Shazeen</t>
  </si>
  <si>
    <t>GGPS PIND KAMALA BANIAN</t>
  </si>
  <si>
    <t>Pind Kamala Banian,Gudwal</t>
  </si>
  <si>
    <t>Kamala Banian</t>
  </si>
  <si>
    <t>GGPS PIND KHAN (TRATANI SAMAND)</t>
  </si>
  <si>
    <t>Tratani</t>
  </si>
  <si>
    <t>GGPS PAIND KHAN</t>
  </si>
  <si>
    <t>GGPS PIND MALI</t>
  </si>
  <si>
    <t>Pindmali</t>
  </si>
  <si>
    <t>G.g.p.school pindmali</t>
  </si>
  <si>
    <t>Kotsundki</t>
  </si>
  <si>
    <t>Ayesha Ali</t>
  </si>
  <si>
    <t>GGPS PIND MATAY KHAN</t>
  </si>
  <si>
    <t>Dhok Chaudharian</t>
  </si>
  <si>
    <t>Village Pind Mattay Khan</t>
  </si>
  <si>
    <t>Sajida Mushtaq</t>
  </si>
  <si>
    <t>GGPS PIND RAJWAL</t>
  </si>
  <si>
    <t>Pind Rajwal</t>
  </si>
  <si>
    <t>pind rajwal p/o pind rajwal the. dina distt. jhelum</t>
  </si>
  <si>
    <t>Saima Yasmeen Anjum</t>
  </si>
  <si>
    <t>GGPS PIND RATWAL</t>
  </si>
  <si>
    <t>Pind ratwal</t>
  </si>
  <si>
    <t>village pind ratwal p/o kala dev tesil district jhelum</t>
  </si>
  <si>
    <t>Pind  ratwal</t>
  </si>
  <si>
    <t>Fareeda Usman</t>
  </si>
  <si>
    <t>GGPS PIND SULEMAN MAKHAN</t>
  </si>
  <si>
    <t>Pind Suleiman Makhan</t>
  </si>
  <si>
    <t>v.p.o pind Suleiman makhan  kamra</t>
  </si>
  <si>
    <t>GGPS PIND SULLTANI</t>
  </si>
  <si>
    <t>vpo pindsultani tehsil jand district attock</t>
  </si>
  <si>
    <t>GGPS PINDI</t>
  </si>
  <si>
    <t>Pindi p/o dhutty tehsil chunian district kasur</t>
  </si>
  <si>
    <t>Aki  Kay Rasool Pur</t>
  </si>
  <si>
    <t>GGPS PINDI BAJWAN</t>
  </si>
  <si>
    <t>Pindi Bajwan</t>
  </si>
  <si>
    <t>GGPS Pindi Bajwan</t>
  </si>
  <si>
    <t>Phuklian 02</t>
  </si>
  <si>
    <t>GGPS PINDI BHOMAIN</t>
  </si>
  <si>
    <t>Pindi Bhomian</t>
  </si>
  <si>
    <t>village pindi bhomian</t>
  </si>
  <si>
    <t>GGPS PINDI BIKH</t>
  </si>
  <si>
    <t>Pindi Bhikh</t>
  </si>
  <si>
    <t>pindi Bhikh</t>
  </si>
  <si>
    <t>Kalsoom Najmi</t>
  </si>
  <si>
    <t>GGPS PINDI BOTALA</t>
  </si>
  <si>
    <t>Pindi botala</t>
  </si>
  <si>
    <t>GGPS PINDI CHANANI</t>
  </si>
  <si>
    <t>Pindi Chanian</t>
  </si>
  <si>
    <t>pindi Chaniani P/o Marjal</t>
  </si>
  <si>
    <t>Pindi Chaniani</t>
  </si>
  <si>
    <t>Morara</t>
  </si>
  <si>
    <t>Roqiya Bilqees Akhtar</t>
  </si>
  <si>
    <t>GGPS PINDI GUJRAN</t>
  </si>
  <si>
    <t>Pindigujran</t>
  </si>
  <si>
    <t>vill po pindi gujran</t>
  </si>
  <si>
    <t>PindiGujran</t>
  </si>
  <si>
    <t>Misbah Ghazanfar</t>
  </si>
  <si>
    <t>GGPS PINDI HASANA</t>
  </si>
  <si>
    <t>Pindi Hasna</t>
  </si>
  <si>
    <t>ggps pindi hasna gujrat</t>
  </si>
  <si>
    <t>GGPS PINDI HIRAN</t>
  </si>
  <si>
    <t>Pindi Heeran</t>
  </si>
  <si>
    <t>pindi heeran po chaprar slk</t>
  </si>
  <si>
    <t>Pindi heeran</t>
  </si>
  <si>
    <t>palora Kalan</t>
  </si>
  <si>
    <t>GGPS PINDI KALAN</t>
  </si>
  <si>
    <t>Pindi Kalan</t>
  </si>
  <si>
    <t>Mudasira Tufail</t>
  </si>
  <si>
    <t>GGPS PINDI KANDIWAL</t>
  </si>
  <si>
    <t>pindi kandiwal</t>
  </si>
  <si>
    <t>Amna Yasmeen</t>
  </si>
  <si>
    <t>GGPS PINDI KHOKHAR</t>
  </si>
  <si>
    <t>Pindi Khokharan</t>
  </si>
  <si>
    <t>p.o kotli loharan west sialkot</t>
  </si>
  <si>
    <t>Pindi Khokhara</t>
  </si>
  <si>
    <t>Mogar</t>
  </si>
  <si>
    <t>Sidra Taskin</t>
  </si>
  <si>
    <t>GGPS PINDI KHURD</t>
  </si>
  <si>
    <t>Pindi Khurd</t>
  </si>
  <si>
    <t>tehsil pasrur dist Sialkot markaz chobara vill pindi khurad</t>
  </si>
  <si>
    <t>Razia Nazir</t>
  </si>
  <si>
    <t>GGPS PINDI KORA</t>
  </si>
  <si>
    <t>Naara</t>
  </si>
  <si>
    <t>pull pindi kora</t>
  </si>
  <si>
    <t>Pindi Kora</t>
  </si>
  <si>
    <t>Safia Ehsan</t>
  </si>
  <si>
    <t>GGPS PINDI KOT</t>
  </si>
  <si>
    <t>Pindikot</t>
  </si>
  <si>
    <t>pindikot</t>
  </si>
  <si>
    <t>Salfat Noureen</t>
  </si>
  <si>
    <t>GGPS PINDI MANA</t>
  </si>
  <si>
    <t>Zahida  Munir</t>
  </si>
  <si>
    <t>GGPS PINDI MEHRWAL</t>
  </si>
  <si>
    <t>Pindi mehrwal</t>
  </si>
  <si>
    <t>pindi mehrwal</t>
  </si>
  <si>
    <t>Qurrat Ul Ayn Hasan</t>
  </si>
  <si>
    <t>Cane system from Water carrier</t>
  </si>
  <si>
    <t>GGPS PINDI MINHASAN</t>
  </si>
  <si>
    <t>govt girls primary school pindi minhasa tehsil pasrur district Sialkot</t>
  </si>
  <si>
    <t>Pindi Minhasa</t>
  </si>
  <si>
    <t>Zahira Naseem Akhter</t>
  </si>
  <si>
    <t>GGPS PINDI MUGHO</t>
  </si>
  <si>
    <t>Pindi Mugho</t>
  </si>
  <si>
    <t>pindi mugho</t>
  </si>
  <si>
    <t>Tahira Balkees</t>
  </si>
  <si>
    <t>GGPS PINDI OLAKH</t>
  </si>
  <si>
    <t>Pindi Olakh</t>
  </si>
  <si>
    <t>Khalida Parven</t>
  </si>
  <si>
    <t>Watercooler</t>
  </si>
  <si>
    <t>GGPS PINDI RAJPUTAN</t>
  </si>
  <si>
    <t>hazoori masjid , street no. 7 Pindi rajputtan Lahore</t>
  </si>
  <si>
    <t>Pindi Rajputtan</t>
  </si>
  <si>
    <t>GGPS PINDI RATAN SINGH</t>
  </si>
  <si>
    <t>pindi rattan singh</t>
  </si>
  <si>
    <t>Pindi Rattan Singh</t>
  </si>
  <si>
    <t>Khatiala Virkaan</t>
  </si>
  <si>
    <t>Safina Bibi</t>
  </si>
  <si>
    <t>GGPS PINDI SANIAN</t>
  </si>
  <si>
    <t>Pindi Sainian</t>
  </si>
  <si>
    <t>ggps pindi sainian,p/o &amp; teh shakargarh distt narowal</t>
  </si>
  <si>
    <t>Chitrana</t>
  </si>
  <si>
    <t>Abida Shumaila Shaukat</t>
  </si>
  <si>
    <t>GGPS PINDI WALA</t>
  </si>
  <si>
    <t>Pindi Wala</t>
  </si>
  <si>
    <t>pindi Wala</t>
  </si>
  <si>
    <t>GGPS PINDORI CHAUDRIAN</t>
  </si>
  <si>
    <t>GGPS pindori chaudrian village pindori chaudrian p\o Chowk tensile kallar syedan</t>
  </si>
  <si>
    <t>Pindori Chaudrian</t>
  </si>
  <si>
    <t>GGPS PINDORY</t>
  </si>
  <si>
    <t>pandori.ghummanwala</t>
  </si>
  <si>
    <t>Ghummanwala</t>
  </si>
  <si>
    <t>Hafsa Naz</t>
  </si>
  <si>
    <t>GGPS PINDUT DARRI</t>
  </si>
  <si>
    <t>pandat dari sadiqabad</t>
  </si>
  <si>
    <t>Pandat Dari</t>
  </si>
  <si>
    <t>Tahira Shabbir</t>
  </si>
  <si>
    <t>nearby hand pump</t>
  </si>
  <si>
    <t>GGPS PINDWAL</t>
  </si>
  <si>
    <t>vill pindwal tehsil and distt attock</t>
  </si>
  <si>
    <t>mariam sameen</t>
  </si>
  <si>
    <t>GGPS PINJWAL</t>
  </si>
  <si>
    <t>Government girls primary school panjwal</t>
  </si>
  <si>
    <t>GGPS PIPAL KHALSANA</t>
  </si>
  <si>
    <t>Pipal Kalsana</t>
  </si>
  <si>
    <t>ggps pipal khalsana</t>
  </si>
  <si>
    <t>Peergarh Chisti</t>
  </si>
  <si>
    <t>Nasreen Sarwer</t>
  </si>
  <si>
    <t>GGPS PIPLE MIRALI, SARAI SIDHU</t>
  </si>
  <si>
    <t>Pipal mirali</t>
  </si>
  <si>
    <t>Moza pipal mirali markaz sarai sidhu</t>
  </si>
  <si>
    <t>Asia Bashir</t>
  </si>
  <si>
    <t>GGPS PIPPLY</t>
  </si>
  <si>
    <t>Pipply</t>
  </si>
  <si>
    <t>vpo pipli, tehsil p.d.khan, district Jhelum</t>
  </si>
  <si>
    <t>Rizwana Anjum</t>
  </si>
  <si>
    <t>GGPS PIR ABDUL MALIK</t>
  </si>
  <si>
    <t>Pir abdul malik</t>
  </si>
  <si>
    <t>basti pir abdul malik</t>
  </si>
  <si>
    <t>Rumaisa Sajjad</t>
  </si>
  <si>
    <t>GGPS PIR BAHR SHAH</t>
  </si>
  <si>
    <t>peer shah</t>
  </si>
  <si>
    <t>GGPS PIR BEHLOL</t>
  </si>
  <si>
    <t>Ù…ÙˆØ¶Ø¹ Ù¾ÛŒØ± Ø¨ÛÙ„ÙˆÙ„ Û” ÚˆØ§Ú©Ø®Ø§Ù†Û Ø­ÙˆÛŒÙ„ÛŒ Ø´ÛŒØ® Ø±Ø§Ø¬ÙˆÛ” ØªÚ¾Ø§Ù†Û Ù…Ø³Ù†Û” ØªØ­ØµÛŒÙ„ Ùˆ Ø¶Ù„Ø¹ Ø¬Ú¾Ù†Ú¯</t>
  </si>
  <si>
    <t>GGPS PIR BHOORA SULTAN</t>
  </si>
  <si>
    <t>Pir Bhoora Sultan</t>
  </si>
  <si>
    <t>Basti Pir Bhoora sultan  Post Office Badli Sharf Tehsil and District Rahim Yar Khan</t>
  </si>
  <si>
    <t>Farzana Irshad</t>
  </si>
  <si>
    <t>GGPS PIR BUKHSH KHAS</t>
  </si>
  <si>
    <t>PIR BUX EAST</t>
  </si>
  <si>
    <t>basti peer bux khas Dak khana sikhani wala tehsilozillah rajan pur</t>
  </si>
  <si>
    <t>Basti peer bux Khas</t>
  </si>
  <si>
    <t>Javeria Rehman</t>
  </si>
  <si>
    <t>GGPS PIR BUKHSH WALA</t>
  </si>
  <si>
    <t>Pir bukhsh wala moza ganwain tehsil shujabad district multan</t>
  </si>
  <si>
    <t>Pir Bukhsh Wala</t>
  </si>
  <si>
    <t>GGPS PIR GAIB WALA SHUJABAD DISTT. MULTAN</t>
  </si>
  <si>
    <t>peer Ghaib,wala (munir more)</t>
  </si>
  <si>
    <t>Peer Ghaib</t>
  </si>
  <si>
    <t>GGPS PIR HAYAT (Under NGO)</t>
  </si>
  <si>
    <t>Pir Hayat</t>
  </si>
  <si>
    <t>village pir hayat district okara tehsil depalpur</t>
  </si>
  <si>
    <t>Qadrabad</t>
  </si>
  <si>
    <t>Anees Gulam Farid</t>
  </si>
  <si>
    <t>GGPS PIR KHALIS</t>
  </si>
  <si>
    <t>Peer Khalis</t>
  </si>
  <si>
    <t>peer khalis tehsil Minchan abad</t>
  </si>
  <si>
    <t>Khaldia Nasreen</t>
  </si>
  <si>
    <t>GGPS PIR KOT</t>
  </si>
  <si>
    <t>pirkot</t>
  </si>
  <si>
    <t>pirkot ahmadnagar</t>
  </si>
  <si>
    <t>ahmadnagar</t>
  </si>
  <si>
    <t>Nazia Rani</t>
  </si>
  <si>
    <t>GGPS PIR MAKHDOOM JHANIAN</t>
  </si>
  <si>
    <t>Pir makhdoom jahanian</t>
  </si>
  <si>
    <t>Vpo pir makhdoom jahanian</t>
  </si>
  <si>
    <t>Lehr sultan pur</t>
  </si>
  <si>
    <t>seemab urooj</t>
  </si>
  <si>
    <t>GGPS PIR MONDIALA</t>
  </si>
  <si>
    <t>Pirmadniala</t>
  </si>
  <si>
    <t>Village pirmadniala p/o sabazpir teh hassan Habdal Dist Attock</t>
  </si>
  <si>
    <t>Sidra Arif Malik</t>
  </si>
  <si>
    <t>GGPS PIR MUBARIK SHAH (KAMOKE)</t>
  </si>
  <si>
    <t>kmk</t>
  </si>
  <si>
    <t>Muqdas Rafique</t>
  </si>
  <si>
    <t>GGPS PIR RAEES ALI OTHA</t>
  </si>
  <si>
    <t>GGPS pir raees ali otha basti Allah jawaya</t>
  </si>
  <si>
    <t>Allah jawaya</t>
  </si>
  <si>
    <t>Miss Kalsoom Akhtar</t>
  </si>
  <si>
    <t>GGPS PIR SHAH WASAN</t>
  </si>
  <si>
    <t>pir shah wasan</t>
  </si>
  <si>
    <t>village pir shah wasan p/o dina</t>
  </si>
  <si>
    <t>garh mahal</t>
  </si>
  <si>
    <t>Mehreen Arooj</t>
  </si>
  <si>
    <t>GGPS PIR SHAHIDAN NO.1</t>
  </si>
  <si>
    <t>Kot Drea</t>
  </si>
  <si>
    <t>g g  primary school peer shaheedan number 1</t>
  </si>
  <si>
    <t>Itefaq Colony</t>
  </si>
  <si>
    <t>RYK A</t>
  </si>
  <si>
    <t>GGPS PIR SHAHIDAN NO.2</t>
  </si>
  <si>
    <t>Peer Shahedan No 2 Rahim Yar Khan</t>
  </si>
  <si>
    <t>Peer Shahedan No 2</t>
  </si>
  <si>
    <t>Nasim    naz</t>
  </si>
  <si>
    <t>GGPS PIR WALA</t>
  </si>
  <si>
    <t>Mohry Wala</t>
  </si>
  <si>
    <t>near Mohrywala p/o alludywali Markaz  rohillanwali</t>
  </si>
  <si>
    <t>Jhandy Waly</t>
  </si>
  <si>
    <t>Sajdah Perveen</t>
  </si>
  <si>
    <t>GGPS PIRA BALOCH</t>
  </si>
  <si>
    <t>Moza Pira Balouc</t>
  </si>
  <si>
    <t>basti pira baouch</t>
  </si>
  <si>
    <t>Pira Balouch</t>
  </si>
  <si>
    <t>Sumaira Arshad</t>
  </si>
  <si>
    <t>GGPS PIRDAN SHARQI</t>
  </si>
  <si>
    <t>GGPS PIREY WALA NO.1 TEH. SHUJABAD</t>
  </si>
  <si>
    <t>ada peer mubarak shah moza khoja dak khana khas tehsil shujaabad district multan</t>
  </si>
  <si>
    <t>Peer Mubarak shah Chah peeray wala</t>
  </si>
  <si>
    <t>Nasira sultana</t>
  </si>
  <si>
    <t>GGPS PIRHARAN</t>
  </si>
  <si>
    <t>Sha Muhammad  Mareel</t>
  </si>
  <si>
    <t>pirharan</t>
  </si>
  <si>
    <t>Pirharan</t>
  </si>
  <si>
    <t>GGPS PIRWAL</t>
  </si>
  <si>
    <t>Pirwal</t>
  </si>
  <si>
    <t>Kot Choudrian</t>
  </si>
  <si>
    <t>Nazima Yasmeen</t>
  </si>
  <si>
    <t>GGPS PIRWONA WAQIA NEHRI KOTHI</t>
  </si>
  <si>
    <t>G G ps pirwona moh. Shiekhanwala hujra</t>
  </si>
  <si>
    <t>Mc Hujra Shah Muqeem</t>
  </si>
  <si>
    <t>GGPS PIRZADA</t>
  </si>
  <si>
    <t>fatehpurkamal  basti Noor shah</t>
  </si>
  <si>
    <t>Basti Noor Shah</t>
  </si>
  <si>
    <t>Fauzia Khaliq</t>
  </si>
  <si>
    <t>GGPS PITAFI WALA</t>
  </si>
  <si>
    <t>Chah khutra</t>
  </si>
  <si>
    <t>ggp/s pitafi wala</t>
  </si>
  <si>
    <t>Mehmod Abd</t>
  </si>
  <si>
    <t>Anila Yasmin</t>
  </si>
  <si>
    <t>GGPS PITHER NADI</t>
  </si>
  <si>
    <t>vill Pither Nadi tehsil PD khan district Jhelum</t>
  </si>
  <si>
    <t>Shumaila Bibi</t>
  </si>
  <si>
    <t>GGPS PLAHGRAN</t>
  </si>
  <si>
    <t>Plahgran</t>
  </si>
  <si>
    <t>village plahgran post office acch tehsil kharian distt. gujrat</t>
  </si>
  <si>
    <t>GGPS PLAY</t>
  </si>
  <si>
    <t>Thoon Pallay</t>
  </si>
  <si>
    <t>village pallay  p/o  brohi teh kotli sattian dist rawalpindi</t>
  </si>
  <si>
    <t>GGPS POGGAL</t>
  </si>
  <si>
    <t>POGAL</t>
  </si>
  <si>
    <t>Mangopora MINCHINABAD</t>
  </si>
  <si>
    <t>Mangopora</t>
  </si>
  <si>
    <t>Shabazpora</t>
  </si>
  <si>
    <t>Rashidaperven</t>
  </si>
  <si>
    <t>GGPS POKHAR PUR</t>
  </si>
  <si>
    <t>Phoker Pur</t>
  </si>
  <si>
    <t>p.o kot ladha village phoker pur teh noshere virkan distt Gujranwala</t>
  </si>
  <si>
    <t>Bhiri Khurd</t>
  </si>
  <si>
    <t>GGPS POLTARY FARM MOHALLA RASOOL NAGAR</t>
  </si>
  <si>
    <t>Mohallah Rasool Nagar Narowal</t>
  </si>
  <si>
    <t>Mohalla Rasool Nagar Poultary Farm Narowal</t>
  </si>
  <si>
    <t>Poultry Farm</t>
  </si>
  <si>
    <t>Asifa Begum</t>
  </si>
  <si>
    <t>GGPS PONDORI FAZAL</t>
  </si>
  <si>
    <t>Pondori Fazal</t>
  </si>
  <si>
    <t>pandori fazal</t>
  </si>
  <si>
    <t>Monawar Parveenn</t>
  </si>
  <si>
    <t>GGPS PONTA MALANA</t>
  </si>
  <si>
    <t>Ponta Malana</t>
  </si>
  <si>
    <t>basti qadir wala moza ponta malana</t>
  </si>
  <si>
    <t>Aloday Wali</t>
  </si>
  <si>
    <t>Afshana Bibi</t>
  </si>
  <si>
    <t>GGPS POODNI DERA HAFEEZ</t>
  </si>
  <si>
    <t>sarishta thal jhandi</t>
  </si>
  <si>
    <t>govt girls M/primary school poodni dera hafeez</t>
  </si>
  <si>
    <t>dera mia hafeez</t>
  </si>
  <si>
    <t>164Tda</t>
  </si>
  <si>
    <t>GGPS POONG</t>
  </si>
  <si>
    <t>Poong</t>
  </si>
  <si>
    <t>Village poong tehsil Narowal dist narowal</t>
  </si>
  <si>
    <t>Muhammad  Javid  Khan Shakir</t>
  </si>
  <si>
    <t>GGPS PORAN WALA</t>
  </si>
  <si>
    <t>wanda ghorina vala</t>
  </si>
  <si>
    <t>Wanda Ghorina Vala</t>
  </si>
  <si>
    <t>GGPS PORIAN WALA</t>
  </si>
  <si>
    <t>Porian Wala</t>
  </si>
  <si>
    <t>GGPS POTHA KASHMIRAN</t>
  </si>
  <si>
    <t>Potha Kashmiri</t>
  </si>
  <si>
    <t>village potha kashmiri po ghazial teh and dist chakwal</t>
  </si>
  <si>
    <t>GGPS POTHI</t>
  </si>
  <si>
    <t>vill pothi.po pothi.teh gujar khan.dist rwp</t>
  </si>
  <si>
    <t>SHAFAQ FAROOQ</t>
  </si>
  <si>
    <t>GGPS POTHI MAHRA</t>
  </si>
  <si>
    <t>Maira Pothi</t>
  </si>
  <si>
    <t>maira pothi</t>
  </si>
  <si>
    <t>GGPS POWER LOOM BASTI SAMUNDRI</t>
  </si>
  <si>
    <t>Smd</t>
  </si>
  <si>
    <t>Power Loom basti</t>
  </si>
  <si>
    <t>120 City Smd</t>
  </si>
  <si>
    <t>GGPS PROCHRAN SHARIF</t>
  </si>
  <si>
    <t>Kotla Mudhu</t>
  </si>
  <si>
    <t>p/o Basti prochran shareef</t>
  </si>
  <si>
    <t>Basti Prochran Shareef</t>
  </si>
  <si>
    <t>Jajjah Abbasian</t>
  </si>
  <si>
    <t>RAFIA RAFIQ</t>
  </si>
  <si>
    <t>GGPS PROFESSOR COLONY</t>
  </si>
  <si>
    <t>Professor Colony</t>
  </si>
  <si>
    <t>professor colony</t>
  </si>
  <si>
    <t>Krana</t>
  </si>
  <si>
    <t>GGPS PROPI ARAIAN</t>
  </si>
  <si>
    <t>Propi Araian</t>
  </si>
  <si>
    <t>GGPS PROPI NAGRA</t>
  </si>
  <si>
    <t>Propi Nagra</t>
  </si>
  <si>
    <t>Village $p/o propi nagra  Teh  pasrur District Sialkot</t>
  </si>
  <si>
    <t>Syeda Zakia Tasaddaq</t>
  </si>
  <si>
    <t>GGPS PUBLIC COLONY</t>
  </si>
  <si>
    <t>public colony, Sadiq abad</t>
  </si>
  <si>
    <t>GGPS PUDHAY</t>
  </si>
  <si>
    <t>Pudday</t>
  </si>
  <si>
    <t>GGPSpudday</t>
  </si>
  <si>
    <t>GGPS PUGHLAH NO 1</t>
  </si>
  <si>
    <t>Phugla</t>
  </si>
  <si>
    <t>phugla</t>
  </si>
  <si>
    <t>Phugla No1</t>
  </si>
  <si>
    <t>GGPS PUL 75000</t>
  </si>
  <si>
    <t>pull 75000 post office Rawani Teh and District Lodhran</t>
  </si>
  <si>
    <t>Pull 75000</t>
  </si>
  <si>
    <t>GGPS PUL BAREKA</t>
  </si>
  <si>
    <t>Baraika</t>
  </si>
  <si>
    <t>g g p s pull barika</t>
  </si>
  <si>
    <t>GGPS PUL KHARA SHUJABAD</t>
  </si>
  <si>
    <t>saeed abad</t>
  </si>
  <si>
    <t>Basti Saedabad</t>
  </si>
  <si>
    <t>Obara Shumali</t>
  </si>
  <si>
    <t>GGPS PULI TOOP KHANA</t>
  </si>
  <si>
    <t>toop khana</t>
  </si>
  <si>
    <t>ggps toop khana sialkot cantt</t>
  </si>
  <si>
    <t>puli toop khana</t>
  </si>
  <si>
    <t>bharath</t>
  </si>
  <si>
    <t>Fouzia Bashir</t>
  </si>
  <si>
    <t>GGPS PULL 12 MEEL, KABIRWALA</t>
  </si>
  <si>
    <t>12 meel</t>
  </si>
  <si>
    <t>12 Meel</t>
  </si>
  <si>
    <t>Jhod Pur</t>
  </si>
  <si>
    <t>GGPS PULL FAROOQ ABAD</t>
  </si>
  <si>
    <t>pull farooqabad basti shery wali</t>
  </si>
  <si>
    <t>Pull Farooqabad</t>
  </si>
  <si>
    <t>Miss Rahat Feroz</t>
  </si>
  <si>
    <t>GGPS PULL GHARAT, TULAMBA</t>
  </si>
  <si>
    <t>Pull Gharat</t>
  </si>
  <si>
    <t>GGPS, Adda PullGharat, PO 15/8-BR, Teh. Mian Channu, Distt. Khanewal</t>
  </si>
  <si>
    <t>Razia Kausar</t>
  </si>
  <si>
    <t>GGPS PULL GUJJAR</t>
  </si>
  <si>
    <t>basti Pull Gujjar zulfiqar</t>
  </si>
  <si>
    <t>Lubna Bibi</t>
  </si>
  <si>
    <t>GGPS PULL MUHAMMAD</t>
  </si>
  <si>
    <t>Dera Muhammad Ka</t>
  </si>
  <si>
    <t>Dera pull muhammad tahseel kotmomin district sargodha</t>
  </si>
  <si>
    <t>Pull Muhammad</t>
  </si>
  <si>
    <t>Rukhshna Perveen</t>
  </si>
  <si>
    <t>GGPS PULL SHAWALA MULTAN</t>
  </si>
  <si>
    <t>Pulshawala hasan Parwana road</t>
  </si>
  <si>
    <t>Umme Farah</t>
  </si>
  <si>
    <t>GGPS PULLAN WALA</t>
  </si>
  <si>
    <t>Pullan Wala</t>
  </si>
  <si>
    <t>Pullan Wala, Rustam Sargana</t>
  </si>
  <si>
    <t>GGPS PUN</t>
  </si>
  <si>
    <t>Pun</t>
  </si>
  <si>
    <t>p/o uddo Fatah village pun tehsil pasrur district sialjot</t>
  </si>
  <si>
    <t>Shahina Kousar</t>
  </si>
  <si>
    <t>GGPS PUNGDHAIR</t>
  </si>
  <si>
    <t>Bahtar  More</t>
  </si>
  <si>
    <t>purana bahtar more</t>
  </si>
  <si>
    <t>Punjdhair</t>
  </si>
  <si>
    <t>GGPS PUNJ AHATA</t>
  </si>
  <si>
    <t>Village Punj ahata Warburton</t>
  </si>
  <si>
    <t>Kousar Sultana</t>
  </si>
  <si>
    <t>GGPS PUNJ GARIEN</t>
  </si>
  <si>
    <t>Punj Garien</t>
  </si>
  <si>
    <t>punj garien p/o qila dedar singh</t>
  </si>
  <si>
    <t>Chack Choudhri</t>
  </si>
  <si>
    <t>Rubab Faiz</t>
  </si>
  <si>
    <t>GGPS PUNJ GRAIN</t>
  </si>
  <si>
    <t>punj grain</t>
  </si>
  <si>
    <t>punj grain, near shah jewna city jhang</t>
  </si>
  <si>
    <t>GGPS PUNJ GRIAN</t>
  </si>
  <si>
    <t>Punjgrian</t>
  </si>
  <si>
    <t>punjgrian</t>
  </si>
  <si>
    <t>Ulfat Naseeb</t>
  </si>
  <si>
    <t>GGPS PUNJ MURRABA</t>
  </si>
  <si>
    <t>punj murraba chk # 37RB</t>
  </si>
  <si>
    <t>Punj Murraba</t>
  </si>
  <si>
    <t>Jugian 292/RB</t>
  </si>
  <si>
    <t>Iqra Liaquat</t>
  </si>
  <si>
    <t>GGPS PUNJA SHARIF</t>
  </si>
  <si>
    <t>Punja Sharif tehsil and district khushab</t>
  </si>
  <si>
    <t>Punja Sharif</t>
  </si>
  <si>
    <t>GGPS PUNJAIN</t>
  </si>
  <si>
    <t>Punjain</t>
  </si>
  <si>
    <t>village punjain po saigolabad tehsil and district chakwal</t>
  </si>
  <si>
    <t>Saima shaheen</t>
  </si>
  <si>
    <t>GGPS PUNJANKAY</t>
  </si>
  <si>
    <t>Pinjan Kay</t>
  </si>
  <si>
    <t>Village pinjan key po sehowal tehsil pasrur district sialkot</t>
  </si>
  <si>
    <t>Pinjan key</t>
  </si>
  <si>
    <t>Razia Amin</t>
  </si>
  <si>
    <t>GGPS PUNJAY KHEL</t>
  </si>
  <si>
    <t>Mohallah Punjey khel.PO Trag,</t>
  </si>
  <si>
    <t>GGPS PURANA BARAF KHANA</t>
  </si>
  <si>
    <t>Taraf Daira</t>
  </si>
  <si>
    <t>purana baraf khana Multan.</t>
  </si>
  <si>
    <t>Purana Baraf Khana</t>
  </si>
  <si>
    <t>Ameerabad</t>
  </si>
  <si>
    <t>GGPS PURANA BHATTA</t>
  </si>
  <si>
    <t>Kotdarya</t>
  </si>
  <si>
    <t>purana bhatta colony street 2</t>
  </si>
  <si>
    <t>Purana Bhatts</t>
  </si>
  <si>
    <t>30A</t>
  </si>
  <si>
    <t>Nazia Hashmi</t>
  </si>
  <si>
    <t>GGPS PURANA KHEWRA</t>
  </si>
  <si>
    <t>near national bank khewra   teh  pind  dadan  Khan   district jhelum</t>
  </si>
  <si>
    <t>shazia Saba</t>
  </si>
  <si>
    <t>GGPS PURANA KOT</t>
  </si>
  <si>
    <t>PURANA KOT</t>
  </si>
  <si>
    <t>Village purana kot post office dhok shah arid tehseel sohawa district Jhelum</t>
  </si>
  <si>
    <t>Miss Robina Shaheen</t>
  </si>
  <si>
    <t>GGPS PURANA LALA MUSA</t>
  </si>
  <si>
    <t>Purana Lalamusa</t>
  </si>
  <si>
    <t>Ggps purana lalamusa</t>
  </si>
  <si>
    <t>Municipal Committee Lalamusa</t>
  </si>
  <si>
    <t>GGPS PURANA REHMAN PURA CHANGA MANGA</t>
  </si>
  <si>
    <t>PURANA REHMAN PURA</t>
  </si>
  <si>
    <t>Adeela Kausar</t>
  </si>
  <si>
    <t>GGPS PURANA SAROHA</t>
  </si>
  <si>
    <t>Purana Saroha post office kallar Syedan tehsil kallar sayedan</t>
  </si>
  <si>
    <t>Purana Saroha</t>
  </si>
  <si>
    <t>GGPS PURANAY DAUKE</t>
  </si>
  <si>
    <t>Dauke MDK</t>
  </si>
  <si>
    <t>GGPS/Purana Dauke</t>
  </si>
  <si>
    <t>Purana Dauke</t>
  </si>
  <si>
    <t>Dauke</t>
  </si>
  <si>
    <t>GGPS PURANI ABABDI SHAHKOT</t>
  </si>
  <si>
    <t>Purani Abadi</t>
  </si>
  <si>
    <t>GGPS purani abadi shahkot</t>
  </si>
  <si>
    <t>Chak 88 Purani  Abadi</t>
  </si>
  <si>
    <t>Municipal Cometi</t>
  </si>
  <si>
    <t>Tehseen Munir</t>
  </si>
  <si>
    <t>GGPS PURANI ABADI</t>
  </si>
  <si>
    <t>Janamasthan</t>
  </si>
  <si>
    <t>GGPS Purani Abadi</t>
  </si>
  <si>
    <t>Sadia Bi Bi</t>
  </si>
  <si>
    <t>GGPS PURANI BALI</t>
  </si>
  <si>
    <t>Basti Purani behli Ghazipur road</t>
  </si>
  <si>
    <t>Purani BEHLI</t>
  </si>
  <si>
    <t>Behli Sharerf</t>
  </si>
  <si>
    <t>Assia Parven</t>
  </si>
  <si>
    <t>GGPS PURANI BHIKI</t>
  </si>
  <si>
    <t>Purani Bhikhi</t>
  </si>
  <si>
    <t>Purani bhikhi</t>
  </si>
  <si>
    <t>Purani  Bhikhi</t>
  </si>
  <si>
    <t>GGPS QAAZI WALA</t>
  </si>
  <si>
    <t>Sikandr Wala</t>
  </si>
  <si>
    <t>Basti darigah moza sikandar wala lodhran</t>
  </si>
  <si>
    <t>Bsti Darigah</t>
  </si>
  <si>
    <t>GGPS QABAR KOT</t>
  </si>
  <si>
    <t>ggps qabar kot Khudian khas</t>
  </si>
  <si>
    <t>Qabar Kot</t>
  </si>
  <si>
    <t>GGPS QABOOL FATANI</t>
  </si>
  <si>
    <t>basti qabool fatani</t>
  </si>
  <si>
    <t>GGPS QABOOL WALA</t>
  </si>
  <si>
    <t>Bakshan Aryian</t>
  </si>
  <si>
    <t>basti Qabool Wala post office Kot Samaba district Rahim Yar Khan</t>
  </si>
  <si>
    <t>Tibbi Gul Muhammad Muhammad</t>
  </si>
  <si>
    <t>GGPS QABOOL WALA MUZA LABER MULTAN</t>
  </si>
  <si>
    <t>Chah Qabool Wala Mouza Labar Distt. Multan</t>
  </si>
  <si>
    <t>Ayesha Parveen</t>
  </si>
  <si>
    <t>GGPS QADAR BUX SUPPLAN</t>
  </si>
  <si>
    <t>Quba Lal Peer</t>
  </si>
  <si>
    <t>GGPS QADIR BUKHSH SUPPLAN</t>
  </si>
  <si>
    <t>Qadir Bukhsh Supplan</t>
  </si>
  <si>
    <t>Shaheen Tabassum</t>
  </si>
  <si>
    <t>GGPS QADAR PUR</t>
  </si>
  <si>
    <t>post office bhilomar,village qadir pur</t>
  </si>
  <si>
    <t>GGPS QADIR ABAD NO.1</t>
  </si>
  <si>
    <t>Qadri Abad</t>
  </si>
  <si>
    <t>Mouza Qadir Abad UC Ban Wala</t>
  </si>
  <si>
    <t>Qadir ABad</t>
  </si>
  <si>
    <t>GGPS QADIR BAKHSH WALA</t>
  </si>
  <si>
    <t>GGPS Qadir Bakhsh Wala</t>
  </si>
  <si>
    <t>Qadir Buksh 184tda</t>
  </si>
  <si>
    <t>Shazma Khan</t>
  </si>
  <si>
    <t>GGPS QADIR BUX BALOCH</t>
  </si>
  <si>
    <t>JALALPUR</t>
  </si>
  <si>
    <t>Basti Qadir Bux Abbasi Mouza Jalalpur Tehsil and Distric RYK Po Meinwali qureshian</t>
  </si>
  <si>
    <t>Basti Qadir Bux Abasi</t>
  </si>
  <si>
    <t>Sardar GARH</t>
  </si>
  <si>
    <t>Rubina Bashir</t>
  </si>
  <si>
    <t>GGPS QADIR COLONY</t>
  </si>
  <si>
    <t>Qadir Colony</t>
  </si>
  <si>
    <t>rukhsana shamim</t>
  </si>
  <si>
    <t>GGPS QADIR PUR CHIMNA</t>
  </si>
  <si>
    <t>Qadir Pur Chimna</t>
  </si>
  <si>
    <t>GGPS Qadir Pur Chimna Tehsil Kahror Pacca Dist Lodhran</t>
  </si>
  <si>
    <t>Chelay Wahin</t>
  </si>
  <si>
    <t>SAFIA NAZEER</t>
  </si>
  <si>
    <t>GGPS QADIR PUR LAR MULTAN</t>
  </si>
  <si>
    <t>qadir pur lar</t>
  </si>
  <si>
    <t>GGPS QADIR PUR MUNSHIAN</t>
  </si>
  <si>
    <t>Qadir Purmunshian</t>
  </si>
  <si>
    <t>Chack Qadir Purmunshian</t>
  </si>
  <si>
    <t>Fahmida Liaqat</t>
  </si>
  <si>
    <t>GGPS QADIR PUR NO. 1 QADIR PUR</t>
  </si>
  <si>
    <t>basti qadir pur</t>
  </si>
  <si>
    <t>Ghazala Tanveer</t>
  </si>
  <si>
    <t>GGPS QADIR PUR NO. 2</t>
  </si>
  <si>
    <t>post offce meray shah bsti nzam abd moza qadir pur1</t>
  </si>
  <si>
    <t>NASIRA KHALIL</t>
  </si>
  <si>
    <t>GGPS QADIR PURA KHUSHAB</t>
  </si>
  <si>
    <t>G.G.P/S Qadir Pura Khushab
,</t>
  </si>
  <si>
    <t>Ronaq Pura</t>
  </si>
  <si>
    <t>Nasreen Noor</t>
  </si>
  <si>
    <t>GGPS QADIR WAH</t>
  </si>
  <si>
    <t>qadirwah</t>
  </si>
  <si>
    <t>Ayesha Naseem</t>
  </si>
  <si>
    <t>GGPS QADIRA TALAI</t>
  </si>
  <si>
    <t>Qadra Tali</t>
  </si>
  <si>
    <t>GGPS QADRA TALLAI</t>
  </si>
  <si>
    <t>Dhengun</t>
  </si>
  <si>
    <t>Fozia Irshad</t>
  </si>
  <si>
    <t>GGPS QADRA NO. 1</t>
  </si>
  <si>
    <t>mouza  rakh qadra</t>
  </si>
  <si>
    <t>Basti Haji AALAH dita Gola</t>
  </si>
  <si>
    <t>Afsana AKRAM</t>
  </si>
  <si>
    <t>GGPS QAIM FAREED ABAD</t>
  </si>
  <si>
    <t>Wehniwal Thal</t>
  </si>
  <si>
    <t>chah qaim wala</t>
  </si>
  <si>
    <t>Chah Qaim Wala</t>
  </si>
  <si>
    <t>Paharpur 2</t>
  </si>
  <si>
    <t>Zarghoona Riaz</t>
  </si>
  <si>
    <t>GGPS QAIM JINDE KA</t>
  </si>
  <si>
    <t>Qaim Jindi Ka</t>
  </si>
  <si>
    <t>QAIME JINDE KA P/O HAVELI LAKHA</t>
  </si>
  <si>
    <t>QAIM JINDE KA</t>
  </si>
  <si>
    <t>NAMA JINDEKA</t>
  </si>
  <si>
    <t>humera saba</t>
  </si>
  <si>
    <t>GGPS QAIM PUR JHANGI</t>
  </si>
  <si>
    <t>Qaim Pur Jhangi</t>
  </si>
  <si>
    <t>Govt Girl P/S Moaza Qaim pur Jhangi</t>
  </si>
  <si>
    <t>Qiam Pur Jhangi</t>
  </si>
  <si>
    <t>Parveen Anwar</t>
  </si>
  <si>
    <t>GGPS QAIM WALA</t>
  </si>
  <si>
    <t>Chak No 184 Tda</t>
  </si>
  <si>
    <t>Dera Qaim wala 184tda shumali</t>
  </si>
  <si>
    <t>Rifat Perveen</t>
  </si>
  <si>
    <t>GGPS QAISAR GHAZLANI</t>
  </si>
  <si>
    <t>Rampur Soom</t>
  </si>
  <si>
    <t>basti master ghulam Hassan khan ghazlani rampur soom</t>
  </si>
  <si>
    <t>Basti Ghazlani</t>
  </si>
  <si>
    <t>M Naeem Khan</t>
  </si>
  <si>
    <t>GGPS QAISER WALA</t>
  </si>
  <si>
    <t>GGPS qaisar wala,jhoke uttra</t>
  </si>
  <si>
    <t>Nazish Gull</t>
  </si>
  <si>
    <t>GGPS QAMMER</t>
  </si>
  <si>
    <t>Qamar</t>
  </si>
  <si>
    <t>village qamar post office haranpur p.d.khan jhelum</t>
  </si>
  <si>
    <t>Farwa Zainab</t>
  </si>
  <si>
    <t>GGPS QANDHARI PUR</t>
  </si>
  <si>
    <t>Qundhari pur</t>
  </si>
  <si>
    <t>p box pathar garh village qundhaiirpur</t>
  </si>
  <si>
    <t>SAMIA NAZ</t>
  </si>
  <si>
    <t>GGPS QARAR SHAH WALA</t>
  </si>
  <si>
    <t>Purana Qureshi</t>
  </si>
  <si>
    <t>GGP/S Qarar shah wala</t>
  </si>
  <si>
    <t>Nargis Sultana</t>
  </si>
  <si>
    <t>GGPS QASAI WALA</t>
  </si>
  <si>
    <t>Baste Guden</t>
  </si>
  <si>
    <t>shahjamal oolong shero road jampur</t>
  </si>
  <si>
    <t>Nawan Baigrag</t>
  </si>
  <si>
    <t>GGPS QASAIDA KHOO</t>
  </si>
  <si>
    <t>Qasai da khoo  mouza ghous pur teh kpr</t>
  </si>
  <si>
    <t>Qasai Da Khoo</t>
  </si>
  <si>
    <t>GGPS QASBA JANUBI</t>
  </si>
  <si>
    <t>Banny Wala</t>
  </si>
  <si>
    <t>banny wala</t>
  </si>
  <si>
    <t>Aemal Abbas</t>
  </si>
  <si>
    <t>GGPS QASBA KHAN PUR</t>
  </si>
  <si>
    <t>village pahor wala ggps qasba khanpur</t>
  </si>
  <si>
    <t>Pahor Wala</t>
  </si>
  <si>
    <t>GGPS QASBA SANI</t>
  </si>
  <si>
    <t>Qasba sani</t>
  </si>
  <si>
    <t>GGPS qasba sani nava kooh shakir wala</t>
  </si>
  <si>
    <t>Robina Faqeer Muhammad</t>
  </si>
  <si>
    <t>GGPS QASIM ABAD</t>
  </si>
  <si>
    <t>ggps qasim abad</t>
  </si>
  <si>
    <t>Shazia Laghari</t>
  </si>
  <si>
    <t>GGPS QASIM KEY MOHAR</t>
  </si>
  <si>
    <t>Qasim Kay Mohar</t>
  </si>
  <si>
    <t>GGPS QASIM KAY MAHAR</t>
  </si>
  <si>
    <t>Qasim Kay Mahar</t>
  </si>
  <si>
    <t>Arooj Aslam</t>
  </si>
  <si>
    <t>GGPS QASIM KHAMBRA</t>
  </si>
  <si>
    <t>Basti qasim khambra dakhkhana chok mahi sdk</t>
  </si>
  <si>
    <t>Qasim Khambra</t>
  </si>
  <si>
    <t>chachran</t>
  </si>
  <si>
    <t>Hafiza Hina Fatima</t>
  </si>
  <si>
    <t>GGPS QASIM KHAN GASHKORI WALA</t>
  </si>
  <si>
    <t>WARA GISHKORI</t>
  </si>
  <si>
    <t>GG PS QASIMKHAN GISHKORI WALA</t>
  </si>
  <si>
    <t>QASIM ABAD</t>
  </si>
  <si>
    <t>KOTLA HAJI SAHA</t>
  </si>
  <si>
    <t>Khadija Begum</t>
  </si>
  <si>
    <t>GGPS QASIM MEHAR</t>
  </si>
  <si>
    <t>Goth Dargha</t>
  </si>
  <si>
    <t>GGPS Qasim Mehar Moza Goth Darghai</t>
  </si>
  <si>
    <t>Qasim Mehar</t>
  </si>
  <si>
    <t>Tanzeela Javaid</t>
  </si>
  <si>
    <t>GGPS QASIM NAICH</t>
  </si>
  <si>
    <t>Dhary Owt</t>
  </si>
  <si>
    <t>basti Qasim naich</t>
  </si>
  <si>
    <t>Qasim Naich</t>
  </si>
  <si>
    <t>Katiche M Khan</t>
  </si>
  <si>
    <t>Salma Naaz</t>
  </si>
  <si>
    <t>GGPS QASIM PUR MULTAN</t>
  </si>
  <si>
    <t>Ravi</t>
  </si>
  <si>
    <t>GGPS Qasimpur Colony Multan</t>
  </si>
  <si>
    <t>Qasimpur Colony Multan</t>
  </si>
  <si>
    <t>QASIM PUR</t>
  </si>
  <si>
    <t>GGPS QASIM ROAD NO 2 SAMUNDRI</t>
  </si>
  <si>
    <t>Housing Colony No1</t>
  </si>
  <si>
    <t>Housing colony no.1 SMD</t>
  </si>
  <si>
    <t>Zarina Naz</t>
  </si>
  <si>
    <t>GGPS QASIM ROAD NO. 1 SAMUNDRI</t>
  </si>
  <si>
    <t>Samundri city</t>
  </si>
  <si>
    <t>Qasim Road  samundri</t>
  </si>
  <si>
    <t>Adeela Shahid</t>
  </si>
  <si>
    <t>GGPS QASMAANI NO.1</t>
  </si>
  <si>
    <t>Qasmani</t>
  </si>
  <si>
    <t>Basti ghulam sabir mouza Qasmani</t>
  </si>
  <si>
    <t>Qasmani No1</t>
  </si>
  <si>
    <t>GGPS QAYYUM ABAD</t>
  </si>
  <si>
    <t>basti seho singh shaher sultan</t>
  </si>
  <si>
    <t>Seho Singh</t>
  </si>
  <si>
    <t>Bilqees Sadiq</t>
  </si>
  <si>
    <t>GGPS QAYYUM WALA JALALPUR PIRWALA</t>
  </si>
  <si>
    <t>basti  hakim  wala  moza  sabra</t>
  </si>
  <si>
    <t>Hakim   Wala</t>
  </si>
  <si>
    <t>Kanhoon  Shumali</t>
  </si>
  <si>
    <t>Safia Sharif</t>
  </si>
  <si>
    <t>GGPS QAZI ABAD</t>
  </si>
  <si>
    <t>Qazi Abad</t>
  </si>
  <si>
    <t>sadaf nawaz</t>
  </si>
  <si>
    <t>GGPS QAZI ABADUR REHMAN</t>
  </si>
  <si>
    <t>Qazi Abdul Rehman</t>
  </si>
  <si>
    <t>Ggps basti Qazi Abdul Rehman</t>
  </si>
  <si>
    <t>GGPS QAZI BAQAR</t>
  </si>
  <si>
    <t>Qazi Baqir</t>
  </si>
  <si>
    <t>GGPS qazi baqir</t>
  </si>
  <si>
    <t>GGPS QAZI CHAK NO. 199 PB</t>
  </si>
  <si>
    <t>Chak 199/p</t>
  </si>
  <si>
    <t>GGPS qazi Chak no. 199pb tillu road sadiq abad</t>
  </si>
  <si>
    <t>Goth Qazi Chak No 199/pb</t>
  </si>
  <si>
    <t>Chak No. 264/p</t>
  </si>
  <si>
    <t>GGPS QAZI GOTH</t>
  </si>
  <si>
    <t>ggps qazi goth</t>
  </si>
  <si>
    <t>Qazi Goth</t>
  </si>
  <si>
    <t>Yamna Rind</t>
  </si>
  <si>
    <t>GGPS QAZI NOOR MOHAMMAD</t>
  </si>
  <si>
    <t>basti qazi noor muhammad</t>
  </si>
  <si>
    <t>Thull Lallo Wala</t>
  </si>
  <si>
    <t>GGPS QAZI TAHIR SAHEED</t>
  </si>
  <si>
    <t>Qazi Tahir Shaheed</t>
  </si>
  <si>
    <t>basti  ali bux lar bangla nawan kot</t>
  </si>
  <si>
    <t>Basti Ali Bus Lar</t>
  </si>
  <si>
    <t>GGPS QIBLA BANDI</t>
  </si>
  <si>
    <t>GgpsQibla bandi tehsil hazro</t>
  </si>
  <si>
    <t>Qibla bandi</t>
  </si>
  <si>
    <t>GGPS QILA AKWAK SINGH</t>
  </si>
  <si>
    <t>QILA AKWAK SINGH</t>
  </si>
  <si>
    <t>QILA AKWAK SINGH P/O MANANWALA DISTRICT SHEIKHUPURA</t>
  </si>
  <si>
    <t>NAJMA KAUSAR</t>
  </si>
  <si>
    <t>GGPS QILA BALAQA SINGH</t>
  </si>
  <si>
    <t>qila blaqa singhs</t>
  </si>
  <si>
    <t>qila blaqa singhs krk</t>
  </si>
  <si>
    <t>GGPS QILA BALWANT SINGH</t>
  </si>
  <si>
    <t>Qila balwant singh</t>
  </si>
  <si>
    <t>Qilabalwant singh near awan chowk noshera road gujranwala</t>
  </si>
  <si>
    <t>Kalsum Fatima</t>
  </si>
  <si>
    <t>GGPS QILA BHAEIAN</t>
  </si>
  <si>
    <t>Qila Bihian</t>
  </si>
  <si>
    <t>Village Qila Bihian Tehsil noshera virkan Distt Gujranwala</t>
  </si>
  <si>
    <t>NOSHEEN KANWAL</t>
  </si>
  <si>
    <t>GGPS QILA BHATIAN</t>
  </si>
  <si>
    <t>Qila Bhatian</t>
  </si>
  <si>
    <t>Qila bhatian P.O.Tatlay Aali Tehsile Nowshera virkan Gujranwala</t>
  </si>
  <si>
    <t>Safia Abdul Ghani</t>
  </si>
  <si>
    <t>GGPS QILA CHEET SINGH</t>
  </si>
  <si>
    <t>Qila Chait Singh</t>
  </si>
  <si>
    <t>ishfaaq Abad qila Chait singh</t>
  </si>
  <si>
    <t>Shazia Tufail</t>
  </si>
  <si>
    <t>GGPS QILA CHIDHRAN</t>
  </si>
  <si>
    <t>QILA CHIDHRAN</t>
  </si>
  <si>
    <t>SOLANGI KHARAL</t>
  </si>
  <si>
    <t>BUSHRA ABDUL KHALIQ</t>
  </si>
  <si>
    <t>Available</t>
  </si>
  <si>
    <t>GGPS QILA DAR</t>
  </si>
  <si>
    <t>QILADAR</t>
  </si>
  <si>
    <t>GGPS QILADAR</t>
  </si>
  <si>
    <t>GGPS QILA DEEWAN SINGH</t>
  </si>
  <si>
    <t>ggps qila Dewan Singh</t>
  </si>
  <si>
    <t>GGPS QILA DIDAR SING NO.03 (BOTHAN PURA)</t>
  </si>
  <si>
    <t>Bhootan Pura Qila Didar Singh</t>
  </si>
  <si>
    <t>GGPS QILA JAGGO</t>
  </si>
  <si>
    <t>Qila Jaggu</t>
  </si>
  <si>
    <t>ggps qila jaggu noshra virkan Gujranwala</t>
  </si>
  <si>
    <t>GGPS QILA JEWAN SINGH</t>
  </si>
  <si>
    <t>Qilla Jewan Singh</t>
  </si>
  <si>
    <t>P/O khas village qilla jewan Singh</t>
  </si>
  <si>
    <t>Yasmeen Barkat</t>
  </si>
  <si>
    <t>GGPS QILA KANGRAN</t>
  </si>
  <si>
    <t>Qila Kangran</t>
  </si>
  <si>
    <t>Qila kangran</t>
  </si>
  <si>
    <t>GGPS QILA MAJA SINGH</t>
  </si>
  <si>
    <t>Qila Maja Sigh</t>
  </si>
  <si>
    <t>village qila maja singh post office kot ladhaa tehsil Noshera virkan dist Grw</t>
  </si>
  <si>
    <t>Qila Maja Singh</t>
  </si>
  <si>
    <t>Bhirdi Khurd</t>
  </si>
  <si>
    <t>GGPS QILA MALHA SINGH</t>
  </si>
  <si>
    <t>Qila Malha Singh</t>
  </si>
  <si>
    <t>Qila Malha Singh PO Box Botala Sharm Singh</t>
  </si>
  <si>
    <t>Botala Sharm Singh</t>
  </si>
  <si>
    <t>FarzanaSharif</t>
  </si>
  <si>
    <t>GGPS QILA MASEETA</t>
  </si>
  <si>
    <t>Hadokay</t>
  </si>
  <si>
    <t>Urban Muridke</t>
  </si>
  <si>
    <t>GGPS QILA NAGWAR DAKHLI HUJRA</t>
  </si>
  <si>
    <t>Mohalla peer shahb hujra</t>
  </si>
  <si>
    <t>110/2</t>
  </si>
  <si>
    <t>Amina</t>
  </si>
  <si>
    <t>GGPS QILA RAJA SINGH</t>
  </si>
  <si>
    <t>Qila Raja Singh</t>
  </si>
  <si>
    <t>Bathan Wala</t>
  </si>
  <si>
    <t>Qamar U Din</t>
  </si>
  <si>
    <t>GGPS QILA RAM RANG</t>
  </si>
  <si>
    <t>Qila Ram Rang</t>
  </si>
  <si>
    <t>qila ram rang hafizabad</t>
  </si>
  <si>
    <t>Geggey</t>
  </si>
  <si>
    <t>Shumaila Batool</t>
  </si>
  <si>
    <t>GGPS QILA ROOP SINGH</t>
  </si>
  <si>
    <t>Qila Roop Singh</t>
  </si>
  <si>
    <t>po box bucheki village qila roop singh</t>
  </si>
  <si>
    <t>Maryam Aslam</t>
  </si>
  <si>
    <t>GGPS QILA SAHIB SINGH</t>
  </si>
  <si>
    <t>Qila Sahib Singh</t>
  </si>
  <si>
    <t>Qila sahib singh</t>
  </si>
  <si>
    <t>Bhaianwala</t>
  </si>
  <si>
    <t>GGPS QILA SARDAR THAKAR SINGH</t>
  </si>
  <si>
    <t>Qilla Thakar Sing</t>
  </si>
  <si>
    <t>Qilla sardar thakar singh</t>
  </si>
  <si>
    <t>Qilla Thakar Singh</t>
  </si>
  <si>
    <t>Wadala Sandhuwan</t>
  </si>
  <si>
    <t>Munaza Imran</t>
  </si>
  <si>
    <t>GGPS QILA SHABDEV SINGH</t>
  </si>
  <si>
    <t>Qila Shabdev Singh</t>
  </si>
  <si>
    <t>Mananwal</t>
  </si>
  <si>
    <t>GGPS QILA SHER SING</t>
  </si>
  <si>
    <t>Qila Sher Singh</t>
  </si>
  <si>
    <t>Gg ps qila sher singh manga</t>
  </si>
  <si>
    <t>Qila Ser Singh</t>
  </si>
  <si>
    <t>Iffat Tabinda Joya</t>
  </si>
  <si>
    <t>GGPS QILA SURA SING</t>
  </si>
  <si>
    <t>Qilla</t>
  </si>
  <si>
    <t>village Qilla Post Office Tanda District Gujrat</t>
  </si>
  <si>
    <t>GGPS QILA TARAR</t>
  </si>
  <si>
    <t>Qillla Tarrar</t>
  </si>
  <si>
    <t>Qilla Tarrar</t>
  </si>
  <si>
    <t>Manga Otar</t>
  </si>
  <si>
    <t>GGPS QILA WARAICH</t>
  </si>
  <si>
    <t>Qilla Waraich</t>
  </si>
  <si>
    <t>village qilla waraich tehsil shakarghr district narowal</t>
  </si>
  <si>
    <t>Rizwana Firdous</t>
  </si>
  <si>
    <t>GGPS QILA WAZIR SING</t>
  </si>
  <si>
    <t>Qila Wazir Singh</t>
  </si>
  <si>
    <t>village Qila Wazir Singh</t>
  </si>
  <si>
    <t>Chahal kalan</t>
  </si>
  <si>
    <t>Razia Sattar</t>
  </si>
  <si>
    <t>GGPS QILA ZULFIQAR</t>
  </si>
  <si>
    <t>GGPS Qila Zulfiqar</t>
  </si>
  <si>
    <t>Qila Zulfiqar</t>
  </si>
  <si>
    <t>GGPS QILLA DAU KAY</t>
  </si>
  <si>
    <t>Qila Dao Kay</t>
  </si>
  <si>
    <t>Dao Kay Khanyana</t>
  </si>
  <si>
    <t>GGPS QILLA GANJA</t>
  </si>
  <si>
    <t>Qila Ganja</t>
  </si>
  <si>
    <t>Abu Bakar Town Khudian Khas, Kasur</t>
  </si>
  <si>
    <t>GGPS QILLA KOHNIA</t>
  </si>
  <si>
    <t>Qila Kohnia</t>
  </si>
  <si>
    <t>qila kohnia</t>
  </si>
  <si>
    <t>Qila kohnia</t>
  </si>
  <si>
    <t>Noukhar</t>
  </si>
  <si>
    <t>Mamoona Aamra</t>
  </si>
  <si>
    <t>GGPS QILLA NATHA SINGH</t>
  </si>
  <si>
    <t>Qila Natha Singh</t>
  </si>
  <si>
    <t>qila natha singh</t>
  </si>
  <si>
    <t>Sakeena Ashraf</t>
  </si>
  <si>
    <t>GGPS QITTA TEHSIL DAR WALA, ABDUL</t>
  </si>
  <si>
    <t>Qitta tehsildar wala,Abdul hakim</t>
  </si>
  <si>
    <t>GGPS QUAID ABAD CHAKWAL</t>
  </si>
  <si>
    <t>jhangir town</t>
  </si>
  <si>
    <t>Jahangir Town</t>
  </si>
  <si>
    <t>Sobia Khalil</t>
  </si>
  <si>
    <t>GGPS QUAID-E-AZAM MEDICAL COLLEGE BAHAWALPUR</t>
  </si>
  <si>
    <t>Hansran</t>
  </si>
  <si>
    <t>Quaid _E_Azam medical collage colony bwp</t>
  </si>
  <si>
    <t>Medical colony</t>
  </si>
  <si>
    <t>Nusrat Irshad</t>
  </si>
  <si>
    <t>GGPS QUATALI WALA</t>
  </si>
  <si>
    <t>GGPS Quatali Wala Abba Khekl</t>
  </si>
  <si>
    <t>Quatali Wala</t>
  </si>
  <si>
    <t>Riffat Khatoon</t>
  </si>
  <si>
    <t>GGPS QUP QURESHI</t>
  </si>
  <si>
    <t>qup qureshi</t>
  </si>
  <si>
    <t>Ggps Qup Qureshi</t>
  </si>
  <si>
    <t>Saaid Ali</t>
  </si>
  <si>
    <t>GGPS QURASHIAN</t>
  </si>
  <si>
    <t>Jama Mahana</t>
  </si>
  <si>
    <t>GGPS Basti Qurashia LQP</t>
  </si>
  <si>
    <t>Qurshaian</t>
  </si>
  <si>
    <t>GGPS QURBAN LINE</t>
  </si>
  <si>
    <t>Qurban Line</t>
  </si>
  <si>
    <t>Government Girls Primary School Qurban Line</t>
  </si>
  <si>
    <t>Qurban Line Gulberg  2</t>
  </si>
  <si>
    <t>Ruby Parveen</t>
  </si>
  <si>
    <t>GGPS QURESHI MANJOTHA</t>
  </si>
  <si>
    <t>Sanj Israh</t>
  </si>
  <si>
    <t>GGPS Qureshi Manjotha</t>
  </si>
  <si>
    <t>Basti Qureshi</t>
  </si>
  <si>
    <t>GGPS QURESHI WALA NO.2 KEHROR PACCA</t>
  </si>
  <si>
    <t>pahiwala burhanpur kahror pacca</t>
  </si>
  <si>
    <t>Pahiwala</t>
  </si>
  <si>
    <t>Mahvish Nawaz</t>
  </si>
  <si>
    <t>GGPS QUTAB AWAN</t>
  </si>
  <si>
    <t>Qutab Awan</t>
  </si>
  <si>
    <t>qutab awn</t>
  </si>
  <si>
    <t>Pabbar Wala</t>
  </si>
  <si>
    <t>GGPS QUTAB BANDI</t>
  </si>
  <si>
    <t>Qutab Bandi</t>
  </si>
  <si>
    <t>village  qutab bandi tehsil hazro attock</t>
  </si>
  <si>
    <t>Jalaia</t>
  </si>
  <si>
    <t>Faiza Mustafa</t>
  </si>
  <si>
    <t>GGPS QUTAB KHEL</t>
  </si>
  <si>
    <t>Qutab Khel</t>
  </si>
  <si>
    <t>ggps qutab khel tehseel essa khel distt mianwali</t>
  </si>
  <si>
    <t>Tabi Sar</t>
  </si>
  <si>
    <t>NAHEEDA BIBI</t>
  </si>
  <si>
    <t>GGPS QUTAB PUR</t>
  </si>
  <si>
    <t>ggp/s qutab pur</t>
  </si>
  <si>
    <t>GGPS QUTAB PUR SHAM LAT</t>
  </si>
  <si>
    <t>Dhakku Chishti</t>
  </si>
  <si>
    <t>Qutab pur shaam lat waqya dhakku chishti</t>
  </si>
  <si>
    <t>GGPS QUTBAL</t>
  </si>
  <si>
    <t>vpo Qutbal teh fateh jang disst Attock</t>
  </si>
  <si>
    <t>GGPS R.S. BASAL</t>
  </si>
  <si>
    <t>g g p s r basal</t>
  </si>
  <si>
    <t>GGPS RAB NAWAZ PURA</t>
  </si>
  <si>
    <t>Rabnawaz Pura</t>
  </si>
  <si>
    <t>rabnawaz pura</t>
  </si>
  <si>
    <t>Zatoon Akhtar</t>
  </si>
  <si>
    <t>GGPS RABANI WALA</t>
  </si>
  <si>
    <t>Jal Junabi</t>
  </si>
  <si>
    <t>gaps Rabanne wala</t>
  </si>
  <si>
    <t>JalJunabi</t>
  </si>
  <si>
    <t>Doiba</t>
  </si>
  <si>
    <t>GGPS RABOOSAAL</t>
  </si>
  <si>
    <t>Rath Mummer</t>
  </si>
  <si>
    <t>rath mammber post office 110</t>
  </si>
  <si>
    <t>Zaher Abad Shahid</t>
  </si>
  <si>
    <t>GGPS RABRI</t>
  </si>
  <si>
    <t>Adam-sohaba</t>
  </si>
  <si>
    <t>GGPS Basti Rabri</t>
  </si>
  <si>
    <t>Basti slolangi</t>
  </si>
  <si>
    <t>Venus Khazan</t>
  </si>
  <si>
    <t>GGPS RADAHNIAN WALA</t>
  </si>
  <si>
    <t>Radhanianwala</t>
  </si>
  <si>
    <t>Govt. girls primary school Radhanianwala</t>
  </si>
  <si>
    <t>Noureen Shabnam</t>
  </si>
  <si>
    <t>GGPS RADHA NAGAR</t>
  </si>
  <si>
    <t>Radha Nagar</t>
  </si>
  <si>
    <t>Radha nagar</t>
  </si>
  <si>
    <t>GGPS RAEES ALLAH DIWAYA CHACHAR</t>
  </si>
  <si>
    <t>basti Allah dewya chacher</t>
  </si>
  <si>
    <t>Basti  Allah dewya Chacher</t>
  </si>
  <si>
    <t>Galor Masu</t>
  </si>
  <si>
    <t>GGPS RAEES KARAM DIN CHACHAR</t>
  </si>
  <si>
    <t>Bhutta kot</t>
  </si>
  <si>
    <t>GGPS  Raees Karam din chachar</t>
  </si>
  <si>
    <t>Raees  Abdul Aziz Chachar</t>
  </si>
  <si>
    <t>GGPS RAEES NABI BAKHSH</t>
  </si>
  <si>
    <t>basti rais nabi bux</t>
  </si>
  <si>
    <t>basti raees nabi bux</t>
  </si>
  <si>
    <t>GGPS RAEES WAHID BAKHSH</t>
  </si>
  <si>
    <t>Basti Rais Wahid Bukhsh, Mouza Mud Hassan, P.O. Taranda Saway Khan</t>
  </si>
  <si>
    <t>CHAK NO. 100/P</t>
  </si>
  <si>
    <t>Mussarrat Tahira</t>
  </si>
  <si>
    <t>GGPS RAFI ULLAH KHAN</t>
  </si>
  <si>
    <t>Ggps Rafi ullah khan p / o kot samaba</t>
  </si>
  <si>
    <t>Rafi Ullah Khan</t>
  </si>
  <si>
    <t>GGPS RAFIQ ABAD</t>
  </si>
  <si>
    <t>basti ran,mouza mir hazar Khan, tehsil jatoi, district muzaffar garh</t>
  </si>
  <si>
    <t>GGPS RAFIQ KOT</t>
  </si>
  <si>
    <t>GGPS Rafiq kot village Muhammad pur syedian</t>
  </si>
  <si>
    <t>Muhammad pur syedian</t>
  </si>
  <si>
    <t>GGPS RAFIQUI ROAD Shorkot Cannt</t>
  </si>
  <si>
    <t>ggps rafiqui road cantt</t>
  </si>
  <si>
    <t>GGPS RAG NATH PURA</t>
  </si>
  <si>
    <t>Ladhy Wala Gorays</t>
  </si>
  <si>
    <t>hari pur, Eminabad , district gujranwala</t>
  </si>
  <si>
    <t>Musarrat Batool Rizvi</t>
  </si>
  <si>
    <t>GGPS RAHAT ABAD</t>
  </si>
  <si>
    <t>aloody wali</t>
  </si>
  <si>
    <t>ggpsrahataabad</t>
  </si>
  <si>
    <t>bste bhtian</t>
  </si>
  <si>
    <t>humaira maqbool</t>
  </si>
  <si>
    <t>GGPS RAHIM ABAD CHAK NO. 524/TDA</t>
  </si>
  <si>
    <t>524tda</t>
  </si>
  <si>
    <t>chak no 524 tda noorshah</t>
  </si>
  <si>
    <t>Chak no 524 tda</t>
  </si>
  <si>
    <t>Norshah</t>
  </si>
  <si>
    <t>Shehla Kanwal</t>
  </si>
  <si>
    <t>GGPS RAHIM BAKHSH WALI</t>
  </si>
  <si>
    <t>Shah Saddar Din</t>
  </si>
  <si>
    <t>patti sultan shah saddar din</t>
  </si>
  <si>
    <t>Patti Sultan</t>
  </si>
  <si>
    <t>Aasma Siddique</t>
  </si>
  <si>
    <t>GGPS RAHIM BUKHSH CHANNAR</t>
  </si>
  <si>
    <t>Paloli</t>
  </si>
  <si>
    <t>basti Rahim Bukhsh,paloli</t>
  </si>
  <si>
    <t>Nadira Ibrar</t>
  </si>
  <si>
    <t>GGPS RAHIM KOT</t>
  </si>
  <si>
    <t>Rahim Kot</t>
  </si>
  <si>
    <t>Bhole Wala</t>
  </si>
  <si>
    <t>GGPS RAHIM SHAH, JAHANIAN</t>
  </si>
  <si>
    <t>Rahim shah</t>
  </si>
  <si>
    <t>basti rahim shah</t>
  </si>
  <si>
    <t>Ummas Nadeem</t>
  </si>
  <si>
    <t>GGPS RAHIM TOWN</t>
  </si>
  <si>
    <t>Rahim Town</t>
  </si>
  <si>
    <t>Rahim town street no 7</t>
  </si>
  <si>
    <t>Rahim town</t>
  </si>
  <si>
    <t>Shufqat Parveen</t>
  </si>
  <si>
    <t>GGPS RAHMAN PURA</t>
  </si>
  <si>
    <t>Government Girls Primary School Rehman Pura Sargodha</t>
  </si>
  <si>
    <t>MC corporation</t>
  </si>
  <si>
    <t>GGPS RAHMAT COLONY SILLANWALI</t>
  </si>
  <si>
    <t>Rehmat colony sillanwali</t>
  </si>
  <si>
    <t>GGPS RAHMAT PURA</t>
  </si>
  <si>
    <t>Rahmat Pura</t>
  </si>
  <si>
    <t>Samia sultana</t>
  </si>
  <si>
    <t>GGPS RAHMO WALA SHUJABAD</t>
  </si>
  <si>
    <t>GGPS Rahmoo wala. Post Office: Zarif Shaheed</t>
  </si>
  <si>
    <t>Rahmoo wala</t>
  </si>
  <si>
    <t>GGPS RAI PUR</t>
  </si>
  <si>
    <t>Rai-Pur</t>
  </si>
  <si>
    <t>village of rai pur po khan pur saydan pesrur dist sialkot</t>
  </si>
  <si>
    <t>GGPS RAIBA KALAN</t>
  </si>
  <si>
    <t>raiba kalan</t>
  </si>
  <si>
    <t>Shahbaz Akhtat</t>
  </si>
  <si>
    <t>GGPS RAIKA MAIRA</t>
  </si>
  <si>
    <t>Raika maira p.o chak beli khan tehsil Rawalpindi</t>
  </si>
  <si>
    <t>Mrs Waqar Un Nisa</t>
  </si>
  <si>
    <t>GGPS RAILWAY ABADI Cant No. 2</t>
  </si>
  <si>
    <t>ggps railway abadi no 2 shorkot cantt</t>
  </si>
  <si>
    <t>Nargis shaheen</t>
  </si>
  <si>
    <t>GGPS RAILWAY COLONY NO: 2</t>
  </si>
  <si>
    <t>Daulata Abad</t>
  </si>
  <si>
    <t>Usmania Colony near kacha phatak Sher Shah Road Khudadad Colony Multan</t>
  </si>
  <si>
    <t>Khudadad Colony</t>
  </si>
  <si>
    <t>Bhakar R-B</t>
  </si>
  <si>
    <t>GGPS RAILWAY COLONY RAJANPUR</t>
  </si>
  <si>
    <t>RajanPur No1</t>
  </si>
  <si>
    <t>khalil a bad colony aqil pur road rajanpur</t>
  </si>
  <si>
    <t>Rajanpur  No1</t>
  </si>
  <si>
    <t>MC rajanpur</t>
  </si>
  <si>
    <t>Irsa Bashir</t>
  </si>
  <si>
    <t>GGPS RAILWAY COLONY WAZIRABAD</t>
  </si>
  <si>
    <t>Railway colony waziabad</t>
  </si>
  <si>
    <t>Railway Colony WZD</t>
  </si>
  <si>
    <t>Shafqat-u-Nisa</t>
  </si>
  <si>
    <t>GGPS RAILWAY STATION DINGA</t>
  </si>
  <si>
    <t>GGPS Railway station dinga</t>
  </si>
  <si>
    <t>Dinga-1</t>
  </si>
  <si>
    <t>Maryam Jameela</t>
  </si>
  <si>
    <t>GGPS RAILWAY STATION ISA KHEL</t>
  </si>
  <si>
    <t>isakhel</t>
  </si>
  <si>
    <t>tehsil colony near court isakhel district mianwali</t>
  </si>
  <si>
    <t>Tahira parveen</t>
  </si>
  <si>
    <t>GGPS RAILWAY STATION NO 2 KAROR</t>
  </si>
  <si>
    <t>karor city ward no 6 near railway station</t>
  </si>
  <si>
    <t>ruqia bano</t>
  </si>
  <si>
    <t>GGPS RAILWAY STATION NOTHIEN</t>
  </si>
  <si>
    <t>nothein Station</t>
  </si>
  <si>
    <t>Nothein Station</t>
  </si>
  <si>
    <t>Asifa Yasmeen</t>
  </si>
  <si>
    <t>GGPS RAILWAY STATION QUAIDABAD</t>
  </si>
  <si>
    <t>railway station quaidabad</t>
  </si>
  <si>
    <t>Zubaida Iqbal</t>
  </si>
  <si>
    <t>GGPS RAILWAY STATION SHUJABAD</t>
  </si>
  <si>
    <t>Gajuhatta</t>
  </si>
  <si>
    <t>near railway station shujabad</t>
  </si>
  <si>
    <t>GGPS RAIS ALLAH DITTA</t>
  </si>
  <si>
    <t>Choudary</t>
  </si>
  <si>
    <t>ggp/s rais Allah ditta</t>
  </si>
  <si>
    <t>Basti Rais Allah Ditta</t>
  </si>
  <si>
    <t>Mdaha</t>
  </si>
  <si>
    <t>GGPS RAIS KHAMISA</t>
  </si>
  <si>
    <t>basti rais khamisa marri Allah  bachya</t>
  </si>
  <si>
    <t>Basti Rais Khamisa</t>
  </si>
  <si>
    <t>Jabeen Akhtar</t>
  </si>
  <si>
    <t>GGPS RAIS PEER BUX</t>
  </si>
  <si>
    <t>govt girls primary school rais peer buksh</t>
  </si>
  <si>
    <t>Rais Peer Buksh</t>
  </si>
  <si>
    <t>Rukhsana Jhan Zaib</t>
  </si>
  <si>
    <t>GGPS RAJ KOT</t>
  </si>
  <si>
    <t>Rajkot</t>
  </si>
  <si>
    <t>main bazar rajkot gujranwala</t>
  </si>
  <si>
    <t>Samina Sharif</t>
  </si>
  <si>
    <t>GGPS RAJA</t>
  </si>
  <si>
    <t>Raja</t>
  </si>
  <si>
    <t>p.o Sadhoke Teh.Kamoke Grw</t>
  </si>
  <si>
    <t>Asifa Mohsan</t>
  </si>
  <si>
    <t>GGPS RAJA BULLA</t>
  </si>
  <si>
    <t>Raja bhulla</t>
  </si>
  <si>
    <t>Raja BHULLA</t>
  </si>
  <si>
    <t>Asmat Tahira</t>
  </si>
  <si>
    <t>GGPS RAJA PUR</t>
  </si>
  <si>
    <t>RajaPur</t>
  </si>
  <si>
    <t>muhalla balocha wala raja pur sharqia post office danwra lodhran</t>
  </si>
  <si>
    <t>Nafeesa</t>
  </si>
  <si>
    <t>GGPS RAJAB</t>
  </si>
  <si>
    <t>Rajab</t>
  </si>
  <si>
    <t>RAJAB p/o Syedwala Markaz Syedwala Distt. Nankana Sahib</t>
  </si>
  <si>
    <t>GGPS RAJADAY WALI</t>
  </si>
  <si>
    <t>Rajadewali</t>
  </si>
  <si>
    <t>PO Rajadewali tehsil pasrur district sialkot</t>
  </si>
  <si>
    <t>GGPS RAJANPUR NO. 1</t>
  </si>
  <si>
    <t>Ggps No.1 near Sadar bazzar Rajanpur</t>
  </si>
  <si>
    <t>municipal comitte</t>
  </si>
  <si>
    <t>GGPS RAJANPUR NO. 4</t>
  </si>
  <si>
    <t>GGPS.4 Rajanpur, Rajanpur darra Machi wala</t>
  </si>
  <si>
    <t>Nahida Rahat</t>
  </si>
  <si>
    <t>GGPS RAJAR KALAN</t>
  </si>
  <si>
    <t>govt  girls primary  school rajar kalan . tehsil Sarai  Alamgir.</t>
  </si>
  <si>
    <t>Rajar  Kalan</t>
  </si>
  <si>
    <t>Rajar  Kalan Sarai  Alamgir</t>
  </si>
  <si>
    <t>Aneela Iqbal</t>
  </si>
  <si>
    <t>GGPS RAJDAHNI</t>
  </si>
  <si>
    <t>Village RAJDHANI P.O Banahil</t>
  </si>
  <si>
    <t>RAJDHANI</t>
  </si>
  <si>
    <t>Mariam Fiza</t>
  </si>
  <si>
    <t>GGPS RAJEY WALI</t>
  </si>
  <si>
    <t>Rajay Wali tehsil taunsa district d g khan</t>
  </si>
  <si>
    <t>Rajay Wali</t>
  </si>
  <si>
    <t>Bushra Sarwat</t>
  </si>
  <si>
    <t>GGPS RAJIAN</t>
  </si>
  <si>
    <t>rajian</t>
  </si>
  <si>
    <t>Kapurpur</t>
  </si>
  <si>
    <t>Zahida Hina</t>
  </si>
  <si>
    <t>GGPS RAJIAN ARAIAN</t>
  </si>
  <si>
    <t>Moman pura</t>
  </si>
  <si>
    <t>Rajian Araian</t>
  </si>
  <si>
    <t>Riffat Akbar</t>
  </si>
  <si>
    <t>GGPS RAJMIR WALA PO WAPDA COLONY</t>
  </si>
  <si>
    <t>ggps rajmirwala khanqah sirajia p/o WAPDA colony chashma berrage</t>
  </si>
  <si>
    <t>LUBNA AFZAL</t>
  </si>
  <si>
    <t>GGPS RAJO WAL NAU</t>
  </si>
  <si>
    <t>Rajo Wal Nou</t>
  </si>
  <si>
    <t>Rajo wal nou</t>
  </si>
  <si>
    <t>Rajo Wal nou</t>
  </si>
  <si>
    <t>GGPS RAJU MARL</t>
  </si>
  <si>
    <t>Rajumarl</t>
  </si>
  <si>
    <t>Rajumarl p/o chahoor Tehsil zafarwal District narowal</t>
  </si>
  <si>
    <t>FARIDA KOUSAR</t>
  </si>
  <si>
    <t>GGPS RAKAN PUR</t>
  </si>
  <si>
    <t>moza rukan pur basti ghreeban abad</t>
  </si>
  <si>
    <t>Ghareeban Abad</t>
  </si>
  <si>
    <t>Kamal Pur Jetial</t>
  </si>
  <si>
    <t>GGPS RAKH AARBI P/O CHAH DEWAN WALA  JALALABAD</t>
  </si>
  <si>
    <t>chah dewan wala P/O jalalabad shumali multan</t>
  </si>
  <si>
    <t>Umme Ammara</t>
  </si>
  <si>
    <t>GGPS RAKH BAKHINTH</t>
  </si>
  <si>
    <t>Rakh Bakhinth</t>
  </si>
  <si>
    <t>rakh bakhinth</t>
  </si>
  <si>
    <t>GGPS RAKH BALOUCH KHURD</t>
  </si>
  <si>
    <t>Rakh Baloch Khurd</t>
  </si>
  <si>
    <t>Rakh Balouch Khurd</t>
  </si>
  <si>
    <t>Rakh Balouch Kalan</t>
  </si>
  <si>
    <t>Tanzeela javaid</t>
  </si>
  <si>
    <t>GGPS RAKH BHANGOO (De-consolidated April-2016)</t>
  </si>
  <si>
    <t>ggps rakh bhangoo</t>
  </si>
  <si>
    <t>Pindi Abaad Garaan</t>
  </si>
  <si>
    <t>Moza Bhangoo</t>
  </si>
  <si>
    <t>Smina Mumtaz</t>
  </si>
  <si>
    <t>GGPS RAKH BILAND</t>
  </si>
  <si>
    <t>Rakh Biland</t>
  </si>
  <si>
    <t>village rakh biland p/o 28 MB Tehsil Noor Pur Thal District Khushab</t>
  </si>
  <si>
    <t>GGPS RAKH BUTT</t>
  </si>
  <si>
    <t>Rakh Butt</t>
  </si>
  <si>
    <t>Rakh Butt K.R.K kasur</t>
  </si>
  <si>
    <t>Shazia Abdul Rehman</t>
  </si>
  <si>
    <t>GGPS RAKH CHAOONI</t>
  </si>
  <si>
    <t>Kotla Sikhani</t>
  </si>
  <si>
    <t>House 1411 Block 18 Dera Ghazi Khan</t>
  </si>
  <si>
    <t>Dai Wala</t>
  </si>
  <si>
    <t>Haji Gharbi</t>
  </si>
  <si>
    <t>Khadija Batool</t>
  </si>
  <si>
    <t>GGPS RAKH DALA</t>
  </si>
  <si>
    <t>Rakh Dala</t>
  </si>
  <si>
    <t>chk no 1 rakh dala teh darya khan dist bhkr</t>
  </si>
  <si>
    <t>Asma Anwar</t>
  </si>
  <si>
    <t>GGPS RAKH JAMLERA</t>
  </si>
  <si>
    <t>Rakh Jamlera</t>
  </si>
  <si>
    <t>ggps rakh jamlera</t>
  </si>
  <si>
    <t>GGPS RAKH KIRAN WALI</t>
  </si>
  <si>
    <t>Rakh Kiranwali</t>
  </si>
  <si>
    <t>rakh kiranwali more eminabad</t>
  </si>
  <si>
    <t>GGPS RAKH KOTLA</t>
  </si>
  <si>
    <t>mouza rakh kotla tehsil shorkot city</t>
  </si>
  <si>
    <t>Farzana yasmin</t>
  </si>
  <si>
    <t>GGPS RAKH MAKHDOOM VENOI, KHANEWAL</t>
  </si>
  <si>
    <t>g g p /s rahk Muldoon venoi</t>
  </si>
  <si>
    <t>Haq Nawaz Huraj</t>
  </si>
  <si>
    <t>12 Ah</t>
  </si>
  <si>
    <t>Aneela Perveen</t>
  </si>
  <si>
    <t>GGPS RAKH MALIKA HANS</t>
  </si>
  <si>
    <t>Rakh Malka Hans</t>
  </si>
  <si>
    <t>ggps rakh malka hans</t>
  </si>
  <si>
    <t>Chak Sandhy Khan</t>
  </si>
  <si>
    <t>Mahjabeen Aftab</t>
  </si>
  <si>
    <t>GGPS RAKH MELOWAL</t>
  </si>
  <si>
    <t>Rakh Melowal</t>
  </si>
  <si>
    <t>RakhchargahTehsil Bhera</t>
  </si>
  <si>
    <t>Rakh melowal</t>
  </si>
  <si>
    <t>GGPS RAKH MINARA</t>
  </si>
  <si>
    <t>Kurlaky Minara</t>
  </si>
  <si>
    <t>Syeda Naima Naqvi</t>
  </si>
  <si>
    <t>GGPS RAKH MITHA TIWANA CANAL COLONY</t>
  </si>
  <si>
    <t>Govt.Girls.Primary School Rakh Mitha Tiwana Khushab</t>
  </si>
  <si>
    <t>Samina Qasmi</t>
  </si>
  <si>
    <t>GGPS RAKH MOJ GARH NO. 2</t>
  </si>
  <si>
    <t>Rakh Moj  Ghar 2</t>
  </si>
  <si>
    <t>chak no 2/rmg tehsil mankera district bhakkar p /o71ml</t>
  </si>
  <si>
    <t>2/RMG</t>
  </si>
  <si>
    <t>Patibulanda</t>
  </si>
  <si>
    <t>Rehana Ali Shair</t>
  </si>
  <si>
    <t>GGPS RAKH MORE JHANGI</t>
  </si>
  <si>
    <t>basti rakh More jhangi</t>
  </si>
  <si>
    <t>Rakh More Jhangi</t>
  </si>
  <si>
    <t>Zakia Hamid</t>
  </si>
  <si>
    <t>GGPS RAKH NASEER WALA</t>
  </si>
  <si>
    <t>Rakh naseer Wala</t>
  </si>
  <si>
    <t>ggps rakh naseer wala</t>
  </si>
  <si>
    <t>Rakh Naseer Wala</t>
  </si>
  <si>
    <t>GGPS RAKH PAKPATTAN</t>
  </si>
  <si>
    <t>Rakh Pakpattan</t>
  </si>
  <si>
    <t>Rakh pakpattan</t>
  </si>
  <si>
    <t>GGPS RAKH PAR KHUSHAB</t>
  </si>
  <si>
    <t>g g p s rakhpar</t>
  </si>
  <si>
    <t>Rakhpar  Khushab</t>
  </si>
  <si>
    <t>Mc  Khushab</t>
  </si>
  <si>
    <t>GGPS RAKH PATTAL</t>
  </si>
  <si>
    <t>Rakh Pattal</t>
  </si>
  <si>
    <t>Ggps rakh patal kotaddu</t>
  </si>
  <si>
    <t>Rakh pattal</t>
  </si>
  <si>
    <t>Pattal Sharqi</t>
  </si>
  <si>
    <t>GGPS RAKH PINDI JALOL</t>
  </si>
  <si>
    <t>Rakh Pindi Jalol</t>
  </si>
  <si>
    <t>Rakh Pindi jalol p/O Kot hassan khan</t>
  </si>
  <si>
    <t>Rakh PindiJalol</t>
  </si>
  <si>
    <t>GGPS RAKH RAI</t>
  </si>
  <si>
    <t>Govt. Girl's Primary School Rakh Rai Raiwind Road Lahore</t>
  </si>
  <si>
    <t>Rakh Rai</t>
  </si>
  <si>
    <t>GGPS RAKH SHAMAN</t>
  </si>
  <si>
    <t>dera shaman khel</t>
  </si>
  <si>
    <t>Bi Bi Arifa</t>
  </si>
  <si>
    <t>GGPS RAKH SULTAN PURA</t>
  </si>
  <si>
    <t>Jugghian Village Near Jallo More Lhr Wagha Town</t>
  </si>
  <si>
    <t>ggps rakh sultan pura near jllo more batta pur lhr.</t>
  </si>
  <si>
    <t>Jugghian Village</t>
  </si>
  <si>
    <t>Minhalah</t>
  </si>
  <si>
    <t>GGPS RAKH TARAH</t>
  </si>
  <si>
    <t>Terah</t>
  </si>
  <si>
    <t>Village Terah</t>
  </si>
  <si>
    <t>Shahida Islam</t>
  </si>
  <si>
    <t>GGPS RAKH THAL WALI</t>
  </si>
  <si>
    <t>head 26 moza zulfiqarabad p o sultan colony tehsil kot adu district muzafar garh</t>
  </si>
  <si>
    <t>Head 26</t>
  </si>
  <si>
    <t>Huma Batool Rizvi</t>
  </si>
  <si>
    <t>GGPS RAKHWAN</t>
  </si>
  <si>
    <t>rakhwan</t>
  </si>
  <si>
    <t>moza rakhwan tehsil karor district layyah</t>
  </si>
  <si>
    <t>GGPS RAM CHAUTRA, SARAI SIDHU</t>
  </si>
  <si>
    <t>Ram Chotra</t>
  </si>
  <si>
    <t>Ggps ram chotra ada kot islam</t>
  </si>
  <si>
    <t>Bager Sergana</t>
  </si>
  <si>
    <t>GGPS RAM GARH GADAN</t>
  </si>
  <si>
    <t>Ram Garh Guddan</t>
  </si>
  <si>
    <t>GGPs Ram Garh guddan</t>
  </si>
  <si>
    <t>Ram Garh Gadan</t>
  </si>
  <si>
    <t>Farda Iram</t>
  </si>
  <si>
    <t>GGPS RAM KALI NEAR BAHAWALPUR BYPASS</t>
  </si>
  <si>
    <t>Basti Ramkali near Bahawalpur Bypass Multan</t>
  </si>
  <si>
    <t>GGPS RAM KOT</t>
  </si>
  <si>
    <t>Hussain Kot</t>
  </si>
  <si>
    <t>Chak Hussain Kot, Teh. Minchinabad</t>
  </si>
  <si>
    <t>Peerghar Chishti</t>
  </si>
  <si>
    <t>GGPS RAM PUR</t>
  </si>
  <si>
    <t>chak ram pur</t>
  </si>
  <si>
    <t>Dhapae</t>
  </si>
  <si>
    <t>Farida Parveen</t>
  </si>
  <si>
    <t>GGPS RAM REHAN</t>
  </si>
  <si>
    <t>Ramrehan</t>
  </si>
  <si>
    <t>ramrehan po halal pur teh kotmomin dist sargodha</t>
  </si>
  <si>
    <t>GGPS RAMBRA</t>
  </si>
  <si>
    <t>Ggps Rambra</t>
  </si>
  <si>
    <t>village rambra p/o bhatti afghana</t>
  </si>
  <si>
    <t>Rambra</t>
  </si>
  <si>
    <t>Ghorsial</t>
  </si>
  <si>
    <t>Faiza Younas</t>
  </si>
  <si>
    <t>GGPS RAMDIAL</t>
  </si>
  <si>
    <t>Ramdial</t>
  </si>
  <si>
    <t>ramdial</t>
  </si>
  <si>
    <t>Irum Asia</t>
  </si>
  <si>
    <t>GGPS RAMGHAR</t>
  </si>
  <si>
    <t>Ramghar</t>
  </si>
  <si>
    <t>Shagufta Zahid</t>
  </si>
  <si>
    <t>GGPS RAMPUR JADEED NO. 1</t>
  </si>
  <si>
    <t>Rampur1</t>
  </si>
  <si>
    <t>mouza rampur1 tehsil jatoi</t>
  </si>
  <si>
    <t>Sidra Jabeen</t>
  </si>
  <si>
    <t>GGPS RAMZAN JUIYA</t>
  </si>
  <si>
    <t>ramzan joyia</t>
  </si>
  <si>
    <t>Ramzan joyia</t>
  </si>
  <si>
    <t>numberdaran</t>
  </si>
  <si>
    <t>Madiha Hassan</t>
  </si>
  <si>
    <t>GGPS RAMZAN WALA</t>
  </si>
  <si>
    <t>basti kand moza bhubhar kot adu</t>
  </si>
  <si>
    <t>Basti Kand</t>
  </si>
  <si>
    <t>Sumia Sardar</t>
  </si>
  <si>
    <t>GGPS RAMZANI WALA NO.2</t>
  </si>
  <si>
    <t>JaLal Pur Khaki</t>
  </si>
  <si>
    <t>GGPS Ramzni wala #2</t>
  </si>
  <si>
    <t>Jamadar Wala</t>
  </si>
  <si>
    <t>Naveeda Habib</t>
  </si>
  <si>
    <t>GGPS RAN</t>
  </si>
  <si>
    <t>village Raan p/o  kotli loharan teh &amp; dist sialkot</t>
  </si>
  <si>
    <t>GGPS RANA</t>
  </si>
  <si>
    <t>GGPS Rana</t>
  </si>
  <si>
    <t>GGPS RANA BHATTI</t>
  </si>
  <si>
    <t>GGPS Rana bhatti tehsil ferozewala district sheikhupura</t>
  </si>
  <si>
    <t>GGPS RANA COLONY</t>
  </si>
  <si>
    <t>Rana colony</t>
  </si>
  <si>
    <t>Kagniwala</t>
  </si>
  <si>
    <t>Firdous Tahira</t>
  </si>
  <si>
    <t>GGPS RANA WAHIN</t>
  </si>
  <si>
    <t>Dera Habbit</t>
  </si>
  <si>
    <t>moza dera habbit</t>
  </si>
  <si>
    <t>Ahamed Roohani Wala</t>
  </si>
  <si>
    <t>GGPS RANAKAY NAGRA</t>
  </si>
  <si>
    <t>Ranakay Nagra</t>
  </si>
  <si>
    <t>p/o box ranakay nagra tehsil pasrur dist siakot</t>
  </si>
  <si>
    <t>Mrs Musarat Nazir</t>
  </si>
  <si>
    <t>GGPS RANBAZ KHELAN WALA</t>
  </si>
  <si>
    <t>Sultan Wala Sharki</t>
  </si>
  <si>
    <t>ranbazkhela wala</t>
  </si>
  <si>
    <t>Ranbaz Khelan Wala</t>
  </si>
  <si>
    <t>Aba Khel</t>
  </si>
  <si>
    <t>Maqsooda Anwar</t>
  </si>
  <si>
    <t>GGPS RANDHEER</t>
  </si>
  <si>
    <t>GGPS RANDHIR MORE</t>
  </si>
  <si>
    <t>Randhir more</t>
  </si>
  <si>
    <t>v.randheer mor P/o box begowala Tehsil sambrial district sialkot</t>
  </si>
  <si>
    <t>Shahida Naheed</t>
  </si>
  <si>
    <t>GGPS RANDIALI</t>
  </si>
  <si>
    <t>Randialy</t>
  </si>
  <si>
    <t>GGPS Randialy</t>
  </si>
  <si>
    <t>Randiali</t>
  </si>
  <si>
    <t>Sadaf Mushtaq</t>
  </si>
  <si>
    <t>GGPS RANG PUR JANUBI</t>
  </si>
  <si>
    <t>Dera Hibat</t>
  </si>
  <si>
    <t>Mauza der hibat rang pur</t>
  </si>
  <si>
    <t>Dera Haibat</t>
  </si>
  <si>
    <t>GGPS RANG PUR JATTAN</t>
  </si>
  <si>
    <t>Rang Pur Jattan</t>
  </si>
  <si>
    <t>rang pur jattan p/ o chaprar</t>
  </si>
  <si>
    <t>Amna Kalsoom</t>
  </si>
  <si>
    <t>GGPS RANG PUR SHUMALI</t>
  </si>
  <si>
    <t>Rangpur baghoor</t>
  </si>
  <si>
    <t>GGPS RANG PURA NO.2</t>
  </si>
  <si>
    <t>Rang Pura</t>
  </si>
  <si>
    <t>Govt Girls Primary School Rangpura No.2 Sialkot</t>
  </si>
  <si>
    <t>Salma Kanwal</t>
  </si>
  <si>
    <t>GGPS RANGEEL PUR MULTAN</t>
  </si>
  <si>
    <t>Rangeel pur</t>
  </si>
  <si>
    <t>p/o rangeel pur  suraj kund road multan</t>
  </si>
  <si>
    <t>Peer Colony</t>
  </si>
  <si>
    <t>Benish Uruj</t>
  </si>
  <si>
    <t>GGPS RANGEEL PUR, MULTAN ROAD</t>
  </si>
  <si>
    <t>Rangilpur</t>
  </si>
  <si>
    <t>GGPS Rangeelpur Adda Sundar Multan road lahore</t>
  </si>
  <si>
    <t>Rangil Pur</t>
  </si>
  <si>
    <t>Shamki Bhattian</t>
  </si>
  <si>
    <t>GGPS RANGEELA SHAH HASILPUR</t>
  </si>
  <si>
    <t>GGPS Rangeela Shah</t>
  </si>
  <si>
    <t>Hasilpur III</t>
  </si>
  <si>
    <t>Shahida Mukhtar</t>
  </si>
  <si>
    <t>GGPS RANGEELAY WALA</t>
  </si>
  <si>
    <t>Kunal Nashiab</t>
  </si>
  <si>
    <t>GGPS Rangeelay wala</t>
  </si>
  <si>
    <t>Chah Rangeely Wala</t>
  </si>
  <si>
    <t>Fozia Shaeen</t>
  </si>
  <si>
    <t>GGPS RANG-E-PUR LUDHAR</t>
  </si>
  <si>
    <t>Govt girls primary school,Range pur ludher</t>
  </si>
  <si>
    <t>Range Pur Ludher</t>
  </si>
  <si>
    <t>Shughufta Yaseen</t>
  </si>
  <si>
    <t>water pump ,Hand pump</t>
  </si>
  <si>
    <t>GGPS RANGPUR CITY</t>
  </si>
  <si>
    <t>Rungpur baghoor</t>
  </si>
  <si>
    <t>p.o box rÃ ngpur beghoor</t>
  </si>
  <si>
    <t>nusrat jabeen malik</t>
  </si>
  <si>
    <t>GGPS RANGPUR MOCHI WALA</t>
  </si>
  <si>
    <t>Ggps rangpur mochiwala</t>
  </si>
  <si>
    <t>Basti Mehmood Aba Abad</t>
  </si>
  <si>
    <t>Lubna Asghar</t>
  </si>
  <si>
    <t>GGPS RANGRA</t>
  </si>
  <si>
    <t>Muneeba Afzal</t>
  </si>
  <si>
    <t>GGPS RANIAL</t>
  </si>
  <si>
    <t>Tayyaba Gulzar</t>
  </si>
  <si>
    <t>GGPS RANIAN</t>
  </si>
  <si>
    <t>Ranian</t>
  </si>
  <si>
    <t>vil.ranian p.o.sadat pur teh.sari aamgir distt.gurat</t>
  </si>
  <si>
    <t>Bhag Nagr</t>
  </si>
  <si>
    <t>GGPS RANJEET KOT NO 2</t>
  </si>
  <si>
    <t>ranjeet kot</t>
  </si>
  <si>
    <t>GGPS RANJHAI</t>
  </si>
  <si>
    <t>G G P/S RANJHAI Tehsil Daska Distt Sialkot</t>
  </si>
  <si>
    <t>QamerBatool</t>
  </si>
  <si>
    <t>GGPS RANJHAIAN WALA</t>
  </si>
  <si>
    <t>Ranjhianwala</t>
  </si>
  <si>
    <t>Irum Yasmin Malik</t>
  </si>
  <si>
    <t>GGPS RANSI WALA</t>
  </si>
  <si>
    <t>Ransi Wala</t>
  </si>
  <si>
    <t>ransi wala wazirabad</t>
  </si>
  <si>
    <t>GGPS RANSIAL</t>
  </si>
  <si>
    <t>Ransial</t>
  </si>
  <si>
    <t>vpo Ransial tehsil kalar kahar district chakwal</t>
  </si>
  <si>
    <t>Vpo Ransial Tehsil Kalar Kahar District Chakwal</t>
  </si>
  <si>
    <t>ASIA TUFAIL</t>
  </si>
  <si>
    <t>GGPS RANSIWAL</t>
  </si>
  <si>
    <t>village ransinwal,post office narowal,tehsil and distt narowal</t>
  </si>
  <si>
    <t>Muqaddas Begum</t>
  </si>
  <si>
    <t>GGPS RAOKAY</t>
  </si>
  <si>
    <t>Raokay</t>
  </si>
  <si>
    <t>raokay teh,daska. distic sialkot p/o satrah</t>
  </si>
  <si>
    <t>Shakila Said</t>
  </si>
  <si>
    <t>GGPS RAPPAR NO. 2</t>
  </si>
  <si>
    <t>Basti Rappar</t>
  </si>
  <si>
    <t>Nazir Bibi</t>
  </si>
  <si>
    <t>GGPS RAPPAR NO.1</t>
  </si>
  <si>
    <t>rappar muqam wala</t>
  </si>
  <si>
    <t>Muqam Wala</t>
  </si>
  <si>
    <t>Ruquiya Hussain</t>
  </si>
  <si>
    <t>GGPS RAQBA SARKAR</t>
  </si>
  <si>
    <t>Raqba Sarkari</t>
  </si>
  <si>
    <t>basti jhanb raqba sarkari p/o diwala teh&amp;dist muzaffargarh</t>
  </si>
  <si>
    <t>Basti Jhanb</t>
  </si>
  <si>
    <t>Samrana Ghafoor</t>
  </si>
  <si>
    <t>GGPS RARRAY WALA</t>
  </si>
  <si>
    <t>G G P S Rary wala toba road Bagh, jhang sadar</t>
  </si>
  <si>
    <t>Raray Wala</t>
  </si>
  <si>
    <t>salma naheed</t>
  </si>
  <si>
    <t>water pump electric cooler</t>
  </si>
  <si>
    <t>GGPS RARRAY WALA (De-consolidated April-2016)</t>
  </si>
  <si>
    <t>Ggps rarri wala</t>
  </si>
  <si>
    <t>Mehr Abad</t>
  </si>
  <si>
    <t>GGPS RARYALA JAGDEV</t>
  </si>
  <si>
    <t>Raryala Jugdev</t>
  </si>
  <si>
    <t>Government Girls Primary School Raryala Jugdev</t>
  </si>
  <si>
    <t>Samia Shahnaz</t>
  </si>
  <si>
    <t>GGPS RASHEED DHUDDI</t>
  </si>
  <si>
    <t>Behkawala</t>
  </si>
  <si>
    <t>gg ps rashid  dhudi  minchan abad district bahawalnagar</t>
  </si>
  <si>
    <t>Ameer Cot</t>
  </si>
  <si>
    <t>GGPS RASHEED PUR</t>
  </si>
  <si>
    <t>rasheedpur</t>
  </si>
  <si>
    <t>Sofia Zulfiqar Shirazi</t>
  </si>
  <si>
    <t>GGPS RASHEED PURA</t>
  </si>
  <si>
    <t>rasheed pura</t>
  </si>
  <si>
    <t>Shakar</t>
  </si>
  <si>
    <t>SHUMAILA FALAK</t>
  </si>
  <si>
    <t>GGPS RASHID ABAD</t>
  </si>
  <si>
    <t>zafar absd</t>
  </si>
  <si>
    <t>ggps raheed abad uc zafar abad tehsil layaqat pur dist rahim yar khan</t>
  </si>
  <si>
    <t>chanjni chowk</t>
  </si>
  <si>
    <t>GGPS RASHID ABAD NO. 3 MOHALLAH RASHID ABAD</t>
  </si>
  <si>
    <t>Basti RasheedAbad</t>
  </si>
  <si>
    <t>Basti Rasheedabad</t>
  </si>
  <si>
    <t>M C Sdk</t>
  </si>
  <si>
    <t>Nasim Sardar</t>
  </si>
  <si>
    <t>GGPS RASHID AULAKH WALA</t>
  </si>
  <si>
    <t>Aloukh Nashib</t>
  </si>
  <si>
    <t>ggps rashid alouakh wala</t>
  </si>
  <si>
    <t>Alokuh Nasib</t>
  </si>
  <si>
    <t>ABIDA ANDLEEB</t>
  </si>
  <si>
    <t>GGPS RASHID CHEEMA</t>
  </si>
  <si>
    <t>Marri Shouq Shah</t>
  </si>
  <si>
    <t>Basti Rasheed Ahmad cheema</t>
  </si>
  <si>
    <t>Rasheed Ahmad Cheema</t>
  </si>
  <si>
    <t>NYLA ZAHEER</t>
  </si>
  <si>
    <t>GGPS RASHID KOT</t>
  </si>
  <si>
    <t>Lalu Kakla</t>
  </si>
  <si>
    <t>ggps rasheed kot minchin abad</t>
  </si>
  <si>
    <t>Rasheed Kot</t>
  </si>
  <si>
    <t>GGPS RASHID MODEL</t>
  </si>
  <si>
    <t>Mian Muhammad Din Colony</t>
  </si>
  <si>
    <t>Street no7 mian muhammad din colony</t>
  </si>
  <si>
    <t>Razia Bashir</t>
  </si>
  <si>
    <t>GGPS RASHTER PUR KHARIAN</t>
  </si>
  <si>
    <t>Rashtar Pur Khary</t>
  </si>
  <si>
    <t>GGPs Rp khary distt nankana</t>
  </si>
  <si>
    <t>Rp Khary</t>
  </si>
  <si>
    <t>Sumeira Akram</t>
  </si>
  <si>
    <t>GGPS RASIKH ABAD</t>
  </si>
  <si>
    <t>Merik Sial</t>
  </si>
  <si>
    <t>rasikhabad colony</t>
  </si>
  <si>
    <t>Rasikhabad</t>
  </si>
  <si>
    <t>Allah Yar Jotta</t>
  </si>
  <si>
    <t>Munazza Sarwar</t>
  </si>
  <si>
    <t>GGPS RASILA KALAN</t>
  </si>
  <si>
    <t>Rasila Kalan</t>
  </si>
  <si>
    <t>vpo rasila kalan p/o domeli teh sohawa distt jhelum</t>
  </si>
  <si>
    <t>Nabila Mukhtar</t>
  </si>
  <si>
    <t>GGPS RASOOL ABAD</t>
  </si>
  <si>
    <t>Rasoolabad</t>
  </si>
  <si>
    <t>Rasoolabad colony</t>
  </si>
  <si>
    <t>GGPS RASOOL BUX DAWNA</t>
  </si>
  <si>
    <t>basti downa</t>
  </si>
  <si>
    <t>GGPS RASOOL NAGAR</t>
  </si>
  <si>
    <t>ggps rasool nagar</t>
  </si>
  <si>
    <t>Fatohi Wala</t>
  </si>
  <si>
    <t>GGPS RASOOL PUR</t>
  </si>
  <si>
    <t>Havailinlal</t>
  </si>
  <si>
    <t>rasool pur</t>
  </si>
  <si>
    <t>Havaili Lal</t>
  </si>
  <si>
    <t>GGPS RASOOL PUR BHANDRAN</t>
  </si>
  <si>
    <t>Rasool Pur Bhindran Bhindran</t>
  </si>
  <si>
    <t>ggps rasool pur bhindran</t>
  </si>
  <si>
    <t>Rasoolpur Bhindran</t>
  </si>
  <si>
    <t>Datay Wall</t>
  </si>
  <si>
    <t>Parveen</t>
  </si>
  <si>
    <t>GGPS RASOOL PUR DHUNDI</t>
  </si>
  <si>
    <t>RASOOL PUR DHUNDI</t>
  </si>
  <si>
    <t>GGPS RASOOL PUR DHUNDI RAJAN PUR</t>
  </si>
  <si>
    <t>Farhana Yameen</t>
  </si>
  <si>
    <t>GGPS RASOOL PUR MARI</t>
  </si>
  <si>
    <t>GGPS Rasool Pur Mari</t>
  </si>
  <si>
    <t>GGPS RASOOL PUR NO. 2</t>
  </si>
  <si>
    <t>rasool pur post office</t>
  </si>
  <si>
    <t>GGPS RASOOL PUR P/O JHOK VENCE</t>
  </si>
  <si>
    <t>Basti Rasool Pur</t>
  </si>
  <si>
    <t>Shehla kanwal</t>
  </si>
  <si>
    <t>GGPS RASOOL PURA</t>
  </si>
  <si>
    <t>Ciity</t>
  </si>
  <si>
    <t>Mohallah rasool pura st#3 jinnah road grw</t>
  </si>
  <si>
    <t>GRW-city-17</t>
  </si>
  <si>
    <t>Khalida Anjum</t>
  </si>
  <si>
    <t>GGPS RASOOL PURA SAMBRIAL</t>
  </si>
  <si>
    <t>Rasool pura</t>
  </si>
  <si>
    <t>Rasool pura sambrial</t>
  </si>
  <si>
    <t>mandi sambrial</t>
  </si>
  <si>
    <t>Nadra Ashiq</t>
  </si>
  <si>
    <t>GGPS RASTU JARWAR</t>
  </si>
  <si>
    <t>Shahsaddardin</t>
  </si>
  <si>
    <t>Basti jarwar Shah saddar din</t>
  </si>
  <si>
    <t>GGPS RASUL NAGAR CHAK NO.98 NB</t>
  </si>
  <si>
    <t>ggps 98nb rasool nagar</t>
  </si>
  <si>
    <t>98nb Rasool Nagar</t>
  </si>
  <si>
    <t>Zunaira Iftikhar</t>
  </si>
  <si>
    <t>GGPS RASUL PUR</t>
  </si>
  <si>
    <t>Rasoulpur</t>
  </si>
  <si>
    <t>village rasoulpur post office malka teh kharian dist gujrat</t>
  </si>
  <si>
    <t>GGPS RATA JHATOOL</t>
  </si>
  <si>
    <t>Ratta Jathol</t>
  </si>
  <si>
    <t>po box ratta Jathol</t>
  </si>
  <si>
    <t>Pajoky</t>
  </si>
  <si>
    <t>Shabnam Naseer</t>
  </si>
  <si>
    <t>GGPS RATAN PUR</t>
  </si>
  <si>
    <t>RATAN PUR</t>
  </si>
  <si>
    <t>RATAN PUR, P/ O. KOTNAINA, TEH. SHAKARGARH, DISTT. NAROWAL</t>
  </si>
  <si>
    <t>PHAGWARI</t>
  </si>
  <si>
    <t>GGPS RATAN PURA</t>
  </si>
  <si>
    <t>Rattan Pura</t>
  </si>
  <si>
    <t>rattanpura post office chakk no.44 teh.ferozwala distt sheikhupura</t>
  </si>
  <si>
    <t>Chak No44</t>
  </si>
  <si>
    <t>Nazneen Tahir</t>
  </si>
  <si>
    <t>GGPS RATANY WALA</t>
  </si>
  <si>
    <t>Ratnay Wala</t>
  </si>
  <si>
    <t>Ratnay Wala P/O khudian khas kasur</t>
  </si>
  <si>
    <t>Uzma Rashid</t>
  </si>
  <si>
    <t>GGPS RATH MUMMAR</t>
  </si>
  <si>
    <t>Rath Mammer</t>
  </si>
  <si>
    <t>Basti rathanwali</t>
  </si>
  <si>
    <t>GGPS RATH SAEE</t>
  </si>
  <si>
    <t>Rath Saee</t>
  </si>
  <si>
    <t>mouza rath saee</t>
  </si>
  <si>
    <t>GGPS RATHAL</t>
  </si>
  <si>
    <t>Bunn</t>
  </si>
  <si>
    <t>vill rathal nd post ofc bun teh
 murree dist rawalpindi</t>
  </si>
  <si>
    <t>Rathal</t>
  </si>
  <si>
    <t>Rabida Bibi</t>
  </si>
  <si>
    <t>GGPS RATHIAN</t>
  </si>
  <si>
    <t>village rathian p.o kashmir colony jhelum</t>
  </si>
  <si>
    <t>Sumbla chaman</t>
  </si>
  <si>
    <t>GGPS RATHORI</t>
  </si>
  <si>
    <t>Rathori</t>
  </si>
  <si>
    <t>Faiza Iram</t>
  </si>
  <si>
    <t>GGPS Rati Pind</t>
  </si>
  <si>
    <t>ggps ratti pindi</t>
  </si>
  <si>
    <t>Halrky Pemar</t>
  </si>
  <si>
    <t>Samia Habib</t>
  </si>
  <si>
    <t>GGPS RATI RAM</t>
  </si>
  <si>
    <t>post office mandi sadiq gunj basti ratti ram tehsil minchinabad</t>
  </si>
  <si>
    <t>Shahnaz Tahir</t>
  </si>
  <si>
    <t>GGPS RATIAL</t>
  </si>
  <si>
    <t>Ratiyal</t>
  </si>
  <si>
    <t>village ratiyal</t>
  </si>
  <si>
    <t>Nagina Parveen</t>
  </si>
  <si>
    <t>GGPS RATIAN SYEDAN</t>
  </si>
  <si>
    <t>Ratiyan Syedan</t>
  </si>
  <si>
    <t>Ggps ratiyan syedan  near imam bargah qaser e sakina</t>
  </si>
  <si>
    <t>Syeda Nighat Bano</t>
  </si>
  <si>
    <t>GGPS RATRI</t>
  </si>
  <si>
    <t>G G P S Ratri</t>
  </si>
  <si>
    <t>Lakhi Wall</t>
  </si>
  <si>
    <t>Tehreem Nazir</t>
  </si>
  <si>
    <t>GGPS RATTA DHOTER</t>
  </si>
  <si>
    <t>ratta Dother p o bhirri khurd teh Noshera virkan dist Gujranwala</t>
  </si>
  <si>
    <t>Bhirri Kalan</t>
  </si>
  <si>
    <t>GGPS RATTA GORAYA</t>
  </si>
  <si>
    <t>Ratta Goraya</t>
  </si>
  <si>
    <t>Ratta goraya</t>
  </si>
  <si>
    <t>Boopra Kalan</t>
  </si>
  <si>
    <t>Shumaila Riasat</t>
  </si>
  <si>
    <t>GGPS RATTA KHURD</t>
  </si>
  <si>
    <t>Ratta khurd, Tehsil jhang</t>
  </si>
  <si>
    <t>Ratta khurd</t>
  </si>
  <si>
    <t>Ratta matta</t>
  </si>
  <si>
    <t>Balqees Ramzan</t>
  </si>
  <si>
    <t>GGPS RATTA MOHRA</t>
  </si>
  <si>
    <t>Ratta Mohra</t>
  </si>
  <si>
    <t>Govt.Girls Primary School Ratta  Mohra</t>
  </si>
  <si>
    <t>Aneela Liaqat</t>
  </si>
  <si>
    <t>GGPS RATTAN TALA</t>
  </si>
  <si>
    <t>Rattan tala fazil pur</t>
  </si>
  <si>
    <t>Mc Fazil Pur</t>
  </si>
  <si>
    <t>Fouzia Zafar</t>
  </si>
  <si>
    <t>GGPS RATTAN THAIR</t>
  </si>
  <si>
    <t>RATAN THAIR</t>
  </si>
  <si>
    <t>BASTI RATAN THAIR</t>
  </si>
  <si>
    <t>GGPS RATTAY KAY</t>
  </si>
  <si>
    <t>Rattay Kay</t>
  </si>
  <si>
    <t>Rattay kay post office Haveli lakha</t>
  </si>
  <si>
    <t>GGPS RATTE KA</t>
  </si>
  <si>
    <t>Ratte Ka</t>
  </si>
  <si>
    <t>govt girls primary school ratte ka</t>
  </si>
  <si>
    <t>Nusrat Rasheed</t>
  </si>
  <si>
    <t>GGPS RATTI BAN</t>
  </si>
  <si>
    <t>Rattiban</t>
  </si>
  <si>
    <t>Dhok Rattiban VPO Basal, tehsil jand ,district Attock</t>
  </si>
  <si>
    <t>Water tank</t>
  </si>
  <si>
    <t>GGPS RATTI KIRI</t>
  </si>
  <si>
    <t>vpo dakhnair village ratti kerri tehsil jand district</t>
  </si>
  <si>
    <t>Ratti Kerrih</t>
  </si>
  <si>
    <t>Shazia Karim</t>
  </si>
  <si>
    <t>GGPS RATTIAN KHURD</t>
  </si>
  <si>
    <t>GGPS rattian khurd</t>
  </si>
  <si>
    <t>Rattian Khurd</t>
  </si>
  <si>
    <t>Sadowla Uncha</t>
  </si>
  <si>
    <t>GGPS RATTO CHAK</t>
  </si>
  <si>
    <t>Rattochak</t>
  </si>
  <si>
    <t>GGPs Rattochak</t>
  </si>
  <si>
    <t>Fahimda Begium</t>
  </si>
  <si>
    <t>GGPS RAVI</t>
  </si>
  <si>
    <t>Ravi k.kot</t>
  </si>
  <si>
    <t>GGPS RAVI KHOKHAR</t>
  </si>
  <si>
    <t>Ravikhohar</t>
  </si>
  <si>
    <t>Ggps ravikhokhar</t>
  </si>
  <si>
    <t>Ravikhokhar</t>
  </si>
  <si>
    <t>M Shah</t>
  </si>
  <si>
    <t>GGPS RAWAL BALA</t>
  </si>
  <si>
    <t>Rawal Bala</t>
  </si>
  <si>
    <t>Ggps Rawal bala</t>
  </si>
  <si>
    <t>MANGWAL</t>
  </si>
  <si>
    <t>GGPS RAWAL ZER</t>
  </si>
  <si>
    <t>village rawal zer post office shahpur</t>
  </si>
  <si>
    <t>Rawal Zer</t>
  </si>
  <si>
    <t>GGPS RAWAN</t>
  </si>
  <si>
    <t>Ranwan</t>
  </si>
  <si>
    <t>Basti Khahawar Moza Ranwan</t>
  </si>
  <si>
    <t>Pir Adill</t>
  </si>
  <si>
    <t>GGPS RAWANA</t>
  </si>
  <si>
    <t>Rawana</t>
  </si>
  <si>
    <t>rawana</t>
  </si>
  <si>
    <t>19 Chak</t>
  </si>
  <si>
    <t>Kaniz Kubra</t>
  </si>
  <si>
    <t>GGPS RAWATRA</t>
  </si>
  <si>
    <t>Rawatra</t>
  </si>
  <si>
    <t>Vill-rawatra po-lehri teh-sohawa distt jhelum</t>
  </si>
  <si>
    <t>Samreen Umer</t>
  </si>
  <si>
    <t>GGPS RAYTLI WALA CHAH RATLI WALA SHUJABAD</t>
  </si>
  <si>
    <t>BastiMithu</t>
  </si>
  <si>
    <t>ChahRaitly</t>
  </si>
  <si>
    <t>Raitly Wala</t>
  </si>
  <si>
    <t>Sarwat Fozia</t>
  </si>
  <si>
    <t>GGPS RAZA ABAD</t>
  </si>
  <si>
    <t>Razabad</t>
  </si>
  <si>
    <t>Razabad sangla hill</t>
  </si>
  <si>
    <t>Aqsa Afzal</t>
  </si>
  <si>
    <t>GGPS RAZA ABAD, KHANEWAL</t>
  </si>
  <si>
    <t>168/10r</t>
  </si>
  <si>
    <t>basti raza abad khanewal</t>
  </si>
  <si>
    <t>88/10r</t>
  </si>
  <si>
    <t>Ammarah anwar</t>
  </si>
  <si>
    <t>GGPS RAZI SHAH SHUMALI</t>
  </si>
  <si>
    <t>RAZAI SHAH SHUMAALI</t>
  </si>
  <si>
    <t>RAZAI SHAH SHUMAALI BHAKKAR</t>
  </si>
  <si>
    <t>RAZAI SHAH SHUMALI</t>
  </si>
  <si>
    <t>PEER ASHAAB</t>
  </si>
  <si>
    <t>GGPS RAZIA COLONY</t>
  </si>
  <si>
    <t>Razia Colony</t>
  </si>
  <si>
    <t>razia colony post office pasrur tehsil pasrur district sialkot</t>
  </si>
  <si>
    <t>Musa  pur</t>
  </si>
  <si>
    <t>GGPS RAZZAQ ABAD</t>
  </si>
  <si>
    <t>Tibba Mustaqil Darmiani</t>
  </si>
  <si>
    <t>Ward no. 5 Basti jamali d d panah</t>
  </si>
  <si>
    <t>Basti Jamali</t>
  </si>
  <si>
    <t>GGPS REHAN WALA</t>
  </si>
  <si>
    <t>GGPS Rehanwala</t>
  </si>
  <si>
    <t>Shakila Rafiq</t>
  </si>
  <si>
    <t>GGPS REHANA SAHU</t>
  </si>
  <si>
    <t>Rehana Sahu</t>
  </si>
  <si>
    <t>GGPS Rehana sahu p/o jodh pur tehsil kabirwala distric khanewal</t>
  </si>
  <si>
    <t>saima noor</t>
  </si>
  <si>
    <t>GGPS REHMAN PURA</t>
  </si>
  <si>
    <t>Harbnspura</t>
  </si>
  <si>
    <t>G.G.P/S REHMANPURA</t>
  </si>
  <si>
    <t>Ranipind</t>
  </si>
  <si>
    <t>Shabana Kauser</t>
  </si>
  <si>
    <t>GGPS REHMAN PURA FSD</t>
  </si>
  <si>
    <t>Farwa Saleem</t>
  </si>
  <si>
    <t>GGPS REHMAN PURA PATTOKI</t>
  </si>
  <si>
    <t>purani mandi Pattoki</t>
  </si>
  <si>
    <t>Mc  Pttoki</t>
  </si>
  <si>
    <t>Tahira Yahyau</t>
  </si>
  <si>
    <t>GGPS REHMANI</t>
  </si>
  <si>
    <t>Basti Rahmani</t>
  </si>
  <si>
    <t>basti rahmani</t>
  </si>
  <si>
    <t>Qabool Ftani</t>
  </si>
  <si>
    <t>GGPS REHMANI KAMAL ABAD</t>
  </si>
  <si>
    <t>Kamalabad</t>
  </si>
  <si>
    <t>kamalabad faisalabad</t>
  </si>
  <si>
    <t>Ana Saleem</t>
  </si>
  <si>
    <t>GGPS REHMANIA QABOOLA</t>
  </si>
  <si>
    <t>chak mehndi Khan road Qaboola Teh Arifwala Distt Pakpattan</t>
  </si>
  <si>
    <t>FOZIA HAFEEZ</t>
  </si>
  <si>
    <t>GGPS REHMANIA SADIQABAD</t>
  </si>
  <si>
    <t>Transformer Chowk Sadiqabad Service Road Rawalpindi</t>
  </si>
  <si>
    <t>Dhok Ali Akbar</t>
  </si>
  <si>
    <t>Wapda</t>
  </si>
  <si>
    <t>GGPS REHMAT ABAD</t>
  </si>
  <si>
    <t>mohalla rehmatabad p/o dillewali teh &amp; dist mianwali</t>
  </si>
  <si>
    <t>GGPS REHMAT ABAD CHAK 58 JB</t>
  </si>
  <si>
    <t>chak no  58 jb Rehmatabad</t>
  </si>
  <si>
    <t>58jb Rehmatabad</t>
  </si>
  <si>
    <t>58 Jb Lehal</t>
  </si>
  <si>
    <t>Gulshad Ghafoor</t>
  </si>
  <si>
    <t>GGPS REHMAT ALI DRIGRAH</t>
  </si>
  <si>
    <t>Darigrah</t>
  </si>
  <si>
    <t>Basti Rehmat Ali post office Basti shadi Darigrah Tehsil SDK District RYK</t>
  </si>
  <si>
    <t>Basti Rehmat Ali</t>
  </si>
  <si>
    <t>Umm e Zainab</t>
  </si>
  <si>
    <t>GGPS REHMAT KOT</t>
  </si>
  <si>
    <t>Rehmat kot</t>
  </si>
  <si>
    <t>Zia ud din colony depalpur dist. okara</t>
  </si>
  <si>
    <t>GGPS REHRA</t>
  </si>
  <si>
    <t>Rehra</t>
  </si>
  <si>
    <t>Village Rehra po ghazial teh &amp; distt chakwal</t>
  </si>
  <si>
    <t>MulhalMughlan</t>
  </si>
  <si>
    <t>GGPS REHSIAN</t>
  </si>
  <si>
    <t>Rehsian</t>
  </si>
  <si>
    <t>vill.rehsian p/o kotla arab ali khan teh kharian dist gujrat</t>
  </si>
  <si>
    <t>Attia Noreen</t>
  </si>
  <si>
    <t>GGPS REIKH BAGH WALA NO. 1</t>
  </si>
  <si>
    <t>Rakh Reikh</t>
  </si>
  <si>
    <t>Reikh Bagh Wala</t>
  </si>
  <si>
    <t>Pir Bakhsh Sharqi</t>
  </si>
  <si>
    <t>GGPS REKRA</t>
  </si>
  <si>
    <t>Basti Rekra</t>
  </si>
  <si>
    <t>GGPS RERKA ZAREEN</t>
  </si>
  <si>
    <t>po Rerka Bala village Rerka Zareen</t>
  </si>
  <si>
    <t>Rerka Zareen</t>
  </si>
  <si>
    <t>Rerka bala</t>
  </si>
  <si>
    <t>Sumaira Muzammal</t>
  </si>
  <si>
    <t>GGPS REST HOUSE  9 WB</t>
  </si>
  <si>
    <t>9 Wb</t>
  </si>
  <si>
    <t>Ggps rest house purana lari addah vehari</t>
  </si>
  <si>
    <t>9 Wb Purana Lari Addah</t>
  </si>
  <si>
    <t>Rashida Yousaf</t>
  </si>
  <si>
    <t>GGPS RETARA NO 2</t>
  </si>
  <si>
    <t>retra</t>
  </si>
  <si>
    <t>GGPS REVENUE COLONY</t>
  </si>
  <si>
    <t>revenue colony bahawalnagar</t>
  </si>
  <si>
    <t>Revenue Colony</t>
  </si>
  <si>
    <t>GGPS RIAZ ABAD BASTI ILYAS WALA</t>
  </si>
  <si>
    <t>Govt. Girls primary  School Riazabad basti ilyas wala</t>
  </si>
  <si>
    <t>Basti Ilyas Wala</t>
  </si>
  <si>
    <t>Hameeda akhtar</t>
  </si>
  <si>
    <t>GGPS RIAZ ABAD MAMUNKANJAN</t>
  </si>
  <si>
    <t>govt girls primary school RIAZABAD mamukanjan</t>
  </si>
  <si>
    <t>RIAZABAD</t>
  </si>
  <si>
    <t>GGPS RIAZ COLONY BAHAWALPUR</t>
  </si>
  <si>
    <t>Basti Kna</t>
  </si>
  <si>
    <t>Riaz colony</t>
  </si>
  <si>
    <t>Basti Krna</t>
  </si>
  <si>
    <t>GGPS RIAZ COLONY JETHA BHATTA</t>
  </si>
  <si>
    <t>Riaz colony Jetha Bhutta</t>
  </si>
  <si>
    <t>Rubina kosar</t>
  </si>
  <si>
    <t>GGPS RIAZ HUSSAIN SHAH</t>
  </si>
  <si>
    <t>Laal Shah</t>
  </si>
  <si>
    <t>Basti zamin shah post office shedani sharif moza laal shah tehseel liaqat pur</t>
  </si>
  <si>
    <t>Basti Zamin Shah</t>
  </si>
  <si>
    <t>Rashida Bukhari</t>
  </si>
  <si>
    <t>GGPS Riaz Khan Basti Chouhn</t>
  </si>
  <si>
    <t>Basti Riyaz khan chohan no order Jamal pur hasilpur</t>
  </si>
  <si>
    <t>Basti Riyaz Khan Chohan</t>
  </si>
  <si>
    <t>Palla 22</t>
  </si>
  <si>
    <t>saima abbas</t>
  </si>
  <si>
    <t>GGPS RIAZ WALA</t>
  </si>
  <si>
    <t>Thatha Muhammad Shah</t>
  </si>
  <si>
    <t>Riazwala T.M shah teshil Bhowana distt chiniot</t>
  </si>
  <si>
    <t>Riaz Wala</t>
  </si>
  <si>
    <t>GGPS RIMAN NO. 2</t>
  </si>
  <si>
    <t>GGPS Riman No2 p/o kala dera ghazi khan</t>
  </si>
  <si>
    <t>Basti Raiman</t>
  </si>
  <si>
    <t>Marium BiBI</t>
  </si>
  <si>
    <t>GGPS RIMAN NO.1</t>
  </si>
  <si>
    <t>RAMIN</t>
  </si>
  <si>
    <t>basti ramin p/o kala DERA GHAZI KHAN</t>
  </si>
  <si>
    <t>KALA</t>
  </si>
  <si>
    <t>Asma Saddique</t>
  </si>
  <si>
    <t>GGPS RIND BULUCH</t>
  </si>
  <si>
    <t>Kachi Jamali</t>
  </si>
  <si>
    <t>basti Rind baloch khanpur</t>
  </si>
  <si>
    <t>74 D</t>
  </si>
  <si>
    <t>GGPS RIPRI JPP</t>
  </si>
  <si>
    <t>Riprri</t>
  </si>
  <si>
    <t>Basti Ripri Tehsil Jalal pur pir Wala</t>
  </si>
  <si>
    <t>GGPS RODA SINGH NO 2</t>
  </si>
  <si>
    <t>GGPS Roda Singh NO 2</t>
  </si>
  <si>
    <t>GGPS RODA TIBBA</t>
  </si>
  <si>
    <t>Rolhari</t>
  </si>
  <si>
    <t>litra teh tunsa d g khan</t>
  </si>
  <si>
    <t>Roda tibba</t>
  </si>
  <si>
    <t>jameela aslam</t>
  </si>
  <si>
    <t>GGPS RODALA CHEEMA</t>
  </si>
  <si>
    <t>Rodala Cheema</t>
  </si>
  <si>
    <t>rodala cheema p/o.pthanwali wazirabad gujranwala</t>
  </si>
  <si>
    <t>Safwana Akbar</t>
  </si>
  <si>
    <t>GGPS RODDAY USMAN WALA</t>
  </si>
  <si>
    <t>Roday</t>
  </si>
  <si>
    <t>Roday Usmanwala</t>
  </si>
  <si>
    <t>GGPS RODO SHARQI</t>
  </si>
  <si>
    <t>RODO  SHARQI</t>
  </si>
  <si>
    <t>RODO SHARQI</t>
  </si>
  <si>
    <t>FROM DEWAN PETROLEUM TANKER WATER</t>
  </si>
  <si>
    <t>GGPS ROGHAN P/O TABBI SAR</t>
  </si>
  <si>
    <t>Roghan</t>
  </si>
  <si>
    <t>ggps Roghan</t>
  </si>
  <si>
    <t>Shaheen Begum</t>
  </si>
  <si>
    <t>GGPS ROHAILA</t>
  </si>
  <si>
    <t>Rohaila</t>
  </si>
  <si>
    <t>Village Rohaila post office Begowala tehsil sambrial district Sialkot</t>
  </si>
  <si>
    <t>Koppra</t>
  </si>
  <si>
    <t>Azmat Iqbal</t>
  </si>
  <si>
    <t>GGPS ROHAILA EAST</t>
  </si>
  <si>
    <t>Akkaranwalla</t>
  </si>
  <si>
    <t>Noon Dagar</t>
  </si>
  <si>
    <t>Sara Tariq</t>
  </si>
  <si>
    <t>GGPS ROHAY WALA</t>
  </si>
  <si>
    <t>Rohay Wal</t>
  </si>
  <si>
    <t>Rohay wal</t>
  </si>
  <si>
    <t>Tasneem Asghar</t>
  </si>
  <si>
    <t>GGPS ROHRA MAR BHANGOWAN</t>
  </si>
  <si>
    <t>ROHRA</t>
  </si>
  <si>
    <t>Nargis Mushtaq</t>
  </si>
  <si>
    <t>GGPS ROHTI SHERIF</t>
  </si>
  <si>
    <t>Routi Sharif</t>
  </si>
  <si>
    <t>Basti routi sharif p/o jdw tehsil sdk distt. ryk</t>
  </si>
  <si>
    <t>GGPS ROJHAN NO. 3</t>
  </si>
  <si>
    <t>chuck dim</t>
  </si>
  <si>
    <t>govt primery school no 3 Rojhan nisd masjid bahraam khan</t>
  </si>
  <si>
    <t>Anila yasmeen</t>
  </si>
  <si>
    <t>GGPS ROLIWAL</t>
  </si>
  <si>
    <t>Roliwal</t>
  </si>
  <si>
    <t>govt girls primary school roliwal</t>
  </si>
  <si>
    <t>Aroosa Ansar</t>
  </si>
  <si>
    <t>GGPS ROMAL</t>
  </si>
  <si>
    <t>Romal</t>
  </si>
  <si>
    <t>Shaista Firdous</t>
  </si>
  <si>
    <t>GGPS ROMAL SYEDAN</t>
  </si>
  <si>
    <t>Romal Syedan</t>
  </si>
  <si>
    <t>vill Romal syedan p.o kotli loharan teh and distt sialkot</t>
  </si>
  <si>
    <t>GGPS ROOMIAN</t>
  </si>
  <si>
    <t>Roomian</t>
  </si>
  <si>
    <t>village roomian teh /dist Attock</t>
  </si>
  <si>
    <t>Fahmeeda Manzoor</t>
  </si>
  <si>
    <t>GGPS ROORIAN WALA SHUJABAD</t>
  </si>
  <si>
    <t>Basti Roorian wala, near chak sardar Pur shujabad</t>
  </si>
  <si>
    <t>Roorian Wala</t>
  </si>
  <si>
    <t>Riaz Akhter</t>
  </si>
  <si>
    <t>GGPS ROOSAY</t>
  </si>
  <si>
    <t>Rossay</t>
  </si>
  <si>
    <t>rossay</t>
  </si>
  <si>
    <t>maryam nawaz</t>
  </si>
  <si>
    <t>GGPS ROPAIRI</t>
  </si>
  <si>
    <t>Ropairi</t>
  </si>
  <si>
    <t>vill&amp; post office ropairi tehsile kharian district gujrat</t>
  </si>
  <si>
    <t>Robina Imtiaz</t>
  </si>
  <si>
    <t>GGPS RORAY WALA NO.1 SHUJABAD</t>
  </si>
  <si>
    <t>Chah Roray Wala Moza Kotli NIJABAT Vpo Kotli Nijabat Tehsil Shujabad DISTRICT Multan</t>
  </si>
  <si>
    <t>Roray Wala</t>
  </si>
  <si>
    <t>SAJIDA FIRDOUS</t>
  </si>
  <si>
    <t>GGPS RORAY WALA NO.2</t>
  </si>
  <si>
    <t>chaha umer wala kotli nijabt tehsil shujabd district multan</t>
  </si>
  <si>
    <t>Umer Wala</t>
  </si>
  <si>
    <t>Kottli Nijabat</t>
  </si>
  <si>
    <t>GGPS RORI WALA</t>
  </si>
  <si>
    <t>Rori Wala</t>
  </si>
  <si>
    <t>Moza Roriwala Tehsil Minchinabad District Bahawalnagar</t>
  </si>
  <si>
    <t>GGPS ROROAN WALA</t>
  </si>
  <si>
    <t>Roranwala</t>
  </si>
  <si>
    <t>roranwala near akari 11</t>
  </si>
  <si>
    <t>Tahira  Nazir</t>
  </si>
  <si>
    <t>GGPS ROSHA SHAHANI</t>
  </si>
  <si>
    <t>Arazi Yaqoob  Shah</t>
  </si>
  <si>
    <t>ggps rosha shahani arazi yaqoob shah</t>
  </si>
  <si>
    <t>Rosha Shahani</t>
  </si>
  <si>
    <t>GGPS ROSHAN KAY DHEERO KAY</t>
  </si>
  <si>
    <t>Dhero Key</t>
  </si>
  <si>
    <t>thatha Roshan key Dheero kay</t>
  </si>
  <si>
    <t>Roshan Key</t>
  </si>
  <si>
    <t>SHAHZIA IQBAL</t>
  </si>
  <si>
    <t>GGPS ROSHAN KHEL</t>
  </si>
  <si>
    <t>Mohallah roshan khel tehsil and post office isakhel district mianwali</t>
  </si>
  <si>
    <t>GGPS ROSHAN PUR, ABDUL HAKIM</t>
  </si>
  <si>
    <t>Roshan Pur</t>
  </si>
  <si>
    <t>chah khokhar Wala Moza Roshan pur</t>
  </si>
  <si>
    <t>Chah Khokhar Wala</t>
  </si>
  <si>
    <t>Umed Garh</t>
  </si>
  <si>
    <t>GGPS ROSHAN PURA</t>
  </si>
  <si>
    <t>roshanpura. m b din</t>
  </si>
  <si>
    <t>Roshanpura</t>
  </si>
  <si>
    <t>Ward 32</t>
  </si>
  <si>
    <t>Naiyla Ahmed</t>
  </si>
  <si>
    <t>GGPS ROSHAN WALA</t>
  </si>
  <si>
    <t>Roshanwala near waryamwala</t>
  </si>
  <si>
    <t>Roshanwala</t>
  </si>
  <si>
    <t>Tamnna Irshad</t>
  </si>
  <si>
    <t>GGPS ROSSA BHAIL</t>
  </si>
  <si>
    <t>Rossa Bhail</t>
  </si>
  <si>
    <t>Nadia Shoukat</t>
  </si>
  <si>
    <t>GGPS ROTLA, TULAMBA</t>
  </si>
  <si>
    <t>g g  p s rotla dak khana khas basti Rotla Tulumba</t>
  </si>
  <si>
    <t>Anila Sadaf</t>
  </si>
  <si>
    <t>GGPS ROZI KHELAN WALA</t>
  </si>
  <si>
    <t>g.g.p/s rozi khelan wala p/o hathi khan wala</t>
  </si>
  <si>
    <t>Rozi Khelan Wala</t>
  </si>
  <si>
    <t>GGPS RUKAN DIN PUR</t>
  </si>
  <si>
    <t>Rukandinpur</t>
  </si>
  <si>
    <t>rukandinpur</t>
  </si>
  <si>
    <t>Kishwar Bano</t>
  </si>
  <si>
    <t>GGPS RUKAN PUR</t>
  </si>
  <si>
    <t>rukan pur</t>
  </si>
  <si>
    <t>GGPS RUKAN PURA</t>
  </si>
  <si>
    <t>pail Distt khushab</t>
  </si>
  <si>
    <t>GGPS RUKAN PURA CHAK NO. 22</t>
  </si>
  <si>
    <t>Chak No.22 Tehsil Pattoki District Kasur</t>
  </si>
  <si>
    <t>Rukanpura Chak No22</t>
  </si>
  <si>
    <t>GGPS RUKAN WALA</t>
  </si>
  <si>
    <t>Rukanwala</t>
  </si>
  <si>
    <t>basti jharakkal rukanwala</t>
  </si>
  <si>
    <t>Jharakkal</t>
  </si>
  <si>
    <t>Jasso Kawein</t>
  </si>
  <si>
    <t>GGPS RUKH BURJ</t>
  </si>
  <si>
    <t>rukh burj</t>
  </si>
  <si>
    <t>GGPS rukh burj cantt lhr</t>
  </si>
  <si>
    <t>rujh burj</t>
  </si>
  <si>
    <t>bhangali</t>
  </si>
  <si>
    <t>Mahreen Gul</t>
  </si>
  <si>
    <t>GGPS RUKH KALAN</t>
  </si>
  <si>
    <t>Rukh Kalan</t>
  </si>
  <si>
    <t>rukh kalan</t>
  </si>
  <si>
    <t>Attia  Shaheen</t>
  </si>
  <si>
    <t>GGPS RUKH MIR DAD</t>
  </si>
  <si>
    <t>Rukh Mirdad</t>
  </si>
  <si>
    <t>GGPS Rukh Mirdad</t>
  </si>
  <si>
    <t>99 6/R</t>
  </si>
  <si>
    <t>GGPS RUKH PUDRI</t>
  </si>
  <si>
    <t>Rakh Padri</t>
  </si>
  <si>
    <t>Rakh padri Lahore cantt</t>
  </si>
  <si>
    <t>Phangali</t>
  </si>
  <si>
    <t>GGPS RUKH SINGH PURA</t>
  </si>
  <si>
    <t>Rukh Sing Pura</t>
  </si>
  <si>
    <t>Rukh sing Pura, Tehsil Wazirabad, Distt Gujranwala</t>
  </si>
  <si>
    <t>Rukh Sing pura</t>
  </si>
  <si>
    <t>GGPS RUKHDAND</t>
  </si>
  <si>
    <t>Rukhdand</t>
  </si>
  <si>
    <t>GMPS Rukhdand Tehsill kharian District Gujrat</t>
  </si>
  <si>
    <t>SHAHLA YOUNUS</t>
  </si>
  <si>
    <t>GGPS RUKHWAN</t>
  </si>
  <si>
    <t>village Rukhwan PO Makhad Jand Attock</t>
  </si>
  <si>
    <t>AMREEN Bi Bi</t>
  </si>
  <si>
    <t>GGPS RULLAN WALA</t>
  </si>
  <si>
    <t>sultan khel</t>
  </si>
  <si>
    <t>ggps rullan wala sultan khel</t>
  </si>
  <si>
    <t>GGPS RUM</t>
  </si>
  <si>
    <t>Ggps Rum</t>
  </si>
  <si>
    <t>Farzana Ramzan</t>
  </si>
  <si>
    <t>GGPS RUNGAR NANGAL</t>
  </si>
  <si>
    <t>rangar nangal chak no 285 p/o same tehsil safdarabad district sheikhupura</t>
  </si>
  <si>
    <t>Maryam Jamil</t>
  </si>
  <si>
    <t>GGPS RUPEKE</t>
  </si>
  <si>
    <t>Ruppyke</t>
  </si>
  <si>
    <t>ruppyke distirct hafizabad tehsil pindi bhatian post office jalalpur bhatian</t>
  </si>
  <si>
    <t>Solange Kharal</t>
  </si>
  <si>
    <t>Afshan Anjum</t>
  </si>
  <si>
    <t>GGPS RUSTAM COLONY YOUNGSON ABAD</t>
  </si>
  <si>
    <t>Youngson Abad</t>
  </si>
  <si>
    <t>youngson Abad</t>
  </si>
  <si>
    <t>Aasma Shehzadee</t>
  </si>
  <si>
    <t>GGPS RUSTAM HAMID</t>
  </si>
  <si>
    <t>Rustam Hamid</t>
  </si>
  <si>
    <t>chah rustam hamid</t>
  </si>
  <si>
    <t>Chah Rustam Hamid</t>
  </si>
  <si>
    <t>Surrya Kalsum</t>
  </si>
  <si>
    <t>GGPS RUSTAM PUR</t>
  </si>
  <si>
    <t>Rustam Pur</t>
  </si>
  <si>
    <t>GGPS RUSTAM WALA MULTAN</t>
  </si>
  <si>
    <t>Rustam wala</t>
  </si>
  <si>
    <t>GGPS RUSTAM WALA</t>
  </si>
  <si>
    <t>GGPS S-A MODEL BHABHARA</t>
  </si>
  <si>
    <t>Bhabra Gopal Nagar</t>
  </si>
  <si>
    <t>Near Graveyard Bhabra</t>
  </si>
  <si>
    <t>Naseer Abad</t>
  </si>
  <si>
    <t>GGPS SAADAT ABAD</t>
  </si>
  <si>
    <t>Wahi Mirza Bag</t>
  </si>
  <si>
    <t>basti jhndir p/o mandoorain moza wahi mirza bag</t>
  </si>
  <si>
    <t>Basti Jhandir Wala</t>
  </si>
  <si>
    <t>GGPS SAAHAKEEL ABAD</t>
  </si>
  <si>
    <t>Kotla Mudho</t>
  </si>
  <si>
    <t>Basti shakeel Abad</t>
  </si>
  <si>
    <t>Shakeel Abad</t>
  </si>
  <si>
    <t>SHABANA FIAZ</t>
  </si>
  <si>
    <t>GGPS SAALO WAL</t>
  </si>
  <si>
    <t>Salowal</t>
  </si>
  <si>
    <t>village salowal tehsil zafrwal district narowal</t>
  </si>
  <si>
    <t>GGPS SABA ZER</t>
  </si>
  <si>
    <t>Saba Zer</t>
  </si>
  <si>
    <t>village Saba zair p,.o dhuman teh&amp; distt chakwal</t>
  </si>
  <si>
    <t>Mamoona Begum</t>
  </si>
  <si>
    <t>GGPS SABAL PUR</t>
  </si>
  <si>
    <t>Sabalpur</t>
  </si>
  <si>
    <t>ggps sabal pur pasrur sialkot</t>
  </si>
  <si>
    <t>Sabal Pur</t>
  </si>
  <si>
    <t>Zobia Rasheed</t>
  </si>
  <si>
    <t>GGPS SABANA</t>
  </si>
  <si>
    <t>Sabana</t>
  </si>
  <si>
    <t>chak sabana tehsil shaha pur district sargodha</t>
  </si>
  <si>
    <t>Hussain Shaha</t>
  </si>
  <si>
    <t>Aasma Muneer</t>
  </si>
  <si>
    <t>GGPS SABARA NACHA</t>
  </si>
  <si>
    <t>Qabool Shah</t>
  </si>
  <si>
    <t>basti buzdar  kot chutta</t>
  </si>
  <si>
    <t>Ferzana Irshad</t>
  </si>
  <si>
    <t>GGPS SABAZ KOT</t>
  </si>
  <si>
    <t>sabas kot</t>
  </si>
  <si>
    <t>chah nawa jalil wala moza sabaz kot tehsil kehror pakka zila lodhran</t>
  </si>
  <si>
    <t>nawa jalil wala</t>
  </si>
  <si>
    <t>gahi mumar</t>
  </si>
  <si>
    <t>GGPS SABHRAL</t>
  </si>
  <si>
    <t>GGPS Sabhral</t>
  </si>
  <si>
    <t>Afzal Khatoon</t>
  </si>
  <si>
    <t>GGPS SABIR PIA TOWN OKARA</t>
  </si>
  <si>
    <t>Karwan Town</t>
  </si>
  <si>
    <t>GGPS SABIR piya Town OKARA</t>
  </si>
  <si>
    <t>SABIR Piya Town</t>
  </si>
  <si>
    <t>City11</t>
  </si>
  <si>
    <t>Najma Abbas</t>
  </si>
  <si>
    <t>GGPS SABO KHAIL</t>
  </si>
  <si>
    <t>chatry</t>
  </si>
  <si>
    <t>sabokhail</t>
  </si>
  <si>
    <t>sabo khail</t>
  </si>
  <si>
    <t>litra 22</t>
  </si>
  <si>
    <t>GGPS SABO MOHAL</t>
  </si>
  <si>
    <t>sabo mahal</t>
  </si>
  <si>
    <t>vill sabo mahal p/o sorangia teh pasrur dist sialkot</t>
  </si>
  <si>
    <t>Adamke nagra</t>
  </si>
  <si>
    <t>Quratulain Zahid</t>
  </si>
  <si>
    <t>GGPS SABO SANDHA</t>
  </si>
  <si>
    <t>Sabo Sanda</t>
  </si>
  <si>
    <t>sabo sanda Sialkot</t>
  </si>
  <si>
    <t>Langerali</t>
  </si>
  <si>
    <t>Ashraf Bano</t>
  </si>
  <si>
    <t>GGPS SABOKAY</t>
  </si>
  <si>
    <t>Sabokay</t>
  </si>
  <si>
    <t>sabokay</t>
  </si>
  <si>
    <t>Sidra Khalid</t>
  </si>
  <si>
    <t>GGPS SABOO WALI</t>
  </si>
  <si>
    <t>Village Sabu wali P/OFFICE Gali Jagir Teh. Fateh Jang District Attock.</t>
  </si>
  <si>
    <t>Dhok Sabu Wali</t>
  </si>
  <si>
    <t>Saiqa Afzal</t>
  </si>
  <si>
    <t>GGPS SABOOKA</t>
  </si>
  <si>
    <t>Sabooka</t>
  </si>
  <si>
    <t>moza Sabooka</t>
  </si>
  <si>
    <t>Wajiha Atta</t>
  </si>
  <si>
    <t>GGPS SABRA JALALPUR PIRWALA</t>
  </si>
  <si>
    <t>basti moza sabra jppw multan</t>
  </si>
  <si>
    <t>Kanhoo Shumali</t>
  </si>
  <si>
    <t>Abida Yameen</t>
  </si>
  <si>
    <t>GGPS SADAR DIN NO. 3</t>
  </si>
  <si>
    <t>ggps no3 shah sadar din</t>
  </si>
  <si>
    <t>Bakhshan Wala</t>
  </si>
  <si>
    <t>Shams-un-Nisa</t>
  </si>
  <si>
    <t>GGPS SADAT NAGAR</t>
  </si>
  <si>
    <t>Olakh Thaljandi</t>
  </si>
  <si>
    <t>sadat nagar p/o shah pur tehsil karor district layyah</t>
  </si>
  <si>
    <t>sadat nagar</t>
  </si>
  <si>
    <t>samina bibi</t>
  </si>
  <si>
    <t>GGPS SADAVE</t>
  </si>
  <si>
    <t>Sadave</t>
  </si>
  <si>
    <t>thatha mutmallan moza sadeve p/o.muhammadi sharif teh.bhowana distt.chiniot</t>
  </si>
  <si>
    <t>Thatha Mutmallan</t>
  </si>
  <si>
    <t>Sajidah Parveen</t>
  </si>
  <si>
    <t>GGPS SADDAR PURA</t>
  </si>
  <si>
    <t>GGPS SADAR PURA</t>
  </si>
  <si>
    <t>Sadarpura</t>
  </si>
  <si>
    <t>GGPS SADDIQ MOHAMMAD JHANDEER</t>
  </si>
  <si>
    <t>sadiq muhammad jhandeer dab kalah tehsil shorkot distric jhang</t>
  </si>
  <si>
    <t>Qutab Shah</t>
  </si>
  <si>
    <t>Dab Kalah</t>
  </si>
  <si>
    <t>Mehwish</t>
  </si>
  <si>
    <t>GGPS SADDO MALEKA</t>
  </si>
  <si>
    <t>Saddu Maleka</t>
  </si>
  <si>
    <t>saddu maleka ,p kpattan</t>
  </si>
  <si>
    <t>Muse Waal</t>
  </si>
  <si>
    <t>GGPS SADDO WALA</t>
  </si>
  <si>
    <t>Sadowala Newaan</t>
  </si>
  <si>
    <t>GGPS Sadowala Newaan</t>
  </si>
  <si>
    <t>Sadowala Nevan</t>
  </si>
  <si>
    <t>Sadwala Uncha</t>
  </si>
  <si>
    <t>GGPS SADGAL</t>
  </si>
  <si>
    <t>Sadgal</t>
  </si>
  <si>
    <t>village sadgal p/o chak dola tehsil zafrwal district narowal</t>
  </si>
  <si>
    <t>Salma Sharif</t>
  </si>
  <si>
    <t>GGPS SADHA OTAR</t>
  </si>
  <si>
    <t>Sadha Ottar</t>
  </si>
  <si>
    <t>Sadha ottar</t>
  </si>
  <si>
    <t>GGPS SADHANA SAMANDNA</t>
  </si>
  <si>
    <t>Sajhar Basti Sadhana Samanduana A.P.Sial</t>
  </si>
  <si>
    <t>Basti Sadhana</t>
  </si>
  <si>
    <t>GGPS SADHARY</t>
  </si>
  <si>
    <t>Sadhari</t>
  </si>
  <si>
    <t>village p.o sadhari teh &amp; distt gujrat</t>
  </si>
  <si>
    <t>Nazia kosar</t>
  </si>
  <si>
    <t>GGPS SADHOWAL</t>
  </si>
  <si>
    <t>Sadhowal</t>
  </si>
  <si>
    <t>village and post office sadhowal, Tehsil Pind Dadan Khan, district Jhelum</t>
  </si>
  <si>
    <t>GGPS SADHU SULTAN PURA</t>
  </si>
  <si>
    <t>Peer Ghr Chisti</t>
  </si>
  <si>
    <t>sadhu sultan pura moza peer ghr chitii</t>
  </si>
  <si>
    <t>Sadhu Sultan Pura</t>
  </si>
  <si>
    <t>Sumara Chaudhary</t>
  </si>
  <si>
    <t>GGPS SADIQ ABAD DEH</t>
  </si>
  <si>
    <t>G GPS SADIQABAD DEH BASTI WARINDA</t>
  </si>
  <si>
    <t>Basti warinda</t>
  </si>
  <si>
    <t>Wahid Bakhsh Lar</t>
  </si>
  <si>
    <t>Rahella Parveen</t>
  </si>
  <si>
    <t>GGPS SADIQ COLONY BAHAWALPUR</t>
  </si>
  <si>
    <t>GGPS Sadiq Colony,Bahawalpur</t>
  </si>
  <si>
    <t>Syeda Rida Zahra</t>
  </si>
  <si>
    <t>GGPS SADIQ NAGAR</t>
  </si>
  <si>
    <t>G GPS Sadiq nagar Moza Sadiq nager</t>
  </si>
  <si>
    <t>GGPS SADIQ WALAL</t>
  </si>
  <si>
    <t>sadiq wala</t>
  </si>
  <si>
    <t>GGP/S Sadiq Wala</t>
  </si>
  <si>
    <t>sadiqa wala</t>
  </si>
  <si>
    <t>nudrat abid</t>
  </si>
  <si>
    <t>GGPS SADIQABAD</t>
  </si>
  <si>
    <t>Sadiqabad District Narowal</t>
  </si>
  <si>
    <t>Sadiqaabad</t>
  </si>
  <si>
    <t>Sadhowala</t>
  </si>
  <si>
    <t>Naila Iram</t>
  </si>
  <si>
    <t>GGPS SADKANA CHAK NO. 110</t>
  </si>
  <si>
    <t>Sadkana</t>
  </si>
  <si>
    <t>sadkana chak no 110</t>
  </si>
  <si>
    <t>Mar Balochan</t>
  </si>
  <si>
    <t>GGPS SADOKE</t>
  </si>
  <si>
    <t>Faiza Nawaz</t>
  </si>
  <si>
    <t>GGPS SADQAL (AJJUWALA)</t>
  </si>
  <si>
    <t>village Sadqal Tehsil Fateh Jang district Attock</t>
  </si>
  <si>
    <t>GGPS SADRAY</t>
  </si>
  <si>
    <t>Sadray</t>
  </si>
  <si>
    <t>Village sadray 
PO Bhatty kslsn</t>
  </si>
  <si>
    <t>GGPS SADYALI</t>
  </si>
  <si>
    <t>Sadyali</t>
  </si>
  <si>
    <t>vill Sadyali p/o.  Mulhal Mughlan teh. &amp;  distt Chakwal</t>
  </si>
  <si>
    <t>UZMA IMTIAZ</t>
  </si>
  <si>
    <t>GGPS SAEED NIBBAY WALA</t>
  </si>
  <si>
    <t>saeed Nibbay wala</t>
  </si>
  <si>
    <t>Nibbay Wala</t>
  </si>
  <si>
    <t>184 Tda</t>
  </si>
  <si>
    <t>GGPS SAEED SARGANI DO KOT SULTAN</t>
  </si>
  <si>
    <t>Jamrid Thal</t>
  </si>
  <si>
    <t>Mrs Akhter Shaheen</t>
  </si>
  <si>
    <t>GGPS SAEED SUKHERA ABAD</t>
  </si>
  <si>
    <t>Moza bait zaini</t>
  </si>
  <si>
    <t>Ruqia fatima</t>
  </si>
  <si>
    <t>GGPS SAEEDA ABAD</t>
  </si>
  <si>
    <t>saeedabad colony</t>
  </si>
  <si>
    <t>Saeedabad Colony</t>
  </si>
  <si>
    <t>Attia Bashir</t>
  </si>
  <si>
    <t>GGPS SAFEER NAGAR</t>
  </si>
  <si>
    <t>safeer nagar Multan road mailsi</t>
  </si>
  <si>
    <t>Safeer Nagar</t>
  </si>
  <si>
    <t>rabia safeer</t>
  </si>
  <si>
    <t>GGPS SAFIA SAGHEER KARAM ABAD</t>
  </si>
  <si>
    <t>GGPS Safia Sagheer Karmabad</t>
  </si>
  <si>
    <t>GGPS SAGAR KALAN</t>
  </si>
  <si>
    <t>sagar kalan</t>
  </si>
  <si>
    <t>Arfa Anwar</t>
  </si>
  <si>
    <t>GGPS SAGERRAN WALA</t>
  </si>
  <si>
    <t>Nawan saigrranwala Bhakkar</t>
  </si>
  <si>
    <t>Saighranwala</t>
  </si>
  <si>
    <t>Naseem BiBi</t>
  </si>
  <si>
    <t>GGPS SAGGIAN WASAU PURA</t>
  </si>
  <si>
    <t>GGPS Saggian Wasau Pura tehsil city lahore</t>
  </si>
  <si>
    <t>Saggian Wasau Pura</t>
  </si>
  <si>
    <t>Karolwar</t>
  </si>
  <si>
    <t>MUSHTAQ AHMAD QAISAR</t>
  </si>
  <si>
    <t>GGPS SAGHAR NO 2</t>
  </si>
  <si>
    <t>GGPS no.2 saghar  VPO saghar teh talagang distt chakwal</t>
  </si>
  <si>
    <t>GGPS SAGHAR NO 3</t>
  </si>
  <si>
    <t>GGPS no.3 saghar  vpo saghar teh talagang distt chakwal</t>
  </si>
  <si>
    <t>Asma Jabeen</t>
  </si>
  <si>
    <t>GGPS SAGIAN KALAN</t>
  </si>
  <si>
    <t>Saggian Kalan</t>
  </si>
  <si>
    <t>saggian kalan</t>
  </si>
  <si>
    <t>Shakila Maqsood</t>
  </si>
  <si>
    <t>GGPS SAHAN KHURD</t>
  </si>
  <si>
    <t>Sahan Khurd</t>
  </si>
  <si>
    <t>village sahan Khurd P.o Jaggal tehsil  kharian District Gujrat</t>
  </si>
  <si>
    <t>Sana Bobi</t>
  </si>
  <si>
    <t>GGPS SAHANKAY OTAR</t>
  </si>
  <si>
    <t>Sahan Kay Otar</t>
  </si>
  <si>
    <t>sahan kay utarh p/o mohamdi pur</t>
  </si>
  <si>
    <t>Sahan Kay Otarh</t>
  </si>
  <si>
    <t>Muhammdi Pur</t>
  </si>
  <si>
    <t>Uzma Aziz</t>
  </si>
  <si>
    <t>GGPS SAHANPAL SHARIF</t>
  </si>
  <si>
    <t>Sahnpal Sharif</t>
  </si>
  <si>
    <t>v.p.o sahnpal sharif</t>
  </si>
  <si>
    <t>GGPS SAHARAN</t>
  </si>
  <si>
    <t>village saharan p/o saharan</t>
  </si>
  <si>
    <t>Samra Liaqat</t>
  </si>
  <si>
    <t>GGPS SAHBNI WALA</t>
  </si>
  <si>
    <t>Sahbniwala</t>
  </si>
  <si>
    <t>sahbniwala P/O Khai Hithar khudian khas kasur.</t>
  </si>
  <si>
    <t>Rukhsana Tariq</t>
  </si>
  <si>
    <t>GGPS SAHDOKEY</t>
  </si>
  <si>
    <t>Sahdoke</t>
  </si>
  <si>
    <t>Sahdoke Markaz Domala Teh. &amp; Distt.Narowal</t>
  </si>
  <si>
    <t>GGPS SAHDREY</t>
  </si>
  <si>
    <t>Sahdray</t>
  </si>
  <si>
    <t>school sahdray p/o dhamthal teh zafarwal district narowal</t>
  </si>
  <si>
    <t>GGPS SAHIB ALI</t>
  </si>
  <si>
    <t>Sahib Ali</t>
  </si>
  <si>
    <t>tibba sultan pur</t>
  </si>
  <si>
    <t>Sikandar Abaf</t>
  </si>
  <si>
    <t>Azra Jabeen</t>
  </si>
  <si>
    <t>GGPS SAHIB DAMYAL</t>
  </si>
  <si>
    <t>Sahib Dhamial</t>
  </si>
  <si>
    <t>ggps sahib dhamial p.o sagri teh kallar syedan dist rwp</t>
  </si>
  <si>
    <t>Sahib dhamial</t>
  </si>
  <si>
    <t>Huma Khalid</t>
  </si>
  <si>
    <t>GGPS SAHIB KHAN</t>
  </si>
  <si>
    <t>sahib khan p/o bahter tehsil fateh jang distt attock</t>
  </si>
  <si>
    <t>GGPS SAHIB REHAN</t>
  </si>
  <si>
    <t>Sahib Rehan</t>
  </si>
  <si>
    <t>Village Sahib Rehan Teh Daska p/o Sahib Rehan Dist Sialkot</t>
  </si>
  <si>
    <t>Goindkay</t>
  </si>
  <si>
    <t>MEHNAZ</t>
  </si>
  <si>
    <t>GGPS SAHIB WAL</t>
  </si>
  <si>
    <t>GGPS  Sahibwal</t>
  </si>
  <si>
    <t>Nazeem Thaira</t>
  </si>
  <si>
    <t>GGPS SAHIBA WALA NO. 1</t>
  </si>
  <si>
    <t>sahiba wala</t>
  </si>
  <si>
    <t>kot said khan</t>
  </si>
  <si>
    <t>phullan toli</t>
  </si>
  <si>
    <t>Saima Qurban</t>
  </si>
  <si>
    <t>GGPS SAHIBA WALA NO. 2</t>
  </si>
  <si>
    <t>Sahiba Wala</t>
  </si>
  <si>
    <t>moza sahiba wala</t>
  </si>
  <si>
    <t>Phulan Toli</t>
  </si>
  <si>
    <t>Rehana Sarwat</t>
  </si>
  <si>
    <t>GGPS SAHIBLAKHU</t>
  </si>
  <si>
    <t>Sahib Lakhu</t>
  </si>
  <si>
    <t>village sahib lakhu teh&amp; dist gjrat</t>
  </si>
  <si>
    <t>Sofia Munawar</t>
  </si>
  <si>
    <t>GGPS SAHKAY</t>
  </si>
  <si>
    <t>sahke</t>
  </si>
  <si>
    <t>sahke village, P.O Kallah Kalan</t>
  </si>
  <si>
    <t>Fozia Shahzadi</t>
  </si>
  <si>
    <t>GGPS SAHLAN</t>
  </si>
  <si>
    <t>Shalan</t>
  </si>
  <si>
    <t>GGPS Shalan bahawalpur</t>
  </si>
  <si>
    <t>GGPS SAHLOWALY</t>
  </si>
  <si>
    <t>Sehlowali</t>
  </si>
  <si>
    <t>Sehlowali P/O Dudhu Chak Tehsil Zafarwal District Narowal.</t>
  </si>
  <si>
    <t>GGPS SAHN KALAN</t>
  </si>
  <si>
    <t>Sahan Kalan</t>
  </si>
  <si>
    <t>Post office sadwal kalan village sahan Kalan district Gujrat tehsil kharian</t>
  </si>
  <si>
    <t>GGPS SAHNI WAL</t>
  </si>
  <si>
    <t>Sahniwal</t>
  </si>
  <si>
    <t>GGP S Sahniwal</t>
  </si>
  <si>
    <t>Awan kalan</t>
  </si>
  <si>
    <t>GGPS SAHO WALI CHAMRANGAN</t>
  </si>
  <si>
    <t>Sahowali</t>
  </si>
  <si>
    <t>sahowali Chamrangan pasrur road sialkot</t>
  </si>
  <si>
    <t>Sahowali Chamrangan</t>
  </si>
  <si>
    <t>GGPS SAHONTI</t>
  </si>
  <si>
    <t>Sahonti</t>
  </si>
  <si>
    <t>village sahonti p/o kachi mand</t>
  </si>
  <si>
    <t>Anila Sadia</t>
  </si>
  <si>
    <t>GGPS SAHOO</t>
  </si>
  <si>
    <t>Sahoo</t>
  </si>
  <si>
    <t>ggps sahoo district and tehsil chakwal</t>
  </si>
  <si>
    <t>Naeema nosheen maryam</t>
  </si>
  <si>
    <t>GGPS SAHOT BADAL</t>
  </si>
  <si>
    <t>Sahout Badhal</t>
  </si>
  <si>
    <t>GGPS sahout badhal,p.o dhamali,tehsil kallar syedan,district rawalpindi</t>
  </si>
  <si>
    <t>Shahida Sultana</t>
  </si>
  <si>
    <t>GGPS SAHWA</t>
  </si>
  <si>
    <t>Sahwa</t>
  </si>
  <si>
    <t>Moza sahwa</t>
  </si>
  <si>
    <t>116/CR</t>
  </si>
  <si>
    <t>adeela maryam</t>
  </si>
  <si>
    <t>GGPS SAI</t>
  </si>
  <si>
    <t>village and post office sai, teh Kahuta,distt Rawalpindi</t>
  </si>
  <si>
    <t>GGPS SAI KEY</t>
  </si>
  <si>
    <t>GGPS Sai Kay</t>
  </si>
  <si>
    <t>Sai Kay</t>
  </si>
  <si>
    <t>Chak Jhamra</t>
  </si>
  <si>
    <t>GGPS SAI SAHU, ABDUL HAKIM</t>
  </si>
  <si>
    <t>Sai Sahu</t>
  </si>
  <si>
    <t>moza saisahu</t>
  </si>
  <si>
    <t>Said Sahu</t>
  </si>
  <si>
    <t>Nosheen Faiz</t>
  </si>
  <si>
    <t>GGPS SAIB</t>
  </si>
  <si>
    <t>village saib vpo whando ,tehsil kamoke , distt grw</t>
  </si>
  <si>
    <t>Robina Nazir</t>
  </si>
  <si>
    <t>GGPS SAID MUSSA</t>
  </si>
  <si>
    <t>Said Mussa</t>
  </si>
  <si>
    <t>Noor un nisa</t>
  </si>
  <si>
    <t>GGPS SAID SIR AKAN WALI</t>
  </si>
  <si>
    <t>Saidsarakanwali</t>
  </si>
  <si>
    <t>said sar akanwali</t>
  </si>
  <si>
    <t>Said Sair Akan Wali</t>
  </si>
  <si>
    <t>Irshad Kouser</t>
  </si>
  <si>
    <t>GGPS SAIDA GOAL</t>
  </si>
  <si>
    <t>GGPS saida gol,sabarkot lalamusa</t>
  </si>
  <si>
    <t>Sabarkot</t>
  </si>
  <si>
    <t>Mayana Chak</t>
  </si>
  <si>
    <t>Afeera nazir</t>
  </si>
  <si>
    <t>GGPS SAIDAL</t>
  </si>
  <si>
    <t>saidal</t>
  </si>
  <si>
    <t>Moza saidal post office jhawarian Teh.shahpur Dist.sargodha</t>
  </si>
  <si>
    <t>kot bhai khan</t>
  </si>
  <si>
    <t>GGPS SAIDAN SHAH</t>
  </si>
  <si>
    <t>Saidan Shah</t>
  </si>
  <si>
    <t>Mouza Saidan shah</t>
  </si>
  <si>
    <t>Aurang Abad</t>
  </si>
  <si>
    <t>Shahla Hameed</t>
  </si>
  <si>
    <t>GGPS SAIDAN WALA</t>
  </si>
  <si>
    <t>Khasorianwala</t>
  </si>
  <si>
    <t>nawani shahani road khasorianwala</t>
  </si>
  <si>
    <t>Munzza Tahir</t>
  </si>
  <si>
    <t>GGPS SAIDEN</t>
  </si>
  <si>
    <t>Saidan</t>
  </si>
  <si>
    <t>village saiden post office hatian tehsil hazro district attock</t>
  </si>
  <si>
    <t>Bhadur khan</t>
  </si>
  <si>
    <t>zubia shaheen</t>
  </si>
  <si>
    <t>GGPS SAIDPUR</t>
  </si>
  <si>
    <t>village saidpur p/o khanna tehsil skg district narowal</t>
  </si>
  <si>
    <t>SHAHPUR BHANGU</t>
  </si>
  <si>
    <t>Farahat Sultana</t>
  </si>
  <si>
    <t>GGPS SAIDU KHEL</t>
  </si>
  <si>
    <t>Urban Kamar Mushani</t>
  </si>
  <si>
    <t>mohala lohan khel wandha agr khel kammar mushani</t>
  </si>
  <si>
    <t>Kacha Kammar Mushani</t>
  </si>
  <si>
    <t>GGPS SAIDU KHEL SHARQI PO SAMAND WALA</t>
  </si>
  <si>
    <t>Bhurion  Wala</t>
  </si>
  <si>
    <t>ggps saidu khale shurki samand wala</t>
  </si>
  <si>
    <t>Noymah Anjum Hashmi</t>
  </si>
  <si>
    <t>GGPS SAIDY WALI KALAN</t>
  </si>
  <si>
    <t>Saidywali Kalan</t>
  </si>
  <si>
    <t>Village Saidywali Kalan, P/O wayanwali, Teh. Wazirabad, Dist. Gujranwala</t>
  </si>
  <si>
    <t>Razia Cheema</t>
  </si>
  <si>
    <t>GGPS SAIF ABAD</t>
  </si>
  <si>
    <t>ggps saif abad</t>
  </si>
  <si>
    <t>GGPS SAIF ABAD 1 220 RB</t>
  </si>
  <si>
    <t>GGPS Saifabad no 1</t>
  </si>
  <si>
    <t>Saifabad</t>
  </si>
  <si>
    <t>Saifabad No 1</t>
  </si>
  <si>
    <t>Talat Bushra</t>
  </si>
  <si>
    <t>GGPS SAIFULLAH BALOUCH JALALPUR PIRWALA</t>
  </si>
  <si>
    <t>bait kaich saifullah baloch</t>
  </si>
  <si>
    <t>Bait Kaich</t>
  </si>
  <si>
    <t>Bushra Khadim</t>
  </si>
  <si>
    <t>GGPS SAIFULLAH KHAN WALA</t>
  </si>
  <si>
    <t>GGMS SAIFULLAH KHAN WALA</t>
  </si>
  <si>
    <t>TEHMEENA NAZ</t>
  </si>
  <si>
    <t>GGPS SAINT JOSEPH WAH CANTT</t>
  </si>
  <si>
    <t>Wah</t>
  </si>
  <si>
    <t>Near 10areA chowk wah camtt</t>
  </si>
  <si>
    <t>Erum Ismail</t>
  </si>
  <si>
    <t>GGPS SAJAD WALA SHUJABAD DISTT. MULTAN</t>
  </si>
  <si>
    <t>Sajjadwala jalalpur pir wala Road Tehsil Shujabad District Multan</t>
  </si>
  <si>
    <t>Sajjadwala</t>
  </si>
  <si>
    <t>GGPS SAJAWAL ABAD</t>
  </si>
  <si>
    <t>notak sekhani</t>
  </si>
  <si>
    <t>sajawal abad kala dera ghazi khan</t>
  </si>
  <si>
    <t>chah chandy wala</t>
  </si>
  <si>
    <t>Hafeez Bagum</t>
  </si>
  <si>
    <t>GGPS SAJAWAL HERAJ, TULUMBA</t>
  </si>
  <si>
    <t>Sajawal Haraj</t>
  </si>
  <si>
    <t>ggps sajawal haraj tulamba tehsil mian channu district khanewal</t>
  </si>
  <si>
    <t>GGPS SAJHAR</t>
  </si>
  <si>
    <t>mouza sajhar p/o machiwal</t>
  </si>
  <si>
    <t>7/1 Thal</t>
  </si>
  <si>
    <t>Hafiza Bibi</t>
  </si>
  <si>
    <t>GGPS SAJID ABAD KORAI BALOCH, KABIRWALA</t>
  </si>
  <si>
    <t>ggps sajidAbad korai bloch</t>
  </si>
  <si>
    <t>Mongawala</t>
  </si>
  <si>
    <t>Shaheen Akther</t>
  </si>
  <si>
    <t>GGPS SAJRI</t>
  </si>
  <si>
    <t>Sajri</t>
  </si>
  <si>
    <t>village sajri p/o box chack 2DB</t>
  </si>
  <si>
    <t>RUQIA BIBI</t>
  </si>
  <si>
    <t>GGPS SAKA</t>
  </si>
  <si>
    <t>Saka</t>
  </si>
  <si>
    <t>vill&amp;p/o saka distric gujrat teshil kharian</t>
  </si>
  <si>
    <t>Dilawer Pur</t>
  </si>
  <si>
    <t>Maryam Firdous</t>
  </si>
  <si>
    <t>GGPS SAKHI</t>
  </si>
  <si>
    <t>Sakhi</t>
  </si>
  <si>
    <t>village sakhi tehsil pindi bhattian distt hafizabad</t>
  </si>
  <si>
    <t>Mattke</t>
  </si>
  <si>
    <t>Rukhsana Biibi</t>
  </si>
  <si>
    <t>GGPS SAKHI ABDAL 1-A/GD</t>
  </si>
  <si>
    <t>1A/GD Sakhi Abdal</t>
  </si>
  <si>
    <t>ASIFA NAHID</t>
  </si>
  <si>
    <t>GGPS SAKHI SHOUK ELAHI</t>
  </si>
  <si>
    <t>Mardi Shouk Shah</t>
  </si>
  <si>
    <t>mardi shouk shah</t>
  </si>
  <si>
    <t>mardi Shouk Shah</t>
  </si>
  <si>
    <t>Rozina Allia</t>
  </si>
  <si>
    <t>GGPS SAKHI WAR</t>
  </si>
  <si>
    <t>basti sakhi war rahim yar khan</t>
  </si>
  <si>
    <t>Basti Sakhi War</t>
  </si>
  <si>
    <t>Dayh</t>
  </si>
  <si>
    <t>GGPS SAKKER WALA</t>
  </si>
  <si>
    <t>Mutafarriqa</t>
  </si>
  <si>
    <t>Fates pur road alipur</t>
  </si>
  <si>
    <t>Alipur City</t>
  </si>
  <si>
    <t>Khalida Kauser</t>
  </si>
  <si>
    <t>GGPS SAKRANGIAN</t>
  </si>
  <si>
    <t>Sakrangian</t>
  </si>
  <si>
    <t>village sakrangian</t>
  </si>
  <si>
    <t>Fatehpur Afghanan</t>
  </si>
  <si>
    <t>Amreen Chaudhry</t>
  </si>
  <si>
    <t>GGPS SAKROR</t>
  </si>
  <si>
    <t>sakror post office same tehsil zafarwal district narowal</t>
  </si>
  <si>
    <t>GGPS SAL SADAR</t>
  </si>
  <si>
    <t>basti o muza salsadar</t>
  </si>
  <si>
    <t>GGPS SALAB ABAD</t>
  </si>
  <si>
    <t>GGPS Salababad</t>
  </si>
  <si>
    <t>Salababad</t>
  </si>
  <si>
    <t>Nadia Mansoor</t>
  </si>
  <si>
    <t>GGPS SALAH MAHEY</t>
  </si>
  <si>
    <t>Bhuteji</t>
  </si>
  <si>
    <t>G.Gp/s saleh meh bhteji post office gogran .lodhran</t>
  </si>
  <si>
    <t>Saleh Meh</t>
  </si>
  <si>
    <t>Bushra Ishfaq</t>
  </si>
  <si>
    <t>GGPS SALAH PUR</t>
  </si>
  <si>
    <t>salahpur</t>
  </si>
  <si>
    <t>Lubna Perveen</t>
  </si>
  <si>
    <t>GGPS SALAMAT PURA</t>
  </si>
  <si>
    <t>Kuriana</t>
  </si>
  <si>
    <t>10th mile chiniot road basti salamat pura</t>
  </si>
  <si>
    <t>Fouzia Qayyum</t>
  </si>
  <si>
    <t>GGPS SALAMBER</t>
  </si>
  <si>
    <t>Salamber</t>
  </si>
  <si>
    <t>village and p.o salamber tehsil kahuta district Rawalpindi</t>
  </si>
  <si>
    <t>iram shaheen</t>
  </si>
  <si>
    <t>GGPS SALAR JINAH ABADI CHAK NO. 91-NB</t>
  </si>
  <si>
    <t>91nb Jinnah Abadi</t>
  </si>
  <si>
    <t>Chak no 91 NB sgd</t>
  </si>
  <si>
    <t>GGPS SALAR WALA</t>
  </si>
  <si>
    <t>Salar Wala</t>
  </si>
  <si>
    <t>GGPS salar wala</t>
  </si>
  <si>
    <t>Chak 82</t>
  </si>
  <si>
    <t>MUSARRAT NAZIR</t>
  </si>
  <si>
    <t>GGPS SALARAY</t>
  </si>
  <si>
    <t>Moza salaray</t>
  </si>
  <si>
    <t>Government girl primary school salaray</t>
  </si>
  <si>
    <t>Ishrat Nasira</t>
  </si>
  <si>
    <t>GGPS SALEEM KOT</t>
  </si>
  <si>
    <t>Saleem  Kot</t>
  </si>
  <si>
    <t>Saleem Kot</t>
  </si>
  <si>
    <t>Gulnaz Sarwar</t>
  </si>
  <si>
    <t>GGPS SALEH MUHAMMAD SHAH</t>
  </si>
  <si>
    <t>Ahmad Pur Lama</t>
  </si>
  <si>
    <t>bilal colony FFC chowk</t>
  </si>
  <si>
    <t>Saeeda Ghulam Rasool</t>
  </si>
  <si>
    <t>GGPS SALEH PUR</t>
  </si>
  <si>
    <t>village salah pur tehsil kamoki dist gujranawala</t>
  </si>
  <si>
    <t>Salah Pur</t>
  </si>
  <si>
    <t>Rukhsana Shareef</t>
  </si>
  <si>
    <t>GGPS SALHAL</t>
  </si>
  <si>
    <t>Salhal</t>
  </si>
  <si>
    <t>G.G.P.S.Salhal</t>
  </si>
  <si>
    <t>Mehwish Mazhar</t>
  </si>
  <si>
    <t>From neighbours</t>
  </si>
  <si>
    <t>GGPS SALHO NOREKA</t>
  </si>
  <si>
    <t>Salho Nore Ka</t>
  </si>
  <si>
    <t>SALHO NOREKA</t>
  </si>
  <si>
    <t>BHONE MUNZABTA</t>
  </si>
  <si>
    <t>GGPS SALHOO WALA</t>
  </si>
  <si>
    <t>ghalwan 2</t>
  </si>
  <si>
    <t>GGPS Salhoo Wala</t>
  </si>
  <si>
    <t>Salhoo wala</t>
  </si>
  <si>
    <t>ghalwan2</t>
  </si>
  <si>
    <t>shaista perveen</t>
  </si>
  <si>
    <t>GGPS SALMAN KHAN LANGA</t>
  </si>
  <si>
    <t>moosa nagar</t>
  </si>
  <si>
    <t>Mosa Nagar</t>
  </si>
  <si>
    <t>GGPS SALOONI</t>
  </si>
  <si>
    <t>Pahian</t>
  </si>
  <si>
    <t>Saloni P/O Lehtrar Teh Kotli Sattian</t>
  </si>
  <si>
    <t>Saloni</t>
  </si>
  <si>
    <t>Rizwana kousar</t>
  </si>
  <si>
    <t>GGPS SALOTRIAN WALA</t>
  </si>
  <si>
    <t>GGPS salotrian wala</t>
  </si>
  <si>
    <t>Salotrian Wala</t>
  </si>
  <si>
    <t>GGPS SAMAHAL</t>
  </si>
  <si>
    <t>SAMAHAL</t>
  </si>
  <si>
    <t>village Samhall, P/O Padri, Tehsil Sohawa, District Jhelum</t>
  </si>
  <si>
    <t>Zaib UN Nisa</t>
  </si>
  <si>
    <t>GGPS SAMAL KHEL</t>
  </si>
  <si>
    <t>GGPS Samal Khel Daud khel</t>
  </si>
  <si>
    <t>GGPS SAMAN ABAD</t>
  </si>
  <si>
    <t>Saman Abad</t>
  </si>
  <si>
    <t>GGPS Samanabad</t>
  </si>
  <si>
    <t>SHAZIA AZIZ</t>
  </si>
  <si>
    <t>GGPS SAMAN PINDI</t>
  </si>
  <si>
    <t>Saman Pindi</t>
  </si>
  <si>
    <t>saman pindi</t>
  </si>
  <si>
    <t>Attiqa Ishaq</t>
  </si>
  <si>
    <t>water containers</t>
  </si>
  <si>
    <t>GGPS SAMAN WAL</t>
  </si>
  <si>
    <t>Samanwal</t>
  </si>
  <si>
    <t>V&amp;PO Samanwal tehsil Pind Dadan Khan District Jhelum</t>
  </si>
  <si>
    <t>GGPS SAMANDARI</t>
  </si>
  <si>
    <t>Mansaram Khas</t>
  </si>
  <si>
    <t>GGPS samandari Wala mouza  mansaram khas</t>
  </si>
  <si>
    <t>Basti Smandari</t>
  </si>
  <si>
    <t>Zeest Rubab</t>
  </si>
  <si>
    <t>GGPS SAMANDI WALA</t>
  </si>
  <si>
    <t>samandiwala p/o ghundi district mianwali</t>
  </si>
  <si>
    <t>Samandiwala</t>
  </si>
  <si>
    <t>GGPS SAMBLA KHURD</t>
  </si>
  <si>
    <t>SAMBLA KHURD</t>
  </si>
  <si>
    <t>VILLAGE SAMBLA KHURD TEHSIL KAMOKE DIST GUJRANWALA</t>
  </si>
  <si>
    <t>Aqsa  Rashid</t>
  </si>
  <si>
    <t>GGPS SAMBLAH</t>
  </si>
  <si>
    <t>GGPS Samblah,moza sung  dokh samblah p/o khas  tehsil kahuta district rawalpindi</t>
  </si>
  <si>
    <t>Samblah</t>
  </si>
  <si>
    <t>Faiza Shaheen</t>
  </si>
  <si>
    <t>GGPS SAMINA NO. 2</t>
  </si>
  <si>
    <t>GGPS samina No.2 samina sharqi</t>
  </si>
  <si>
    <t>GGPS SAMLAN WALA</t>
  </si>
  <si>
    <t>samlan Wala</t>
  </si>
  <si>
    <t>GGPS SAMO SANI</t>
  </si>
  <si>
    <t>Samo Sani</t>
  </si>
  <si>
    <t>village samo sani p\o bhagoti pur teh zafarwal distt Narowal</t>
  </si>
  <si>
    <t>Bhattain Dewan</t>
  </si>
  <si>
    <t>Nayab Anjum</t>
  </si>
  <si>
    <t>GGPS SAMOKA</t>
  </si>
  <si>
    <t>Samoka</t>
  </si>
  <si>
    <t>city samoka tehsil kpr district ryk</t>
  </si>
  <si>
    <t>Basti Samoka</t>
  </si>
  <si>
    <t>Nadia Abdul Qadir</t>
  </si>
  <si>
    <t>GGPS SAMSIAL</t>
  </si>
  <si>
    <t>Samsial</t>
  </si>
  <si>
    <t>Vill samsial post office kargal gujrana Teh shakargar district narowal</t>
  </si>
  <si>
    <t>tasneem Qadir</t>
  </si>
  <si>
    <t>GGPS SAMUNDARI WALA</t>
  </si>
  <si>
    <t>Zain Pur</t>
  </si>
  <si>
    <t>GGPS SAMUNDRI WALA Basti Zain pur Bahawalpur road</t>
  </si>
  <si>
    <t>Shumaila Parveen</t>
  </si>
  <si>
    <t>GGPS SAMUNDARI WALA P/O NAI WALA</t>
  </si>
  <si>
    <t>Meyani Rawaan</t>
  </si>
  <si>
    <t>GGPS Samandari p/o nai wala basti samandari 18 kasi vehari road Multan</t>
  </si>
  <si>
    <t>Basti Samandari</t>
  </si>
  <si>
    <t>Kot Rab Nawaz</t>
  </si>
  <si>
    <t>Adeela Farman</t>
  </si>
  <si>
    <t>GGPS SAMUNDARY</t>
  </si>
  <si>
    <t>Phar Pur Nashaib</t>
  </si>
  <si>
    <t>post office phar pur</t>
  </si>
  <si>
    <t>Phar Pur</t>
  </si>
  <si>
    <t>Bait wasava shumali</t>
  </si>
  <si>
    <t>GGPS SANDA</t>
  </si>
  <si>
    <t>chah guht wala moza sanda</t>
  </si>
  <si>
    <t>guht Wala</t>
  </si>
  <si>
    <t>GGPS SANDA BANGI KHEL</t>
  </si>
  <si>
    <t>Village Sanda Bangi Khel, po tola Bangi Khel,Tehsil Isa Khel district mianwali</t>
  </si>
  <si>
    <t>Sanda Bangi Khel</t>
  </si>
  <si>
    <t>Nusrat Khurshid</t>
  </si>
  <si>
    <t>From Community</t>
  </si>
  <si>
    <t>GGPS SANDA KALAN</t>
  </si>
  <si>
    <t>Sanda kalan</t>
  </si>
  <si>
    <t>GGPS SANDAN WALA</t>
  </si>
  <si>
    <t>sandanwala</t>
  </si>
  <si>
    <t>Sndanwala</t>
  </si>
  <si>
    <t>GGPS SANDHU WALI</t>
  </si>
  <si>
    <t>Nanak Chand</t>
  </si>
  <si>
    <t>basti sindhu wali moza nanak chand</t>
  </si>
  <si>
    <t>Basti Sindhu Wali</t>
  </si>
  <si>
    <t>GGPS SANDILA JAWIT WALA</t>
  </si>
  <si>
    <t>Talkacho</t>
  </si>
  <si>
    <t>basti jawait moza talkacho</t>
  </si>
  <si>
    <t>Jawait</t>
  </si>
  <si>
    <t>NADIA HABIB</t>
  </si>
  <si>
    <t>GGPS SANDRANA KABIRWALA</t>
  </si>
  <si>
    <t>Sandrana</t>
  </si>
  <si>
    <t>mauza sandrana Kabirwala khanewal</t>
  </si>
  <si>
    <t>Basti Bootey Wali</t>
  </si>
  <si>
    <t>GGPS SANG</t>
  </si>
  <si>
    <t>PO Lehtrar bala Tehsil kahut dist RWP.</t>
  </si>
  <si>
    <t>Farid-un-nisa</t>
  </si>
  <si>
    <t>GGPS SANG KHURD</t>
  </si>
  <si>
    <t>sang KHURD vpo sang kalan</t>
  </si>
  <si>
    <t>Sang Khurd</t>
  </si>
  <si>
    <t>GGPS SANGARI</t>
  </si>
  <si>
    <t>Sangri</t>
  </si>
  <si>
    <t>village sangri tehsil kotli sattian dist. Rwp</t>
  </si>
  <si>
    <t>Lehtraar</t>
  </si>
  <si>
    <t>Batool Shaheen</t>
  </si>
  <si>
    <t>GGPS SANGER WALI</t>
  </si>
  <si>
    <t>Sangerwali</t>
  </si>
  <si>
    <t>sangerwali p/o kassowala daska sialkot</t>
  </si>
  <si>
    <t>Malomehy</t>
  </si>
  <si>
    <t>Naila Mansha</t>
  </si>
  <si>
    <t>GGPS SANGHAR WALA MUZA SUJANPUR QADIRPUR LAR</t>
  </si>
  <si>
    <t>Sanghar wala multan</t>
  </si>
  <si>
    <t>Sanghar Wala</t>
  </si>
  <si>
    <t>Domra</t>
  </si>
  <si>
    <t>Farida Khanum</t>
  </si>
  <si>
    <t>GGPS SANGHAY</t>
  </si>
  <si>
    <t>Sanghay</t>
  </si>
  <si>
    <t>Mubashra Muzaffar</t>
  </si>
  <si>
    <t>GGPS SANGIAL</t>
  </si>
  <si>
    <t>Sanghial</t>
  </si>
  <si>
    <t>v p o  sanghial</t>
  </si>
  <si>
    <t>Merajkay</t>
  </si>
  <si>
    <t>Fakhera Asghar</t>
  </si>
  <si>
    <t>GGPS SANGO</t>
  </si>
  <si>
    <t>Sango</t>
  </si>
  <si>
    <t>sango sharif tanda Gujrat</t>
  </si>
  <si>
    <t>Barella</t>
  </si>
  <si>
    <t>Noreen Munir</t>
  </si>
  <si>
    <t>GGPS SANGRAN</t>
  </si>
  <si>
    <t>SANGRAN</t>
  </si>
  <si>
    <t>Village sangran</t>
  </si>
  <si>
    <t>Sangran</t>
  </si>
  <si>
    <t>GGPS SANIARI KHURD</t>
  </si>
  <si>
    <t>Sanyari</t>
  </si>
  <si>
    <t>village sunyari kurad the shakargarh dist narowal</t>
  </si>
  <si>
    <t>Sunyari Kurad</t>
  </si>
  <si>
    <t>Camrial</t>
  </si>
  <si>
    <t>GGPS SANIKA</t>
  </si>
  <si>
    <t>Sanika</t>
  </si>
  <si>
    <t>village Sanika p/o Sabowal Teh.Shahpur Sargodha</t>
  </si>
  <si>
    <t>Mubeen Akhter</t>
  </si>
  <si>
    <t>GGPS SANJ</t>
  </si>
  <si>
    <t>village sanj post office khalol tehsil kahuta district rawalpindi</t>
  </si>
  <si>
    <t>Romana Bibi</t>
  </si>
  <si>
    <t>GGPS SANJAR MASHAIEKH</t>
  </si>
  <si>
    <t>Sanjar Mashaikh</t>
  </si>
  <si>
    <t>basti Hafez Ullaha moza sanjar mashaikh p o muhmmad pur</t>
  </si>
  <si>
    <t>Basti Hafez Ullaha</t>
  </si>
  <si>
    <t>Naheed Gulshan</t>
  </si>
  <si>
    <t>GGPS SANJWAL</t>
  </si>
  <si>
    <t>vpo sanjwal teh &amp; dist attock</t>
  </si>
  <si>
    <t>GGPS SANKAY</t>
  </si>
  <si>
    <t>village sahanky post office narwar .</t>
  </si>
  <si>
    <t>Rizwana Amin</t>
  </si>
  <si>
    <t>GGPS SANMOO RANA NEAR SHARIF PURA CHOWK</t>
  </si>
  <si>
    <t>Sanmoorana</t>
  </si>
  <si>
    <t>Chah baghwala moza sanmoorana</t>
  </si>
  <si>
    <t>GGPS SANT PUR WAGHA</t>
  </si>
  <si>
    <t>GGP/S Sanat Pur Wagha Lahore</t>
  </si>
  <si>
    <t>Wagha</t>
  </si>
  <si>
    <t>Azra Ghulam Muhammad</t>
  </si>
  <si>
    <t>GGPS SANTH SAROLA</t>
  </si>
  <si>
    <t>Santh Saroola</t>
  </si>
  <si>
    <t>GGPS Santh saroola tehsil kotli sattain</t>
  </si>
  <si>
    <t>GGPS SANTIKA</t>
  </si>
  <si>
    <t>Snatika</t>
  </si>
  <si>
    <t>GGPS Snatika</t>
  </si>
  <si>
    <t>Jamila Roshan</t>
  </si>
  <si>
    <t>GGPS SAPIALA</t>
  </si>
  <si>
    <t>Sapial</t>
  </si>
  <si>
    <t>Village Sipyal P.O. Khaur Co.</t>
  </si>
  <si>
    <t>Ahmadal</t>
  </si>
  <si>
    <t>Shamsa Zafar</t>
  </si>
  <si>
    <t>GGPS SAPRA</t>
  </si>
  <si>
    <t>sapra</t>
  </si>
  <si>
    <t>village sapra. p.o chokar kalan. khrian , Gujarat</t>
  </si>
  <si>
    <t>haji Muhammad</t>
  </si>
  <si>
    <t>Farheen Munir</t>
  </si>
  <si>
    <t>GGPS SAQA ABAD</t>
  </si>
  <si>
    <t>Saqa abad</t>
  </si>
  <si>
    <t>Ggps saqaabad attock</t>
  </si>
  <si>
    <t>Afsheen Akhtar</t>
  </si>
  <si>
    <t>GGPS SAR DHOK</t>
  </si>
  <si>
    <t>Sar Dhoke</t>
  </si>
  <si>
    <t>vpo sar dhoke</t>
  </si>
  <si>
    <t>Sardhoke</t>
  </si>
  <si>
    <t>Samina Khaliq</t>
  </si>
  <si>
    <t>GGPS SAR WALA</t>
  </si>
  <si>
    <t>village sarwala</t>
  </si>
  <si>
    <t>GGPS SARAI CHENBA</t>
  </si>
  <si>
    <t>Sarai Chenba</t>
  </si>
  <si>
    <t>sarai chenba</t>
  </si>
  <si>
    <t>Abida Rustam</t>
  </si>
  <si>
    <t>GGPS SARAI KALASAN</t>
  </si>
  <si>
    <t>GGP/S Srai kalasan 29.30/2l okara</t>
  </si>
  <si>
    <t>Sray Kalasan</t>
  </si>
  <si>
    <t>Saher  Ishtiaq</t>
  </si>
  <si>
    <t>GGPS SARAI SIDHU GHARBI, SARAI SIDHU</t>
  </si>
  <si>
    <t>GGPS SARAI SIDHU GHARBI</t>
  </si>
  <si>
    <t>GGPS SARAJ</t>
  </si>
  <si>
    <t>siraj</t>
  </si>
  <si>
    <t>siraj p/o noorkot tehsil shakargarh fist narowal</t>
  </si>
  <si>
    <t>kallah</t>
  </si>
  <si>
    <t>Sadia Tahira</t>
  </si>
  <si>
    <t>GGPS SARAN</t>
  </si>
  <si>
    <t>Saran</t>
  </si>
  <si>
    <t>village saran near bijli ghar nwl</t>
  </si>
  <si>
    <t>Meherun Nisa</t>
  </si>
  <si>
    <t>GGPS SARAN WALI</t>
  </si>
  <si>
    <t>Kundi</t>
  </si>
  <si>
    <t>Govt girls primary school Saran Wala</t>
  </si>
  <si>
    <t>Basti saran wali</t>
  </si>
  <si>
    <t>Rubana Naz</t>
  </si>
  <si>
    <t>GGPS SARANG</t>
  </si>
  <si>
    <t>Sarang</t>
  </si>
  <si>
    <t>Village sarang p.o agroya teh phalia dist M. b din</t>
  </si>
  <si>
    <t>Dharaikaan Kalan</t>
  </si>
  <si>
    <t>Riffat Touqeer</t>
  </si>
  <si>
    <t>GGPS SARANG WALA</t>
  </si>
  <si>
    <t>D D Panah</t>
  </si>
  <si>
    <t>chah shakry wala</t>
  </si>
  <si>
    <t>Shakry Wala</t>
  </si>
  <si>
    <t>Mc D D Panah</t>
  </si>
  <si>
    <t>GGPS SARANKAY</t>
  </si>
  <si>
    <t>Saba Ijaz</t>
  </si>
  <si>
    <t>GGPS SARAY AMIR SINGH</t>
  </si>
  <si>
    <t>Saray Amar Singh</t>
  </si>
  <si>
    <t>govt girls primery school saray amar singh</t>
  </si>
  <si>
    <t>Saray Amar singh</t>
  </si>
  <si>
    <t>GGPS SARAY KHOLA</t>
  </si>
  <si>
    <t>Saray Khola</t>
  </si>
  <si>
    <t>Saray khola taxila</t>
  </si>
  <si>
    <t>GGPS SARAY TEH.SHUJABAD</t>
  </si>
  <si>
    <t>Chack  Saray</t>
  </si>
  <si>
    <t>GGPS  Saray  tÉ™hsil  Shujabad  Multan</t>
  </si>
  <si>
    <t>Chack Saray</t>
  </si>
  <si>
    <t>Obara  Shumali</t>
  </si>
  <si>
    <t>syeda sammia bibi</t>
  </si>
  <si>
    <t>GGPS SARBIL BARTHI</t>
  </si>
  <si>
    <t>Sarbil</t>
  </si>
  <si>
    <t>sarbil barthi</t>
  </si>
  <si>
    <t>Asma Habib</t>
  </si>
  <si>
    <t>GGPS SARDAR ALLAH DIWAYA</t>
  </si>
  <si>
    <t>Taranda Muddo</t>
  </si>
  <si>
    <t>basti Sardar  Allah division moza taranda mudhu</t>
  </si>
  <si>
    <t>Sardar Allah Diwaya</t>
  </si>
  <si>
    <t>Summia Tabassum</t>
  </si>
  <si>
    <t>GGPS SARDAR KOURY KHAN</t>
  </si>
  <si>
    <t>Futfarqa</t>
  </si>
  <si>
    <t>Ghalwan-1</t>
  </si>
  <si>
    <t>Sughra Hay at</t>
  </si>
  <si>
    <t>GGPS SARDAR NOUL</t>
  </si>
  <si>
    <t>Nasheb</t>
  </si>
  <si>
    <t>Government Girls Primary School Sardar Noul</t>
  </si>
  <si>
    <t>Sardar Noul</t>
  </si>
  <si>
    <t>GGPS SARDAR RASOOL BUX</t>
  </si>
  <si>
    <t>basti Nyaz Ahmad Khan</t>
  </si>
  <si>
    <t>Basti Nyaz</t>
  </si>
  <si>
    <t>GGPS SARDARAY WAL</t>
  </si>
  <si>
    <t>village sardarywala p / o dhodianwala tehsil kallur kot district bhakkar</t>
  </si>
  <si>
    <t>Sardarywala</t>
  </si>
  <si>
    <t>Sughran Bibi</t>
  </si>
  <si>
    <t>GGPS SARDHI</t>
  </si>
  <si>
    <t>Sardhi</t>
  </si>
  <si>
    <t>GGPS SARDHI,village sardhi  P/O Buchal Khurd, tehsil# kallar kahar, dist # chakwal</t>
  </si>
  <si>
    <t>Mehmooda Kausar</t>
  </si>
  <si>
    <t>GGPS SARDOOL KHURD</t>
  </si>
  <si>
    <t>Sardool Khurd</t>
  </si>
  <si>
    <t>sardool khurd tehsil&amp;distt. pakpattan</t>
  </si>
  <si>
    <t>Sandhey Khan</t>
  </si>
  <si>
    <t>GGPS SAREEN WALA</t>
  </si>
  <si>
    <t>Basti sareen wala sinawan muzfargrh</t>
  </si>
  <si>
    <t>Sareen Wala</t>
  </si>
  <si>
    <t>GGPS SARESAR HITHAR</t>
  </si>
  <si>
    <t>Saraser Hithar</t>
  </si>
  <si>
    <t>govt girls p/s saraser hithar</t>
  </si>
  <si>
    <t>GGPS SARFRAGH</t>
  </si>
  <si>
    <t>Sarfaragh</t>
  </si>
  <si>
    <t>sarfaragh gherbi p/o vehoa tribal area dg khan</t>
  </si>
  <si>
    <t>Aqsa Rasheed</t>
  </si>
  <si>
    <t>GGPS SARFRAZ COLONY JAUHARABAD</t>
  </si>
  <si>
    <t>Government Girls Primary School Sarfraz Colony Jauharabad District Khushab</t>
  </si>
  <si>
    <t>Shazia Shakila</t>
  </si>
  <si>
    <t>GGPS SARFRAZ PUR</t>
  </si>
  <si>
    <t>SarfrazPur</t>
  </si>
  <si>
    <t>Sarfrazpur Sialkot</t>
  </si>
  <si>
    <t>GGPS SARGALA</t>
  </si>
  <si>
    <t>Sargala</t>
  </si>
  <si>
    <t>GGPS sargala</t>
  </si>
  <si>
    <t>Muhammad Aslam Rashid</t>
  </si>
  <si>
    <t>GGPS SARGANI NASHAIB</t>
  </si>
  <si>
    <t>post office sargani nishaib</t>
  </si>
  <si>
    <t>Sargani Nishaib</t>
  </si>
  <si>
    <t>SAFIA NAZ</t>
  </si>
  <si>
    <t>GGPS SARGANI WALA</t>
  </si>
  <si>
    <t>sargani wala</t>
  </si>
  <si>
    <t>p/o sargani wala karor lal eason district layyah</t>
  </si>
  <si>
    <t>ali rajan</t>
  </si>
  <si>
    <t>zeenat bibi</t>
  </si>
  <si>
    <t>GGPS SARH FATTAH</t>
  </si>
  <si>
    <t>Saharfatah</t>
  </si>
  <si>
    <t>govt girls primary school SaharFatah narowal</t>
  </si>
  <si>
    <t>SaharFatah</t>
  </si>
  <si>
    <t>FaleezPur</t>
  </si>
  <si>
    <t>GGPS SARHALI KALAN</t>
  </si>
  <si>
    <t>sarhali kalan p o box baru  gujrat</t>
  </si>
  <si>
    <t>GGPS SARHALI KHRUD</t>
  </si>
  <si>
    <t>Ggps Sarhali khurd</t>
  </si>
  <si>
    <t>Sakhali Khurd</t>
  </si>
  <si>
    <t>GGPS SARHALI KHURD</t>
  </si>
  <si>
    <t>Sarhali khurd</t>
  </si>
  <si>
    <t>village Sarhali khurd t/d gujrat</t>
  </si>
  <si>
    <t>Maimona Ali</t>
  </si>
  <si>
    <t>GGPS SARHANDI</t>
  </si>
  <si>
    <t>Sarhandi</t>
  </si>
  <si>
    <t>village Sarhandi p/O Pind Jhatla</t>
  </si>
  <si>
    <t>GGPS SARHDNAY</t>
  </si>
  <si>
    <t>Sarahdnay</t>
  </si>
  <si>
    <t>village and po sarahdnay</t>
  </si>
  <si>
    <t>GGPS SARI RAM PURA</t>
  </si>
  <si>
    <t>Siri Ram Pura</t>
  </si>
  <si>
    <t>siri Ram pura</t>
  </si>
  <si>
    <t>Shebaz Pur</t>
  </si>
  <si>
    <t>GGPS SARI SHUJRA JALALPUR KHAKHI</t>
  </si>
  <si>
    <t>Jalal Pur Khaki</t>
  </si>
  <si>
    <t>ggps seri shujra</t>
  </si>
  <si>
    <t>Maria ABBAS</t>
  </si>
  <si>
    <t>GGPS SARI WAH</t>
  </si>
  <si>
    <t>Sari Wah</t>
  </si>
  <si>
    <t>basti Sari Wah Post Office Bohar tehsil taunsa sharif</t>
  </si>
  <si>
    <t>GGPS SARIN WALA</t>
  </si>
  <si>
    <t>Rawan</t>
  </si>
  <si>
    <t>basti kohawar moza rawan pir adil</t>
  </si>
  <si>
    <t>Marrium Nawaz</t>
  </si>
  <si>
    <t>GGPS SARISHATA BAIROON KUNEL NASHAIB</t>
  </si>
  <si>
    <t>Kunnel Nashib</t>
  </si>
  <si>
    <t>\nbasti lali kunel nashib</t>
  </si>
  <si>
    <t>Basti Lali</t>
  </si>
  <si>
    <t>FARZANA KANWAL</t>
  </si>
  <si>
    <t>GGPS SARISHTA NASHAIB</t>
  </si>
  <si>
    <t>Govt.Girls primary school sarishta Nashaib jaman shah</t>
  </si>
  <si>
    <t>GGPS SARISHTA THAL DARMIANI</t>
  </si>
  <si>
    <t>164/td Kharal Azeem Thal Kalan</t>
  </si>
  <si>
    <t>164/Td</t>
  </si>
  <si>
    <t>Rumana umbreen</t>
  </si>
  <si>
    <t>GGPS SARKAL KASSAR</t>
  </si>
  <si>
    <t>VPO KHAS SARKAL KASSAR</t>
  </si>
  <si>
    <t>GGPS SARKAL MAIR</t>
  </si>
  <si>
    <t>Sarkal Mair</t>
  </si>
  <si>
    <t>po sarkal mair</t>
  </si>
  <si>
    <t>GGPS SARKARI KALAN</t>
  </si>
  <si>
    <t>Sarkari Kalan</t>
  </si>
  <si>
    <t>Sarkari kalan</t>
  </si>
  <si>
    <t>Bhaliky</t>
  </si>
  <si>
    <t>GGPS SARKARI KHURD</t>
  </si>
  <si>
    <t>Sarkari Khurd</t>
  </si>
  <si>
    <t>sarkari khurd district sheikhupura</t>
  </si>
  <si>
    <t>Kubra Anjum</t>
  </si>
  <si>
    <t>GGPS SARKI</t>
  </si>
  <si>
    <t>P/O SARKI TEH:ALIPUR DIST:M.GARH</t>
  </si>
  <si>
    <t>Khangarh Doma</t>
  </si>
  <si>
    <t>GGPS SAROKI</t>
  </si>
  <si>
    <t>SAROKI</t>
  </si>
  <si>
    <t>Sana Firdous</t>
  </si>
  <si>
    <t>GGPS SAROO KHELAN WALA</t>
  </si>
  <si>
    <t>wandha sarro khelan wala  post office hathi khan wala</t>
  </si>
  <si>
    <t>GGPS SAROOP WALA</t>
  </si>
  <si>
    <t>beemianwala</t>
  </si>
  <si>
    <t>GGPS Saroopwala</t>
  </si>
  <si>
    <t>saroopwala</t>
  </si>
  <si>
    <t>Munazza jubeen</t>
  </si>
  <si>
    <t>GGPS SAROT</t>
  </si>
  <si>
    <t>Sarot</t>
  </si>
  <si>
    <t>village sarot. tehsil kahuta. distt Rawalpindi</t>
  </si>
  <si>
    <t>Umaira Hanif</t>
  </si>
  <si>
    <t>take water from neighbors</t>
  </si>
  <si>
    <t>GGPS SARVANEKAY</t>
  </si>
  <si>
    <t>Sarwanekey</t>
  </si>
  <si>
    <t>Po chobara village sarvanekay tehsil pasrur dist Sialkot</t>
  </si>
  <si>
    <t>Sarwanekay</t>
  </si>
  <si>
    <t>Sofia Iqbal</t>
  </si>
  <si>
    <t>GGPS SARWAHI</t>
  </si>
  <si>
    <t>Sirwahi</t>
  </si>
  <si>
    <t>Basti Sarwahi P.o box Sanjrpur teh. sadiq abad Dist. Rahim yar khan</t>
  </si>
  <si>
    <t>Sarwahi</t>
  </si>
  <si>
    <t>Baig Mahr</t>
  </si>
  <si>
    <t>GGPS SARWAI</t>
  </si>
  <si>
    <t>Sarwai</t>
  </si>
  <si>
    <t>vpo pindigheb</t>
  </si>
  <si>
    <t>SHAHNAZ BEGUM</t>
  </si>
  <si>
    <t>GGPS SARWAR CHUHAN</t>
  </si>
  <si>
    <t>Ggps sarwar chuhan basti khanpur charchra iqbal abad</t>
  </si>
  <si>
    <t>Basti Khanpur Charchra</t>
  </si>
  <si>
    <t>GGPS SARWAR SHAH KOT</t>
  </si>
  <si>
    <t>Sarwar shah Kot</t>
  </si>
  <si>
    <t>sarwar shah kot  lar</t>
  </si>
  <si>
    <t>Rabia Sharief</t>
  </si>
  <si>
    <t>GGPS SARWAR THORI WALA</t>
  </si>
  <si>
    <t>358 TDA Sarwar Thori Wala ( new)</t>
  </si>
  <si>
    <t>358 TDA</t>
  </si>
  <si>
    <t>Gola Adda 393 Tda</t>
  </si>
  <si>
    <t>Hafiza Quratulain Fatima</t>
  </si>
  <si>
    <t>GGPS SARWAR WALA</t>
  </si>
  <si>
    <t>mouza  dagar  Shada  sarwar  wala</t>
  </si>
  <si>
    <t>Sarwarwala</t>
  </si>
  <si>
    <t>GGPS SARWER KOT</t>
  </si>
  <si>
    <t>Ramzan Langha</t>
  </si>
  <si>
    <t>tubwell uaseen langha</t>
  </si>
  <si>
    <t>Tubwellyaseen Lan</t>
  </si>
  <si>
    <t>Jhulaan Aarian</t>
  </si>
  <si>
    <t>GGPS SARWIN WALA</t>
  </si>
  <si>
    <t>Mansa Ram Sandila</t>
  </si>
  <si>
    <t>Basti sarvain wala p. o Qasba Gujrat</t>
  </si>
  <si>
    <t>Sarvain Wala</t>
  </si>
  <si>
    <t>GGPS SATHIALI KHURD CHAK 25/RB</t>
  </si>
  <si>
    <t>Sathianli khurd</t>
  </si>
  <si>
    <t>sathiali khurd</t>
  </si>
  <si>
    <t>Sathiali Khurd</t>
  </si>
  <si>
    <t>fayyaz kausar</t>
  </si>
  <si>
    <t>GGPS SATLUJ COLONY BAHAWALPUR</t>
  </si>
  <si>
    <t>Weslan</t>
  </si>
  <si>
    <t>satluj colonyb w p</t>
  </si>
  <si>
    <t>Satluj Colony</t>
  </si>
  <si>
    <t>1city Bwp</t>
  </si>
  <si>
    <t>GGPS SATTAR PUR</t>
  </si>
  <si>
    <t>Sattarpur</t>
  </si>
  <si>
    <t>village sattarpur</t>
  </si>
  <si>
    <t>Mafia Nazir</t>
  </si>
  <si>
    <t>GGPS SATTAR PURA</t>
  </si>
  <si>
    <t>Adhan Wah</t>
  </si>
  <si>
    <t>Sittar Pura minchin a bad</t>
  </si>
  <si>
    <t>Sittar Pura</t>
  </si>
  <si>
    <t>Saima Rafique</t>
  </si>
  <si>
    <t>GGPS SATTI WALA</t>
  </si>
  <si>
    <t>Dharangar</t>
  </si>
  <si>
    <t>sattiwala moza dharangar</t>
  </si>
  <si>
    <t>Sattiwala</t>
  </si>
  <si>
    <t>Menal Saba</t>
  </si>
  <si>
    <t>GGPS SATTOKAY HITTHAR</t>
  </si>
  <si>
    <t>Sattoki Hitthar</t>
  </si>
  <si>
    <t>Bazgha Nausheen</t>
  </si>
  <si>
    <t>GGPS SATTOKI</t>
  </si>
  <si>
    <t>GGPS SAWAN KA</t>
  </si>
  <si>
    <t>GGPS Sawanke</t>
  </si>
  <si>
    <t>Bhalikey</t>
  </si>
  <si>
    <t>Nabila Anwer</t>
  </si>
  <si>
    <t>GGPS SAWAN PURA (MARKAZ KALEKE)</t>
  </si>
  <si>
    <t>Sawan Pura</t>
  </si>
  <si>
    <t>sawan pura</t>
  </si>
  <si>
    <t>Sajida Baigum</t>
  </si>
  <si>
    <t>GGPS SAWAN SINGH WALA, KABIRWALA</t>
  </si>
  <si>
    <t>5 Kasi</t>
  </si>
  <si>
    <t>ps sawan sing wala</t>
  </si>
  <si>
    <t>Sawan Sing</t>
  </si>
  <si>
    <t>GGPS SAWAN WALA</t>
  </si>
  <si>
    <t>Sawan Wala Tibbi Bookan Post office basira</t>
  </si>
  <si>
    <t>Sawan Wala Tibbi Bookan</t>
  </si>
  <si>
    <t>Nasira Kalsoom</t>
  </si>
  <si>
    <t>GGPS SAZAWAR SADARKEY NO 1</t>
  </si>
  <si>
    <t>Sadharkay</t>
  </si>
  <si>
    <t>GGPS SAZA WAR SADHARKAY</t>
  </si>
  <si>
    <t>Sadhakay</t>
  </si>
  <si>
    <t>Pandat Manfol</t>
  </si>
  <si>
    <t>Sadia Amin</t>
  </si>
  <si>
    <t>GGPS SCHEJU KHEWA</t>
  </si>
  <si>
    <t>Schajukhewa</t>
  </si>
  <si>
    <t>Govt girls primary school schajukhewa p/o dhamthal teh zafarwal dist narowal</t>
  </si>
  <si>
    <t>GGPS SCHOOL 101 RAB</t>
  </si>
  <si>
    <t>101 RB</t>
  </si>
  <si>
    <t>Chak No 101 RB</t>
  </si>
  <si>
    <t>99 Jandiala</t>
  </si>
  <si>
    <t>GGPS SDP QADIR COLONY</t>
  </si>
  <si>
    <t>Qadar Colony okara</t>
  </si>
  <si>
    <t>GGPS SDP Qadar colony Okara</t>
  </si>
  <si>
    <t>1-4L Okara</t>
  </si>
  <si>
    <t>Najma Khatoon Naqvi</t>
  </si>
  <si>
    <t>GGPS SEAGO BHAGOO</t>
  </si>
  <si>
    <t>Sago Bago</t>
  </si>
  <si>
    <t>village sago bago</t>
  </si>
  <si>
    <t>GGPS SEED FARM</t>
  </si>
  <si>
    <t>101/p Lakhi Wala</t>
  </si>
  <si>
    <t>seed farm, 101/p lakhi wala</t>
  </si>
  <si>
    <t>Lakhi Wala</t>
  </si>
  <si>
    <t>GGPS SEED FORM</t>
  </si>
  <si>
    <t>Kallur KOT</t>
  </si>
  <si>
    <t>SEED FORM COLONY</t>
  </si>
  <si>
    <t>NOON DAGGAR</t>
  </si>
  <si>
    <t>Naila  Noreen</t>
  </si>
  <si>
    <t>GGPS SEEL GAON</t>
  </si>
  <si>
    <t>23/Sp</t>
  </si>
  <si>
    <t>GGPS Seel Gaon,Markaz Chakbedi # 3</t>
  </si>
  <si>
    <t>Seel Gaon</t>
  </si>
  <si>
    <t>Chak Noor Muhammad Muhammad</t>
  </si>
  <si>
    <t>GGPS SEER KHARAK NEAR GULSHAT COLONY</t>
  </si>
  <si>
    <t>seer kharak</t>
  </si>
  <si>
    <t>seer kharak nawab pur road multan</t>
  </si>
  <si>
    <t>chah neem wala</t>
  </si>
  <si>
    <t>neel kot</t>
  </si>
  <si>
    <t>GGPS SEERAY TARAR</t>
  </si>
  <si>
    <t>Seeray Tarar</t>
  </si>
  <si>
    <t>GGPS Seeray Tarar</t>
  </si>
  <si>
    <t>Sumara Naseer</t>
  </si>
  <si>
    <t>GGPS SEERH</t>
  </si>
  <si>
    <t>Seerh</t>
  </si>
  <si>
    <t>SeerhP/OPHUKLIAN Area Bajwan Distt/Tehsil Sialkot</t>
  </si>
  <si>
    <t>Wodgirran</t>
  </si>
  <si>
    <t>GGPS SEET PUR NO.2</t>
  </si>
  <si>
    <t>mouza sheekhani muhallah makhdomaa seet pur</t>
  </si>
  <si>
    <t>Misson Kot Bhowa</t>
  </si>
  <si>
    <t>Tahira iqbal</t>
  </si>
  <si>
    <t>GGPS SEHJPAL BHATTA CHOWK, BAIDIAN ROAD</t>
  </si>
  <si>
    <t>Sehjpal</t>
  </si>
  <si>
    <t>GGPS Sehjpal Bhatta Chowk Baidian Road Lahore</t>
  </si>
  <si>
    <t>Ateeqa Shaheen</t>
  </si>
  <si>
    <t>GGPS SEHRIEN WALA</t>
  </si>
  <si>
    <t>Sabay Wala</t>
  </si>
  <si>
    <t>basti sehreen wala mouza sabay wala</t>
  </si>
  <si>
    <t>Sehreen Wala</t>
  </si>
  <si>
    <t>Kishwar Ejaz</t>
  </si>
  <si>
    <t>GGPS SEHWAL</t>
  </si>
  <si>
    <t>Sehwal</t>
  </si>
  <si>
    <t>vpo sehwal</t>
  </si>
  <si>
    <t>Nobia Ameer</t>
  </si>
  <si>
    <t>GGPS SEMAR</t>
  </si>
  <si>
    <t>Seemar</t>
  </si>
  <si>
    <t>seemar</t>
  </si>
  <si>
    <t>GGPS SENIOU</t>
  </si>
  <si>
    <t>Saneoh</t>
  </si>
  <si>
    <t>po tret village saneoh murree</t>
  </si>
  <si>
    <t>Latifa Bibi</t>
  </si>
  <si>
    <t>GGPS SENSRA</t>
  </si>
  <si>
    <t>sensra</t>
  </si>
  <si>
    <t>Sensra</t>
  </si>
  <si>
    <t>GGPS SER BAGLA</t>
  </si>
  <si>
    <t>Sehar Bagla</t>
  </si>
  <si>
    <t>village and p/o sehar bagla tehsil murree district rawalpindi</t>
  </si>
  <si>
    <t>Hajra Zulfiqar</t>
  </si>
  <si>
    <t>GGPS SERAL</t>
  </si>
  <si>
    <t>dist/teh chakwal pobox fimkassar villag siral</t>
  </si>
  <si>
    <t>Riffat Raza</t>
  </si>
  <si>
    <t>GGPS SERRIAN WALA</t>
  </si>
  <si>
    <t>Serianwala</t>
  </si>
  <si>
    <t>serianwala</t>
  </si>
  <si>
    <t>Bhahrianwala</t>
  </si>
  <si>
    <t>Humaira  Ghafoor</t>
  </si>
  <si>
    <t>GGPS SETHAN WALI</t>
  </si>
  <si>
    <t>Sethan Wali</t>
  </si>
  <si>
    <t>chak mansa ram po M.pur  sansaran.Teh.MND</t>
  </si>
  <si>
    <t>Mansa Ram</t>
  </si>
  <si>
    <t>GGPS SEWA RAM</t>
  </si>
  <si>
    <t>GGPS sewa ram basti kothi</t>
  </si>
  <si>
    <t>Nayla Anjum</t>
  </si>
  <si>
    <t>GGPS SHABAZI SHAR</t>
  </si>
  <si>
    <t>G.G.p.S Basti shahbazi shar</t>
  </si>
  <si>
    <t>Shahbazi Shar</t>
  </si>
  <si>
    <t>Shaista Kouser</t>
  </si>
  <si>
    <t>GGPS SHABBIR ABAD</t>
  </si>
  <si>
    <t>Golani</t>
  </si>
  <si>
    <t>shabbir abad</t>
  </si>
  <si>
    <t>Shabirabad</t>
  </si>
  <si>
    <t>GGPS SHABBIR ABAD VEHARI</t>
  </si>
  <si>
    <t>GGPS shabbirabad basti shabbirabad vehari</t>
  </si>
  <si>
    <t>Hameeda Nawab</t>
  </si>
  <si>
    <t>GGPS SHABBIR LATIF ABAD</t>
  </si>
  <si>
    <t>bait sohni</t>
  </si>
  <si>
    <t>moza bait sohni p/o qasba gujrat teh kotadu dist, muzaffar garh</t>
  </si>
  <si>
    <t>Gazi ghat</t>
  </si>
  <si>
    <t>Nusrat Lateef</t>
  </si>
  <si>
    <t>GGPS SHABBIR MAGASSI WALA</t>
  </si>
  <si>
    <t>ggps shabbir magassi wala</t>
  </si>
  <si>
    <t>GGPS SHABI KHEL</t>
  </si>
  <si>
    <t>wandha shabi khel sultan khel</t>
  </si>
  <si>
    <t>Mehnaz Akhter</t>
  </si>
  <si>
    <t>GGPS SHADAB COLONY</t>
  </si>
  <si>
    <t>shadab colony jhang</t>
  </si>
  <si>
    <t>GGPS SHADAB COLONY 2</t>
  </si>
  <si>
    <t>g.g.p.s no.2 shadab colony</t>
  </si>
  <si>
    <t>Shadab Coliny</t>
  </si>
  <si>
    <t>GGPS SHADAN LUND NO. 2</t>
  </si>
  <si>
    <t>Chak Danda</t>
  </si>
  <si>
    <t>p/o shadan Lund tehsil &amp; distt dgkhan</t>
  </si>
  <si>
    <t>Ashraf-u-Nisa</t>
  </si>
  <si>
    <t>GGPS SHADANA</t>
  </si>
  <si>
    <t>Billoqa</t>
  </si>
  <si>
    <t>basti shadana moza billoka</t>
  </si>
  <si>
    <t>Shadana</t>
  </si>
  <si>
    <t>Qasimqa</t>
  </si>
  <si>
    <t>Azra Nawaz</t>
  </si>
  <si>
    <t>GGPS SHADAY WALA</t>
  </si>
  <si>
    <t>mehmood khan wala</t>
  </si>
  <si>
    <t>Baynazeer</t>
  </si>
  <si>
    <t>GGPS SHADI KHAN SANJAR KHEL</t>
  </si>
  <si>
    <t>wandha dub sanjarkhel</t>
  </si>
  <si>
    <t>Dub Sanjar Khel</t>
  </si>
  <si>
    <t>Almas Alam</t>
  </si>
  <si>
    <t>GGPS SHADI KHAN WALA</t>
  </si>
  <si>
    <t>Shadi Khanwala</t>
  </si>
  <si>
    <t>village  shadi khan wala p/o wahndo kamoki gujranwala</t>
  </si>
  <si>
    <t>Shadi Khan Wala</t>
  </si>
  <si>
    <t>sadia liaquat</t>
  </si>
  <si>
    <t>GGPS SHADI KHEL</t>
  </si>
  <si>
    <t>basti shadi khail</t>
  </si>
  <si>
    <t>Basti Shadi Khail</t>
  </si>
  <si>
    <t>Zubaida ahmad</t>
  </si>
  <si>
    <t>GGPS SHADI MATTA</t>
  </si>
  <si>
    <t>Shadi Mata</t>
  </si>
  <si>
    <t>shadi mata uc sohawa dhilwa</t>
  </si>
  <si>
    <t>Sohawa Dhilwa</t>
  </si>
  <si>
    <t>Rabia Aslam</t>
  </si>
  <si>
    <t>GGPS SHADI PUR</t>
  </si>
  <si>
    <t>Kaloni Shadi Pur Tehsil Lalian District Chiniot</t>
  </si>
  <si>
    <t>Kaloni Shadi Pur</t>
  </si>
  <si>
    <t>GGPS SHADI WALA</t>
  </si>
  <si>
    <t>basti acharki Moza shadi Wala tensile bahawalnagar</t>
  </si>
  <si>
    <t>Ghulam Khudeja</t>
  </si>
  <si>
    <t>GGPS SHADIWAL ICHERKEY</t>
  </si>
  <si>
    <t>mohallah chorrkay shadiwal</t>
  </si>
  <si>
    <t>Kashifa Naz</t>
  </si>
  <si>
    <t>GGPS SHADIWAL KHURD</t>
  </si>
  <si>
    <t>Shadiwal Khurd</t>
  </si>
  <si>
    <t>shadiwal khurd jalalpur jattan gujrat</t>
  </si>
  <si>
    <t>Thathamusa</t>
  </si>
  <si>
    <t>Mahfooz Akhtar</t>
  </si>
  <si>
    <t>GGPS SHADIWAL SHARQI</t>
  </si>
  <si>
    <t>shadiwal moh. chourkey</t>
  </si>
  <si>
    <t>GGPS SHADOO WALA</t>
  </si>
  <si>
    <t>Shaduwala</t>
  </si>
  <si>
    <t>near balo shahabl</t>
  </si>
  <si>
    <t>GGPS SHAFEEQ ABAD</t>
  </si>
  <si>
    <t>Bair</t>
  </si>
  <si>
    <t>moza bair wali post office mandi shah jewna tehsil district jhang</t>
  </si>
  <si>
    <t>Bair Wali</t>
  </si>
  <si>
    <t>Mandi Shah Jewna</t>
  </si>
  <si>
    <t>Nazia Sher</t>
  </si>
  <si>
    <t>GGPS SHAFI BERTH</t>
  </si>
  <si>
    <t>Chak Naurang</t>
  </si>
  <si>
    <t>basti shfi birth</t>
  </si>
  <si>
    <t>Shafi Birth</t>
  </si>
  <si>
    <t>Noushera Jadeed</t>
  </si>
  <si>
    <t>Tasneemzahra</t>
  </si>
  <si>
    <t>GGPS SHAFI THATHAI</t>
  </si>
  <si>
    <t>Thathai</t>
  </si>
  <si>
    <t>chak shafi thathai</t>
  </si>
  <si>
    <t>GGPS SHAFIQ JANDIALA ROAD MUHAMMAD PURA</t>
  </si>
  <si>
    <t>jandiala road</t>
  </si>
  <si>
    <t>GGPS SHAFIQ KHALTI</t>
  </si>
  <si>
    <t>Dodi sangi</t>
  </si>
  <si>
    <t>basti shafique khalti</t>
  </si>
  <si>
    <t>shafique khalti</t>
  </si>
  <si>
    <t>thul khair muhammad</t>
  </si>
  <si>
    <t>GGPS SHAFIQ NAGAR</t>
  </si>
  <si>
    <t>shafiq nagar</t>
  </si>
  <si>
    <t>rashida roshan</t>
  </si>
  <si>
    <t>GGPS SHAFQAT ABAD</t>
  </si>
  <si>
    <t>shafqatabad</t>
  </si>
  <si>
    <t>Nuzhat Begum</t>
  </si>
  <si>
    <t>GGPS SHAH ABAD COLONY</t>
  </si>
  <si>
    <t>Shah Abad Colony Gojra</t>
  </si>
  <si>
    <t>shah abad colony Gojra</t>
  </si>
  <si>
    <t>Shah Abad</t>
  </si>
  <si>
    <t>Chao No 360JB</t>
  </si>
  <si>
    <t>Maleeha Munir Khan</t>
  </si>
  <si>
    <t>GGPS SHAH ABU TAHIR</t>
  </si>
  <si>
    <t>Machi Wagha</t>
  </si>
  <si>
    <t>GGPS SHAH ABU TAHIR AT MACHI WALA</t>
  </si>
  <si>
    <t>Machi Wagah</t>
  </si>
  <si>
    <t>Massa kotha</t>
  </si>
  <si>
    <t>GGPS SHAH AJMAL GIROTE</t>
  </si>
  <si>
    <t>Shah Ajmal</t>
  </si>
  <si>
    <t>village ShahAjmal Ajmal post office girote thsil district khb</t>
  </si>
  <si>
    <t>GGPS SHAH ALAM</t>
  </si>
  <si>
    <t>chah shah alam mouza talwara district jhang</t>
  </si>
  <si>
    <t>Shah Alam</t>
  </si>
  <si>
    <t>Havali Sheikh Raju</t>
  </si>
  <si>
    <t>Nida Batool</t>
  </si>
  <si>
    <t>GGPS SHAH ALI</t>
  </si>
  <si>
    <t>Basti Shah Ali</t>
  </si>
  <si>
    <t>p/o basti shah ali tehsil kot chutta district dera ghazi khan</t>
  </si>
  <si>
    <t>Shaiwana Khan</t>
  </si>
  <si>
    <t>GGPS SHAH AMIR ABAD</t>
  </si>
  <si>
    <t>shah ameer abad Moza ganwain tehsil shujaabad</t>
  </si>
  <si>
    <t>GGPS SHAH ARIF</t>
  </si>
  <si>
    <t>Dhok Shah Arif</t>
  </si>
  <si>
    <t>post office Dhok shah arid tehsil sohawa dist jhelum</t>
  </si>
  <si>
    <t>Shaista Kanwal</t>
  </si>
  <si>
    <t>GGPS SHAH BILAWAL</t>
  </si>
  <si>
    <t>Shah Bilawal syed wala</t>
  </si>
  <si>
    <t>GGPS SHAH DHER</t>
  </si>
  <si>
    <t>Shahdher</t>
  </si>
  <si>
    <t>vpo shahdher</t>
  </si>
  <si>
    <t>Khaghwani</t>
  </si>
  <si>
    <t>Sumera Afzal</t>
  </si>
  <si>
    <t>GGPS SHAH DIN NO.1</t>
  </si>
  <si>
    <t>basti shah din</t>
  </si>
  <si>
    <t>GGPS SHAH INAYAT</t>
  </si>
  <si>
    <t>Shah Inayat</t>
  </si>
  <si>
    <t>shah inayat ratti pindi</t>
  </si>
  <si>
    <t>Haller Key Pemar</t>
  </si>
  <si>
    <t>GGPS SHAH JALLA BUKHARI</t>
  </si>
  <si>
    <t>Shah Jala</t>
  </si>
  <si>
    <t>GGPS SHAH JAMAL</t>
  </si>
  <si>
    <t>GAON YA BSTI SHAH JAMAL</t>
  </si>
  <si>
    <t>NAUQABIL WAH</t>
  </si>
  <si>
    <t>GGPS SHAH JEHANIAN</t>
  </si>
  <si>
    <t>Shah Jehanian</t>
  </si>
  <si>
    <t>village shah jehanian p o jalal pur jattan gujrat</t>
  </si>
  <si>
    <t>Ikhlas Ghar</t>
  </si>
  <si>
    <t>Azia Shaheen</t>
  </si>
  <si>
    <t>GGPS SHAH JILIL</t>
  </si>
  <si>
    <t>Shahjalil</t>
  </si>
  <si>
    <t>shahjalil</t>
  </si>
  <si>
    <t>Kiran</t>
  </si>
  <si>
    <t>GGPS SHAH KAMIR</t>
  </si>
  <si>
    <t>SHAHKAMIR</t>
  </si>
  <si>
    <t>VPO SHAHKAMIR,TEHSIL JHELUM,DISTT JHELUM</t>
  </si>
  <si>
    <t>Shahkamir</t>
  </si>
  <si>
    <t>nazia yaseen</t>
  </si>
  <si>
    <t>GGPS SHAH KARAM</t>
  </si>
  <si>
    <t>Shah Karam</t>
  </si>
  <si>
    <t>Azra Qutab-ud-Din</t>
  </si>
  <si>
    <t>GGPS SHAH KHAIL NO. 2</t>
  </si>
  <si>
    <t>chah nakyana wala</t>
  </si>
  <si>
    <t>Chah Nakyana  Wala</t>
  </si>
  <si>
    <t>GGPS SHAH KHALIL NO 1</t>
  </si>
  <si>
    <t>darbar Shahkhalil moza badh rajbana Dak Khana Shor kot</t>
  </si>
  <si>
    <t>Darbar Shahkhalil</t>
  </si>
  <si>
    <t>GGPS SHAH KOT</t>
  </si>
  <si>
    <t>G g p /s shah kot dak khana bahadar pur district rahim yar</t>
  </si>
  <si>
    <t>Shah Kot</t>
  </si>
  <si>
    <t>Shabeena Kouser</t>
  </si>
  <si>
    <t>GGPS SHAH KOT NO.1</t>
  </si>
  <si>
    <t>Shahkot City 2</t>
  </si>
  <si>
    <t>GGPS no 1 shahkot tehsil shahkot distt NNS</t>
  </si>
  <si>
    <t>MC Shahkot</t>
  </si>
  <si>
    <t>Nazeefa Ashraf</t>
  </si>
  <si>
    <t>water arranged from outside</t>
  </si>
  <si>
    <t>GGPS SHAH MAJEED</t>
  </si>
  <si>
    <t>Basti sheikhabad</t>
  </si>
  <si>
    <t>Rassolpur</t>
  </si>
  <si>
    <t>Sumera Kiran</t>
  </si>
  <si>
    <t>GGPS SHAH MUHAMMAD BAREKA</t>
  </si>
  <si>
    <t>Shah Muhammad Bareka</t>
  </si>
  <si>
    <t>Shah Muhammad bareka p/o orrang</t>
  </si>
  <si>
    <t>Mattwala</t>
  </si>
  <si>
    <t>Kinza Asjad</t>
  </si>
  <si>
    <t>GGPS SHAH MUHAMMAD MARAL</t>
  </si>
  <si>
    <t>Shah Muhammad Maral</t>
  </si>
  <si>
    <t>ggps shah Muhammad maral basti Jam Allah Wasaya</t>
  </si>
  <si>
    <t>Basti Jam Allah Wasaya</t>
  </si>
  <si>
    <t>Hafza Kiran Ali</t>
  </si>
  <si>
    <t>GGPS SHAH MUHAMMAD WALA</t>
  </si>
  <si>
    <t>Hardo Thahim</t>
  </si>
  <si>
    <t>Basti Shah Muhammad wala</t>
  </si>
  <si>
    <t>Shah Muhammad Wala</t>
  </si>
  <si>
    <t>Tasneem Anwar</t>
  </si>
  <si>
    <t>GGPS SHAH MURAAD</t>
  </si>
  <si>
    <t>Shah Murad</t>
  </si>
  <si>
    <t>shah murad tahsil arfwla district pakptn</t>
  </si>
  <si>
    <t>Rehana Akram</t>
  </si>
  <si>
    <t>GGPS SHAH NAWAZ</t>
  </si>
  <si>
    <t>Chak shah nawaz khanwala</t>
  </si>
  <si>
    <t>GGPS SHAH NAWAZ COLONY</t>
  </si>
  <si>
    <t>Shah Nawaz Colony</t>
  </si>
  <si>
    <t>Shah Nawaz colony  St no 02</t>
  </si>
  <si>
    <t>Shah Nawaz colony</t>
  </si>
  <si>
    <t>Shabnam Yasmeen</t>
  </si>
  <si>
    <t>GGPS SHAH NIKDER NAI ABADI</t>
  </si>
  <si>
    <t>hospital road shahnikdar</t>
  </si>
  <si>
    <t>Saba Laraib</t>
  </si>
  <si>
    <t>GGPS SHAH PUR 751 GB</t>
  </si>
  <si>
    <t>chak 751 GB</t>
  </si>
  <si>
    <t>Chak 751 Gb</t>
  </si>
  <si>
    <t>Khurishida Bad</t>
  </si>
  <si>
    <t>Tahseen Anwar</t>
  </si>
  <si>
    <t>GGPS SHAH QULI</t>
  </si>
  <si>
    <t>Shah Quli</t>
  </si>
  <si>
    <t>GGPS SHAH QULLI, P/O dinga Teh kharian District Gujrat</t>
  </si>
  <si>
    <t>SHAH QULLI</t>
  </si>
  <si>
    <t>Tayyeba Noreen</t>
  </si>
  <si>
    <t>GGPS SHAH RAI BHADUR</t>
  </si>
  <si>
    <t>Shah-rai-bahadur</t>
  </si>
  <si>
    <t>village Sha-rai-bahadur p/o Sha-rai-sadullah tehsil fateh jang district attock</t>
  </si>
  <si>
    <t>Maria Zahoor</t>
  </si>
  <si>
    <t>GGPS SHAH RANG PUR</t>
  </si>
  <si>
    <t>Shah Rang Pur</t>
  </si>
  <si>
    <t>GGPS shahrangpur bhutta Pur m garh</t>
  </si>
  <si>
    <t>Shah Rung Pur</t>
  </si>
  <si>
    <t>GGPS SHAH SAID ALI</t>
  </si>
  <si>
    <t>Shah said ali</t>
  </si>
  <si>
    <t>Shah Said Ali</t>
  </si>
  <si>
    <t>GGPS SHAH SIR MUST</t>
  </si>
  <si>
    <t>shahsirmast</t>
  </si>
  <si>
    <t>gunja</t>
  </si>
  <si>
    <t>Aniqa Jabeen</t>
  </si>
  <si>
    <t>GGPS SHAH WALA JANUBI</t>
  </si>
  <si>
    <t>Shahwala Janubi</t>
  </si>
  <si>
    <t>Ggps Shahwala janoobi teh noorpur distt khushab</t>
  </si>
  <si>
    <t>Shahwala NJanoobi</t>
  </si>
  <si>
    <t>Rahadari</t>
  </si>
  <si>
    <t>Shagufta Kanwal</t>
  </si>
  <si>
    <t>GGPS SHAH WALA MOUZA DHINGANA</t>
  </si>
  <si>
    <t>GGPS SHAH YOUSAF</t>
  </si>
  <si>
    <t>shahyousaf</t>
  </si>
  <si>
    <t>Shahyousaf</t>
  </si>
  <si>
    <t>Faraht Nahid</t>
  </si>
  <si>
    <t>GGPS SHAHAL DIN</t>
  </si>
  <si>
    <t>shahal Din</t>
  </si>
  <si>
    <t>Shahal Din</t>
  </si>
  <si>
    <t>GGPS SHAHAMAD BLOUCH</t>
  </si>
  <si>
    <t>Shahamad Blouch</t>
  </si>
  <si>
    <t>GGPS Shahamad Blouch</t>
  </si>
  <si>
    <t>Shagufta khan</t>
  </si>
  <si>
    <t>GGPS SHAHBAZ ABAD</t>
  </si>
  <si>
    <t>Shehbaz Abad</t>
  </si>
  <si>
    <t>Shehbaz Abad, Rustam Sargana</t>
  </si>
  <si>
    <t>Farhat Bi Bi</t>
  </si>
  <si>
    <t>GGPS SHAHBAZ COLONY</t>
  </si>
  <si>
    <t>shahbaz colony mianwali</t>
  </si>
  <si>
    <t>Gorangi Wala</t>
  </si>
  <si>
    <t>Yard khelanwala Pakka</t>
  </si>
  <si>
    <t>Zakia Shaheen</t>
  </si>
  <si>
    <t>GGPS SHAHBAZ KHEL</t>
  </si>
  <si>
    <t>GGPS mohalla wazeerkhel shahbazkhel</t>
  </si>
  <si>
    <t>GGPS SHAHBAZ WALA</t>
  </si>
  <si>
    <t>shahbaz wala tehsil k.kot bhakkar</t>
  </si>
  <si>
    <t>Shahbaz wala</t>
  </si>
  <si>
    <t>GGPS SHAH-DE-BASTI</t>
  </si>
  <si>
    <t>MUTFARAQ Chahan</t>
  </si>
  <si>
    <t>GGPS SHAH DI BASTI</t>
  </si>
  <si>
    <t>SHAH De BASTI</t>
  </si>
  <si>
    <t>Rifat Gada</t>
  </si>
  <si>
    <t>GGPS SHAHEEDAN JANUBI</t>
  </si>
  <si>
    <t>ggps shaheedan janubi</t>
  </si>
  <si>
    <t>Shaheedan Janubi</t>
  </si>
  <si>
    <t>GGPS SHAHEEDI KOT</t>
  </si>
  <si>
    <t>Shaheedi Kot</t>
  </si>
  <si>
    <t>govt girls primary school shaheedi kot</t>
  </si>
  <si>
    <t>Shahida Mumtaz</t>
  </si>
  <si>
    <t>GGPS SHAHEEN ABAD</t>
  </si>
  <si>
    <t>ggps shaheenabad</t>
  </si>
  <si>
    <t>Ayesha Sattar</t>
  </si>
  <si>
    <t>GGPS SHAHEEN WALA</t>
  </si>
  <si>
    <t>GGPS shaheen abad tehsil kallur kot bhakkar</t>
  </si>
  <si>
    <t>GGPS SHAHI WALA NO.1</t>
  </si>
  <si>
    <t>Missonkot Bhuwa</t>
  </si>
  <si>
    <t>Basti urla missonkot bhuwa p/o sultanpur</t>
  </si>
  <si>
    <t>Urla</t>
  </si>
  <si>
    <t>GGPS SHAHI WALA NO.2</t>
  </si>
  <si>
    <t>shahi wala near Dera Makhdoom Altaf</t>
  </si>
  <si>
    <t>Quratul ain rasool</t>
  </si>
  <si>
    <t>GGPS SHAHIAN WALA</t>
  </si>
  <si>
    <t>ggps shahian wala</t>
  </si>
  <si>
    <t>Shahian wala</t>
  </si>
  <si>
    <t>Sadaf Norin</t>
  </si>
  <si>
    <t>GGPS SHAHID MODEL SAYYAD PUR MULTAN ROAD LHR</t>
  </si>
  <si>
    <t>Pur</t>
  </si>
  <si>
    <t>Ø³ÛŒØ¯ Ù¾ÙˆØ± Ù…Ù„ØªØ§Ù†Ø±ÙˆÚˆÙ„Ø§ÛÙˆØ±</t>
  </si>
  <si>
    <t>GGPS SHAHMAD</t>
  </si>
  <si>
    <t>ggps shahamad</t>
  </si>
  <si>
    <t>Shahmad</t>
  </si>
  <si>
    <t>GGPS SHAHU BLOCH</t>
  </si>
  <si>
    <t>Shahu Baloch</t>
  </si>
  <si>
    <t>shahu baloch pakpattan</t>
  </si>
  <si>
    <t>Anam Bilal</t>
  </si>
  <si>
    <t>GGPS SHAHZAD MODEL FARM</t>
  </si>
  <si>
    <t>WARD NO 6 M/C ROJHAN</t>
  </si>
  <si>
    <t>WARD NO 6</t>
  </si>
  <si>
    <t>MC ROJHAN</t>
  </si>
  <si>
    <t>GGPS SHAHZAD PUR</t>
  </si>
  <si>
    <t>Adeela Arif</t>
  </si>
  <si>
    <t>GGPS SHAHZADA</t>
  </si>
  <si>
    <t>shahzada village</t>
  </si>
  <si>
    <t>GGPS SHAHZADAY WALA</t>
  </si>
  <si>
    <t>Muhalla sabhagay wala basti shehzaday wala mauza pirharh sharqi</t>
  </si>
  <si>
    <t>Sabhagay wala</t>
  </si>
  <si>
    <t>Saima GHaffar</t>
  </si>
  <si>
    <t>GGPS SHAHZADIAN</t>
  </si>
  <si>
    <t>Basti shehzadian PO box khansir tehsil bhakkar</t>
  </si>
  <si>
    <t>Shehzadian</t>
  </si>
  <si>
    <t>GGPS SHAIKH ABDUL SATTAR</t>
  </si>
  <si>
    <t>basti sheikh abdul sattar kotla pathan</t>
  </si>
  <si>
    <t>Gari  Ikhtiyar  Khan</t>
  </si>
  <si>
    <t>Iqra Muneer</t>
  </si>
  <si>
    <t>GGPS SHAIKH PUR</t>
  </si>
  <si>
    <t>Shaikh pur</t>
  </si>
  <si>
    <t>tehsil pasrur district sialkot village shaikhpur</t>
  </si>
  <si>
    <t>Shaikhpur</t>
  </si>
  <si>
    <t>Chaharbajwa</t>
  </si>
  <si>
    <t>Ishrat Boota</t>
  </si>
  <si>
    <t>GGPS SHAIKH WALA</t>
  </si>
  <si>
    <t>adda salman wala bsti hafiz wala</t>
  </si>
  <si>
    <t>Gairay Wine</t>
  </si>
  <si>
    <t>Najma  Perveen</t>
  </si>
  <si>
    <t>GGPS SHAIKHAN WALA</t>
  </si>
  <si>
    <t>dera Ahmed nawaz school shaikhan wala uc pir Ashab</t>
  </si>
  <si>
    <t>Surraya Jabeen</t>
  </si>
  <si>
    <t>GGPS SHAIKHANA</t>
  </si>
  <si>
    <t>Sheikhana</t>
  </si>
  <si>
    <t>moza shiekhana 9 mile chiniot road jhang</t>
  </si>
  <si>
    <t>Shiekhana</t>
  </si>
  <si>
    <t>GGPS SHAIKHU PURA</t>
  </si>
  <si>
    <t>Sheikhupra</t>
  </si>
  <si>
    <t>p/o kassowala vill sheikhupra daska sialkot</t>
  </si>
  <si>
    <t>Malomahy</t>
  </si>
  <si>
    <t>Shamila Rafique</t>
  </si>
  <si>
    <t>GGPS SHAKAR GARH NO 2 ZIA ROAD</t>
  </si>
  <si>
    <t>Zia Road Shakargarh</t>
  </si>
  <si>
    <t>Zia road.  Skg</t>
  </si>
  <si>
    <t>Zobaida Bibi</t>
  </si>
  <si>
    <t>GGPS SHAKAR PARI PIPLAN</t>
  </si>
  <si>
    <t>Mulllah Mustfabad</t>
  </si>
  <si>
    <t>Mullah mustfbad shakrparian</t>
  </si>
  <si>
    <t>Tibba Mehrban</t>
  </si>
  <si>
    <t>GGPS SHAKARDARA NO. 2</t>
  </si>
  <si>
    <t>Shakardara</t>
  </si>
  <si>
    <t>Govt girls primary schoolshakardara</t>
  </si>
  <si>
    <t>Andleb Naz</t>
  </si>
  <si>
    <t>GGPS SHAKARKOT</t>
  </si>
  <si>
    <t>Shakarkot</t>
  </si>
  <si>
    <t>village shakarkot post office sirhal tehsil naushehra distt khushab</t>
  </si>
  <si>
    <t>Munazza  akhlaq</t>
  </si>
  <si>
    <t>GGPS SHAKH MADINA, ABDUL HAKIM</t>
  </si>
  <si>
    <t>Shakh Marina</t>
  </si>
  <si>
    <t>Shakhmadina</t>
  </si>
  <si>
    <t>GGPS SHAKOOR GARRAH SOHDRA</t>
  </si>
  <si>
    <t>Dst Gujranwala tehsel WZD PO Sohdra</t>
  </si>
  <si>
    <t>GGPS SHAKOORA ARAIN</t>
  </si>
  <si>
    <t>Basti Shkoora Arain, Tehsil Ahmadpur east District bahawalpur</t>
  </si>
  <si>
    <t>Basti Shkoora Arain</t>
  </si>
  <si>
    <t>mandhal</t>
  </si>
  <si>
    <t>Kouser Nawaz</t>
  </si>
  <si>
    <t>GGPS SHAKRANI</t>
  </si>
  <si>
    <t>Jumamohna</t>
  </si>
  <si>
    <t>Basti Allah Jawaya</t>
  </si>
  <si>
    <t>SAJIDA ANJUM</t>
  </si>
  <si>
    <t>GGPS SHAM DIN WAGHRA</t>
  </si>
  <si>
    <t>Wahgra</t>
  </si>
  <si>
    <t>Sham Din Wahgra Tehsile Depalpur District Okara</t>
  </si>
  <si>
    <t>Sham Din Wahgr</t>
  </si>
  <si>
    <t>GGPS SHAM KOT</t>
  </si>
  <si>
    <t>basti  shamkot hasilpur</t>
  </si>
  <si>
    <t>Sobia Ehsan</t>
  </si>
  <si>
    <t>GGPS SHAM KOT FACTORY, KABIRWALA</t>
  </si>
  <si>
    <t>Basti Shamkot</t>
  </si>
  <si>
    <t>G.G.P.S SHAMKOT FACTORY,KABIRWALA</t>
  </si>
  <si>
    <t>Shamkot Station</t>
  </si>
  <si>
    <t>GGPS SHAM KOT NAU</t>
  </si>
  <si>
    <t>Sham Kot Nau</t>
  </si>
  <si>
    <t>sham kot nau</t>
  </si>
  <si>
    <t>Jamshair Kalan</t>
  </si>
  <si>
    <t>GGPS SHAM LAT VINOKA</t>
  </si>
  <si>
    <t>shamlat vinoka</t>
  </si>
  <si>
    <t>wallah</t>
  </si>
  <si>
    <t>Naila bukhari</t>
  </si>
  <si>
    <t>GGPS SHAMA COLONY</t>
  </si>
  <si>
    <t>Shama Colony</t>
  </si>
  <si>
    <t>GGPS   Shama colony</t>
  </si>
  <si>
    <t>Aroop Town</t>
  </si>
  <si>
    <t>Shaheen Abad</t>
  </si>
  <si>
    <t>GGPS SHAMAS KAY</t>
  </si>
  <si>
    <t>Shamas Kay</t>
  </si>
  <si>
    <t>moza shamas kay p/o hujra shah muqeem tehsel depalpur district okara</t>
  </si>
  <si>
    <t>Jhujh Kallan</t>
  </si>
  <si>
    <t>Misbah Sadiq</t>
  </si>
  <si>
    <t>GGPS SHAMAS PURA</t>
  </si>
  <si>
    <t>Shams pura</t>
  </si>
  <si>
    <t>GGPS shamas pura</t>
  </si>
  <si>
    <t>Gid pur</t>
  </si>
  <si>
    <t>Salma boota</t>
  </si>
  <si>
    <t>GGPS SHAMIAL</t>
  </si>
  <si>
    <t>Shamial</t>
  </si>
  <si>
    <t>Ggps shamial Markaz Pira Fatehal Teh Tlagang Distt Chakwal</t>
  </si>
  <si>
    <t>Ismat Zahra</t>
  </si>
  <si>
    <t>GGPS SHAMIR DINGA</t>
  </si>
  <si>
    <t>shamir dinga post office kaleki Mandi tehsil and district hafizabad</t>
  </si>
  <si>
    <t>rafia amin</t>
  </si>
  <si>
    <t>GGPS SHAMKEY</t>
  </si>
  <si>
    <t>Shamkey Ferozwala</t>
  </si>
  <si>
    <t>Safia khanum</t>
  </si>
  <si>
    <t>GGPS SHAMMAN</t>
  </si>
  <si>
    <t>chah jaal wala moza shamman tehseel Mailsi</t>
  </si>
  <si>
    <t>Jaal Wala</t>
  </si>
  <si>
    <t>GGPS SHAMPUR</t>
  </si>
  <si>
    <t>SHAMPUR</t>
  </si>
  <si>
    <t>POST OFFICE SHAMPUR</t>
  </si>
  <si>
    <t>GGPS SHAMS ABAD P.O. KARYALA CHAKWAL</t>
  </si>
  <si>
    <t>village shamasabad p/o karayala tehsil kallar kahar district chakwal</t>
  </si>
  <si>
    <t>GGPS SHAMS MILLS</t>
  </si>
  <si>
    <t>Shams Mils</t>
  </si>
  <si>
    <t>GGPS Shams Mills</t>
  </si>
  <si>
    <t>GGPS SHAMS PURA</t>
  </si>
  <si>
    <t>Shams Pura</t>
  </si>
  <si>
    <t>college road Kasur</t>
  </si>
  <si>
    <t>Nazra Tabbsum</t>
  </si>
  <si>
    <t>GGPS SHAMSA</t>
  </si>
  <si>
    <t>Shamsa</t>
  </si>
  <si>
    <t>village shamsa post office Baddomalhi narowal</t>
  </si>
  <si>
    <t>GGPS SHAMSA ABAD</t>
  </si>
  <si>
    <t>Basti Nazir Ahmed Numberdar</t>
  </si>
  <si>
    <t>Aneela Mehvish</t>
  </si>
  <si>
    <t>GGPS SHAMSA CHEEMA</t>
  </si>
  <si>
    <t>village shamsa cheema tehsil daska disstt sialkot</t>
  </si>
  <si>
    <t>Maina Shahzadi</t>
  </si>
  <si>
    <t>GGPS SHAMSABAD MULTAN</t>
  </si>
  <si>
    <t>traf Mubarak 2</t>
  </si>
  <si>
    <t>new shamasabad colony Multan</t>
  </si>
  <si>
    <t>shamasabad</t>
  </si>
  <si>
    <t>Kalsoom Shahida</t>
  </si>
  <si>
    <t>GGPS SHAMSHAD ABAD</t>
  </si>
  <si>
    <t>shamshadabad</t>
  </si>
  <si>
    <t>Shamshadabad</t>
  </si>
  <si>
    <t>Zreena Noor</t>
  </si>
  <si>
    <t>GGPS SHAM-TALA</t>
  </si>
  <si>
    <t>basti Shamtala post office jhok bodo tehsil taunsa district dgkhan</t>
  </si>
  <si>
    <t>TUMAN QAISRANI MITHWAN</t>
  </si>
  <si>
    <t>GGPS SHANKER PUR</t>
  </si>
  <si>
    <t>Shanker Pur</t>
  </si>
  <si>
    <t>village shanker pur post office Bhagwal Awan  tehsil and district Sialkot</t>
  </si>
  <si>
    <t>GGPS SHARAL</t>
  </si>
  <si>
    <t>Sharal</t>
  </si>
  <si>
    <t>GGPS Sharal Vpo Bilalabad Tehsil Talagang District Chakwal</t>
  </si>
  <si>
    <t>FOZIA PERVEEN</t>
  </si>
  <si>
    <t>GGPS SHARBAGA</t>
  </si>
  <si>
    <t>Sharbaga</t>
  </si>
  <si>
    <t>sharbga</t>
  </si>
  <si>
    <t>Sharabaga</t>
  </si>
  <si>
    <t>Nudrat Nayab Rasheed</t>
  </si>
  <si>
    <t>GGPS SHAREEN</t>
  </si>
  <si>
    <t>mouz Shareen p/o sadar gogera Tehsil okara district okara</t>
  </si>
  <si>
    <t>Rehana Tabsam</t>
  </si>
  <si>
    <t>GGPS SHAREEN WALA</t>
  </si>
  <si>
    <t>Shareen wala</t>
  </si>
  <si>
    <t>Shareen Wala</t>
  </si>
  <si>
    <t>Talat Fatima</t>
  </si>
  <si>
    <t>GGPS SHARIF ABAD</t>
  </si>
  <si>
    <t>basti sharif abad</t>
  </si>
  <si>
    <t>Allah  Abad</t>
  </si>
  <si>
    <t>Gulshan  Bb</t>
  </si>
  <si>
    <t>GGPS SHARIF ARAIN</t>
  </si>
  <si>
    <t>Shareef Arain</t>
  </si>
  <si>
    <t>GGPS Shareef Arain</t>
  </si>
  <si>
    <t>Saba Naz</t>
  </si>
  <si>
    <t>GGPS SHARIF MOHALLA O-BLOCK</t>
  </si>
  <si>
    <t>O Block</t>
  </si>
  <si>
    <t>GGPS O.BLOCK ARIFWALA</t>
  </si>
  <si>
    <t>Urban  01</t>
  </si>
  <si>
    <t>TEHSEEN FATIMA</t>
  </si>
  <si>
    <t>GGPS SHARIF PURA GOJRA</t>
  </si>
  <si>
    <t>sharifpura</t>
  </si>
  <si>
    <t>Sharif pura Gojra</t>
  </si>
  <si>
    <t>MC Gojra</t>
  </si>
  <si>
    <t>Snober Batool</t>
  </si>
  <si>
    <t>GGPS SHARK WAH NOQABIL WAH</t>
  </si>
  <si>
    <t>Shark Wah</t>
  </si>
  <si>
    <t>ggps shark wah</t>
  </si>
  <si>
    <t>Gujran Wali</t>
  </si>
  <si>
    <t>Mari Bhago Khan</t>
  </si>
  <si>
    <t>Sumaira Sattar</t>
  </si>
  <si>
    <t>GGPS SHAROO WALA</t>
  </si>
  <si>
    <t>Chah sheroo wala</t>
  </si>
  <si>
    <t>Javeria Rasheed</t>
  </si>
  <si>
    <t>GGPS SHARQI ABADI</t>
  </si>
  <si>
    <t>Sharqi Aadi</t>
  </si>
  <si>
    <t>ggps sharqi abadi mustafa abad kasur</t>
  </si>
  <si>
    <t>Sharqi Abadi</t>
  </si>
  <si>
    <t>Municiple Committee Mustafa Abad</t>
  </si>
  <si>
    <t>GGPS SHARY KHEL CHAKRALA MIANWALI</t>
  </si>
  <si>
    <t>dhoak sheray khel</t>
  </si>
  <si>
    <t>Sheraay Khel</t>
  </si>
  <si>
    <t>GGPS SHAUKAT ABAD</t>
  </si>
  <si>
    <t>basti ShoukatAbad</t>
  </si>
  <si>
    <t>ShoukatAbad</t>
  </si>
  <si>
    <t>GGPS SHAUKAT HAYAT COLONY SARGODHA</t>
  </si>
  <si>
    <t>Shoukat Hayat  Colony Sgd</t>
  </si>
  <si>
    <t>shoukat hayat colony sgd</t>
  </si>
  <si>
    <t>Shoukat Hayat Colony</t>
  </si>
  <si>
    <t>Nosheen Shahid</t>
  </si>
  <si>
    <t>GGPS SHED COLONY</t>
  </si>
  <si>
    <t>changa manga</t>
  </si>
  <si>
    <t>Shed Colony</t>
  </si>
  <si>
    <t>Wan Khara</t>
  </si>
  <si>
    <t>Safia Shaeen</t>
  </si>
  <si>
    <t>GGPS SHEEN BAGH KALAN</t>
  </si>
  <si>
    <t>govet girls primary school sheenbagh kalan</t>
  </si>
  <si>
    <t>Sheen Bagh Klan</t>
  </si>
  <si>
    <t>Iram Amir</t>
  </si>
  <si>
    <t>GGPS SHEENA GHUND</t>
  </si>
  <si>
    <t>Londy Bangi Khel</t>
  </si>
  <si>
    <t>sheena ghund</t>
  </si>
  <si>
    <t>Sheena Ghund</t>
  </si>
  <si>
    <t>Raheela Akhtar</t>
  </si>
  <si>
    <t>GGPS SHEENH MAR</t>
  </si>
  <si>
    <t>basti sheenh mar mouza qadir wah markaz ratta tibba</t>
  </si>
  <si>
    <t>Sheenhmar</t>
  </si>
  <si>
    <t>GGPS SHEEREN MUAFI</t>
  </si>
  <si>
    <t>Shareen Muafi</t>
  </si>
  <si>
    <t>moza shareen muafi union council Awan kalan</t>
  </si>
  <si>
    <t>Misbah Naseer</t>
  </si>
  <si>
    <t>GGPS SHEHAN WALA</t>
  </si>
  <si>
    <t>Mari shahsakhira</t>
  </si>
  <si>
    <t>Shehanwala</t>
  </si>
  <si>
    <t>Mari Shahsakhira</t>
  </si>
  <si>
    <t>Rukhsana Asif</t>
  </si>
  <si>
    <t>GGPS SHEHLANI NO 1</t>
  </si>
  <si>
    <t>PS shehlani</t>
  </si>
  <si>
    <t>Shehlani</t>
  </si>
  <si>
    <t>Najma  Bi Bi</t>
  </si>
  <si>
    <t>GGPS SHEHRIK</t>
  </si>
  <si>
    <t>Shehrik</t>
  </si>
  <si>
    <t>village shehrik PO bajra garhi tehsile pasrur dist sialkot</t>
  </si>
  <si>
    <t>Zubeda Munawar</t>
  </si>
  <si>
    <t>GGPS SHEIK SUKHA</t>
  </si>
  <si>
    <t>GMPS Sheikh Sukha Gujrat</t>
  </si>
  <si>
    <t>Harianwala</t>
  </si>
  <si>
    <t>GGPS SHEIKH</t>
  </si>
  <si>
    <t>District Sargodha Tehsil Sahiwal P/o Sahibah Balouchan Village Shaikh</t>
  </si>
  <si>
    <t>Sheikh</t>
  </si>
  <si>
    <t>GGPS SHEIKH ABAD</t>
  </si>
  <si>
    <t>Maseetwala</t>
  </si>
  <si>
    <t>govt girls PS shiakbad</t>
  </si>
  <si>
    <t>Shakhbad</t>
  </si>
  <si>
    <t>GGPS SHEIKH ABDUL KHALIQ</t>
  </si>
  <si>
    <t>basti sheik abdul khaliq dakkhana allah abad teshil liaqat pur</t>
  </si>
  <si>
    <t>Basti Sheik Abdul Khaliq</t>
  </si>
  <si>
    <t>Kotalla Nawab</t>
  </si>
  <si>
    <t>Farzana Bukhari</t>
  </si>
  <si>
    <t>GGPS SHEIKH ALI</t>
  </si>
  <si>
    <t>Sheikh Ali</t>
  </si>
  <si>
    <t>sadaat colony near boys high school ali pur</t>
  </si>
  <si>
    <t>Zakiya Shaheen</t>
  </si>
  <si>
    <t>GGPS SHEIKH ALIKAY</t>
  </si>
  <si>
    <t>Sheikh Alikay</t>
  </si>
  <si>
    <t>sheikh alikay</t>
  </si>
  <si>
    <t>GGPS SHEIKH BHAGO</t>
  </si>
  <si>
    <t>Sheikh Bahgo</t>
  </si>
  <si>
    <t>village sheikh Bahgo kasur</t>
  </si>
  <si>
    <t>Sajeela Kanwal</t>
  </si>
  <si>
    <t>GGPS SHEIKH DA KOT</t>
  </si>
  <si>
    <t>SHEIKH  DA KOT</t>
  </si>
  <si>
    <t>SHEIKH.    DA. kOT</t>
  </si>
  <si>
    <t>SHAIKHH DA KoT  VILLAGE</t>
  </si>
  <si>
    <t>SULTANKAY</t>
  </si>
  <si>
    <t>GGPS SHEIKH DAWA</t>
  </si>
  <si>
    <t>Sheikh Dawa</t>
  </si>
  <si>
    <t>sheikh dawa haiderabad thall</t>
  </si>
  <si>
    <t>Erum Hayat</t>
  </si>
  <si>
    <t>GGPS SHEIKH FEROZWALA</t>
  </si>
  <si>
    <t>Bhor Shrif</t>
  </si>
  <si>
    <t>village sheikh ferozwala  tehsil isakhel district mianwali</t>
  </si>
  <si>
    <t>Sheikh Ferozwala</t>
  </si>
  <si>
    <t>Parveen AKhtar</t>
  </si>
  <si>
    <t>neighbour,s water pump</t>
  </si>
  <si>
    <t>GGPS SHEIKH IBRAHIM</t>
  </si>
  <si>
    <t>besti sheikh Ibrahim tahsil tunsa distrct dgk</t>
  </si>
  <si>
    <t>Sheikh Ibrahim</t>
  </si>
  <si>
    <t>Asifa Mumtaz</t>
  </si>
  <si>
    <t>GGPS SHEIKH JALEEL</t>
  </si>
  <si>
    <t>ggps shaikh jalil</t>
  </si>
  <si>
    <t>shaikh jalil</t>
  </si>
  <si>
    <t>haveli majoka</t>
  </si>
  <si>
    <t>GGPS SHEIKH PUR</t>
  </si>
  <si>
    <t>Sheikh Pur</t>
  </si>
  <si>
    <t>basti sheikh pur posted Khan garh muzaffargarh</t>
  </si>
  <si>
    <t>Sa day Wahin</t>
  </si>
  <si>
    <t>Shehnila Kausar</t>
  </si>
  <si>
    <t>GGPS SHEIKH PURA KOHNA</t>
  </si>
  <si>
    <t>Sheikh Pura Kohna</t>
  </si>
  <si>
    <t>sheikh pura kohna kasur</t>
  </si>
  <si>
    <t>GGPS SHEIKH PURA NAU</t>
  </si>
  <si>
    <t>Sheikh Pura Nau</t>
  </si>
  <si>
    <t>GGPS Sheikh Pura Nau Kasur</t>
  </si>
  <si>
    <t>GGPS SHEIKH UMED KOHNA</t>
  </si>
  <si>
    <t>village sheikh umad kohna</t>
  </si>
  <si>
    <t>Seikh Umad Kohna</t>
  </si>
  <si>
    <t>Rabia Karamat</t>
  </si>
  <si>
    <t>GGPS SHEIKH WAHIN</t>
  </si>
  <si>
    <t>dakkhana khas sheikwahan</t>
  </si>
  <si>
    <t>GGPS SHEIKH WAHIN NO. 1</t>
  </si>
  <si>
    <t>Tajpur</t>
  </si>
  <si>
    <t>adda sheikh wahan</t>
  </si>
  <si>
    <t>Shiekh Wahan</t>
  </si>
  <si>
    <t>Nasreen Jalil</t>
  </si>
  <si>
    <t>GGPS SHEIKH WALA</t>
  </si>
  <si>
    <t>Sadywain</t>
  </si>
  <si>
    <t>Moza Sadday waeen  UC Thatha Qureshi Basti Sheikh wala M Garh</t>
  </si>
  <si>
    <t>Sheikhwala</t>
  </si>
  <si>
    <t>Thathaqurashi</t>
  </si>
  <si>
    <t>Kathrine Sehar</t>
  </si>
  <si>
    <t>GGPS SHEIKH WALI</t>
  </si>
  <si>
    <t>Shiekhwali</t>
  </si>
  <si>
    <t>Govt girls primary school shiekhwali</t>
  </si>
  <si>
    <t>Tahira Shahin</t>
  </si>
  <si>
    <t>GGPS SHEIKHALI</t>
  </si>
  <si>
    <t>sheikhali</t>
  </si>
  <si>
    <t>g g p/so sheikhali</t>
  </si>
  <si>
    <t>wanbchran</t>
  </si>
  <si>
    <t>muzafrpur north</t>
  </si>
  <si>
    <t>GGPS SHEIKHAN WALA</t>
  </si>
  <si>
    <t>Tarikhel Kccha</t>
  </si>
  <si>
    <t>govt  girls p/s sheikhanwala p/o nouranga teh&amp;dist Mianwali</t>
  </si>
  <si>
    <t>Qureishian</t>
  </si>
  <si>
    <t>GGPS SHEIKHAN WALA MUZA TODARPUR SHUJABAD</t>
  </si>
  <si>
    <t>Basti Sheikhan wala Shujabad Multan</t>
  </si>
  <si>
    <t>Shaikhan wala</t>
  </si>
  <si>
    <t>GGPS SHEIKHO PURIAN</t>
  </si>
  <si>
    <t>Sheikhu Purian</t>
  </si>
  <si>
    <t>Sheikhu purian Usman wala</t>
  </si>
  <si>
    <t>GGPS SHEIKHO WALA MOUZA SHEIKHO WALA</t>
  </si>
  <si>
    <t>sheikhu wala</t>
  </si>
  <si>
    <t>Sheikhu Wala</t>
  </si>
  <si>
    <t>GGPS SHEIKHU</t>
  </si>
  <si>
    <t>Sheikhu</t>
  </si>
  <si>
    <t>GGPS SHEIKHU PUR</t>
  </si>
  <si>
    <t>Miran Abad</t>
  </si>
  <si>
    <t>Vill  sheikhupur po ladher teh Dina ditt jhelum</t>
  </si>
  <si>
    <t>Sheikhupur</t>
  </si>
  <si>
    <t>Ladher</t>
  </si>
  <si>
    <t>Nazia Manzoor</t>
  </si>
  <si>
    <t>GGPS SHEIKHU PURA</t>
  </si>
  <si>
    <t>Village Sheikhupura P/o Talwandi Bhindran Tehsil &amp; Dist. Narowal</t>
  </si>
  <si>
    <t>GGPS SHEIKHUPURA BEDAD</t>
  </si>
  <si>
    <t>goverment girls primary school sheikhupura bedad</t>
  </si>
  <si>
    <t>GGPS SHEKHAN WALA</t>
  </si>
  <si>
    <t>Daryakhan Dogar</t>
  </si>
  <si>
    <t>Ggps mohallah sheikhanwalan daryakhan</t>
  </si>
  <si>
    <t>Daryakhan</t>
  </si>
  <si>
    <t>Daryakhan 1</t>
  </si>
  <si>
    <t>GGPS SHENI WALA</t>
  </si>
  <si>
    <t>Shehni Wala</t>
  </si>
  <si>
    <t>village shehni wala p.o mandiala tegha teh kamonki distt. Gujranwala</t>
  </si>
  <si>
    <t>GGPS SHER BAHADUR WALA</t>
  </si>
  <si>
    <t>Tragrran Wala p/o Daadoo Wala Tehsil Kallur Kot Distt Bhakkar</t>
  </si>
  <si>
    <t>Tragrran Wala</t>
  </si>
  <si>
    <t>Electric motor,  hand pump</t>
  </si>
  <si>
    <t>GGPS SHER DIL CHOWK</t>
  </si>
  <si>
    <t>Maqame Hayat</t>
  </si>
  <si>
    <t>GG p/s sher dil chowk maqam e hayat</t>
  </si>
  <si>
    <t>Saeeda Firdous</t>
  </si>
  <si>
    <t>GGPS SHER GARRH</t>
  </si>
  <si>
    <t>Bhidwall Wala</t>
  </si>
  <si>
    <t>sher garh thal tehsil Mankera Dist. Bhakkar</t>
  </si>
  <si>
    <t>Dighana</t>
  </si>
  <si>
    <t>Hina Sikander</t>
  </si>
  <si>
    <t>GGPS SHER JANG KHELLAN WALA</t>
  </si>
  <si>
    <t>sawance</t>
  </si>
  <si>
    <t>GGPS SHER KAY BALA</t>
  </si>
  <si>
    <t>moza kohla p.o same tehsil district okara</t>
  </si>
  <si>
    <t>Sher kay  Bala</t>
  </si>
  <si>
    <t>GGPS SHER KHAN MALLA KHEL</t>
  </si>
  <si>
    <t>paka kamar mushani</t>
  </si>
  <si>
    <t>wandha sarmat khel dilla ameer wala kamar mushani</t>
  </si>
  <si>
    <t>wandha sarmat khel dilla ameer wala</t>
  </si>
  <si>
    <t>kamar mushani</t>
  </si>
  <si>
    <t>GGPS SHER KHAN, KABIRWALA</t>
  </si>
  <si>
    <t>basti ghalar chak sher khan</t>
  </si>
  <si>
    <t>Basti Ghalar</t>
  </si>
  <si>
    <t>Surriya Suleman</t>
  </si>
  <si>
    <t>GGPS SHER KOT DHOLAN</t>
  </si>
  <si>
    <t>Sherkot</t>
  </si>
  <si>
    <t>Sher kot p/o Dholan hithar tehsil and District kasur</t>
  </si>
  <si>
    <t>Sher Kot</t>
  </si>
  <si>
    <t>Salma Mansha</t>
  </si>
  <si>
    <t>GGPS SHER KOT KUD LATHI</t>
  </si>
  <si>
    <t>Bilal colony Jhawarian</t>
  </si>
  <si>
    <t>Kot  Bhai Khan</t>
  </si>
  <si>
    <t>GGPS SHER MUHAMMAD BUZDAR</t>
  </si>
  <si>
    <t>basti sher Muhammad buzdar nawan shumali choti zareen</t>
  </si>
  <si>
    <t>Sher Muhammad Buzdar</t>
  </si>
  <si>
    <t>GGPS SHER MUHAMMAD GHARIB SHAH</t>
  </si>
  <si>
    <t>sher muhammad gareeb shahb</t>
  </si>
  <si>
    <t>Sher Muhammad Gareeb Shah</t>
  </si>
  <si>
    <t>Amna Marium Akbar</t>
  </si>
  <si>
    <t>GGPS SHER MUHAMMAD MIRANI</t>
  </si>
  <si>
    <t>Ghanalar</t>
  </si>
  <si>
    <t>Basti Sher Muhammad.Mirani</t>
  </si>
  <si>
    <t>SherMuhammadMirani</t>
  </si>
  <si>
    <t>Adida Shaheen</t>
  </si>
  <si>
    <t>GGPS SHER NAGAR</t>
  </si>
  <si>
    <t>Shar Garh</t>
  </si>
  <si>
    <t>sher nagar moza shar garh</t>
  </si>
  <si>
    <t>Sher Nagar</t>
  </si>
  <si>
    <t>Bhutta Mohabat</t>
  </si>
  <si>
    <t>Azran bibi</t>
  </si>
  <si>
    <t>GGPS SHER PUR</t>
  </si>
  <si>
    <t>Govt Girls primary School Sher Pur</t>
  </si>
  <si>
    <t>Tehmina Mustafa</t>
  </si>
  <si>
    <t>GGPS SHER SHAHI</t>
  </si>
  <si>
    <t>Darkali Sher Shahi</t>
  </si>
  <si>
    <t>vill &amp; p/o govt girls primary school darkali sher shahi Teh kallar syedan Distt RWP</t>
  </si>
  <si>
    <t>Andleeb Kanwal</t>
  </si>
  <si>
    <t>GGPS SHER WALA KAHAR</t>
  </si>
  <si>
    <t>Shere Wala Kahar</t>
  </si>
  <si>
    <t>vpo shere wala kahar tehsil kalar kahar district chakwal</t>
  </si>
  <si>
    <t>Nargis Batool</t>
  </si>
  <si>
    <t>GGPS SHERA CHITRA</t>
  </si>
  <si>
    <t>Shera Chitra</t>
  </si>
  <si>
    <t>Shazia Shagufta</t>
  </si>
  <si>
    <t>GGPS SHERAN WALA</t>
  </si>
  <si>
    <t>sarishta nashaib</t>
  </si>
  <si>
    <t>ggps sheran wala</t>
  </si>
  <si>
    <t>sheran wala</t>
  </si>
  <si>
    <t>AMRA NASEEM</t>
  </si>
  <si>
    <t>GGPS SHERAN WALIDANI</t>
  </si>
  <si>
    <t>Dabak</t>
  </si>
  <si>
    <t>ggps shiran walidani</t>
  </si>
  <si>
    <t>Shiran Walidani</t>
  </si>
  <si>
    <t>Tumn Leghari Bala</t>
  </si>
  <si>
    <t>GGPS SHERGHAR KHURD</t>
  </si>
  <si>
    <t>Shar Ghar</t>
  </si>
  <si>
    <t>GGPS SHAR GHAR KHURD</t>
  </si>
  <si>
    <t>Shair Ghar Khurd</t>
  </si>
  <si>
    <t>Faiza Shareef</t>
  </si>
  <si>
    <t>GGPS SHERKAY ZAREEN</t>
  </si>
  <si>
    <t>Sher K Zaren</t>
  </si>
  <si>
    <t>sher k zaren</t>
  </si>
  <si>
    <t>Kishwar Malik</t>
  </si>
  <si>
    <t>GGPS SHERO JEEDA</t>
  </si>
  <si>
    <t>Shero Jeda</t>
  </si>
  <si>
    <t>P/O Begabanian village shero jeda path way kunjah.</t>
  </si>
  <si>
    <t>GGPS SHEROO KHANA</t>
  </si>
  <si>
    <t>Sheroo Kana</t>
  </si>
  <si>
    <t>Ramthamman</t>
  </si>
  <si>
    <t>NAZIA ARSLAN</t>
  </si>
  <si>
    <t>GGPS SHEROO KHEL WALA</t>
  </si>
  <si>
    <t>village sher Khan ghuranianwala p /o musa khel disst mianwali</t>
  </si>
  <si>
    <t>Sherokhel1122gmailcSheo khel</t>
  </si>
  <si>
    <t>GGPS SHERPUR</t>
  </si>
  <si>
    <t>Shairpur</t>
  </si>
  <si>
    <t>ggps sher pur</t>
  </si>
  <si>
    <t>Nadia Imdad</t>
  </si>
  <si>
    <t>GGPS SHERY WALA</t>
  </si>
  <si>
    <t>AALI WALA</t>
  </si>
  <si>
    <t>basti shery wala</t>
  </si>
  <si>
    <t>Shery wala</t>
  </si>
  <si>
    <t>Sajda Noreen</t>
  </si>
  <si>
    <t>GGPS SHEV PURA</t>
  </si>
  <si>
    <t>govt girls primary school shev pura</t>
  </si>
  <si>
    <t>Shev Pura</t>
  </si>
  <si>
    <t>Sharfan Begum</t>
  </si>
  <si>
    <t>GGPS SHIKAR PUR NO. 2</t>
  </si>
  <si>
    <t>OPPOSITE UNION COUNCIL SHIKAR PUR TEHSIL &amp; DISTRICT RAJANPUR</t>
  </si>
  <si>
    <t>Sumara Kanwal</t>
  </si>
  <si>
    <t>GGPS SHIMAR</t>
  </si>
  <si>
    <t>shimar</t>
  </si>
  <si>
    <t>g  g p s shimar</t>
  </si>
  <si>
    <t>Gunjial   Jnobee</t>
  </si>
  <si>
    <t>Rabia suleman</t>
  </si>
  <si>
    <t>GGPS SHIN BAGH KHURD</t>
  </si>
  <si>
    <t>Sheenbagh Khurd</t>
  </si>
  <si>
    <t>sheenbagh khurd</t>
  </si>
  <si>
    <t>GGPS SHIREEN ABAD (DANDOT RS)</t>
  </si>
  <si>
    <t>Dandot RS</t>
  </si>
  <si>
    <t>Shireen Abad Dandot RS</t>
  </si>
  <si>
    <t>Shireen Abad</t>
  </si>
  <si>
    <t>Nazneen Akhter</t>
  </si>
  <si>
    <t>GGPS SHIREEN ROBELA</t>
  </si>
  <si>
    <t>Shareen Rohela</t>
  </si>
  <si>
    <t>shareen Rohela</t>
  </si>
  <si>
    <t>GGPS SHOHRAT WALA</t>
  </si>
  <si>
    <t>Wardn o 14E chaah shohrat wala</t>
  </si>
  <si>
    <t>GGPS SHORE KOT</t>
  </si>
  <si>
    <t>KAMBER</t>
  </si>
  <si>
    <t>BASTI SHORKOT MAILSI</t>
  </si>
  <si>
    <t>DHAMAKKI</t>
  </si>
  <si>
    <t>Nabeela Ishtiaq</t>
  </si>
  <si>
    <t>GGPS SHORKOT CANTT NO. 1</t>
  </si>
  <si>
    <t>shor kot cantt</t>
  </si>
  <si>
    <t>GGPS SHRIF DEH</t>
  </si>
  <si>
    <t>Sharif Deh</t>
  </si>
  <si>
    <t>Basti Muhammad pur Mouza Sharif Deh GGPS Sharif Deh.</t>
  </si>
  <si>
    <t>Mahta Jhedo</t>
  </si>
  <si>
    <t>Syedha Fatima Batool</t>
  </si>
  <si>
    <t>GGPS SHRMON WALA</t>
  </si>
  <si>
    <t>mohala chshsharmonwala</t>
  </si>
  <si>
    <t>Chahsharmonwala</t>
  </si>
  <si>
    <t>Bhakkr3</t>
  </si>
  <si>
    <t>Nazrana Parveen</t>
  </si>
  <si>
    <t>GGPS SHUTIAN</t>
  </si>
  <si>
    <t>Dakhli Maibal Shareef Shutian</t>
  </si>
  <si>
    <t>Shutian</t>
  </si>
  <si>
    <t>Maibal Shareef</t>
  </si>
  <si>
    <t>Sarwary Begum</t>
  </si>
  <si>
    <t>GGPS SIAL JATTAN</t>
  </si>
  <si>
    <t>Sial Jattan</t>
  </si>
  <si>
    <t>GGPS SIAL JATTAN P/O Jahar</t>
  </si>
  <si>
    <t>Nazreena Liaqat</t>
  </si>
  <si>
    <t>GGPS SIAL PUR</t>
  </si>
  <si>
    <t>kararikot teh nd dist b Bhakkar</t>
  </si>
  <si>
    <t>Gulnaz Tabassum</t>
  </si>
  <si>
    <t>GGPS SIAL WALA</t>
  </si>
  <si>
    <t>chak no 612tda</t>
  </si>
  <si>
    <t>Basheer Kot</t>
  </si>
  <si>
    <t>Zulfqar Abad</t>
  </si>
  <si>
    <t>Sadia Samreen</t>
  </si>
  <si>
    <t>GGPS SIALAN</t>
  </si>
  <si>
    <t>Nawin Arian</t>
  </si>
  <si>
    <t>Gov't Girls Primary School Basti sialian</t>
  </si>
  <si>
    <t>Basti Sialian</t>
  </si>
  <si>
    <t>Amer pur</t>
  </si>
  <si>
    <t>SABIA PARVEEN</t>
  </si>
  <si>
    <t>GGPS SIDDIQUE MEHAR</t>
  </si>
  <si>
    <t>Wahid Bux Laar</t>
  </si>
  <si>
    <t>basti Jhaak, taj chawk near main highway</t>
  </si>
  <si>
    <t>Basti Jhaak</t>
  </si>
  <si>
    <t>Zahida Ramzan</t>
  </si>
  <si>
    <t>GGPS SIDDIQUE NAGAR SHAIR GARRH</t>
  </si>
  <si>
    <t>farooq nagar shergarh</t>
  </si>
  <si>
    <t>GGPS SIDDIQUE PURA</t>
  </si>
  <si>
    <t>Saddique Pura</t>
  </si>
  <si>
    <t>g g p S saddique pura  NAROWALâ€‹</t>
  </si>
  <si>
    <t>NAROWAL 1</t>
  </si>
  <si>
    <t>AbidaMumtaz Qureshi</t>
  </si>
  <si>
    <t>GGPS SIDDIQUE WALA QASBA MARAL ROAD MULTAN</t>
  </si>
  <si>
    <t>Basti Bahawl pur Sukha Multan</t>
  </si>
  <si>
    <t>GGPS siddiqe wala multan</t>
  </si>
  <si>
    <t>Siddique wala</t>
  </si>
  <si>
    <t>GGPS SIDHER</t>
  </si>
  <si>
    <t>Sidhar</t>
  </si>
  <si>
    <t>VPO SIDHAR TEH &amp; DISTT CHAKWAL</t>
  </si>
  <si>
    <t>um-e-habiba</t>
  </si>
  <si>
    <t>GGPS SIDHU PURA</t>
  </si>
  <si>
    <t>Ram Thamam</t>
  </si>
  <si>
    <t>sidhupura p/o ram thaman</t>
  </si>
  <si>
    <t>Ram Thaman</t>
  </si>
  <si>
    <t>GGPS SIDHU PURA, P/O QATAL PUR, SARAI SIDHU</t>
  </si>
  <si>
    <t>Sidhu Pura</t>
  </si>
  <si>
    <t>Ggps sidhu Pura dakhana qtal pur</t>
  </si>
  <si>
    <t>Qtal Pur</t>
  </si>
  <si>
    <t>GGPS SIDRIAL</t>
  </si>
  <si>
    <t>v.sidrial po Nathan malkan tehsil fatehjang distt attock</t>
  </si>
  <si>
    <t>GGPS SIGH</t>
  </si>
  <si>
    <t>Sigh</t>
  </si>
  <si>
    <t>sigh po vehoa DG khan</t>
  </si>
  <si>
    <t>GGPS SIHAL KHAINGER</t>
  </si>
  <si>
    <t>sahal khingar</t>
  </si>
  <si>
    <t>GGPS sahal khingar po daryala khaki</t>
  </si>
  <si>
    <t>jarmot kalan</t>
  </si>
  <si>
    <t>Shahnaz Fazal Karim</t>
  </si>
  <si>
    <t>GGPS SIHALA MINHAS</t>
  </si>
  <si>
    <t>Dara Kayal</t>
  </si>
  <si>
    <t>village sehala po khalabut teh gujarkhan Rwp</t>
  </si>
  <si>
    <t>Sehala Minhas</t>
  </si>
  <si>
    <t>Maryam Zahoor</t>
  </si>
  <si>
    <t>GGPS SIHOUR</t>
  </si>
  <si>
    <t>Sioure</t>
  </si>
  <si>
    <t>Village siour</t>
  </si>
  <si>
    <t>GGPS SIKANDAR PURA</t>
  </si>
  <si>
    <t>mahala nai abadi near hazro shah masjid</t>
  </si>
  <si>
    <t>Munciple Administration</t>
  </si>
  <si>
    <t>Nabeela Noreen</t>
  </si>
  <si>
    <t>GGPS SIKANDAR WALA</t>
  </si>
  <si>
    <t>Khansr</t>
  </si>
  <si>
    <t>chah sikandr wala</t>
  </si>
  <si>
    <t>Amrina Bibi</t>
  </si>
  <si>
    <t>GGPS SIKHAN WALA</t>
  </si>
  <si>
    <t>GGPS sukhawala</t>
  </si>
  <si>
    <t>Sukhanwala</t>
  </si>
  <si>
    <t>Sadia Tufail</t>
  </si>
  <si>
    <t>GGPS SIKHANI WALA</t>
  </si>
  <si>
    <t>BASTI SAKHANI</t>
  </si>
  <si>
    <t>Farkhanda Hamdani</t>
  </si>
  <si>
    <t>GGPS SIKKA COLONY</t>
  </si>
  <si>
    <t>Sikka Colony</t>
  </si>
  <si>
    <t>ggpssikka colony sgd</t>
  </si>
  <si>
    <t>Maqam E Hayat</t>
  </si>
  <si>
    <t>GGPS SILLA SYEDAN</t>
  </si>
  <si>
    <t>GGPS SILLA SYEDA</t>
  </si>
  <si>
    <t>Silla Syedan</t>
  </si>
  <si>
    <t>Farzeen Kousar</t>
  </si>
  <si>
    <t>GGPS SIMBAL</t>
  </si>
  <si>
    <t>village simbal p.o karooli tehsil kallar kahar district chakwal</t>
  </si>
  <si>
    <t>Simbal</t>
  </si>
  <si>
    <t>Fareeha Sameen</t>
  </si>
  <si>
    <t>GGPS SIMBLI RAJGAN</t>
  </si>
  <si>
    <t>Simbli Rajgan</t>
  </si>
  <si>
    <t>ggps simbli rajgan P.o diyal tehsil sohawa dist jehlum</t>
  </si>
  <si>
    <t>Shabana Rizwan</t>
  </si>
  <si>
    <t>GGPS SINDH GABOOL</t>
  </si>
  <si>
    <t>SINDH GABOOL</t>
  </si>
  <si>
    <t>SHIKARPUR</t>
  </si>
  <si>
    <t>SHAZIA ASGHAR</t>
  </si>
  <si>
    <t>GGPS SINGH PURA</t>
  </si>
  <si>
    <t>chak singh pura</t>
  </si>
  <si>
    <t>Qurat ul ain</t>
  </si>
  <si>
    <t>GGPS SINGLA</t>
  </si>
  <si>
    <t>Singla</t>
  </si>
  <si>
    <t>po Sarsal village Singla Tehsil Kharian District Gujrat</t>
  </si>
  <si>
    <t>Kishwar Aziz</t>
  </si>
  <si>
    <t>GGPS SIOKI</t>
  </si>
  <si>
    <t>Sioki</t>
  </si>
  <si>
    <t>Sioki Village</t>
  </si>
  <si>
    <t>GGPS SIPPRA</t>
  </si>
  <si>
    <t>sipra</t>
  </si>
  <si>
    <t>moza sipra byhni wali muhammad</t>
  </si>
  <si>
    <t>byhni wali muhammad</t>
  </si>
  <si>
    <t>lali pur</t>
  </si>
  <si>
    <t>Hafeez Fatima</t>
  </si>
  <si>
    <t>GGPS SIR THOKH</t>
  </si>
  <si>
    <t>Sir Thokh</t>
  </si>
  <si>
    <t>Block B dgk</t>
  </si>
  <si>
    <t>Iqra Nazir</t>
  </si>
  <si>
    <t>GGPS SIRAY</t>
  </si>
  <si>
    <t>Siray</t>
  </si>
  <si>
    <t>g.g p.s siray tehsil kamoki district gujranwala</t>
  </si>
  <si>
    <t>Abida abid</t>
  </si>
  <si>
    <t>GGPS SIRGRAN</t>
  </si>
  <si>
    <t>CHARHAN</t>
  </si>
  <si>
    <t>VILLAGE SAIRGRAN PO GULEHRA GALI TEHSIL MURREE</t>
  </si>
  <si>
    <t>SAIRGRAN</t>
  </si>
  <si>
    <t>Spring</t>
  </si>
  <si>
    <t>GGPS SIRHAL</t>
  </si>
  <si>
    <t>Sirhal</t>
  </si>
  <si>
    <t>GGPS Sirhal</t>
  </si>
  <si>
    <t>GGPS SIRIS WALA P/O LAR</t>
  </si>
  <si>
    <t>2 F</t>
  </si>
  <si>
    <t>post office lar</t>
  </si>
  <si>
    <t>Chah Siriswala</t>
  </si>
  <si>
    <t>Mussarat Akhter</t>
  </si>
  <si>
    <t>GGPS SIRKA</t>
  </si>
  <si>
    <t>v p o sirka</t>
  </si>
  <si>
    <t>Khatoon Bi Bi</t>
  </si>
  <si>
    <t>GGPS SITARA COLONY</t>
  </si>
  <si>
    <t>GGPS sitara colony 222 RB Faisalabad</t>
  </si>
  <si>
    <t>222 RB Sitara colony</t>
  </si>
  <si>
    <t>GGPS SIYAL</t>
  </si>
  <si>
    <t>GGPS SNAWAN</t>
  </si>
  <si>
    <t>CHAH KOHRI WALA NEAR PUL SHORIA D.G.KHAN</t>
  </si>
  <si>
    <t>KOHRI WALA</t>
  </si>
  <si>
    <t>SADIA GHOUS</t>
  </si>
  <si>
    <t>GGPS SOAK</t>
  </si>
  <si>
    <t>Soak</t>
  </si>
  <si>
    <t>GGPS Soak tehsil fateh jang district attock</t>
  </si>
  <si>
    <t>Shahrae Asadullah</t>
  </si>
  <si>
    <t>GGPS SODAGAR PUR</t>
  </si>
  <si>
    <t>Sodagar Pura</t>
  </si>
  <si>
    <t>sodagar pura p/o qila kalar wala tehsil pasrur district sialkot</t>
  </si>
  <si>
    <t>Shabana Kouser</t>
  </si>
  <si>
    <t>GGPS SODAH TANKI</t>
  </si>
  <si>
    <t>Shahar Fareed</t>
  </si>
  <si>
    <t>G. G. P. S soda tainki chishtian</t>
  </si>
  <si>
    <t>Soda Tainki</t>
  </si>
  <si>
    <t>Umber Sohail</t>
  </si>
  <si>
    <t>GGPS SODANA</t>
  </si>
  <si>
    <t>Sodana</t>
  </si>
  <si>
    <t>village sodana the pindi bhattian distt hafizabad</t>
  </si>
  <si>
    <t>Anser Batool</t>
  </si>
  <si>
    <t>GGPS SODHI BALA</t>
  </si>
  <si>
    <t>HarDo Sodhi</t>
  </si>
  <si>
    <t>village and post office Sochi bala</t>
  </si>
  <si>
    <t>Sodhi bala</t>
  </si>
  <si>
    <t>Irum Ahmed</t>
  </si>
  <si>
    <t>GGPS SODHI ZAREEN</t>
  </si>
  <si>
    <t>Sodhi zereen</t>
  </si>
  <si>
    <t>har do sodhi teh Naushera District Khushab</t>
  </si>
  <si>
    <t>Attia Naz</t>
  </si>
  <si>
    <t>GGPS SODI KAY</t>
  </si>
  <si>
    <t>Sodi Kay</t>
  </si>
  <si>
    <t>chack  sodi kay basir pur road haveli lakha</t>
  </si>
  <si>
    <t>Shahamand</t>
  </si>
  <si>
    <t>GGPS SODI WALA</t>
  </si>
  <si>
    <t>sodi Wala check no 35R.B</t>
  </si>
  <si>
    <t>Sodi Wala</t>
  </si>
  <si>
    <t>Mudassar Jabeen</t>
  </si>
  <si>
    <t>GGPS SODIAN WALI</t>
  </si>
  <si>
    <t>Ganga singh</t>
  </si>
  <si>
    <t>Basti sodian wali</t>
  </si>
  <si>
    <t>Sodian wali</t>
  </si>
  <si>
    <t>Aliya Noreen</t>
  </si>
  <si>
    <t>GGPS SOGADATT</t>
  </si>
  <si>
    <t>Sogadatt</t>
  </si>
  <si>
    <t>vill and po sogadatt</t>
  </si>
  <si>
    <t>GGPS SOHA JUNJ</t>
  </si>
  <si>
    <t>Sohajhunj</t>
  </si>
  <si>
    <t>sohajhunj tehsil kaloor kot disst bhakkar</t>
  </si>
  <si>
    <t>Soha jhunj</t>
  </si>
  <si>
    <t>Chack No 63/dB</t>
  </si>
  <si>
    <t>GGPS SOHAIL SINGH</t>
  </si>
  <si>
    <t>Sohil Singh</t>
  </si>
  <si>
    <t>ggps sohil singh</t>
  </si>
  <si>
    <t>Baste Padam Pura</t>
  </si>
  <si>
    <t>Kabootre</t>
  </si>
  <si>
    <t>Uzma Shafique</t>
  </si>
  <si>
    <t>GGPS SOHAIR V PO KHARA</t>
  </si>
  <si>
    <t>SOHAIR</t>
  </si>
  <si>
    <t>Mussarat Tazeem</t>
  </si>
  <si>
    <t>GGPS SOHAL KALAN</t>
  </si>
  <si>
    <t>Sohal Kalan</t>
  </si>
  <si>
    <t>GGPS sohal kalan Ajniyawala</t>
  </si>
  <si>
    <t>Ajniyawala</t>
  </si>
  <si>
    <t>Khadija Riasat Awan</t>
  </si>
  <si>
    <t>GGPS SOHAR DUF</t>
  </si>
  <si>
    <t>Basti sohrduff barthi teible area</t>
  </si>
  <si>
    <t>Sohrduff</t>
  </si>
  <si>
    <t>GGPS SOHARWARDIA</t>
  </si>
  <si>
    <t>Rasheed Pura</t>
  </si>
  <si>
    <t>Soharwardia Girls primary school Rasheed pura lahore</t>
  </si>
  <si>
    <t>Rasheed pura lahore</t>
  </si>
  <si>
    <t>Shahida Naseem</t>
  </si>
  <si>
    <t>GGPS SOHAWA</t>
  </si>
  <si>
    <t>village sohawa,PO Mohra Hayat</t>
  </si>
  <si>
    <t>Iram Nasim</t>
  </si>
  <si>
    <t>GGPS SOHAWA JAMLANI</t>
  </si>
  <si>
    <t>Mandibahadin</t>
  </si>
  <si>
    <t>sohawa jamlani post office sohawa bolani</t>
  </si>
  <si>
    <t>Sohawa Jamlani</t>
  </si>
  <si>
    <t>Sohawa Diloana</t>
  </si>
  <si>
    <t>Nazia Aziz</t>
  </si>
  <si>
    <t>GGPS SOHAWA WARRIACHAN</t>
  </si>
  <si>
    <t>SOHAWA warrichan</t>
  </si>
  <si>
    <t>vpo SOHAWA warrichan TAH PHALIA DISTRICT M.B.DIN</t>
  </si>
  <si>
    <t>Madiha Asghar</t>
  </si>
  <si>
    <t>GGPS SOHAWARA</t>
  </si>
  <si>
    <t>Sohawara</t>
  </si>
  <si>
    <t>Govt Girls Primary School Sohawara</t>
  </si>
  <si>
    <t>Sohawra</t>
  </si>
  <si>
    <t>Sadia Basheer</t>
  </si>
  <si>
    <t>GGPS SOHAY WALA</t>
  </si>
  <si>
    <t>muhammad Bilal mohala jhroli kallur kot</t>
  </si>
  <si>
    <t>Sohay Wala</t>
  </si>
  <si>
    <t>GGPS SOHMAL NASHAIB</t>
  </si>
  <si>
    <t>GGPS SEHMAL NASHAIB</t>
  </si>
  <si>
    <t>Basti merani</t>
  </si>
  <si>
    <t>Anees umber</t>
  </si>
  <si>
    <t>GGPS SOHNAY WALA</t>
  </si>
  <si>
    <t>Basti Arbi</t>
  </si>
  <si>
    <t>Basti Arbi P/O Makhdoom Rasheed, Tehsil Multan Saddar, District Multan</t>
  </si>
  <si>
    <t>Salma Jamil</t>
  </si>
  <si>
    <t>GGPS SOHNI PURA SARGODHA</t>
  </si>
  <si>
    <t>Sonipura</t>
  </si>
  <si>
    <t>GOVT GIRLS PRIMARY SCHOOL SONIPURA SARGODHA</t>
  </si>
  <si>
    <t>Abida shaheen</t>
  </si>
  <si>
    <t>GGPS SOHRAB KHELLAN WALA</t>
  </si>
  <si>
    <t>SOHRAB KHELAN WALA</t>
  </si>
  <si>
    <t>SAWANCE DERA SOHRAB KHELAN WALA</t>
  </si>
  <si>
    <t>Gull e Anbreen Shahzadi</t>
  </si>
  <si>
    <t>GGPS SOHRAB WALA</t>
  </si>
  <si>
    <t>sohrabwala</t>
  </si>
  <si>
    <t>Sohrabwala</t>
  </si>
  <si>
    <t>Safder Begum</t>
  </si>
  <si>
    <t>GGPS SOHRI WALA</t>
  </si>
  <si>
    <t>Sodri</t>
  </si>
  <si>
    <t>ggps Sohri Wala kamarmushani</t>
  </si>
  <si>
    <t>Naseem Saba</t>
  </si>
  <si>
    <t>GGPS SOIAN</t>
  </si>
  <si>
    <t>Soain</t>
  </si>
  <si>
    <t>soian</t>
  </si>
  <si>
    <t>Soian</t>
  </si>
  <si>
    <t>GGPS SOJHANDA</t>
  </si>
  <si>
    <t>Chhoi Gharyala</t>
  </si>
  <si>
    <t>GGPS Sojhanda</t>
  </si>
  <si>
    <t>Sojhanda</t>
  </si>
  <si>
    <t>Nabeela Siddique</t>
  </si>
  <si>
    <t>GGPS SOJHLA TANWARI</t>
  </si>
  <si>
    <t>sojhla tanvri</t>
  </si>
  <si>
    <t>basti numbrdaar</t>
  </si>
  <si>
    <t>khurrum pur</t>
  </si>
  <si>
    <t>Asfa Akbar</t>
  </si>
  <si>
    <t>GGPS SOJHLAY WALA</t>
  </si>
  <si>
    <t>Sikender Wala</t>
  </si>
  <si>
    <t>Basti shaukat abad</t>
  </si>
  <si>
    <t>GGPS SOLANGI AWAN</t>
  </si>
  <si>
    <t>solingi awan</t>
  </si>
  <si>
    <t>ggps solingi awan</t>
  </si>
  <si>
    <t>Solingi Awan</t>
  </si>
  <si>
    <t>GGPS SOLGI, KABIRWALA</t>
  </si>
  <si>
    <t>Solgi</t>
  </si>
  <si>
    <t>ggps solgi</t>
  </si>
  <si>
    <t>5kassi</t>
  </si>
  <si>
    <t>Taslim Akhtar</t>
  </si>
  <si>
    <t>GGPS SOLY VAND</t>
  </si>
  <si>
    <t>Solivand</t>
  </si>
  <si>
    <t>village solivand post office chimman teh kharian dist gujrat</t>
  </si>
  <si>
    <t>Aqsa Javed</t>
  </si>
  <si>
    <t>GGPS SOMAN JADEED SHUJABAD</t>
  </si>
  <si>
    <t>bastilangrah moza soman tehsil shujabad diss multan</t>
  </si>
  <si>
    <t>Langrah</t>
  </si>
  <si>
    <t>GGPS SOMEEGE</t>
  </si>
  <si>
    <t>someej</t>
  </si>
  <si>
    <t>SHAZIA ANDLEEB</t>
  </si>
  <si>
    <t>GGPS SONA MEHR</t>
  </si>
  <si>
    <t>Gheemi</t>
  </si>
  <si>
    <t>ggps Sona mahar</t>
  </si>
  <si>
    <t>Basti Sona Mahar</t>
  </si>
  <si>
    <t>GGPS SONAY WALA</t>
  </si>
  <si>
    <t>Bhubhar Mustaqil</t>
  </si>
  <si>
    <t>Basti chah sonay Wala near bypass Tariq Chok kot adu</t>
  </si>
  <si>
    <t>Chah Sonay Wala</t>
  </si>
  <si>
    <t>Ummara Kiran</t>
  </si>
  <si>
    <t>GGPS SONHARA SHAH</t>
  </si>
  <si>
    <t>Sonhara Shah</t>
  </si>
  <si>
    <t>sonhara shah</t>
  </si>
  <si>
    <t>Iram Bukhari</t>
  </si>
  <si>
    <t>GGPS SOOD</t>
  </si>
  <si>
    <t>Sood</t>
  </si>
  <si>
    <t>GGPS Sood</t>
  </si>
  <si>
    <t>Jamila  Kousar</t>
  </si>
  <si>
    <t>GGPS SOOK KHURD</t>
  </si>
  <si>
    <t>Sook Khurd</t>
  </si>
  <si>
    <t>village sook khurd</t>
  </si>
  <si>
    <t>Farah Shoukat</t>
  </si>
  <si>
    <t>GGPS SORA GULAN KHEL</t>
  </si>
  <si>
    <t>village sora post office Iskanderabad</t>
  </si>
  <si>
    <t>Pakisha Mardan</t>
  </si>
  <si>
    <t>GGPS SORHA</t>
  </si>
  <si>
    <t>Sorha</t>
  </si>
  <si>
    <t>post office bharti village sorha</t>
  </si>
  <si>
    <t>Rashida Kamal</t>
  </si>
  <si>
    <t>GGPS SORRA</t>
  </si>
  <si>
    <t>sora</t>
  </si>
  <si>
    <t>ggps sora</t>
  </si>
  <si>
    <t>kharpha</t>
  </si>
  <si>
    <t>Irfana Shaheen</t>
  </si>
  <si>
    <t>GGPS SORRAY</t>
  </si>
  <si>
    <t>Sorray</t>
  </si>
  <si>
    <t>moza sora</t>
  </si>
  <si>
    <t>Naseem Perveen</t>
  </si>
  <si>
    <t>GGPS SORRKUP PO NOTAK</t>
  </si>
  <si>
    <t>Sawarkup</t>
  </si>
  <si>
    <t>sawarkap post office basti bakhtawar</t>
  </si>
  <si>
    <t>Saima  Akif</t>
  </si>
  <si>
    <t>GGPS SOSCIAN</t>
  </si>
  <si>
    <t>Soscian</t>
  </si>
  <si>
    <t>village Soscian post office dhuman tehsil and distt chakwal</t>
  </si>
  <si>
    <t>GGPS SOTAY WALA</t>
  </si>
  <si>
    <t>ggps sotay wala</t>
  </si>
  <si>
    <t>Sotay Wala</t>
  </si>
  <si>
    <t>Miss Razia Sardar</t>
  </si>
  <si>
    <t>GGPS SOUNH</t>
  </si>
  <si>
    <t>Mehangal</t>
  </si>
  <si>
    <t>village sounh PO Box khas Bhanatti Tehsil Murree District Rawalpindi</t>
  </si>
  <si>
    <t>Sounh</t>
  </si>
  <si>
    <t>carrying</t>
  </si>
  <si>
    <t>GGPS SOUNTY</t>
  </si>
  <si>
    <t>Sounty</t>
  </si>
  <si>
    <t>Village
Sounty</t>
  </si>
  <si>
    <t>GGPS SRAI SHAH FATEH</t>
  </si>
  <si>
    <t>Saray Shah Fateh</t>
  </si>
  <si>
    <t>Saray shah fateh</t>
  </si>
  <si>
    <t>KINZA MUBARAK</t>
  </si>
  <si>
    <t>GGPS STADIUM TOWN VEHARI</t>
  </si>
  <si>
    <t>stadium town vehari</t>
  </si>
  <si>
    <t>colge town</t>
  </si>
  <si>
    <t>taimoor shaheed colony vehari</t>
  </si>
  <si>
    <t>shabana Anwar</t>
  </si>
  <si>
    <t>GGPS STANDARD CHILDREN DHARAM PURA</t>
  </si>
  <si>
    <t>Aziz Batti Town</t>
  </si>
  <si>
    <t>Govt Standard Children primary school street no,6 Mustafabad lahore</t>
  </si>
  <si>
    <t>Samina Gillani</t>
  </si>
  <si>
    <t>GGPS STATION GURMANI</t>
  </si>
  <si>
    <t>gurmani sharqi tehsil kot adu distt muzaffar garh</t>
  </si>
  <si>
    <t>Safeena Ramzan</t>
  </si>
  <si>
    <t>GGPS SUBAY KHAN</t>
  </si>
  <si>
    <t>Basti Sobay Khan</t>
  </si>
  <si>
    <t>shehr sobay khan, khan pur</t>
  </si>
  <si>
    <t>Sobay Khan</t>
  </si>
  <si>
    <t>Gehna Laar</t>
  </si>
  <si>
    <t>Maryam Bashir</t>
  </si>
  <si>
    <t>GGPS SUBJAL</t>
  </si>
  <si>
    <t>Subjal</t>
  </si>
  <si>
    <t>village subjal po gaggan tehsil fateh jang district attack</t>
  </si>
  <si>
    <t>Naila Naz</t>
  </si>
  <si>
    <t>GGPS SUFI HUSSAIN WALA, KABIRWALA</t>
  </si>
  <si>
    <t>Chaksherkhan</t>
  </si>
  <si>
    <t>khu kore wala mouza chak sher khan teh kabirwala</t>
  </si>
  <si>
    <t>Khu Kore Wala</t>
  </si>
  <si>
    <t>shazia ishaq</t>
  </si>
  <si>
    <t>GGPS SUGAR MILLS COLONY</t>
  </si>
  <si>
    <t>GGPS sugar mills colony toba road jhang</t>
  </si>
  <si>
    <t>Miss Samina Tufail</t>
  </si>
  <si>
    <t>GGPS SUGHRAH</t>
  </si>
  <si>
    <t>SUGHRA, POST OFFICE MITHWAN TRIBAL AREA TOUNSA</t>
  </si>
  <si>
    <t>Rabia Afzal</t>
  </si>
  <si>
    <t>GGPS SUI WALA</t>
  </si>
  <si>
    <t>p/o qureshi wala lodhran</t>
  </si>
  <si>
    <t>Sui Wala</t>
  </si>
  <si>
    <t>Wahi Imam Bux</t>
  </si>
  <si>
    <t>GGPS SUJOWAL</t>
  </si>
  <si>
    <t>sujowal</t>
  </si>
  <si>
    <t>GGPS SUKHAIL</t>
  </si>
  <si>
    <t>GGPS Sukhail ,Basti sukhail,moza sukhail</t>
  </si>
  <si>
    <t>Sidra Fazal</t>
  </si>
  <si>
    <t>GGPS SUKHAN WALA</t>
  </si>
  <si>
    <t>sukhanana sheikhupura</t>
  </si>
  <si>
    <t>Sukhanana</t>
  </si>
  <si>
    <t>GGPS SUKHAY SHAH</t>
  </si>
  <si>
    <t>sukha Shah Nashaib</t>
  </si>
  <si>
    <t>Sukha Shah Nashaib</t>
  </si>
  <si>
    <t>Angra Dagar</t>
  </si>
  <si>
    <t>GGPS SUKHEKE GAON</t>
  </si>
  <si>
    <t>Sukhekhi Gown</t>
  </si>
  <si>
    <t>GGPS sukhekhi gawon</t>
  </si>
  <si>
    <t>Sukhekhi Gawon</t>
  </si>
  <si>
    <t>Sukhekhi Mandi</t>
  </si>
  <si>
    <t>GGPS SUKHNIAN</t>
  </si>
  <si>
    <t>Sukhnian</t>
  </si>
  <si>
    <t>Sukhnian p/o Jourian Kalan govt girls primary school Sukhnian</t>
  </si>
  <si>
    <t>Mehak Jabbeen</t>
  </si>
  <si>
    <t>GGPS SUKHOKAY GORAYA</t>
  </si>
  <si>
    <t>Sakhokay</t>
  </si>
  <si>
    <t>Sakhokay goraya</t>
  </si>
  <si>
    <t>Sakhokay  Goraya</t>
  </si>
  <si>
    <t>Maria Ashfaq</t>
  </si>
  <si>
    <t>GGPS SUKWAN</t>
  </si>
  <si>
    <t>Sukhwan</t>
  </si>
  <si>
    <t>post office haddowali village sukhwan tehsil jand Attock</t>
  </si>
  <si>
    <t>Ishrat Yasmeen</t>
  </si>
  <si>
    <t>GGPS SULEMAN ABAD</t>
  </si>
  <si>
    <t>sulemanabad</t>
  </si>
  <si>
    <t>Khanpurwadhera</t>
  </si>
  <si>
    <t>GGPS SULTAN</t>
  </si>
  <si>
    <t>Sultan</t>
  </si>
  <si>
    <t>Govt girls primary school sultan</t>
  </si>
  <si>
    <t>laila zubairi</t>
  </si>
  <si>
    <t>GGPS SULTAN ABAD, KABIRWALA</t>
  </si>
  <si>
    <t>GGPS Sultanabad</t>
  </si>
  <si>
    <t>Naorang Shah</t>
  </si>
  <si>
    <t>Salma Yasmeen</t>
  </si>
  <si>
    <t>GGPS SULTAN AHMAD WALA</t>
  </si>
  <si>
    <t>Vichven</t>
  </si>
  <si>
    <t>ggps sultan Ahmad wala vichven</t>
  </si>
  <si>
    <t>19db</t>
  </si>
  <si>
    <t>Sabiha Barkat</t>
  </si>
  <si>
    <t>GGPS SULTAN KHEL GHARBI</t>
  </si>
  <si>
    <t>Sultan Khel Gharbi</t>
  </si>
  <si>
    <t>p/o makerwal sultan khel tehsil essa khel district mianwali</t>
  </si>
  <si>
    <t>GGPS SULTAN LASHARI</t>
  </si>
  <si>
    <t>Sultan Lashari</t>
  </si>
  <si>
    <t>Govt girls primary school moza sultan lashari</t>
  </si>
  <si>
    <t>Jabwana</t>
  </si>
  <si>
    <t>GGPS SULTAN MAHMOOD WALA</t>
  </si>
  <si>
    <t>Tiba Mustaqil Darmiyani</t>
  </si>
  <si>
    <t>near hanjra house d.d.p</t>
  </si>
  <si>
    <t>Hanjra House Khaji Wala</t>
  </si>
  <si>
    <t>Shabana Jahangir</t>
  </si>
  <si>
    <t>GGPS SULTAN MEHMOOD WALI</t>
  </si>
  <si>
    <t>BastiBager Wala Mauza Bahadur Garh D.G.Khan</t>
  </si>
  <si>
    <t>Bager Wala</t>
  </si>
  <si>
    <t>GGPS SULTAN PUR AWAN</t>
  </si>
  <si>
    <t>Abida Farooq</t>
  </si>
  <si>
    <t>GGPS SULTAN PUR HAMAR MULTAN</t>
  </si>
  <si>
    <t>Ggps sultan pur Hammar Multan.</t>
  </si>
  <si>
    <t>Sultan Pur Hammar</t>
  </si>
  <si>
    <t>GGPS SULTAN PUR NO. 2</t>
  </si>
  <si>
    <t>City Alipur</t>
  </si>
  <si>
    <t>near telephone exchange road Alipur</t>
  </si>
  <si>
    <t>Municipal Committee Alipur</t>
  </si>
  <si>
    <t>Mussarat Mehmooda</t>
  </si>
  <si>
    <t>GGPS SULTAN PUR NO. 3</t>
  </si>
  <si>
    <t>Mison Cot Boha</t>
  </si>
  <si>
    <t>basti kothy wala  uc&amp;moza mison cot boha  sultan pur tahsil ali pur</t>
  </si>
  <si>
    <t>Kothy Wala Sultan Pur</t>
  </si>
  <si>
    <t>uzma naz</t>
  </si>
  <si>
    <t>GGPS SULTAN PUR NOON</t>
  </si>
  <si>
    <t>Sultan Pur Noon</t>
  </si>
  <si>
    <t>sultan pur noon,bhalwal</t>
  </si>
  <si>
    <t>GGPS SULTAN PURA GOJRA</t>
  </si>
  <si>
    <t>Govt Govt primary school sultan pura</t>
  </si>
  <si>
    <t>UC 24</t>
  </si>
  <si>
    <t>GGPS SULTAN SHAH WALA</t>
  </si>
  <si>
    <t>Sultan Shah Wala</t>
  </si>
  <si>
    <t>village Sultan shah wala p /o mahalam kalan dist kasur tehsil kasur</t>
  </si>
  <si>
    <t>GGPS SULTAN THERAJ, ABDUL HAKIM</t>
  </si>
  <si>
    <t>Sulta Theraj</t>
  </si>
  <si>
    <t>Sultan theraj markaz kot islam teh kabirwala district khanewal</t>
  </si>
  <si>
    <t>Sultan Theraj</t>
  </si>
  <si>
    <t>Khunsa Bibi</t>
  </si>
  <si>
    <t>GGPS SULTAN VEEHA</t>
  </si>
  <si>
    <t>Habib Shah</t>
  </si>
  <si>
    <t>govt.girls primery school sultan veha.</t>
  </si>
  <si>
    <t>Sultan Veha</t>
  </si>
  <si>
    <t>GGPS SULTAN WALA</t>
  </si>
  <si>
    <t>GGPS Sultan Wala</t>
  </si>
  <si>
    <t>Dagar Aulkha</t>
  </si>
  <si>
    <t>SADIA HUMA</t>
  </si>
  <si>
    <t>GGPS SULTAN WALA NO. 2</t>
  </si>
  <si>
    <t>Darya khan Dagar</t>
  </si>
  <si>
    <t>mohalla mahota wala</t>
  </si>
  <si>
    <t>Zarmina Khan</t>
  </si>
  <si>
    <t>GGPS SULTAN WALA SHARQI</t>
  </si>
  <si>
    <t>GGPS sultanwalasharqi</t>
  </si>
  <si>
    <t>GGPS SULTANI WALA</t>
  </si>
  <si>
    <t>Markaz aali wala tehsil kotchuta</t>
  </si>
  <si>
    <t>Chah Jhok Wala</t>
  </si>
  <si>
    <t>Anmol Zahra</t>
  </si>
  <si>
    <t>GGPS SUMANDAR</t>
  </si>
  <si>
    <t>Sammunder</t>
  </si>
  <si>
    <t>moza sammunder tehsil bhowsana dist chiniot</t>
  </si>
  <si>
    <t>Naheeda Khatoon</t>
  </si>
  <si>
    <t>GGPS SUMANDARI KALAN</t>
  </si>
  <si>
    <t>Sumandri Kalan</t>
  </si>
  <si>
    <t>GGPS sumandri Kalan</t>
  </si>
  <si>
    <t>GGPS SUMANDARI NO.2</t>
  </si>
  <si>
    <t>Thatha</t>
  </si>
  <si>
    <t>adda samandri choti zareen</t>
  </si>
  <si>
    <t>Adda Samandri</t>
  </si>
  <si>
    <t>GGPS SUMBAL</t>
  </si>
  <si>
    <t>Sumbal</t>
  </si>
  <si>
    <t>village sumbal p.o. maira mohra tehsil distric rwp</t>
  </si>
  <si>
    <t>Takht  Pari</t>
  </si>
  <si>
    <t>GGPS SUMBAL PUR</t>
  </si>
  <si>
    <t>Sumbalnpur</t>
  </si>
  <si>
    <t>sumbal pur</t>
  </si>
  <si>
    <t>Sumbal Pur</t>
  </si>
  <si>
    <t>GGPS SUMMRAN</t>
  </si>
  <si>
    <t>Samraw</t>
  </si>
  <si>
    <t>samraw</t>
  </si>
  <si>
    <t>Sammraw</t>
  </si>
  <si>
    <t>Tasleem Riaz</t>
  </si>
  <si>
    <t>GGPS SUMRA NASHAIB</t>
  </si>
  <si>
    <t>sumra nashaib</t>
  </si>
  <si>
    <t>sumra nashaib janubi old layyah</t>
  </si>
  <si>
    <t>basti zangaiza</t>
  </si>
  <si>
    <t>saima yameen</t>
  </si>
  <si>
    <t>GGPS SUMRA NASHAIB JANUBI</t>
  </si>
  <si>
    <t>Sumra Nashib</t>
  </si>
  <si>
    <t>basti townger</t>
  </si>
  <si>
    <t>Basti Townger</t>
  </si>
  <si>
    <t>GGPS SUNDAL</t>
  </si>
  <si>
    <t>village sundal,p.o.box beor,tehsil kahuta,dist rawalpindi</t>
  </si>
  <si>
    <t>Sundal</t>
  </si>
  <si>
    <t>Robina Shahzad</t>
  </si>
  <si>
    <t>GGPS SUNDAR WALI</t>
  </si>
  <si>
    <t>Kaisar Singh</t>
  </si>
  <si>
    <t>Sundarwali p / o Donga bonga</t>
  </si>
  <si>
    <t>Sundarwali</t>
  </si>
  <si>
    <t>Nashima Akram</t>
  </si>
  <si>
    <t>GGPS SUNDARANA</t>
  </si>
  <si>
    <t>Sundarna</t>
  </si>
  <si>
    <t>government girls primary school sundarana</t>
  </si>
  <si>
    <t>Sundarana</t>
  </si>
  <si>
    <t>Kalke Mandi</t>
  </si>
  <si>
    <t>Shumaila Hanif</t>
  </si>
  <si>
    <t>GGPS SUNGLOUR</t>
  </si>
  <si>
    <t>Sunglour</t>
  </si>
  <si>
    <t>ggps sunglour tehsil kahuta</t>
  </si>
  <si>
    <t>GGPS SUR SINGH CHAK NO 53</t>
  </si>
  <si>
    <t>Sursingh 53</t>
  </si>
  <si>
    <t>sursingh chk 53</t>
  </si>
  <si>
    <t>Sursingh Chk 53</t>
  </si>
  <si>
    <t>Meggha</t>
  </si>
  <si>
    <t>GGPS SURAG</t>
  </si>
  <si>
    <t>surag salar p/o surag salar</t>
  </si>
  <si>
    <t>GGPS SURAJ KUND MULTAN</t>
  </si>
  <si>
    <t>Kian Pur</t>
  </si>
  <si>
    <t>Suraj kund</t>
  </si>
  <si>
    <t>Suraj Kund</t>
  </si>
  <si>
    <t>Aysha Aftab</t>
  </si>
  <si>
    <t>GGPS SURHALI</t>
  </si>
  <si>
    <t>Surhali</t>
  </si>
  <si>
    <t>ggps surhali</t>
  </si>
  <si>
    <t>Taslim Kausar</t>
  </si>
  <si>
    <t>GGPS SURMENDANI</t>
  </si>
  <si>
    <t>Surmendani</t>
  </si>
  <si>
    <t>Village Surmendani tehsil Muridke district sheikhupura</t>
  </si>
  <si>
    <t>Aroosha Bajwa</t>
  </si>
  <si>
    <t>GGPS SUTIA BUMBIA</t>
  </si>
  <si>
    <t>Suttia</t>
  </si>
  <si>
    <t>suttia bumbia NWL</t>
  </si>
  <si>
    <t>Suttiabumbia</t>
  </si>
  <si>
    <t>Zeba Bashir</t>
  </si>
  <si>
    <t>GGPS SUTWAL</t>
  </si>
  <si>
    <t>Sutwal</t>
  </si>
  <si>
    <t>village sutwal p. o chakwal</t>
  </si>
  <si>
    <t>MUDDASAR  YASMIN</t>
  </si>
  <si>
    <t>GGPS SWA E AHNA</t>
  </si>
  <si>
    <t>Basti Swaya Ahna moza kotla mudhu UC jajja abbasian</t>
  </si>
  <si>
    <t>Swaya Ahna</t>
  </si>
  <si>
    <t>Jajja Abbasian</t>
  </si>
  <si>
    <t>Yasmeen Wasti</t>
  </si>
  <si>
    <t>GGPS SYED</t>
  </si>
  <si>
    <t>village syed tehsil phalia district M.B din</t>
  </si>
  <si>
    <t>GGPS SYED ALI PUR, P/O 5-KASSI, KABIRWALA</t>
  </si>
  <si>
    <t>Syed Ali Pur</t>
  </si>
  <si>
    <t>syed alipur 5 kassi kabirwala</t>
  </si>
  <si>
    <t>Rabia Islam</t>
  </si>
  <si>
    <t>GGPS SYED NATIONAL SADI PARK LAHORE</t>
  </si>
  <si>
    <t>Fateh Shair Road</t>
  </si>
  <si>
    <t>Govt Syed National G/P/S Sadi Park, Fateh shair road, Mozang, Lahore.</t>
  </si>
  <si>
    <t>Ganga ram</t>
  </si>
  <si>
    <t>GGPS SYED WALA SHUJABAD</t>
  </si>
  <si>
    <t>Chak Rs</t>
  </si>
  <si>
    <t>Govt. Girls Primary school syed.wala</t>
  </si>
  <si>
    <t>Syed wala</t>
  </si>
  <si>
    <t>Chaak Rs</t>
  </si>
  <si>
    <t>GGPS SYEDA IMAM BIBI BHIKHI SHARIF</t>
  </si>
  <si>
    <t>bhikhi</t>
  </si>
  <si>
    <t>bhikhi shareef</t>
  </si>
  <si>
    <t>GGPS SYEDAAN WALA</t>
  </si>
  <si>
    <t>Sayedan Wala</t>
  </si>
  <si>
    <t>sayedan wala tehsil kot Radha Kishan District kasur</t>
  </si>
  <si>
    <t>Sayka Kanwal</t>
  </si>
  <si>
    <t>GGPS SYEDAN WALA DOABA</t>
  </si>
  <si>
    <t>Mohala Syedanwala Doaba Teh.piplan Dist.Mianwali</t>
  </si>
  <si>
    <t>GGPS SYEDAY WALI KHURD</t>
  </si>
  <si>
    <t>Saidewali Khurd</t>
  </si>
  <si>
    <t>saidewali khurd tehsil wazirabad district gujranwala</t>
  </si>
  <si>
    <t>GGPS TABBA BODLA</t>
  </si>
  <si>
    <t>Tabba Bodla</t>
  </si>
  <si>
    <t>Ggpstibba bodla</t>
  </si>
  <si>
    <t>Tibba Bodla</t>
  </si>
  <si>
    <t>Sidra Asghar</t>
  </si>
  <si>
    <t>GGPS TABBA RAHAR</t>
  </si>
  <si>
    <t>Tibbah Rahar</t>
  </si>
  <si>
    <t>G G P S TIbbah rahar</t>
  </si>
  <si>
    <t>Dhuregan Wala</t>
  </si>
  <si>
    <t>Fereedabad</t>
  </si>
  <si>
    <t>GGPS TABBI LAL SHAH</t>
  </si>
  <si>
    <t>TIBBI LAL SHAH</t>
  </si>
  <si>
    <t>Ggps Tibbi lal shah</t>
  </si>
  <si>
    <t>Noor Greh</t>
  </si>
  <si>
    <t>Shagufta Asghar</t>
  </si>
  <si>
    <t>GGPS TABQRAH</t>
  </si>
  <si>
    <t>Tabqarah</t>
  </si>
  <si>
    <t>Moza Tabqarah</t>
  </si>
  <si>
    <t>Memoona Akbar</t>
  </si>
  <si>
    <t>GGPS TABROOQ</t>
  </si>
  <si>
    <t>Tabrooq</t>
  </si>
  <si>
    <t>Military farm Khyber okara</t>
  </si>
  <si>
    <t>Military Farm</t>
  </si>
  <si>
    <t>Rida Tanveer</t>
  </si>
  <si>
    <t>GGPS TAGGI WALA</t>
  </si>
  <si>
    <t>moza khan wala bait wasawa shumali</t>
  </si>
  <si>
    <t>GGPS TAHAYAT LAHORE CANTT</t>
  </si>
  <si>
    <t>Tahayat</t>
  </si>
  <si>
    <t>Govt girls primary school Tahayat Tehsil Model town Lahore.</t>
  </si>
  <si>
    <t>Chandray</t>
  </si>
  <si>
    <t>Abida Nawaz Khan</t>
  </si>
  <si>
    <t>GGPS TAHIR BHUTTA</t>
  </si>
  <si>
    <t>moza tahir bhutta p/o 358/wb tehsil dunyapur district lodhran</t>
  </si>
  <si>
    <t>366 Wb</t>
  </si>
  <si>
    <t>GGPS TAHIR KALAN NO. 2</t>
  </si>
  <si>
    <t>Tahir Kalan</t>
  </si>
  <si>
    <t>tahir kalan p/o basirpur tehsil depalpur district okara</t>
  </si>
  <si>
    <t>Marof</t>
  </si>
  <si>
    <t>Kousar Prveen</t>
  </si>
  <si>
    <t>GGPS TAHIR KE</t>
  </si>
  <si>
    <t>Tahirke</t>
  </si>
  <si>
    <t>village tahir ke</t>
  </si>
  <si>
    <t>Tahir Ke</t>
  </si>
  <si>
    <t>Thatha Kreem Dad</t>
  </si>
  <si>
    <t>GGPS TAHIR PUR MULTAN</t>
  </si>
  <si>
    <t>Tahir Pur</t>
  </si>
  <si>
    <t>chah bhagsur moza tahir pur multan</t>
  </si>
  <si>
    <t>Bhagsur</t>
  </si>
  <si>
    <t>Abida Rafique</t>
  </si>
  <si>
    <t>GGPS TAHIR WALA</t>
  </si>
  <si>
    <t>Maoza Bait Angra village Machi Bangla Koto Addu</t>
  </si>
  <si>
    <t>Machi</t>
  </si>
  <si>
    <t>Syeda Alia Haider</t>
  </si>
  <si>
    <t>GGPS TAHIR WALI</t>
  </si>
  <si>
    <t>GGPS Tahir wali</t>
  </si>
  <si>
    <t>Ghullain</t>
  </si>
  <si>
    <t>Sonia Naaz</t>
  </si>
  <si>
    <t>GGPS TAHLA</t>
  </si>
  <si>
    <t>tahla</t>
  </si>
  <si>
    <t>GGPS TAHLI RANG SHAH</t>
  </si>
  <si>
    <t>Tahli Rang Shah</t>
  </si>
  <si>
    <t>tahli rang shah 1</t>
  </si>
  <si>
    <t>Shaheena Bibi</t>
  </si>
  <si>
    <t>GGPS TAHLI TALBANI</t>
  </si>
  <si>
    <t>Tahlitalbani, Teh. KPT, Distt. BWP</t>
  </si>
  <si>
    <t>Tahlitalbani</t>
  </si>
  <si>
    <t>GGPS TAHLI WALA MOUZA NASIR PUR SHUJABAD</t>
  </si>
  <si>
    <t>chah tahli wala mouza nasir pur tehsil shujabad district multan</t>
  </si>
  <si>
    <t>Chah Tahli Wala</t>
  </si>
  <si>
    <t>Rabia Muzammil</t>
  </si>
  <si>
    <t>GGPS TAHLI WALA SHUJABAD</t>
  </si>
  <si>
    <t>Ganwen</t>
  </si>
  <si>
    <t>chah basi wala Mozza ganwen tehsil shujabad district multan</t>
  </si>
  <si>
    <t>GGPS TAHLLY WALA</t>
  </si>
  <si>
    <t>Pirwala Rustam Sargana</t>
  </si>
  <si>
    <t>Rustam</t>
  </si>
  <si>
    <t>Bina Samreen</t>
  </si>
  <si>
    <t>GGPS TAHROO NO.2</t>
  </si>
  <si>
    <t>Tahroo Sahmal</t>
  </si>
  <si>
    <t>GGPS Tahroo no 2 chah sharify wala</t>
  </si>
  <si>
    <t>Tahroo 2</t>
  </si>
  <si>
    <t>Walha</t>
  </si>
  <si>
    <t>Syeda Samia Akhtar</t>
  </si>
  <si>
    <t>GGPS TAHROO SAHMAL</t>
  </si>
  <si>
    <t>tahroo sahmal tensil lalian district chiniot</t>
  </si>
  <si>
    <t>GGPS TAHTHA THAKAR</t>
  </si>
  <si>
    <t>Thatha Thakar</t>
  </si>
  <si>
    <t>GG P S Thatha Thakar Chiniot</t>
  </si>
  <si>
    <t>GGPS TAILL FAIZ PUR SHUJABAD</t>
  </si>
  <si>
    <t>Marinoon</t>
  </si>
  <si>
    <t>faizabad marinnon p/o rajaram shujabad multan</t>
  </si>
  <si>
    <t>Iqra Sehrish</t>
  </si>
  <si>
    <t>GGPS TAIRHA GUJRAN</t>
  </si>
  <si>
    <t>Tehragujran</t>
  </si>
  <si>
    <t>ggpstehragujran</t>
  </si>
  <si>
    <t>Tehra gujran</t>
  </si>
  <si>
    <t>Phallwarri</t>
  </si>
  <si>
    <t>GGPS TAJ COLONY FSD KOT AMIN DIN</t>
  </si>
  <si>
    <t>Kot Amin Din</t>
  </si>
  <si>
    <t>st#5 kot Amin din 207RB.</t>
  </si>
  <si>
    <t>206RB</t>
  </si>
  <si>
    <t>Qamar Perveen</t>
  </si>
  <si>
    <t>GGPS TAJ NAGAR</t>
  </si>
  <si>
    <t>Taj Nagar</t>
  </si>
  <si>
    <t>Taj Nagar post office jamkey chatha</t>
  </si>
  <si>
    <t>Saba Shawaqat</t>
  </si>
  <si>
    <t>GGPS TAJ PUR</t>
  </si>
  <si>
    <t>basti Tajpur uc missen abad</t>
  </si>
  <si>
    <t>Missen Abad</t>
  </si>
  <si>
    <t>Saima Mujeeb Ur Rehman</t>
  </si>
  <si>
    <t>GGPS TAJ PURA</t>
  </si>
  <si>
    <t>Garjjakh</t>
  </si>
  <si>
    <t>tajpura garjakh gujranwala</t>
  </si>
  <si>
    <t>Urban Garjakh</t>
  </si>
  <si>
    <t>Nergis Sultana</t>
  </si>
  <si>
    <t>GGPS TAJA BAJA</t>
  </si>
  <si>
    <t>taja baja</t>
  </si>
  <si>
    <t>village taja baja p o shams abad tehsil Hazro Attock</t>
  </si>
  <si>
    <t>shams abad</t>
  </si>
  <si>
    <t>Shazia Waheed</t>
  </si>
  <si>
    <t>GGPS TAJAMMUL WALA</t>
  </si>
  <si>
    <t>ward 14/D chah suary wala moza pirhar sharqi kot adu</t>
  </si>
  <si>
    <t>Sunary Wala</t>
  </si>
  <si>
    <t>Mc Kot adu</t>
  </si>
  <si>
    <t>GGPS TAJANA MANDAL</t>
  </si>
  <si>
    <t>tajana mandal</t>
  </si>
  <si>
    <t>ggpstajana mandal mandi sadiq gunj</t>
  </si>
  <si>
    <t>bholywala</t>
  </si>
  <si>
    <t>GGPS TAJER TAROKANA</t>
  </si>
  <si>
    <t>Tajer Taro Kana</t>
  </si>
  <si>
    <t>village tarokana post office dalowali</t>
  </si>
  <si>
    <t>Kausar Rani</t>
  </si>
  <si>
    <t>GGPS TAJI WALA</t>
  </si>
  <si>
    <t>Tajay wala Teh. Jalalpur peer wala</t>
  </si>
  <si>
    <t>Robeena Sadiq</t>
  </si>
  <si>
    <t>GGPS TAJOKAY CHEEMA</t>
  </si>
  <si>
    <t>Tajokey</t>
  </si>
  <si>
    <t>tajokey Cheema tehsil daska district sialkot</t>
  </si>
  <si>
    <t>Tajokey Cheema</t>
  </si>
  <si>
    <t>Adamkey Cheema</t>
  </si>
  <si>
    <t>GGPS TAJOKE</t>
  </si>
  <si>
    <t>Tajoke</t>
  </si>
  <si>
    <t>Govt girls primary school Tajoke  Tehseel Zafarwal District Narowal</t>
  </si>
  <si>
    <t>Fazeelat Begum</t>
  </si>
  <si>
    <t>GGPS TAJOWAL</t>
  </si>
  <si>
    <t>Tajowal</t>
  </si>
  <si>
    <t>vill.tajowal,p/o mirpur,teh.skg,dist.narowal</t>
  </si>
  <si>
    <t>Tamseela Rasheed</t>
  </si>
  <si>
    <t>GGPS TAKAWAL</t>
  </si>
  <si>
    <t>Thakawal</t>
  </si>
  <si>
    <t>thakawal u/c theekar 94</t>
  </si>
  <si>
    <t>GGPS TAKHA</t>
  </si>
  <si>
    <t>Takha</t>
  </si>
  <si>
    <t>Takha P/O kalsian District SKP</t>
  </si>
  <si>
    <t>Asra Shaheen</t>
  </si>
  <si>
    <t>GGPS TAKHAT MAHAL</t>
  </si>
  <si>
    <t>Takhat Mahal</t>
  </si>
  <si>
    <t>takhat mahal</t>
  </si>
  <si>
    <t>Takhat mahal</t>
  </si>
  <si>
    <t>Lubna Tabassum</t>
  </si>
  <si>
    <t>GGPS TAKIA KALAN</t>
  </si>
  <si>
    <t>Takia Kalan</t>
  </si>
  <si>
    <t>village takia kalan narowal</t>
  </si>
  <si>
    <t>Shumaila Kiran</t>
  </si>
  <si>
    <t>GGPS TAKIA SHAH MURAD</t>
  </si>
  <si>
    <t>takia shah murad</t>
  </si>
  <si>
    <t>vpo takia shah murad</t>
  </si>
  <si>
    <t>choa gunj ali shah</t>
  </si>
  <si>
    <t>GGPS TAKREY MANDHAL</t>
  </si>
  <si>
    <t>Jhta Hathial</t>
  </si>
  <si>
    <t>takray Mandhal p o Jhta hathial teh &amp; distt rwp</t>
  </si>
  <si>
    <t>Takray Mandhal</t>
  </si>
  <si>
    <t>Samina Kosar</t>
  </si>
  <si>
    <t>GGPS TAKWAN</t>
  </si>
  <si>
    <t>Takwan</t>
  </si>
  <si>
    <t>GGPS TAL JAL WALA</t>
  </si>
  <si>
    <t>Tal Jal Wala</t>
  </si>
  <si>
    <t>Ggps tal jal wla</t>
  </si>
  <si>
    <t>Tal JAL Wala</t>
  </si>
  <si>
    <t>Fouzia Abbas</t>
  </si>
  <si>
    <t>GGPS TAL WALA</t>
  </si>
  <si>
    <t>ward no 2. kot adu</t>
  </si>
  <si>
    <t>Ward 2</t>
  </si>
  <si>
    <t>Fariha Jabeen</t>
  </si>
  <si>
    <t>GGPS TALA GANG NO 4</t>
  </si>
  <si>
    <t>got girls primary school no.4 talagang</t>
  </si>
  <si>
    <t>Talagang Sharaq</t>
  </si>
  <si>
    <t>Farhana Imtiaz</t>
  </si>
  <si>
    <t>GGPS TALA SHARQ</t>
  </si>
  <si>
    <t>dhok Jhabar</t>
  </si>
  <si>
    <t>ggps talagang sharq</t>
  </si>
  <si>
    <t>Dhok Jhabar</t>
  </si>
  <si>
    <t>GGPS TALAB MAYRAN</t>
  </si>
  <si>
    <t>govt girls primary school Talab Mayran Dhudial</t>
  </si>
  <si>
    <t>Ismat Nisar</t>
  </si>
  <si>
    <t>GGPS TALAB WALA NO:1 MAUZA TARAF MUBARIK 2ND MULTAN</t>
  </si>
  <si>
    <t>Taraf Mubarak2</t>
  </si>
  <si>
    <t>ggps talabwala</t>
  </si>
  <si>
    <t>Talab Wala</t>
  </si>
  <si>
    <t>GGPS TALAGANG ADC  COLONY</t>
  </si>
  <si>
    <t>GMPS ADC Colony talagang</t>
  </si>
  <si>
    <t>GGPS TALAGANG NO. 2</t>
  </si>
  <si>
    <t>Dhowk Jhatla Bypass Talagang</t>
  </si>
  <si>
    <t>Tala Gharab</t>
  </si>
  <si>
    <t>Nargis Mastoor</t>
  </si>
  <si>
    <t>GGPS TALAGANG NO. 3</t>
  </si>
  <si>
    <t>Ward no.2 talagang</t>
  </si>
  <si>
    <t>Talashirq</t>
  </si>
  <si>
    <t>FAKHRA SIKANDAR</t>
  </si>
  <si>
    <t>GGPS TALAGANG NO. 7</t>
  </si>
  <si>
    <t>dhok yousaf</t>
  </si>
  <si>
    <t>ggps no 7 talagang</t>
  </si>
  <si>
    <t>Adeela umer</t>
  </si>
  <si>
    <t>GGPS TALAI WALA</t>
  </si>
  <si>
    <t>ADDA TALLAI WALA JAMPUR</t>
  </si>
  <si>
    <t>ADDA TALLAI WALA</t>
  </si>
  <si>
    <t>AREESHA  ANBREEN MALIK</t>
  </si>
  <si>
    <t>GGPS TALAN</t>
  </si>
  <si>
    <t>Tallan</t>
  </si>
  <si>
    <t>village Tallan p/o lohara tehsil zafarwal district Narowal</t>
  </si>
  <si>
    <t>GGPS TALIALA P/O NOOR PUR CHAKWAL</t>
  </si>
  <si>
    <t>Talyala</t>
  </si>
  <si>
    <t>vill talyala po nurpur teh kallar kahar district chakwal</t>
  </si>
  <si>
    <t>GGPS TALIAN</t>
  </si>
  <si>
    <t>Tailan</t>
  </si>
  <si>
    <t>Tailan dak khana nankana sahib</t>
  </si>
  <si>
    <t>Dhere da wara</t>
  </si>
  <si>
    <t>GGPS TALIB DHANDI</t>
  </si>
  <si>
    <t>Talob Dhandi</t>
  </si>
  <si>
    <t>G G PS Talib Dhandi</t>
  </si>
  <si>
    <t>Talib Dhandi</t>
  </si>
  <si>
    <t>Bindor Abasiyan</t>
  </si>
  <si>
    <t>GGPS TALIB HUSSAN CHAK NO. 169/P</t>
  </si>
  <si>
    <t>Check 169</t>
  </si>
  <si>
    <t>chack 169/p</t>
  </si>
  <si>
    <t>GGPS TALIB SAHOO</t>
  </si>
  <si>
    <t>Chaprawala</t>
  </si>
  <si>
    <t>chaprawala</t>
  </si>
  <si>
    <t>GGPS TALLA BAJJAR</t>
  </si>
  <si>
    <t>village and post office talla bajar dis and teh rwp</t>
  </si>
  <si>
    <t>Talla Bajar</t>
  </si>
  <si>
    <t>Nighat Shehnaz</t>
  </si>
  <si>
    <t>GGPS TALLA WALA</t>
  </si>
  <si>
    <t>Talla Wala</t>
  </si>
  <si>
    <t>jetha Bhutta Tala walla</t>
  </si>
  <si>
    <t>GGPS TALUKARAN WALA</t>
  </si>
  <si>
    <t>MUSAKHEL</t>
  </si>
  <si>
    <t>Wandha Talukrana wala Tehsil and District Mianwali</t>
  </si>
  <si>
    <t>Talukranwala</t>
  </si>
  <si>
    <t>MUSAKHEL 2</t>
  </si>
  <si>
    <t>RAFIA LATIF</t>
  </si>
  <si>
    <t>GGPS TALWANDI DIAL PUR</t>
  </si>
  <si>
    <t>Talwandi Dial pur</t>
  </si>
  <si>
    <t>GGPS TALWADIDIALPUR</t>
  </si>
  <si>
    <t>GGPS TALWANDI INAYAT KHAN</t>
  </si>
  <si>
    <t>GGPS TALWARA MALHIAN</t>
  </si>
  <si>
    <t>Talwara Maliyan</t>
  </si>
  <si>
    <t>talwara maliyan</t>
  </si>
  <si>
    <t>Tayyaba Imtiaz</t>
  </si>
  <si>
    <t>GGPS TAMBO GHALIB SHAH</t>
  </si>
  <si>
    <t>Village Tanmbu</t>
  </si>
  <si>
    <t>tanbu ghalib shah tehsil pasrur district Sialkot</t>
  </si>
  <si>
    <t>Tanmbu Ghalib Shah</t>
  </si>
  <si>
    <t>GGPS TAMGHAY WALA</t>
  </si>
  <si>
    <t>p/o head bakaini bastion gharpal</t>
  </si>
  <si>
    <t>Gharpal</t>
  </si>
  <si>
    <t>GGPS TAMMAN NO 1</t>
  </si>
  <si>
    <t>Bari ban vpo Tamman GGPS No 1</t>
  </si>
  <si>
    <t>Walter Supply</t>
  </si>
  <si>
    <t>GGPS TAMMAN NO 2</t>
  </si>
  <si>
    <t>Vil&amp;Po tamman</t>
  </si>
  <si>
    <t>water supplay</t>
  </si>
  <si>
    <t>GGPS TAMMAN NO 3</t>
  </si>
  <si>
    <t>Maria Nasar</t>
  </si>
  <si>
    <t>GGPS TAMNA DOMEL</t>
  </si>
  <si>
    <t>Domel</t>
  </si>
  <si>
    <t>GGPS Tamna Domel</t>
  </si>
  <si>
    <t>Noshaba Jabeen</t>
  </si>
  <si>
    <t>GGPS TAN PURA</t>
  </si>
  <si>
    <t>Tan Pura</t>
  </si>
  <si>
    <t>kot alam khalan</t>
  </si>
  <si>
    <t>GGPS TANDA</t>
  </si>
  <si>
    <t>Tanda post office Darman tehsil Zafarwal district Narowal</t>
  </si>
  <si>
    <t>Khadim Husain</t>
  </si>
  <si>
    <t>GGPS TANGI</t>
  </si>
  <si>
    <t>Tangi</t>
  </si>
  <si>
    <t>village Tangi.Teh.Kahuta.Dis.Rwp</t>
  </si>
  <si>
    <t>Urban Shamali</t>
  </si>
  <si>
    <t>Robina Samunder</t>
  </si>
  <si>
    <t>GGPS TANI CHAK 524 CHACHI KOTHI</t>
  </si>
  <si>
    <t>Tani Chak 524</t>
  </si>
  <si>
    <t>Tani chak 524</t>
  </si>
  <si>
    <t>Zainab Yaqoob</t>
  </si>
  <si>
    <t>GGPS TANI KHEL</t>
  </si>
  <si>
    <t>mohalla Tani khel teh Isa khel dis Mianwali</t>
  </si>
  <si>
    <t>Kammer Mushani</t>
  </si>
  <si>
    <t>Kamr Mushani</t>
  </si>
  <si>
    <t>GGPS TANYALA</t>
  </si>
  <si>
    <t>Tanyala</t>
  </si>
  <si>
    <t>vpo Tanyala</t>
  </si>
  <si>
    <t>TANYALA</t>
  </si>
  <si>
    <t>CHOA JUNG ALI</t>
  </si>
  <si>
    <t>Mehwish Iqbal</t>
  </si>
  <si>
    <t>GGPS TAPPAY WALA</t>
  </si>
  <si>
    <t>basti bakain wala back to dawn school sinawan</t>
  </si>
  <si>
    <t>Bakain Wala</t>
  </si>
  <si>
    <t>Naseem Khuda Bakhsh</t>
  </si>
  <si>
    <t>GGPS TARA CHAK</t>
  </si>
  <si>
    <t>Tara Chak</t>
  </si>
  <si>
    <t>Village Tarachack post office pindi umara</t>
  </si>
  <si>
    <t>Bushra Muhammad Ali</t>
  </si>
  <si>
    <t>GGPS TARA HAVALI</t>
  </si>
  <si>
    <t>Tara Havali</t>
  </si>
  <si>
    <t>Chak No 737 GB</t>
  </si>
  <si>
    <t>Riffat Nahid</t>
  </si>
  <si>
    <t>GGPS TARA PUR</t>
  </si>
  <si>
    <t>Tarapur</t>
  </si>
  <si>
    <t>vill Tarapur PO Darman Tehsil ZWL Dist NWL</t>
  </si>
  <si>
    <t>GGPS TARA SINGH</t>
  </si>
  <si>
    <t>tara singh</t>
  </si>
  <si>
    <t>tara singh p / o cheena arla kot radha kishan</t>
  </si>
  <si>
    <t>Aisha Kalsoom</t>
  </si>
  <si>
    <t>GGPS TARAGER NO.1</t>
  </si>
  <si>
    <t>ggps traggarh no 1 near traggarh mord</t>
  </si>
  <si>
    <t>Traggarh Mord</t>
  </si>
  <si>
    <t>GGPS TARAIL</t>
  </si>
  <si>
    <t>Trail</t>
  </si>
  <si>
    <t>kotnaina pind trail</t>
  </si>
  <si>
    <t>Kot Naina</t>
  </si>
  <si>
    <t>GGPS TARAY PUR P/O CHAH KIRPAY WALA MULTAN SADDAR MULTAN</t>
  </si>
  <si>
    <t>Miani Rawa</t>
  </si>
  <si>
    <t>miani rawa chah kirpywala</t>
  </si>
  <si>
    <t>Kirpy Wala</t>
  </si>
  <si>
    <t>Shabana Atta</t>
  </si>
  <si>
    <t>GGPS TARBHATI JHANG</t>
  </si>
  <si>
    <t>Terbethi</t>
  </si>
  <si>
    <t>Ggps terbethi</t>
  </si>
  <si>
    <t>Tayyaba Ishaq</t>
  </si>
  <si>
    <t>GGPS TARBIAT PUR</t>
  </si>
  <si>
    <t>Terbiat Pur</t>
  </si>
  <si>
    <t>GGPS Terbiat pur bahawal pur road near pir ismail darbar</t>
  </si>
  <si>
    <t>Peeran Wala</t>
  </si>
  <si>
    <t>Mahvash Sohara</t>
  </si>
  <si>
    <t>GGPS TARE DA KOT</t>
  </si>
  <si>
    <t>Chak No 88 RB</t>
  </si>
  <si>
    <t>Chak No 88 r.b Tara da kot</t>
  </si>
  <si>
    <t>Tare Da Kot</t>
  </si>
  <si>
    <t>Abroo Habiba</t>
  </si>
  <si>
    <t>GGPS TARGAY WALI</t>
  </si>
  <si>
    <t>Taragy Wali</t>
  </si>
  <si>
    <t>GGPSTaragay Wali</t>
  </si>
  <si>
    <t>Taragay Wali</t>
  </si>
  <si>
    <t>Muraday Klayn</t>
  </si>
  <si>
    <t>Shahida Tabassum</t>
  </si>
  <si>
    <t>GGPS TARGHA</t>
  </si>
  <si>
    <t>village Taraga pobox ahlulal national,</t>
  </si>
  <si>
    <t>Saher Sadiq</t>
  </si>
  <si>
    <t>GGPS TARI KHEL TEH MIANWALI</t>
  </si>
  <si>
    <t>Tarikhel</t>
  </si>
  <si>
    <t>Tarikhel kacha</t>
  </si>
  <si>
    <t>Rokheri</t>
  </si>
  <si>
    <t>Shagufta  Yasmin  Hashemi</t>
  </si>
  <si>
    <t>GGPS TARIQ ABAD BISMILLAH COLONY</t>
  </si>
  <si>
    <t>GGPS Tariqabad bismillah colony Multan</t>
  </si>
  <si>
    <t>Bissmillah Colony</t>
  </si>
  <si>
    <t>FOUZIA BUKHARI</t>
  </si>
  <si>
    <t>GGPS TARIQ ABAD, KHANEWAL</t>
  </si>
  <si>
    <t>ggps tqriq abad</t>
  </si>
  <si>
    <t>Sumaira Khalid Do Khalid Mehmood</t>
  </si>
  <si>
    <t>GGPS TARIQ SHAHEED</t>
  </si>
  <si>
    <t>Government primary school Tariq shaheed</t>
  </si>
  <si>
    <t>Malhoana</t>
  </si>
  <si>
    <t>GGPS TARJIAL KALLAN</t>
  </si>
  <si>
    <t>TharjialKalan</t>
  </si>
  <si>
    <t>Village&amp;p/o tharjial kalan</t>
  </si>
  <si>
    <t>Tharjial Kalan</t>
  </si>
  <si>
    <t>Ghungrilla</t>
  </si>
  <si>
    <t>GGPS TARKHAN WALA</t>
  </si>
  <si>
    <t>TARKHANWALA</t>
  </si>
  <si>
    <t>Ggps Tarkhanwala</t>
  </si>
  <si>
    <t>TARKHANAWALA</t>
  </si>
  <si>
    <t>GGPS TARKHAN WALA CHAK NO. 284</t>
  </si>
  <si>
    <t>terkhanwala chak # 284</t>
  </si>
  <si>
    <t>Aneeza Shahzadi</t>
  </si>
  <si>
    <t>GGPS TARKHANA BUDDO</t>
  </si>
  <si>
    <t>Tarkhana Budhu</t>
  </si>
  <si>
    <t>village tarkhana budhu, post office tarkhana murida, tehsil shakargarh, district narowal.</t>
  </si>
  <si>
    <t>GGPS TARKONDA</t>
  </si>
  <si>
    <t>TURK WIND</t>
  </si>
  <si>
    <t>village Turk Wind teh KRK dist. kasur</t>
  </si>
  <si>
    <t>Pmar Utaar</t>
  </si>
  <si>
    <t>Munazza Gulraiz</t>
  </si>
  <si>
    <t>GGPS TARNDA GOUR GAIJ</t>
  </si>
  <si>
    <t>Taranda Gurgaij</t>
  </si>
  <si>
    <t>Govt Girls P/S Taranda Gurgaij</t>
  </si>
  <si>
    <t>Humera Ahmad</t>
  </si>
  <si>
    <t>GGPS TARORI</t>
  </si>
  <si>
    <t>basti tarruri</t>
  </si>
  <si>
    <t>Basti Tarruri</t>
  </si>
  <si>
    <t>Shumaila Mehdi</t>
  </si>
  <si>
    <t>GGPS TARPAEE</t>
  </si>
  <si>
    <t>Tarpai</t>
  </si>
  <si>
    <t>Chah dharkhashi wala</t>
  </si>
  <si>
    <t>Dharkhashi Wala</t>
  </si>
  <si>
    <t>Khagge Wala</t>
  </si>
  <si>
    <t>Urooj Noor Alam</t>
  </si>
  <si>
    <t>GGPS TARRAGGER</t>
  </si>
  <si>
    <t>Traggar</t>
  </si>
  <si>
    <t>Traggar tehsil Mailsi district vehari</t>
  </si>
  <si>
    <t>Lal Sagu</t>
  </si>
  <si>
    <t>Nadia Hashim</t>
  </si>
  <si>
    <t>GGPS TARSANGI</t>
  </si>
  <si>
    <t>Tarsangi</t>
  </si>
  <si>
    <t>GGPS Tarsangl</t>
  </si>
  <si>
    <t>GGPS TARY BAZ KHELAN WALA</t>
  </si>
  <si>
    <t>gaps turay Baz Khalan Wala</t>
  </si>
  <si>
    <t>Turay Baz Khalan Wala</t>
  </si>
  <si>
    <t>Iffat Ayesha</t>
  </si>
  <si>
    <t>GGPS TASH PURA</t>
  </si>
  <si>
    <t>GGPS TASHPURA  TASHPURA</t>
  </si>
  <si>
    <t>GGPS TASHPURA NNS</t>
  </si>
  <si>
    <t>Sherenn Jhangad</t>
  </si>
  <si>
    <t>Shamim Ghulam Hussain</t>
  </si>
  <si>
    <t>GGPS TASS</t>
  </si>
  <si>
    <t>Tass</t>
  </si>
  <si>
    <t>GGPS TATAR</t>
  </si>
  <si>
    <t>Tatar</t>
  </si>
  <si>
    <t>Mupalkey</t>
  </si>
  <si>
    <t>Muneeba Rafiq</t>
  </si>
  <si>
    <t>GGPS TATAR CHACHAR</t>
  </si>
  <si>
    <t>Tartar Chachar</t>
  </si>
  <si>
    <t>basti azeem bux zahir pir</t>
  </si>
  <si>
    <t>Basti Azeem Bux</t>
  </si>
  <si>
    <t>Eshrat bashir</t>
  </si>
  <si>
    <t>GGPS TATAR PUR</t>
  </si>
  <si>
    <t>Tatarpur</t>
  </si>
  <si>
    <t>GGPS TATARPUR Village Tatarpur Markaz kingra Tehsil Pasrur District Sialkot</t>
  </si>
  <si>
    <t>Dulham Kahlwan</t>
  </si>
  <si>
    <t>GGPS TATARA KAMAL</t>
  </si>
  <si>
    <t>Tatara Kamal</t>
  </si>
  <si>
    <t>Tatara kamal</t>
  </si>
  <si>
    <t>Rajowal Nau</t>
  </si>
  <si>
    <t>GGPS TATARY WALA</t>
  </si>
  <si>
    <t>chah. malehy wala hunjrai ghair mustaqil sharqi p/o daira din panah</t>
  </si>
  <si>
    <t>Chah Malehy Wala</t>
  </si>
  <si>
    <t>Sadia Saeed</t>
  </si>
  <si>
    <t>GGPS TATLAY HAKIM HAIDER</t>
  </si>
  <si>
    <t>Tatlay Hakeem Haider Ali</t>
  </si>
  <si>
    <t>Government girls primary school tatlay hakeem haider ali post office baigpur tahseel noshehran virkan distirct gujranwala</t>
  </si>
  <si>
    <t>Tatlay Hakeem  Haider Ali</t>
  </si>
  <si>
    <t>Shamsha Dada</t>
  </si>
  <si>
    <t>ghzala rasheed</t>
  </si>
  <si>
    <t>GGPS TATLEY MALI</t>
  </si>
  <si>
    <t>Tatley Mali</t>
  </si>
  <si>
    <t>village tatley mali p/o emimnabad tehsil&amp;disst gujranwala</t>
  </si>
  <si>
    <t>GGPS TATLY</t>
  </si>
  <si>
    <t>Tatlay</t>
  </si>
  <si>
    <t>village tatlay near tatlay pull markaz talwandi bhindran, Narowal</t>
  </si>
  <si>
    <t>Nidokay</t>
  </si>
  <si>
    <t>Rabia Fiaz</t>
  </si>
  <si>
    <t>GGPS TATRAL</t>
  </si>
  <si>
    <t>village p.o tatral</t>
  </si>
  <si>
    <t>Zahra Andleeb</t>
  </si>
  <si>
    <t>GGPS TATROT</t>
  </si>
  <si>
    <t>Tatrot</t>
  </si>
  <si>
    <t>VPO TATROT TEHSIL SOHAWA DIST JHELUM</t>
  </si>
  <si>
    <t>Nagiyal</t>
  </si>
  <si>
    <t>GGPS TAUNSA BAIRAGE</t>
  </si>
  <si>
    <t>near taunsa barrage colony</t>
  </si>
  <si>
    <t>Kacha Patal</t>
  </si>
  <si>
    <t>Sehrish Amin</t>
  </si>
  <si>
    <t>GGPS TAUNSA MORE</t>
  </si>
  <si>
    <t>patal garbi mustakil</t>
  </si>
  <si>
    <t>Basti darkhan wali</t>
  </si>
  <si>
    <t>Basti Darkhan Wali</t>
  </si>
  <si>
    <t>chaudhary</t>
  </si>
  <si>
    <t>Javaria Ambreen</t>
  </si>
  <si>
    <t>GGPS TAUNSA NO. 11</t>
  </si>
  <si>
    <t>mohalla nazam GGPS NO 11 TAUNSA</t>
  </si>
  <si>
    <t>MC Taunsa</t>
  </si>
  <si>
    <t>GGPS TAUNSA NO. 12</t>
  </si>
  <si>
    <t>kachi abadi taunsa</t>
  </si>
  <si>
    <t>GGPS TAUNSA SHARIF NO. 3</t>
  </si>
  <si>
    <t>Mohalla Chah Ghallo Walla Taunsa</t>
  </si>
  <si>
    <t>Hajira Saedd</t>
  </si>
  <si>
    <t>GGPS TAUNSA SHARIF NO. 6</t>
  </si>
  <si>
    <t>mohallah nizam abad taunsa</t>
  </si>
  <si>
    <t>FAKHRA ANJUM</t>
  </si>
  <si>
    <t>GGPS TAWAILI WALI</t>
  </si>
  <si>
    <t>Tawaili Wali</t>
  </si>
  <si>
    <t>Tawaili wali</t>
  </si>
  <si>
    <t>Nighat Hanif</t>
  </si>
  <si>
    <t>GGPS TAWANA</t>
  </si>
  <si>
    <t>Tawana</t>
  </si>
  <si>
    <t>viillage tawana</t>
  </si>
  <si>
    <t>Chichher Wali</t>
  </si>
  <si>
    <t>GGPS TAYAB BHUTTA</t>
  </si>
  <si>
    <t>Tayyab Bhutta</t>
  </si>
  <si>
    <t>tayyab bhutta post office kalaswala</t>
  </si>
  <si>
    <t>Shahida Ibrahim</t>
  </si>
  <si>
    <t>GGPS TEACHER COLONY</t>
  </si>
  <si>
    <t>Ghlwa No 1</t>
  </si>
  <si>
    <t>fateh pur road near stadium alipur</t>
  </si>
  <si>
    <t>Jenah Colony</t>
  </si>
  <si>
    <t>Aak Wala Basti</t>
  </si>
  <si>
    <t>zareena altaf</t>
  </si>
  <si>
    <t>GGPS TEEN PURA BALA</t>
  </si>
  <si>
    <t>Teen Pura Bala</t>
  </si>
  <si>
    <t>GGPS Teen pura bala tehsil  Dina District Jhelum</t>
  </si>
  <si>
    <t>GGPS TEEN PURA ZAREEN</t>
  </si>
  <si>
    <t>Teenpura</t>
  </si>
  <si>
    <t>Village Teen Pura, Tehsil Dina ,post office Dina, district jhelum</t>
  </si>
  <si>
    <t>sohan</t>
  </si>
  <si>
    <t>Zeba Sadaf</t>
  </si>
  <si>
    <t>GGPS TEHA DOMEL</t>
  </si>
  <si>
    <t>Teha Domel</t>
  </si>
  <si>
    <t>vpo Pind sultani Teh jand distt attock</t>
  </si>
  <si>
    <t>Bibi Rashda</t>
  </si>
  <si>
    <t>Ðµlectric motor</t>
  </si>
  <si>
    <t>GGPS TEHAL</t>
  </si>
  <si>
    <t>vill&amp;po tehal thesil kharian distt gujrat</t>
  </si>
  <si>
    <t>Bidder marjan</t>
  </si>
  <si>
    <t>GGPS TEHZEEB U NISA GOJRA</t>
  </si>
  <si>
    <t>Muhalla Sheikhan Gojra</t>
  </si>
  <si>
    <t>Urbban</t>
  </si>
  <si>
    <t>GGPS TEJ GARH</t>
  </si>
  <si>
    <t>Tej Ghar</t>
  </si>
  <si>
    <t>dak khna khass bata purr tej ghar manawa lahore</t>
  </si>
  <si>
    <t>Manawa</t>
  </si>
  <si>
    <t>Naheed Usman</t>
  </si>
  <si>
    <t>GGPS TEPIALA</t>
  </si>
  <si>
    <t>Tapyala p/o Bolar Tehsil zafarwal District Narowal</t>
  </si>
  <si>
    <t>Rahat afza</t>
  </si>
  <si>
    <t>GGPS TERAH</t>
  </si>
  <si>
    <t>Terha Katlan</t>
  </si>
  <si>
    <t>bill terha katlan</t>
  </si>
  <si>
    <t>GGPS TERHA</t>
  </si>
  <si>
    <t>terah</t>
  </si>
  <si>
    <t>GGPS TERO CHAK</t>
  </si>
  <si>
    <t>Terochak</t>
  </si>
  <si>
    <t>village terochak po heera garh tehsil kharian distric gujrat</t>
  </si>
  <si>
    <t>Shaheena Akhter</t>
  </si>
  <si>
    <t>GGPS TEWEEN</t>
  </si>
  <si>
    <t>village teween tehsil noshera distt khushab</t>
  </si>
  <si>
    <t>Teween</t>
  </si>
  <si>
    <t>GGPS THAHEEM ABAD</t>
  </si>
  <si>
    <t>Thaeem abad</t>
  </si>
  <si>
    <t>Baldia Khanpur</t>
  </si>
  <si>
    <t>Samrana Naz</t>
  </si>
  <si>
    <t>GGPS THAHEEM WALA</t>
  </si>
  <si>
    <t>thaheem wala basti shadu khan</t>
  </si>
  <si>
    <t>Thaheem Wala</t>
  </si>
  <si>
    <t>GGPS THAHEEM WALI MORI</t>
  </si>
  <si>
    <t>Mochiwali</t>
  </si>
  <si>
    <t>saidpurnoor mochiwali</t>
  </si>
  <si>
    <t>Saidpur Noor</t>
  </si>
  <si>
    <t>Abida Mukhtiar</t>
  </si>
  <si>
    <t>GGPS THAKAR KALAN</t>
  </si>
  <si>
    <t>Thakkar Klan</t>
  </si>
  <si>
    <t>village Thakkar Klan po Bherowal teh Phalia dist M.B.Din</t>
  </si>
  <si>
    <t>Nazia Noreen</t>
  </si>
  <si>
    <t>GGPS THAKIAL</t>
  </si>
  <si>
    <t>Thakial</t>
  </si>
  <si>
    <t>village thakial tehsil zafarwal district narowal</t>
  </si>
  <si>
    <t>Parveen Sain</t>
  </si>
  <si>
    <t>GGPS THAKKAR KEY WARRAICH</t>
  </si>
  <si>
    <t>Thakkarkey</t>
  </si>
  <si>
    <t>Ggps Thakkarkey waraich, Gujranwala</t>
  </si>
  <si>
    <t>Kot Amar Sing</t>
  </si>
  <si>
    <t>Iqra Younas</t>
  </si>
  <si>
    <t>GGPS THAKKER KAY BANDA</t>
  </si>
  <si>
    <t>Thakkar Kay Banda</t>
  </si>
  <si>
    <t>moaza thakkar Kay Banda daak Khana jamalkot</t>
  </si>
  <si>
    <t>Thakker Kay Banda</t>
  </si>
  <si>
    <t>GGPS THAKRAL</t>
  </si>
  <si>
    <t>Surfraz Pur</t>
  </si>
  <si>
    <t>thakral</t>
  </si>
  <si>
    <t>Thakral</t>
  </si>
  <si>
    <t>Ibrahim Pur</t>
  </si>
  <si>
    <t>GGPS THALA</t>
  </si>
  <si>
    <t>Thalla</t>
  </si>
  <si>
    <t>vill thalla p/o loona</t>
  </si>
  <si>
    <t>Tehmina Sajid</t>
  </si>
  <si>
    <t>GGPS THALA SHRIF</t>
  </si>
  <si>
    <t>Kasmani</t>
  </si>
  <si>
    <t>GGPS thalla sharif</t>
  </si>
  <si>
    <t>Thalla Sharif</t>
  </si>
  <si>
    <t>Hafiza Naveeda Akram</t>
  </si>
  <si>
    <t>GGPS THALANG BUN</t>
  </si>
  <si>
    <t>Thalang bun</t>
  </si>
  <si>
    <t>Thalangbun</t>
  </si>
  <si>
    <t>Khadija Rahim</t>
  </si>
  <si>
    <t>GGPS THALAY WALA FAROOQ PURA DOUBLE PHATIK OLD SHUJABAD ROAD</t>
  </si>
  <si>
    <t>LIAQAT ABAD OLD SHUJABAD ROAD</t>
  </si>
  <si>
    <t>GGPS THALEEL</t>
  </si>
  <si>
    <t>BASTI THALEEL</t>
  </si>
  <si>
    <t>MARYAM KHANUM</t>
  </si>
  <si>
    <t>GGPS THALI MALHIAN</t>
  </si>
  <si>
    <t>Thalimalhian</t>
  </si>
  <si>
    <t>G GPS Thalimalhian</t>
  </si>
  <si>
    <t>Thali malhian</t>
  </si>
  <si>
    <t>GGPS THALLA GULL KALA</t>
  </si>
  <si>
    <t>Thala Gul Kala</t>
  </si>
  <si>
    <t>thala gul kala po mankera</t>
  </si>
  <si>
    <t>Thala  Gul Kala</t>
  </si>
  <si>
    <t>Humaira Yousuf</t>
  </si>
  <si>
    <t>GGPS THALLA INAYAT KHAN</t>
  </si>
  <si>
    <t>Khokar Isra Nasheeb</t>
  </si>
  <si>
    <t>ggps thala inayat khan</t>
  </si>
  <si>
    <t>ANEELA ASGHAR</t>
  </si>
  <si>
    <t>GGPS THALLA NOON</t>
  </si>
  <si>
    <t>Thalla Noon Nasheab</t>
  </si>
  <si>
    <t>GGPS Thalla Noon</t>
  </si>
  <si>
    <t>Thalla Noon</t>
  </si>
  <si>
    <t>GGPS THALWARI</t>
  </si>
  <si>
    <t>GGPS basti basti Hashim  moza thalwari</t>
  </si>
  <si>
    <t>Ameen Grah</t>
  </si>
  <si>
    <t>GGPS THAMMAY WALI CHAKRALA</t>
  </si>
  <si>
    <t>Thammay Wali</t>
  </si>
  <si>
    <t>GGPS Thammay wali,chakrala</t>
  </si>
  <si>
    <t>Zerghona</t>
  </si>
  <si>
    <t>purchased water tanker is stored in underground water tank</t>
  </si>
  <si>
    <t>GGPS THANDI BHAEER</t>
  </si>
  <si>
    <t>Village Thandi.bheer post office Attock khurd</t>
  </si>
  <si>
    <t>Thandi baheer</t>
  </si>
  <si>
    <t>Quratulain Asghar</t>
  </si>
  <si>
    <t>GGPS THAPLA</t>
  </si>
  <si>
    <t>Thapla</t>
  </si>
  <si>
    <t>village THAPLA post office kharian , District Gujrat</t>
  </si>
  <si>
    <t>Bidder</t>
  </si>
  <si>
    <t>Nosheen Arshad</t>
  </si>
  <si>
    <t>GGPS THAR CHAK PO KALAR KAHAR</t>
  </si>
  <si>
    <t>Tharchak</t>
  </si>
  <si>
    <t>village tharchak p.o kallar kahar district chakwal</t>
  </si>
  <si>
    <t>Bharphr</t>
  </si>
  <si>
    <t>Saadia Rubab</t>
  </si>
  <si>
    <t>GGPS THARO WALI</t>
  </si>
  <si>
    <t>basti tharowali mouza bait kaitch</t>
  </si>
  <si>
    <t>Tharowali</t>
  </si>
  <si>
    <t>Bait Kaitch janubi</t>
  </si>
  <si>
    <t>Ambreen  Bi Bi</t>
  </si>
  <si>
    <t>GGPS THAROO WALA</t>
  </si>
  <si>
    <t>G.G.P.S Tharoo wala</t>
  </si>
  <si>
    <t>Tharoo Wala</t>
  </si>
  <si>
    <t>Bhar Khaki</t>
  </si>
  <si>
    <t>Shahina Fiaz</t>
  </si>
  <si>
    <t>GGPS THATA BERAN</t>
  </si>
  <si>
    <t>Thatta Beran</t>
  </si>
  <si>
    <t>ggps thatta beran</t>
  </si>
  <si>
    <t>Nasser Pur Kalan</t>
  </si>
  <si>
    <t>GGPS THATA INAYAT KAY</t>
  </si>
  <si>
    <t>GGPS Thatta Inayat Kay</t>
  </si>
  <si>
    <t>Thatta Inayat Kay</t>
  </si>
  <si>
    <t>Nida Javed</t>
  </si>
  <si>
    <t>GGPS THATA SYEDAN</t>
  </si>
  <si>
    <t>Thatha Syedan</t>
  </si>
  <si>
    <t>GGPS THATA WASAL SHAH</t>
  </si>
  <si>
    <t>Alawal K</t>
  </si>
  <si>
    <t>G. G. P. S Thatha wasal shah</t>
  </si>
  <si>
    <t>Thatha Wasal Shah</t>
  </si>
  <si>
    <t>34/GD</t>
  </si>
  <si>
    <t>Farah Hayat</t>
  </si>
  <si>
    <t>GGPS THATAR</t>
  </si>
  <si>
    <t>Theater</t>
  </si>
  <si>
    <t>Thatar daak khana khas</t>
  </si>
  <si>
    <t>Thatar</t>
  </si>
  <si>
    <t>uzma jalani</t>
  </si>
  <si>
    <t>GGPS THATH WARN</t>
  </si>
  <si>
    <t>Moza Dhoor Kot Basti Thath Waran Uch Shsrif Tehsil Ahmed Pur East District Bahawalpur</t>
  </si>
  <si>
    <t>Thath Waran</t>
  </si>
  <si>
    <t>Nasreen Khadim</t>
  </si>
  <si>
    <t>GGPS THATHA</t>
  </si>
  <si>
    <t>village thatha  post office talhara teh daska disst sialkot</t>
  </si>
  <si>
    <t>Hafza Tanzeela Naz</t>
  </si>
  <si>
    <t>GGPS THATHA CHANDU KALAN</t>
  </si>
  <si>
    <t>Thatta Chandu Kalan</t>
  </si>
  <si>
    <t>GGPS Thatta Chandu Kalan Tehsil Lalian District Chiniot</t>
  </si>
  <si>
    <t>Thatt Chandu Kalan</t>
  </si>
  <si>
    <t>Kawin Wala</t>
  </si>
  <si>
    <t>GGPS THATHA FAQIR ULLAH</t>
  </si>
  <si>
    <t>Thatha Faqeer Ullah</t>
  </si>
  <si>
    <t>thatha faqirullah wazirabad</t>
  </si>
  <si>
    <t>GGPS THATHA GABOLAN #1</t>
  </si>
  <si>
    <t>Shahida Saeed</t>
  </si>
  <si>
    <t>GGPS THATHA GABOLAN #2</t>
  </si>
  <si>
    <t>thatha gaboln</t>
  </si>
  <si>
    <t>markz thatha gabolan</t>
  </si>
  <si>
    <t>waddy wala</t>
  </si>
  <si>
    <t>Hasina Begum</t>
  </si>
  <si>
    <t>GGPS THATHA GAGOKA</t>
  </si>
  <si>
    <t>THATHA GAGOKA</t>
  </si>
  <si>
    <t>Thatha Gagoka</t>
  </si>
  <si>
    <t>Dheerake Lalke</t>
  </si>
  <si>
    <t>Natasha Khan</t>
  </si>
  <si>
    <t>GGPS THATHA GAJU</t>
  </si>
  <si>
    <t>Dohata Thatta Gajju t</t>
  </si>
  <si>
    <t>Post Office Rasulpur,Village Thatha Gajju</t>
  </si>
  <si>
    <t>Thatha Gajju</t>
  </si>
  <si>
    <t>Sadrish Younas</t>
  </si>
  <si>
    <t>GGPS THATHA GORMANI NO. 2</t>
  </si>
  <si>
    <t>Thatha Gurmani Garbi</t>
  </si>
  <si>
    <t>mouza thathat gurmani garbi TEHSIL kot adu district m garh</t>
  </si>
  <si>
    <t>Chah Kalu wala</t>
  </si>
  <si>
    <t>Thatha Gurmani  Thatha Gurmani Sha</t>
  </si>
  <si>
    <t>GGPS THATHA GUL BHORE</t>
  </si>
  <si>
    <t>Gulbore</t>
  </si>
  <si>
    <t>moza ghlboor garh fateh shah</t>
  </si>
  <si>
    <t>Ghlboor</t>
  </si>
  <si>
    <t>GGPS THATHA HAST</t>
  </si>
  <si>
    <t>Thatha Hast</t>
  </si>
  <si>
    <t>p o lasoori kalan Teh Phalia dist m.b din</t>
  </si>
  <si>
    <t>GGPS THATHA JAHID AMIR WALA</t>
  </si>
  <si>
    <t>Thatta Jahad Ameerwala</t>
  </si>
  <si>
    <t>Village Thatta Jahad Ameer Wala Pindi Bhattian District Hafizabad</t>
  </si>
  <si>
    <t>salma hussain</t>
  </si>
  <si>
    <t>GGPS THATHA KAMBOKA</t>
  </si>
  <si>
    <t>Thatta Kamboka</t>
  </si>
  <si>
    <t>GMPS thatta kamboka</t>
  </si>
  <si>
    <t>Thatta Kambkoa</t>
  </si>
  <si>
    <t>Harsa Shaikh</t>
  </si>
  <si>
    <t>GGPS THATHA KARIM DAD</t>
  </si>
  <si>
    <t>Thatha karimdad Pindi Bhtyaa</t>
  </si>
  <si>
    <t>Sumera Tabassum</t>
  </si>
  <si>
    <t>GGPS THATHA KHOKHARAN</t>
  </si>
  <si>
    <t>Thatha Khokharan</t>
  </si>
  <si>
    <t>thatha khokharan</t>
  </si>
  <si>
    <t>Alaudinke</t>
  </si>
  <si>
    <t>GGPS THATHA MADOO KA</t>
  </si>
  <si>
    <t>Madooka</t>
  </si>
  <si>
    <t>GGPS thatha madooka</t>
  </si>
  <si>
    <t>Sabahat Yousaf</t>
  </si>
  <si>
    <t>GGPS THATHA MIANA</t>
  </si>
  <si>
    <t>GGPS Thatha Miana</t>
  </si>
  <si>
    <t>Hujra II</t>
  </si>
  <si>
    <t>GGPS THATHA MUBARAK SHAH</t>
  </si>
  <si>
    <t>GGPS thatta Mubark shah chiniot</t>
  </si>
  <si>
    <t>Thatta Mubark Shah</t>
  </si>
  <si>
    <t>Mariya Jabeen</t>
  </si>
  <si>
    <t>GGPS THATHA MUSA</t>
  </si>
  <si>
    <t>Thatha Musa Bhowana</t>
  </si>
  <si>
    <t>MC Bhowana</t>
  </si>
  <si>
    <t>Bakhat Bibi</t>
  </si>
  <si>
    <t>GGPS THATHA MUSRERA</t>
  </si>
  <si>
    <t>Thatha Musrera</t>
  </si>
  <si>
    <t>SADAR Gogera Tehsil Okara distt. okara</t>
  </si>
  <si>
    <t>Nabila Sarwar</t>
  </si>
  <si>
    <t>GGPS THATHA NAULAN</t>
  </si>
  <si>
    <t>Thatha Naulan</t>
  </si>
  <si>
    <t>Thatha Naulan, nankana sahib</t>
  </si>
  <si>
    <t>GGPS THATHA NEHAL</t>
  </si>
  <si>
    <t>Thatha Nehal</t>
  </si>
  <si>
    <t>Thatha nehal post Office Syed wala</t>
  </si>
  <si>
    <t>GGPS THATHA PERAY KA</t>
  </si>
  <si>
    <t>GGPS thatha peray ka</t>
  </si>
  <si>
    <t>Thatha Peray Ka</t>
  </si>
  <si>
    <t>Ayesha Amin</t>
  </si>
  <si>
    <t>GGPS THATHA PHULARWAN</t>
  </si>
  <si>
    <t>Thatha phulrwan moza kur</t>
  </si>
  <si>
    <t>Thatha Phulrwan</t>
  </si>
  <si>
    <t>597/GB</t>
  </si>
  <si>
    <t>Rabia Hayat</t>
  </si>
  <si>
    <t>GGPS THATHA PUNJ CHATHA</t>
  </si>
  <si>
    <t>thatha punjarha p/o Mehlowala</t>
  </si>
  <si>
    <t>Thatha Punjatha</t>
  </si>
  <si>
    <t>Kiran Nawaz</t>
  </si>
  <si>
    <t>GGPS THATHA QADIR SHAH</t>
  </si>
  <si>
    <t>Thata Qadir Shah P/ O Awan Bhattian Sheikhupura</t>
  </si>
  <si>
    <t>GGPS Thata Qadir shah Post office Awaan BhattianTehsil &amp;District sheikhupura</t>
  </si>
  <si>
    <t>Thata Qadir Shah</t>
  </si>
  <si>
    <t>Nazia Liaqat</t>
  </si>
  <si>
    <t>GGPS THATHA QALANDAR SHAH</t>
  </si>
  <si>
    <t>Thatha Qalander Shah</t>
  </si>
  <si>
    <t>thatha qalander shah</t>
  </si>
  <si>
    <t>Sumera Sarwar</t>
  </si>
  <si>
    <t>GGPS THATHA QURESHIAN WALA</t>
  </si>
  <si>
    <t>Thatha Qureshia</t>
  </si>
  <si>
    <t>thatha Qureshian Kahna nu</t>
  </si>
  <si>
    <t>GGPS THATHA RAHMU</t>
  </si>
  <si>
    <t>Berwala</t>
  </si>
  <si>
    <t>ggps thatha  rahmu</t>
  </si>
  <si>
    <t>Thatha Rahmu</t>
  </si>
  <si>
    <t>GGPS THATHA RAJIAN</t>
  </si>
  <si>
    <t>Thatha Rajian</t>
  </si>
  <si>
    <t>thatha rajian pbox jalhan teh nowshera virkan district gujranwala</t>
  </si>
  <si>
    <t>GGPS THATHA ROW</t>
  </si>
  <si>
    <t>Thatha Rao</t>
  </si>
  <si>
    <t>village thatha Rao p/o kali soba khan, gujranwala, kamonke</t>
  </si>
  <si>
    <t>GGPS THATHA SAKANDAR</t>
  </si>
  <si>
    <t>Thatha Sikandar</t>
  </si>
  <si>
    <t>thatha sikandar</t>
  </si>
  <si>
    <t>GGPS THATHA SARKARI</t>
  </si>
  <si>
    <t>Thatha Sarkari</t>
  </si>
  <si>
    <t>Village: Thatha Sarkari, P.O Dhoda, Tehsil Pasrur (Sialkot)</t>
  </si>
  <si>
    <t>GGPS THATHA TARHANA</t>
  </si>
  <si>
    <t>thatha tarhana tandlianwala</t>
  </si>
  <si>
    <t>Thatha Tarhana</t>
  </si>
  <si>
    <t>Aqsa Imtiaz</t>
  </si>
  <si>
    <t>GGPS THATHA UMRA</t>
  </si>
  <si>
    <t>Thatha Umra</t>
  </si>
  <si>
    <t>Vill. Thatha Umra Tehsil Daska Distt Sialkot</t>
  </si>
  <si>
    <t>Farzana Yasmine</t>
  </si>
  <si>
    <t>GGPS THATHI AALAM SHAH</t>
  </si>
  <si>
    <t>Thathi Alam Shah</t>
  </si>
  <si>
    <t>head mistress, ggps, that hi Alam shah</t>
  </si>
  <si>
    <t>GGPS THATHI AILCHI</t>
  </si>
  <si>
    <t>Kahki Lakhi</t>
  </si>
  <si>
    <t>Thathi Ailchi, Khaki Lakhi, Shorkot, Jhang</t>
  </si>
  <si>
    <t>Thathi Ailchi</t>
  </si>
  <si>
    <t>Musharaf Sultana</t>
  </si>
  <si>
    <t>GGPS THATHI ARAIAN</t>
  </si>
  <si>
    <t>That hi Araian</t>
  </si>
  <si>
    <t>Shehzadi Uzma</t>
  </si>
  <si>
    <t>GGPS THATHI GHARBI</t>
  </si>
  <si>
    <t>Thathi Shareef</t>
  </si>
  <si>
    <t>govt girls primary school thathi gharbi</t>
  </si>
  <si>
    <t>Monazah Noreen</t>
  </si>
  <si>
    <t>GGPS THATHI LAL SHAH NO. 2 MULTAN</t>
  </si>
  <si>
    <t>Thathi Lal Shah</t>
  </si>
  <si>
    <t>basti darkhan wala thathi lal shah</t>
  </si>
  <si>
    <t>Alamgeer</t>
  </si>
  <si>
    <t>GGPS THATHI MIAN RANJHA</t>
  </si>
  <si>
    <t>Thathi Mian Ranjha  Ranjaha</t>
  </si>
  <si>
    <t>Thathi Mian Ranjaha p/o Gondal Tehsil Shahpur District Sargodha</t>
  </si>
  <si>
    <t>Thathi Mian Ranjaha</t>
  </si>
  <si>
    <t>Rubab Nazir</t>
  </si>
  <si>
    <t>GGPS THATHI OTAR</t>
  </si>
  <si>
    <t>Thathi Ottar</t>
  </si>
  <si>
    <t>thatti ottar</t>
  </si>
  <si>
    <t>Bhonikay Ottar</t>
  </si>
  <si>
    <t>GGPS THATHI SHARKI</t>
  </si>
  <si>
    <t>GGPS THATI BANGLA</t>
  </si>
  <si>
    <t>Thati Bangla</t>
  </si>
  <si>
    <t>thati bngla</t>
  </si>
  <si>
    <t>Shabnam Niaz</t>
  </si>
  <si>
    <t>GGPS THATI JAMOO P.O THATI JANGA</t>
  </si>
  <si>
    <t>Thatti Jamoo</t>
  </si>
  <si>
    <t>VPO janga tehsil and District chakwal</t>
  </si>
  <si>
    <t>Javairia Rubab</t>
  </si>
  <si>
    <t>GGPS THATTA BASAU</t>
  </si>
  <si>
    <t>Thatha Basao</t>
  </si>
  <si>
    <t>Village Thatha basao post office chahal kalan district Gujranwala</t>
  </si>
  <si>
    <t>GGPS THATTA CHAK MURAD</t>
  </si>
  <si>
    <t>MURAD WALA</t>
  </si>
  <si>
    <t>tHATTA CHAK MURAD MOUZA PABBAR WALA JHANG</t>
  </si>
  <si>
    <t>THATTA CHAK MURAD</t>
  </si>
  <si>
    <t>PABBAR WALA</t>
  </si>
  <si>
    <t>GGPS THATTA GAHRA</t>
  </si>
  <si>
    <t>Thatha Gahra</t>
  </si>
  <si>
    <t>GGPS THATHA GAHRA</t>
  </si>
  <si>
    <t>nazish imtiaz</t>
  </si>
  <si>
    <t>GGPS THATTA GUNIANA</t>
  </si>
  <si>
    <t>GGPS Thata Guniana</t>
  </si>
  <si>
    <t>Thata Guniana</t>
  </si>
  <si>
    <t>Uzma Akram</t>
  </si>
  <si>
    <t>GGPS THATTA GURMANI</t>
  </si>
  <si>
    <t>thatha gurmani</t>
  </si>
  <si>
    <t>Fatima Khan</t>
  </si>
  <si>
    <t>GGPS THATTA HARIAN NO. 1</t>
  </si>
  <si>
    <t>Mouza Kull The Lalian District Chiniot</t>
  </si>
  <si>
    <t>Mouza Kull</t>
  </si>
  <si>
    <t>water Pump+Hand Pump</t>
  </si>
  <si>
    <t>GGPS THATTA HASHMAT</t>
  </si>
  <si>
    <t>Thatha Hashmat</t>
  </si>
  <si>
    <t>GGPS thatha hashmat</t>
  </si>
  <si>
    <t>Wijhwa</t>
  </si>
  <si>
    <t>Shbana Anjum</t>
  </si>
  <si>
    <t>GGPS THATTA HOSHNAK RAI</t>
  </si>
  <si>
    <t>Thatha Hoshnak Rai</t>
  </si>
  <si>
    <t>Ggps thatha hoshnak rai</t>
  </si>
  <si>
    <t>Nahrianwla</t>
  </si>
  <si>
    <t>GGPS THATTA JOIYA</t>
  </si>
  <si>
    <t>Thatta Joyia</t>
  </si>
  <si>
    <t>thatta joyia p/o rabana tehsil sahiwal district sargodha</t>
  </si>
  <si>
    <t>Nooraywala</t>
  </si>
  <si>
    <t>Muhammad Sarfraz Ahmad</t>
  </si>
  <si>
    <t>GGPS THATTA KAMIRA</t>
  </si>
  <si>
    <t>Thatta Kamira</t>
  </si>
  <si>
    <t>PO Ghous Pur Moza Thatta Kamira District Jhang</t>
  </si>
  <si>
    <t>maqsood bibi almaroof maqsood akhtar</t>
  </si>
  <si>
    <t>GGPS THATTA KHARLAN</t>
  </si>
  <si>
    <t>GGPS THATTA KORAYA</t>
  </si>
  <si>
    <t>Thatta Koryana</t>
  </si>
  <si>
    <t>Post office alipur moza thatta Koryana</t>
  </si>
  <si>
    <t>Kousar Parveen Rai</t>
  </si>
  <si>
    <t>GGPS THATTA LANGAR</t>
  </si>
  <si>
    <t>GGPS Thatta Langar</t>
  </si>
  <si>
    <t>Thatta Langar</t>
  </si>
  <si>
    <t>GGPS THATTA MALIAN</t>
  </si>
  <si>
    <t>thatha mallian</t>
  </si>
  <si>
    <t>Thatha Mallian</t>
  </si>
  <si>
    <t>GGPS THATTA MIAN LALA</t>
  </si>
  <si>
    <t>Daver</t>
  </si>
  <si>
    <t>thatha mian lala moza  daver  dak khana khas</t>
  </si>
  <si>
    <t>Thatha Mian Lala</t>
  </si>
  <si>
    <t>RAFIA SHEEREN</t>
  </si>
  <si>
    <t>GGPS THATTA NAHRA</t>
  </si>
  <si>
    <t>Thatha Nahara</t>
  </si>
  <si>
    <t>Thatha nahara</t>
  </si>
  <si>
    <t>Thatha Nahra</t>
  </si>
  <si>
    <t>Pindi  Bawray</t>
  </si>
  <si>
    <t>GGPS THATTA RAIKA</t>
  </si>
  <si>
    <t>Thatha Raika</t>
  </si>
  <si>
    <t>GGPS thatha raika</t>
  </si>
  <si>
    <t>Thatha Kharo Matmal</t>
  </si>
  <si>
    <t>Khatoon Parveen</t>
  </si>
  <si>
    <t>GGPS THATTA TARRAR</t>
  </si>
  <si>
    <t>Thatha Tarrar</t>
  </si>
  <si>
    <t>Thatha tarrar waga chaki lahore</t>
  </si>
  <si>
    <t>Shabnam Shahzadi</t>
  </si>
  <si>
    <t>GGPS THATTHA NOOR SHAH</t>
  </si>
  <si>
    <t>Thatha Noor Shah</t>
  </si>
  <si>
    <t>Thatha Noor Shah teh.pindi bhattian district Hafizabad</t>
  </si>
  <si>
    <t>AqsaBatool</t>
  </si>
  <si>
    <t>GGPS THATTI DHAKWAN</t>
  </si>
  <si>
    <t>Thatti Dhakwan</t>
  </si>
  <si>
    <t>post ofc chakrala village thatti dhakwan tehsil shahpur sgd</t>
  </si>
  <si>
    <t>Mussarrat Asif</t>
  </si>
  <si>
    <t>GGPS THATTI DOSANDI</t>
  </si>
  <si>
    <t>Thathi Dosendi  Post office kot bhowaanidas
Gujranwala</t>
  </si>
  <si>
    <t>Thatti Dosendi</t>
  </si>
  <si>
    <t>Botalah Jhndha Singh</t>
  </si>
  <si>
    <t>Maryam Mansha</t>
  </si>
  <si>
    <t>GGPS THATTI GADIAN</t>
  </si>
  <si>
    <t>thatti  gadian</t>
  </si>
  <si>
    <t>Thatti Gadian</t>
  </si>
  <si>
    <t>Assia Batool</t>
  </si>
  <si>
    <t>GGPS THATTI GUJRAN NO.2</t>
  </si>
  <si>
    <t>Thatti gujran</t>
  </si>
  <si>
    <t>GGP/S Thatti jujran</t>
  </si>
  <si>
    <t>Thatti Gujran</t>
  </si>
  <si>
    <t>Abida Amber</t>
  </si>
  <si>
    <t>GGPS THATTI GULL</t>
  </si>
  <si>
    <t>Thatti Gul</t>
  </si>
  <si>
    <t>GGPS Thatti gul p/o kot shakir</t>
  </si>
  <si>
    <t>GGPS THATTI JALAL</t>
  </si>
  <si>
    <t>p/o rabbana thatti jalal</t>
  </si>
  <si>
    <t>Iqra Munir</t>
  </si>
  <si>
    <t>GGPS THATTI KALRA</t>
  </si>
  <si>
    <t>Thatti kalra</t>
  </si>
  <si>
    <t>GGPS THATTI MUZALAM</t>
  </si>
  <si>
    <t>THATTI MUZALAM</t>
  </si>
  <si>
    <t>Amnah Qurban</t>
  </si>
  <si>
    <t>GGPS THATTI NOOR AHMED SHAH</t>
  </si>
  <si>
    <t>Thati Noor Ahmed Shah</t>
  </si>
  <si>
    <t>Thati noor ahmed shah</t>
  </si>
  <si>
    <t>Shahzadi Bibi</t>
  </si>
  <si>
    <t>GGPS THATTI PANAH</t>
  </si>
  <si>
    <t>Thatti Panah</t>
  </si>
  <si>
    <t>moza thatti panah p.o box klaira</t>
  </si>
  <si>
    <t>Hadiya Tun Nisa</t>
  </si>
  <si>
    <t>GGPS THATTI QURESHIAN</t>
  </si>
  <si>
    <t>Thatti Qureshian</t>
  </si>
  <si>
    <t>thatti qureshian p/s lau</t>
  </si>
  <si>
    <t>Saeed Akhter</t>
  </si>
  <si>
    <t>GGPS THATTI SHAH SHAKOOR</t>
  </si>
  <si>
    <t>Thatti Shah Shakoor</t>
  </si>
  <si>
    <t>GGP/S Thatti Shah Shakoor</t>
  </si>
  <si>
    <t>Musarrat Begum</t>
  </si>
  <si>
    <t>GGPS THAY DARGAI</t>
  </si>
  <si>
    <t>Thay  Dargai</t>
  </si>
  <si>
    <t>Thay Dargai</t>
  </si>
  <si>
    <t>GGPS THEEKER</t>
  </si>
  <si>
    <t>Basti Theekar</t>
  </si>
  <si>
    <t>Nazeeran BiBi</t>
  </si>
  <si>
    <t>GGPS THEENG CHAK NO 7</t>
  </si>
  <si>
    <t>Theeng Ck7</t>
  </si>
  <si>
    <t>theeng ck 7</t>
  </si>
  <si>
    <t>Theeng</t>
  </si>
  <si>
    <t>KothiWala</t>
  </si>
  <si>
    <t>GGPS THEENG KHATRIAN</t>
  </si>
  <si>
    <t>Theeng Khatrian</t>
  </si>
  <si>
    <t>theeng khatrian teh chunian district kasur po Arzani Pur</t>
  </si>
  <si>
    <t>Naveeda Iram</t>
  </si>
  <si>
    <t>GGPS THEH BHOLAY KAY</t>
  </si>
  <si>
    <t>Bhole Key</t>
  </si>
  <si>
    <t>bhole key kasur</t>
  </si>
  <si>
    <t>Diftoo</t>
  </si>
  <si>
    <t>Fazeelat Baw</t>
  </si>
  <si>
    <t>GGPS THEH KAMAL</t>
  </si>
  <si>
    <t>Theh kamal</t>
  </si>
  <si>
    <t>sadia amin</t>
  </si>
  <si>
    <t>GGPS THEH LAKHNAY KAY</t>
  </si>
  <si>
    <t>Lakhnakay</t>
  </si>
  <si>
    <t>ggp/s thaylakhnakay</t>
  </si>
  <si>
    <t>GGPS THEH NASIB ABAD</t>
  </si>
  <si>
    <t>Naseeb Abad</t>
  </si>
  <si>
    <t>ggps Naseeb Abad</t>
  </si>
  <si>
    <t>Amina  Bibi</t>
  </si>
  <si>
    <t>GGPS THEH PANJOO</t>
  </si>
  <si>
    <t>Arzoo Saba</t>
  </si>
  <si>
    <t>GGPS THEH PANWAN</t>
  </si>
  <si>
    <t>Theh Panwan</t>
  </si>
  <si>
    <t>theh panwan</t>
  </si>
  <si>
    <t>Ibraheem Abad</t>
  </si>
  <si>
    <t>Sana Ghulam Nabi</t>
  </si>
  <si>
    <t>GGPS THEHRI</t>
  </si>
  <si>
    <t>Thehri</t>
  </si>
  <si>
    <t>Sidra Akhtar</t>
  </si>
  <si>
    <t>GGPS THEKARIAN</t>
  </si>
  <si>
    <t>Theekrian</t>
  </si>
  <si>
    <t>main GT road theekrian, Tehsil Kharian district Gujrat</t>
  </si>
  <si>
    <t>GGPS THEKRIAN MONIAN</t>
  </si>
  <si>
    <t>bagrianwala</t>
  </si>
  <si>
    <t>Tayyaba Farooqi</t>
  </si>
  <si>
    <t>GGPS THERI PERU WALI</t>
  </si>
  <si>
    <t>Theri Peeru Wali</t>
  </si>
  <si>
    <t>Ggps Theri peeru Wali</t>
  </si>
  <si>
    <t>Ameera Bibi</t>
  </si>
  <si>
    <t>GGPS THERI ZABTI</t>
  </si>
  <si>
    <t>Theri Zabti sukhail</t>
  </si>
  <si>
    <t>Qurat ul Ain</t>
  </si>
  <si>
    <t>GGPS THIKRIAN</t>
  </si>
  <si>
    <t>ggps theekrian post office kamra kallan</t>
  </si>
  <si>
    <t>Kamra Kallan</t>
  </si>
  <si>
    <t>Humara Nasir</t>
  </si>
  <si>
    <t>GGPS THILL</t>
  </si>
  <si>
    <t>THILL</t>
  </si>
  <si>
    <t>GGPS THILL P/O THILL TEHSIL SARAI ALAMGIR DISTRICT GUJRAT</t>
  </si>
  <si>
    <t>SOBIA GULNAZ</t>
  </si>
  <si>
    <t>GGPS THIND KHURD NASHAIB</t>
  </si>
  <si>
    <t>Thind Khurd Nasheb</t>
  </si>
  <si>
    <t>Thind khurd nasheb</t>
  </si>
  <si>
    <t>Sumra Nasheb</t>
  </si>
  <si>
    <t>GGPS THITHER</t>
  </si>
  <si>
    <t>thethar</t>
  </si>
  <si>
    <t>village thethar p/ o same tehsil zferwal district narowal</t>
  </si>
  <si>
    <t>dhamthl</t>
  </si>
  <si>
    <t>GGPS THOA HUMAUN</t>
  </si>
  <si>
    <t>Thoha Humayun</t>
  </si>
  <si>
    <t>VPO Thoha Hamayun tehsil kallar kahar district chakwal</t>
  </si>
  <si>
    <t>Najaf Zahrah</t>
  </si>
  <si>
    <t>GGPS THOHA MEHRAM KHAN</t>
  </si>
  <si>
    <t>Shazia Raza</t>
  </si>
  <si>
    <t>GGPS THOKAR NIAZ BAIG</t>
  </si>
  <si>
    <t>Naiz Baig</t>
  </si>
  <si>
    <t>Naiz Baig Multan road lhr</t>
  </si>
  <si>
    <t>Rashida Qsmar</t>
  </si>
  <si>
    <t>GGPS THONDO ANI</t>
  </si>
  <si>
    <t>Chak Jogyani</t>
  </si>
  <si>
    <t>ggps basti thondwani chak jogyani roadchotibals</t>
  </si>
  <si>
    <t>Thondwani</t>
  </si>
  <si>
    <t>FARIHA ATHAR</t>
  </si>
  <si>
    <t>GGPS THOON</t>
  </si>
  <si>
    <t>Thoon, P.O &amp; Teh Sarai Alamgir dist.Gujrat</t>
  </si>
  <si>
    <t>yasmin yousaf</t>
  </si>
  <si>
    <t>GGPS THOUYAN</t>
  </si>
  <si>
    <t>thouyan</t>
  </si>
  <si>
    <t>Kailainwala</t>
  </si>
  <si>
    <t>Samaira Aslam</t>
  </si>
  <si>
    <t>GGPS THUL ALI MUHAMMAD NO 2</t>
  </si>
  <si>
    <t>thul ali muhammad</t>
  </si>
  <si>
    <t>Tibi Lundon</t>
  </si>
  <si>
    <t>GGPS THUL HARROW NO 2</t>
  </si>
  <si>
    <t>Thull Harrow</t>
  </si>
  <si>
    <t>basti Hazarah Khan</t>
  </si>
  <si>
    <t>Basti Hazarah Khan</t>
  </si>
  <si>
    <t>Saima Younis</t>
  </si>
  <si>
    <t>GGPS THUL HASSAN KHAN</t>
  </si>
  <si>
    <t>Thull Hassan</t>
  </si>
  <si>
    <t>Ggps thull hassan khan</t>
  </si>
  <si>
    <t>Thull Hassan khan</t>
  </si>
  <si>
    <t>Thull Khair Muhammad</t>
  </si>
  <si>
    <t>Hafiza Nageen Hadayat</t>
  </si>
  <si>
    <t>GGPS THUL JANAN</t>
  </si>
  <si>
    <t>Thul Janan</t>
  </si>
  <si>
    <t>thul janan  markz harrand tehsil  jampur district rajanpur</t>
  </si>
  <si>
    <t>Thul  Ali  Muhammad</t>
  </si>
  <si>
    <t>Ghazala Nazli</t>
  </si>
  <si>
    <t>generator pump used petrol</t>
  </si>
  <si>
    <t>GGPS THUL SAIDAN</t>
  </si>
  <si>
    <t>Thul Sydan</t>
  </si>
  <si>
    <t>thul saidan</t>
  </si>
  <si>
    <t>Thul Saidan</t>
  </si>
  <si>
    <t>Tahira Tehsin</t>
  </si>
  <si>
    <t>GGPS THUL WAZIR KHAN</t>
  </si>
  <si>
    <t>Thul Wazir Khan</t>
  </si>
  <si>
    <t>Moza Thul Wazir Khan</t>
  </si>
  <si>
    <t>Bahodipur Quraishyan</t>
  </si>
  <si>
    <t>Zahida Fareed</t>
  </si>
  <si>
    <t>GGPS THULL NAJEEB, NAWAN SHEHR(Refunctionlizing -19-05-15)</t>
  </si>
  <si>
    <t>mouza thull najeeb p/o salarwahin tehsil kabirwala district khanewal</t>
  </si>
  <si>
    <t>AMMARA TABASSUM</t>
  </si>
  <si>
    <t>Self Managed</t>
  </si>
  <si>
    <t>GGPS THURGLA</t>
  </si>
  <si>
    <t>Thurgla</t>
  </si>
  <si>
    <t>village Thurgla P/O Kotla Qasim Khan.</t>
  </si>
  <si>
    <t>KotlaQasimKhan</t>
  </si>
  <si>
    <t>Rozia Bano</t>
  </si>
  <si>
    <t>GGPS TIB CHOHAN</t>
  </si>
  <si>
    <t>Tib Chohan</t>
  </si>
  <si>
    <t>tib chohan</t>
  </si>
  <si>
    <t>Robina Ashiq</t>
  </si>
  <si>
    <t>GGPS TIBA REHMAT SHAH</t>
  </si>
  <si>
    <t>Tibbah Rehmat S</t>
  </si>
  <si>
    <t>tibbah rehmat shah</t>
  </si>
  <si>
    <t>Tibbah Rehmat Shah</t>
  </si>
  <si>
    <t>Samina Naz Aslam</t>
  </si>
  <si>
    <t>GGPS TIBBA BADAR SHAIR NO. 3</t>
  </si>
  <si>
    <t>muhallah gulshan habib badr sher</t>
  </si>
  <si>
    <t>Gulshanhabib Badar Sher</t>
  </si>
  <si>
    <t>Bwp City07</t>
  </si>
  <si>
    <t>shagufta kanwal</t>
  </si>
  <si>
    <t>GGPS TIBBA DARKHANAN WALA</t>
  </si>
  <si>
    <t>Dagar Surani Nasheb</t>
  </si>
  <si>
    <t>tibba dirkhanawala</t>
  </si>
  <si>
    <t>Tibba Dirkhanawala</t>
  </si>
  <si>
    <t>Kuhawar Kalan</t>
  </si>
  <si>
    <t>Ghulam Batool Fatima</t>
  </si>
  <si>
    <t>GGPS TIBBA DASTIAN</t>
  </si>
  <si>
    <t>Tiba dastian wala tehsil and p/o karor lal eson dist.layyah</t>
  </si>
  <si>
    <t>Tiba Dastian Wala</t>
  </si>
  <si>
    <t>GGPS TIBBA GAILY DAST</t>
  </si>
  <si>
    <t>Tiba Gehli</t>
  </si>
  <si>
    <t>tiba gehli</t>
  </si>
  <si>
    <t>Hasu Balail</t>
  </si>
  <si>
    <t>Aysha Nusrat</t>
  </si>
  <si>
    <t>GGPS TIBBA GOPANG</t>
  </si>
  <si>
    <t>kotla Hussain</t>
  </si>
  <si>
    <t>Rakh kot mithan</t>
  </si>
  <si>
    <t>TIBBA GOPANG</t>
  </si>
  <si>
    <t>Sadqa Tallat</t>
  </si>
  <si>
    <t>GGPS TIBBA HABIB SHAH</t>
  </si>
  <si>
    <t>Tibba Habib Shah</t>
  </si>
  <si>
    <t>gmps tibba habib shah</t>
  </si>
  <si>
    <t>SHAZIA NAZIR</t>
  </si>
  <si>
    <t>GGPS TIBBA HAMID SHAH</t>
  </si>
  <si>
    <t>Lundi Nashaib Dagar</t>
  </si>
  <si>
    <t>tibba hamid shah,</t>
  </si>
  <si>
    <t>GGPS TIBBA KHANDDAN WALA</t>
  </si>
  <si>
    <t>Kotla Jam Dagar</t>
  </si>
  <si>
    <t>Ggps Tibba khandan wala</t>
  </si>
  <si>
    <t>Tibba Khandanwala</t>
  </si>
  <si>
    <t>GGPS TIBBA KHARAL</t>
  </si>
  <si>
    <t>kharal</t>
  </si>
  <si>
    <t>ggps tibba kharal</t>
  </si>
  <si>
    <t>tibba kharal</t>
  </si>
  <si>
    <t>angraw dager</t>
  </si>
  <si>
    <t>GGPS TIBBA KHOKHRAN WALA</t>
  </si>
  <si>
    <t>Tibba khokhar darya khan bhakkar</t>
  </si>
  <si>
    <t>GGPS TIBBA KUMHARAN</t>
  </si>
  <si>
    <t>GGPS Tibba kumharan</t>
  </si>
  <si>
    <t>Tibba Kumharan</t>
  </si>
  <si>
    <t>sidra tul Muntaha</t>
  </si>
  <si>
    <t>GGPS TIBBA LAANG</t>
  </si>
  <si>
    <t>Mochi Panuhan</t>
  </si>
  <si>
    <t>Basti Tibba Lang moza Mochi Panuhan Uc Inayat Pur JPPW</t>
  </si>
  <si>
    <t>Tibba Lang</t>
  </si>
  <si>
    <t>GGPS TIBBA MANAK</t>
  </si>
  <si>
    <t>Tibba Manak</t>
  </si>
  <si>
    <t>tibba manak bosal</t>
  </si>
  <si>
    <t>Bosal</t>
  </si>
  <si>
    <t>Adeela Riaz</t>
  </si>
  <si>
    <t>GGPS TIBBA MUHAMMAD NAGAR</t>
  </si>
  <si>
    <t>Tibba Muh Nagr</t>
  </si>
  <si>
    <t>Ghulshan chowk tibba Muhammad Nagar</t>
  </si>
  <si>
    <t>Tibba M Nagr</t>
  </si>
  <si>
    <t>SHAISTA KHADIM ALI</t>
  </si>
  <si>
    <t>GGPS TIBBA MURTAZA SHAH</t>
  </si>
  <si>
    <t>Tibba Murtaza Shah</t>
  </si>
  <si>
    <t>tibba murtaza shah</t>
  </si>
  <si>
    <t>Panjgarian Dagr</t>
  </si>
  <si>
    <t>tayyaba haider</t>
  </si>
  <si>
    <t>GGPS TIBBA NAINA</t>
  </si>
  <si>
    <t>post office tibba naina.kanjan.teh kalurkot distt bhakkar</t>
  </si>
  <si>
    <t>GGPS TIBBA SAHOO</t>
  </si>
  <si>
    <t>Govt girls primary school tibba saho</t>
  </si>
  <si>
    <t>Tibba Sahoo</t>
  </si>
  <si>
    <t>Neelum Bashir</t>
  </si>
  <si>
    <t>GGPS TIBBA SHER KOT</t>
  </si>
  <si>
    <t>Tibba Sher Kot</t>
  </si>
  <si>
    <t>Ggps tibba sher kot</t>
  </si>
  <si>
    <t>Chak  37/sp</t>
  </si>
  <si>
    <t>Atifa Noreen</t>
  </si>
  <si>
    <t>GGPS TIBBA SULTAN PURA</t>
  </si>
  <si>
    <t>chah basira moza chudhary</t>
  </si>
  <si>
    <t>Chah Basira</t>
  </si>
  <si>
    <t>GGPS TIBBA ZAHIR PEER</t>
  </si>
  <si>
    <t>169p</t>
  </si>
  <si>
    <t>tibba zahir pir</t>
  </si>
  <si>
    <t>Tibba Zahir Pir</t>
  </si>
  <si>
    <t>shagufta Parveen</t>
  </si>
  <si>
    <t>GGPS TIBBA ZURANI DARYA KHAN</t>
  </si>
  <si>
    <t>mohalla farooq abad darya khan</t>
  </si>
  <si>
    <t>Parveen  Kousar</t>
  </si>
  <si>
    <t>GGPS TIBBI ARAIAN</t>
  </si>
  <si>
    <t>Tibbi Arian</t>
  </si>
  <si>
    <t>GGPS Tibi Arayan</t>
  </si>
  <si>
    <t>Tibi Arayan</t>
  </si>
  <si>
    <t>Maryam Aziz</t>
  </si>
  <si>
    <t>dispenser</t>
  </si>
  <si>
    <t>GGPS TIBBI ARAIN</t>
  </si>
  <si>
    <t>Tibi Arain</t>
  </si>
  <si>
    <t>ggps tibi arain</t>
  </si>
  <si>
    <t>GGPS TIBBI ARBI NO.1</t>
  </si>
  <si>
    <t>Tibbi Arbi</t>
  </si>
  <si>
    <t>Moza Tibbi Arbi. Basti mujawar.Ahmed  Pur East</t>
  </si>
  <si>
    <t>Mujawar</t>
  </si>
  <si>
    <t>Khuda BUX Mahar</t>
  </si>
  <si>
    <t>GGPS TIBBI ARBI NO.2</t>
  </si>
  <si>
    <t>Moza Tibbi Arbi.Basti Mohal.Ahmed Pur East</t>
  </si>
  <si>
    <t>Bsti Mohal</t>
  </si>
  <si>
    <t>Khud Bukhsh Mahar</t>
  </si>
  <si>
    <t>Mahwish Kiran</t>
  </si>
  <si>
    <t>GGPS TIBBI AWAN WALI</t>
  </si>
  <si>
    <t>dagger qureshi</t>
  </si>
  <si>
    <t>GGP/s tibbi awana wali Darya khan</t>
  </si>
  <si>
    <t>tibbi awan</t>
  </si>
  <si>
    <t>dagger weghwara</t>
  </si>
  <si>
    <t>GGPS TIBBI BUSA</t>
  </si>
  <si>
    <t>Tibbi Busa</t>
  </si>
  <si>
    <t>V.tibbi busa P.O fatehpur teh &amp; distt gujrat</t>
  </si>
  <si>
    <t>Anum Liaqat</t>
  </si>
  <si>
    <t>GGPS TIBBI DAKHLI KUNDIAN</t>
  </si>
  <si>
    <t>muzaferpur</t>
  </si>
  <si>
    <t>village tibbi p/o muzafar pur teh /dist mianwali</t>
  </si>
  <si>
    <t>Gandhi</t>
  </si>
  <si>
    <t>memoona nasim</t>
  </si>
  <si>
    <t>GGPS TIBBI DARKHAN WALA</t>
  </si>
  <si>
    <t>tibbi darkhan wali shujabad (multan)</t>
  </si>
  <si>
    <t>Tibbi Darkhan Wali</t>
  </si>
  <si>
    <t>Ameen Bibi</t>
  </si>
  <si>
    <t>GGPS TIBBI FAZAL</t>
  </si>
  <si>
    <t>mud akbar shah</t>
  </si>
  <si>
    <t>GGPS Tibbi Fazal Basti Noor Din kotsamaba</t>
  </si>
  <si>
    <t>BASTI NOOR DIN</t>
  </si>
  <si>
    <t>MC Kotsamaba</t>
  </si>
  <si>
    <t>iqra anwar</t>
  </si>
  <si>
    <t>GGPS TIBBI INAYAT SHAH</t>
  </si>
  <si>
    <t>Tibbi Inyat Shah</t>
  </si>
  <si>
    <t>Tibbi inyat shah</t>
  </si>
  <si>
    <t>Sarankay</t>
  </si>
  <si>
    <t>Ejaz Anjum</t>
  </si>
  <si>
    <t>GGPS TIBBI JAWAHIR CHAK NO. 29/RB</t>
  </si>
  <si>
    <t>Tibbi Jawahir</t>
  </si>
  <si>
    <t>tibbi jawahir chak no 29</t>
  </si>
  <si>
    <t>Juggiya</t>
  </si>
  <si>
    <t>Ammara Safdar</t>
  </si>
  <si>
    <t>GGPS TIBBI JHULLAN</t>
  </si>
  <si>
    <t>Tibbi Jhulan</t>
  </si>
  <si>
    <t>Ggps Tibbi jhulan</t>
  </si>
  <si>
    <t>GGPS TIBBI KHARAK</t>
  </si>
  <si>
    <t>Tibi Kharak</t>
  </si>
  <si>
    <t>moza tibbi kharak dgk</t>
  </si>
  <si>
    <t>Nadia Bukhari</t>
  </si>
  <si>
    <t>GGPS TIBBI LAK WALA</t>
  </si>
  <si>
    <t>basti tibi luck wali</t>
  </si>
  <si>
    <t>Basti Tibi Luck Wali</t>
  </si>
  <si>
    <t>FOZIA MALIK</t>
  </si>
  <si>
    <t>GGPS TIBBI LAL BAIG</t>
  </si>
  <si>
    <t>TIBBI LAL BAIG</t>
  </si>
  <si>
    <t>TIBBI LAL BAIG, PO KHAS, ARIFWALA, PAKPATTAN</t>
  </si>
  <si>
    <t>KALSOOM NAWAZ</t>
  </si>
  <si>
    <t>GGPS TIBBI LAL SHAH</t>
  </si>
  <si>
    <t>tibi lal shah</t>
  </si>
  <si>
    <t>Tibi Lal Shah</t>
  </si>
  <si>
    <t>Syeda Seema Sajjad</t>
  </si>
  <si>
    <t>GGPS TIBBI LARAN PURANI ABADI</t>
  </si>
  <si>
    <t>Tibi Laran Old</t>
  </si>
  <si>
    <t>tibi laran old</t>
  </si>
  <si>
    <t>Cot Kamo Shah</t>
  </si>
  <si>
    <t>Abida Qadeer</t>
  </si>
  <si>
    <t>GGPS TIBBI MEHTAB SINGH</t>
  </si>
  <si>
    <t>Tibbi Mehtab Singh</t>
  </si>
  <si>
    <t>tibbi mehtab Singh teh.chunian distt kasur</t>
  </si>
  <si>
    <t>Monaza Amin</t>
  </si>
  <si>
    <t>GGPS TIBBI MIYANI</t>
  </si>
  <si>
    <t>p/o tibi qaisrani</t>
  </si>
  <si>
    <t>Ambreen Zafar</t>
  </si>
  <si>
    <t>GGPS TIBBI MUGHALAN</t>
  </si>
  <si>
    <t>Fatta Katta Sdk</t>
  </si>
  <si>
    <t>fatta Katta sdk</t>
  </si>
  <si>
    <t>GGPS TIBBI MUHAMMAD PUR</t>
  </si>
  <si>
    <t>Ggps tibbi m pur</t>
  </si>
  <si>
    <t>Tibbe Mohammad P</t>
  </si>
  <si>
    <t>Baig Maher</t>
  </si>
  <si>
    <t>GGPS TIBBI NIZAM</t>
  </si>
  <si>
    <t>Tibbi Nizam</t>
  </si>
  <si>
    <t>basti kikar wala moza tibbi nizam ada shelar</t>
  </si>
  <si>
    <t>Sadia Rahim</t>
  </si>
  <si>
    <t>GGPS TIBBI PEERAN</t>
  </si>
  <si>
    <t>Tibbi piran</t>
  </si>
  <si>
    <t>Govt.Girls Primary School Tibbi Piran..</t>
  </si>
  <si>
    <t>GGPS TIBBI PIPILI</t>
  </si>
  <si>
    <t>Meonwal Khurd</t>
  </si>
  <si>
    <t>govt. girls primary school tibbi pipili</t>
  </si>
  <si>
    <t>GGPS TIBBI SADAT PO GADOLA</t>
  </si>
  <si>
    <t>Daggar  Sheikhabad</t>
  </si>
  <si>
    <t>Tibba sadat,Bhakkar</t>
  </si>
  <si>
    <t>Tibba Sadat</t>
  </si>
  <si>
    <t>Gadolla</t>
  </si>
  <si>
    <t>Shagufta Begum</t>
  </si>
  <si>
    <t>GGPS TIBBI SAHIB SINGH</t>
  </si>
  <si>
    <t>Tibbi Sahib Sing</t>
  </si>
  <si>
    <t>ggps tibbi sahib Singh mananwala sheikhupura</t>
  </si>
  <si>
    <t>Tibbi Sahib Singh</t>
  </si>
  <si>
    <t>Pati Karpal Singh</t>
  </si>
  <si>
    <t>Usamia Mahboob</t>
  </si>
  <si>
    <t>GGPS TIBBI SAIDAN SHAH WALI</t>
  </si>
  <si>
    <t>g.g.p.s tibbi saidan shah wali</t>
  </si>
  <si>
    <t>Tibbi Saidan</t>
  </si>
  <si>
    <t>Ruqiya Nosheen</t>
  </si>
  <si>
    <t>GGPS TIBBI SAYDAN NO.2 KHAJOORA</t>
  </si>
  <si>
    <t>Khajoora</t>
  </si>
  <si>
    <t>Moza khajoora</t>
  </si>
  <si>
    <t>Chak No 712 Gb Jhakkar</t>
  </si>
  <si>
    <t>Akbari Parveen</t>
  </si>
  <si>
    <t>GGPS TIBBI SOHAGAN</t>
  </si>
  <si>
    <t>Tibbi Sohagan Chandrani East ,Post Office Noorpur Nauranga Tehsil &amp; DISTRICT Bahawalpur</t>
  </si>
  <si>
    <t>Tibbi Sohagan</t>
  </si>
  <si>
    <t>GGPS TIBBI SOLGI</t>
  </si>
  <si>
    <t>dak khna khas tibbi solgi</t>
  </si>
  <si>
    <t>GGPS TIBBI SUNARAY WALA TEH. SHUJABAD</t>
  </si>
  <si>
    <t>Tibbi sunaray wala basti sahib daad wala mouza shah pur ubbah</t>
  </si>
  <si>
    <t>Chah Sahib Daad Wala</t>
  </si>
  <si>
    <t>Tahira Khaliq</t>
  </si>
  <si>
    <t>GGPS TIBBI WALA CHAH TIBBI WALA KEHROR PACCA</t>
  </si>
  <si>
    <t>Bahwl Garh</t>
  </si>
  <si>
    <t>basti qurashi wala</t>
  </si>
  <si>
    <t>Bahawl Garh</t>
  </si>
  <si>
    <t>Shehla Saddieque</t>
  </si>
  <si>
    <t>GGPS TIBI HAMID SAHO</t>
  </si>
  <si>
    <t>Tibi jay singh daak khanaa khas noorshah</t>
  </si>
  <si>
    <t>Tibi Hamid Saho</t>
  </si>
  <si>
    <t>Bushra Manzoor Rana</t>
  </si>
  <si>
    <t>GGPS TIBI JAY SINGH</t>
  </si>
  <si>
    <t>tibi jay singh</t>
  </si>
  <si>
    <t>karyal</t>
  </si>
  <si>
    <t>GGPS TIBI KALO WALI NEW</t>
  </si>
  <si>
    <t>Tibi Kalu Wali</t>
  </si>
  <si>
    <t>tibi kalu wali Dak khna bunga hayat</t>
  </si>
  <si>
    <t>Tibi Kalu Wali New</t>
  </si>
  <si>
    <t>Hella Wattoan</t>
  </si>
  <si>
    <t>GGPS TIBI SADA SINGH</t>
  </si>
  <si>
    <t>Tibbi Sada Singh</t>
  </si>
  <si>
    <t>check tibbi sada Singh tahsrel depalpur distract okara</t>
  </si>
  <si>
    <t>Tasneem Munawar</t>
  </si>
  <si>
    <t>GGPS TIBI SAIDAN</t>
  </si>
  <si>
    <t>moza tibbi saidan p/o zaffar abad</t>
  </si>
  <si>
    <t>Zaffar Abad</t>
  </si>
  <si>
    <t>GGPS TIBI SHER</t>
  </si>
  <si>
    <t>M PUR</t>
  </si>
  <si>
    <t>CHAK TIBI SHER</t>
  </si>
  <si>
    <t>MUHAMMAD PUR</t>
  </si>
  <si>
    <t>GGPS TIDDIAN DE JALLAR FEROZ PUR ROAD LAHORE</t>
  </si>
  <si>
    <t>Kahana Markz</t>
  </si>
  <si>
    <t>GGP/S TIDDIAN DE JHALLAR bank stop Lahore</t>
  </si>
  <si>
    <t>Tiddian de Jhallar</t>
  </si>
  <si>
    <t>Baba Farid Colony</t>
  </si>
  <si>
    <t>GGPS TIKOCH</t>
  </si>
  <si>
    <t>Tikoch</t>
  </si>
  <si>
    <t>tikoch</t>
  </si>
  <si>
    <t>Fareeha kanwal</t>
  </si>
  <si>
    <t>water carrier bring water from hand pump</t>
  </si>
  <si>
    <t>GGPS TILK PUR</t>
  </si>
  <si>
    <t>Tilkpur</t>
  </si>
  <si>
    <t>Village Tilkpur P/O Jungmor Sialkot</t>
  </si>
  <si>
    <t>Rimsha Zulfiqar</t>
  </si>
  <si>
    <t>GGPS TILLAN WALI</t>
  </si>
  <si>
    <t>basti tillan wali chak 147/n.p</t>
  </si>
  <si>
    <t>tillan wali</t>
  </si>
  <si>
    <t>channi goth</t>
  </si>
  <si>
    <t>GGPS TILLO PURA</t>
  </si>
  <si>
    <t>tillo purah mailsi</t>
  </si>
  <si>
    <t>shamim akhter</t>
  </si>
  <si>
    <t>GGPS TILOK PUR PO AMEER PUR SADAT</t>
  </si>
  <si>
    <t>Hardo  Thaheem</t>
  </si>
  <si>
    <t>basti Tilokpur po of box amir pur sadat</t>
  </si>
  <si>
    <t>Tilok  Pur</t>
  </si>
  <si>
    <t>Amir Pur Sadat</t>
  </si>
  <si>
    <t>Bano Bukhari</t>
  </si>
  <si>
    <t>GGPS TILOOK PUR</t>
  </si>
  <si>
    <t>Kamber</t>
  </si>
  <si>
    <t>basti tilook pur mailsi district vehari</t>
  </si>
  <si>
    <t>Tilookpur</t>
  </si>
  <si>
    <t>GGPS TIMAAR WALI</t>
  </si>
  <si>
    <t>mohalla  rajal</t>
  </si>
  <si>
    <t>Naeem Fatima</t>
  </si>
  <si>
    <t>GGPS TIMBER MARKET</t>
  </si>
  <si>
    <t>GGPS TIMBER MARKET sgd</t>
  </si>
  <si>
    <t>Hafiza Nadia Shabbir</t>
  </si>
  <si>
    <t>GGPS TIMBER RATIAL</t>
  </si>
  <si>
    <t>Timber Ratial</t>
  </si>
  <si>
    <t>village Timber ratial po kaliam Awan tehsil rawalpindi district rawalpindi</t>
  </si>
  <si>
    <t>GGPS TINDA THAL</t>
  </si>
  <si>
    <t>Dera Gamay wala moza tinda thal Teh kallur kot Distt Bhakkar</t>
  </si>
  <si>
    <t>GGPS TINDAY LADWAY</t>
  </si>
  <si>
    <t>Ladway</t>
  </si>
  <si>
    <t>Village  ladway</t>
  </si>
  <si>
    <t>Tinday Ladway</t>
  </si>
  <si>
    <t>GGPS TIPU SHAHEED COLONY</t>
  </si>
  <si>
    <t>Tipu Shaheed City</t>
  </si>
  <si>
    <t>Ggps tipu shaheed colony Sadiq abad</t>
  </si>
  <si>
    <t>Tipu Shaheed</t>
  </si>
  <si>
    <t>M C City SDK</t>
  </si>
  <si>
    <t>GGPS TITAR PUR</t>
  </si>
  <si>
    <t>Titter Pur</t>
  </si>
  <si>
    <t>ggps titter pur</t>
  </si>
  <si>
    <t>GGPS TITRAN WALA</t>
  </si>
  <si>
    <t>Titran Wala chak 115</t>
  </si>
  <si>
    <t>Titran wala chak no 115 rb</t>
  </si>
  <si>
    <t>Titran Wala Chak no 115</t>
  </si>
  <si>
    <t>Padorian</t>
  </si>
  <si>
    <t>yasmin qamar</t>
  </si>
  <si>
    <t>GGPS TOBA MACHHIAN</t>
  </si>
  <si>
    <t>basti toba machhian moza rangpur union concil shah pur</t>
  </si>
  <si>
    <t>Toba Machhian</t>
  </si>
  <si>
    <t>GGPS TOBIAN TOGERAN</t>
  </si>
  <si>
    <t>Rehman Togeran</t>
  </si>
  <si>
    <t>tobian togeran Bwn</t>
  </si>
  <si>
    <t>Tobian Togeran</t>
  </si>
  <si>
    <t>SHEHNAZ AKHTER</t>
  </si>
  <si>
    <t>GGPS TODAY PUR</t>
  </si>
  <si>
    <t>Today Pur</t>
  </si>
  <si>
    <t>Today pur</t>
  </si>
  <si>
    <t>Bheela Roshan</t>
  </si>
  <si>
    <t>MUNAZZA RAZZAQ</t>
  </si>
  <si>
    <t>GGPS TOHEED PARK</t>
  </si>
  <si>
    <t>Bismillah chowk toheed park</t>
  </si>
  <si>
    <t>GGPS TOKAN WALI</t>
  </si>
  <si>
    <t>Duadkhel pakka</t>
  </si>
  <si>
    <t>G.G.P.S tokan wala pakki shah mardan</t>
  </si>
  <si>
    <t>Tokan wala Pakki</t>
  </si>
  <si>
    <t>Suriya Begum</t>
  </si>
  <si>
    <t>GGPS TOLA</t>
  </si>
  <si>
    <t>Toola</t>
  </si>
  <si>
    <t>Ansar Parween</t>
  </si>
  <si>
    <t>GGPS TOLA MANGALI</t>
  </si>
  <si>
    <t>Tolamangali</t>
  </si>
  <si>
    <t>tolamangali</t>
  </si>
  <si>
    <t>GGPS TOLAY WALA, P/O KOHI WALA, KABIRWALA</t>
  </si>
  <si>
    <t>ggps tolaywala</t>
  </si>
  <si>
    <t>Tolaywala</t>
  </si>
  <si>
    <t>farzana habib</t>
  </si>
  <si>
    <t>GGPS TONDAY GUROO</t>
  </si>
  <si>
    <t>Tunday Guru</t>
  </si>
  <si>
    <t>Mehwish Nasir</t>
  </si>
  <si>
    <t>GGPS TOOLAN WALI</t>
  </si>
  <si>
    <t>toolanwali</t>
  </si>
  <si>
    <t>Toolanwali</t>
  </si>
  <si>
    <t>shaam singh</t>
  </si>
  <si>
    <t>Sumaira Razzaq</t>
  </si>
  <si>
    <t>GGPS TOOR</t>
  </si>
  <si>
    <t>village toor</t>
  </si>
  <si>
    <t>GGPS Toor Khan</t>
  </si>
  <si>
    <t>basti Toor khan kharar</t>
  </si>
  <si>
    <t>Toor Khan</t>
  </si>
  <si>
    <t>Farwa Batool</t>
  </si>
  <si>
    <t>GGPS TOOT WALA</t>
  </si>
  <si>
    <t>Tootwala</t>
  </si>
  <si>
    <t>Moza  tootwala p/o noorshah distt sahiwal</t>
  </si>
  <si>
    <t>Noorshah</t>
  </si>
  <si>
    <t>FARIDA SULTAN</t>
  </si>
  <si>
    <t>GGPS TOPA ADAM</t>
  </si>
  <si>
    <t>Topa Adam</t>
  </si>
  <si>
    <t>village Topa Adam Post office Seekeryali Teh Kharian District Gujrat</t>
  </si>
  <si>
    <t>Seekeryali</t>
  </si>
  <si>
    <t>Miss Saeeda Khanum</t>
  </si>
  <si>
    <t>GGPS TOPA USMAN</t>
  </si>
  <si>
    <t>Topa usman</t>
  </si>
  <si>
    <t>Salihaparveen 25@gmail.com</t>
  </si>
  <si>
    <t>GGPS TOPAN WALA CHAH TOPEN WALA P/O SHUJABAD</t>
  </si>
  <si>
    <t>Naseerpur</t>
  </si>
  <si>
    <t>moza naseerpur post office naseerpur</t>
  </si>
  <si>
    <t>Chah Darogha</t>
  </si>
  <si>
    <t>GGPS TOPI MANAY WALA</t>
  </si>
  <si>
    <t>basti topy many wala post office Mubarak pur district muzzafar garh</t>
  </si>
  <si>
    <t>Topy Many Wala</t>
  </si>
  <si>
    <t>Meryam Shahid</t>
  </si>
  <si>
    <t>GGPS TORANG ABAD</t>
  </si>
  <si>
    <t>vpo chhab mohala torangabad tehsil jand district attock.</t>
  </si>
  <si>
    <t>GGPS TORNIAN</t>
  </si>
  <si>
    <t>Tronian</t>
  </si>
  <si>
    <t>post office daburji bagha tehsil kamoky district gujranwala</t>
  </si>
  <si>
    <t>Attia Sanaullah</t>
  </si>
  <si>
    <t>GGPS TOT HAKIM ALI</t>
  </si>
  <si>
    <t>Tot Hakim</t>
  </si>
  <si>
    <t>tot hakim ali</t>
  </si>
  <si>
    <t>Tot Hakim Ali</t>
  </si>
  <si>
    <t>Shakeela BiBi</t>
  </si>
  <si>
    <t>GGPS TOT KOT MILK</t>
  </si>
  <si>
    <t>Tot Kot</t>
  </si>
  <si>
    <t>tot kot p/o dokota</t>
  </si>
  <si>
    <t>1M Shumali</t>
  </si>
  <si>
    <t>Kulsoom Akhtar</t>
  </si>
  <si>
    <t>GGPS TOTA</t>
  </si>
  <si>
    <t>tota</t>
  </si>
  <si>
    <t>ggps tota p.o/ teh kallar syedan Rawalpindi</t>
  </si>
  <si>
    <t>GGPS TOTAL MASTOI</t>
  </si>
  <si>
    <t>Douwala</t>
  </si>
  <si>
    <t>Adda Mahi Chowk Basti Total mastoi</t>
  </si>
  <si>
    <t>Basti Total Mastoi</t>
  </si>
  <si>
    <t>GGPS TOTAL PURA BASTI DAIRA PAK MAI</t>
  </si>
  <si>
    <t>pak mai total pura</t>
  </si>
  <si>
    <t>Total Pura</t>
  </si>
  <si>
    <t>Tmber Market</t>
  </si>
  <si>
    <t>GGPS TOTEWALI</t>
  </si>
  <si>
    <t>Totewali</t>
  </si>
  <si>
    <t>Village Totewali, Narowal</t>
  </si>
  <si>
    <t>Village Totewali</t>
  </si>
  <si>
    <t>Saddowala Ucha</t>
  </si>
  <si>
    <t>M Nasam</t>
  </si>
  <si>
    <t>GGPS TOUQEER ABAD</t>
  </si>
  <si>
    <t>Mansa Ram Sundila</t>
  </si>
  <si>
    <t>Basti Karak wala Moza ManSa Ram Sundila</t>
  </si>
  <si>
    <t>Basti Karak Wasa</t>
  </si>
  <si>
    <t>Kalsoom BIBI</t>
  </si>
  <si>
    <t>GGPS TOWN COMMITTEE</t>
  </si>
  <si>
    <t>Ahmed Pur Sial</t>
  </si>
  <si>
    <t>GGps Town Committee Mohalla Ameer pur Ahmed pur Sial</t>
  </si>
  <si>
    <t>GGPS TOWNG</t>
  </si>
  <si>
    <t>Towng</t>
  </si>
  <si>
    <t>muza Towng</t>
  </si>
  <si>
    <t>Bait Sounta</t>
  </si>
  <si>
    <t>GGPS TOWRI QASIM P/O MANDI FAIZ ABAD</t>
  </si>
  <si>
    <t>Tori Qasim</t>
  </si>
  <si>
    <t>tori qasim</t>
  </si>
  <si>
    <t>sughra fatima</t>
  </si>
  <si>
    <t>GGPS TRAGRAN WALA</t>
  </si>
  <si>
    <t>ggps tragran wala</t>
  </si>
  <si>
    <t>Tragran Wala</t>
  </si>
  <si>
    <t>GGPS TRAHIA</t>
  </si>
  <si>
    <t>p.o trahia</t>
  </si>
  <si>
    <t>Saba Zaheem</t>
  </si>
  <si>
    <t>GGPS TRANDA SAHIB YAR KHAN</t>
  </si>
  <si>
    <t>GGPS tranda sahib yar khan</t>
  </si>
  <si>
    <t>Kudan Arain</t>
  </si>
  <si>
    <t>Nida Muneer</t>
  </si>
  <si>
    <t>GGPS TRARI WALA</t>
  </si>
  <si>
    <t>chah trari wala</t>
  </si>
  <si>
    <t>Trari Wala</t>
  </si>
  <si>
    <t>GGPS TRIKHI</t>
  </si>
  <si>
    <t>Tirkhi</t>
  </si>
  <si>
    <t>village Tirkhi po Sadiot via tareel teh kallar Syedan distt Rawalpindi</t>
  </si>
  <si>
    <t>GGPS TRIMANI</t>
  </si>
  <si>
    <t>Trimani</t>
  </si>
  <si>
    <t>VPO said pur Village Trimani Tehsil &amp; Distt Chakwal</t>
  </si>
  <si>
    <t>GGPS TRINDA SAWAY KHAN</t>
  </si>
  <si>
    <t>TRANDA SWAY KHAN</t>
  </si>
  <si>
    <t>Mohalah old school Bazar TRANDA SWAY KHAN</t>
  </si>
  <si>
    <t>Hajazi Mudasar</t>
  </si>
  <si>
    <t>GGPS TROBARI PO TUBA BALUCHAN</t>
  </si>
  <si>
    <t>Trobbri</t>
  </si>
  <si>
    <t>Anis  Akhtar</t>
  </si>
  <si>
    <t>GGPS TRUST COLONY BAHAWALPUR</t>
  </si>
  <si>
    <t>near public park trust colony Bahawal pur</t>
  </si>
  <si>
    <t>Trust Colony</t>
  </si>
  <si>
    <t>Maimoona Mahmood</t>
  </si>
  <si>
    <t>GGPS TUBE WELL ABDUL GHAFOOR</t>
  </si>
  <si>
    <t>Plot A</t>
  </si>
  <si>
    <t>GGPS Tube Well Abdul Ghafoor.</t>
  </si>
  <si>
    <t>Chak 665/6gb</t>
  </si>
  <si>
    <t>Sameea Aslam</t>
  </si>
  <si>
    <t>GGPS TUBE WELL COLONY</t>
  </si>
  <si>
    <t>Tube well colony</t>
  </si>
  <si>
    <t>tube well colony</t>
  </si>
  <si>
    <t>Ggps tube Well Colony</t>
  </si>
  <si>
    <t>Sukheki</t>
  </si>
  <si>
    <t>Sidra Iram</t>
  </si>
  <si>
    <t>GGPS TUBE WELL HAFEEZ WALA</t>
  </si>
  <si>
    <t>jani pur moza molvi sikandar Jalal abad lodhran</t>
  </si>
  <si>
    <t>Jani Pur</t>
  </si>
  <si>
    <t>GGPS TUBE WELL NO 8</t>
  </si>
  <si>
    <t>Chak Kordiana</t>
  </si>
  <si>
    <t>Tube Well No 8</t>
  </si>
  <si>
    <t>Shaikh Chohar</t>
  </si>
  <si>
    <t>Najma Pareen</t>
  </si>
  <si>
    <t>GGPS TUBEWEL BAGUM AYESHA</t>
  </si>
  <si>
    <t>Noshehra Psthana</t>
  </si>
  <si>
    <t>Dera CH  Nazir ahmad</t>
  </si>
  <si>
    <t>Tubewel Begum Ayesha</t>
  </si>
  <si>
    <t>Shabnum Shahzadi</t>
  </si>
  <si>
    <t>GGPS TUBEWELL FARHAT ULLAH, TULAMBA</t>
  </si>
  <si>
    <t>Kot BARKAT ALI</t>
  </si>
  <si>
    <t>G.G.P.S Tubewell Farhatullah dhak khana khas jarahi, Mian Channu, District Khanewal</t>
  </si>
  <si>
    <t>Farhatullah</t>
  </si>
  <si>
    <t>Rottla</t>
  </si>
  <si>
    <t>AQSA YASEEN</t>
  </si>
  <si>
    <t>GGPS TUBEWELL ZAIGUM SHAH</t>
  </si>
  <si>
    <t>Mari Shoup Shah</t>
  </si>
  <si>
    <t>Basti Zaigham Shah Mari Shok Shah Chishtian</t>
  </si>
  <si>
    <t>Basti Zaigham Shah</t>
  </si>
  <si>
    <t>MADIHA NAZ</t>
  </si>
  <si>
    <t>GGPS TUFAIL COLONY GOJRA</t>
  </si>
  <si>
    <t>Khalid Park</t>
  </si>
  <si>
    <t>tufail colony gojra</t>
  </si>
  <si>
    <t>365JB</t>
  </si>
  <si>
    <t>GGPS TUGAL PUR</t>
  </si>
  <si>
    <t>Tughal Pur</t>
  </si>
  <si>
    <t>Village Tughal Pur P\O khaira Tehsil Shakargarh</t>
  </si>
  <si>
    <t>GGPS TULLAH</t>
  </si>
  <si>
    <t>Tulla</t>
  </si>
  <si>
    <t>GGPS TULLA</t>
  </si>
  <si>
    <t>TULLA</t>
  </si>
  <si>
    <t>Thekeryian</t>
  </si>
  <si>
    <t>Maryam Azmat</t>
  </si>
  <si>
    <t>GGPS TULS PURA</t>
  </si>
  <si>
    <t>Tulspura</t>
  </si>
  <si>
    <t>tulspura stop dayal house near LMDC p.o batapur lahore</t>
  </si>
  <si>
    <t>GGPS TUNDI WALA</t>
  </si>
  <si>
    <t>chah Tundi wala Post office khas Bhutta pur.Tah &amp; DISTRICT M.GARH</t>
  </si>
  <si>
    <t>Tundi Wala</t>
  </si>
  <si>
    <t>GGPS TUNNIAN WALI</t>
  </si>
  <si>
    <t>GGPS TUNIANWALI</t>
  </si>
  <si>
    <t>Tunianwali</t>
  </si>
  <si>
    <t>water suply scheme</t>
  </si>
  <si>
    <t>GGPS TURAIJ WALA</t>
  </si>
  <si>
    <t>Mukhaina</t>
  </si>
  <si>
    <t>ggps turejwala</t>
  </si>
  <si>
    <t>Turejwala</t>
  </si>
  <si>
    <t>Farzana Qamar</t>
  </si>
  <si>
    <t>GGPS TUREE</t>
  </si>
  <si>
    <t>Kotla miran</t>
  </si>
  <si>
    <t>Ggps  Turee</t>
  </si>
  <si>
    <t>Basti jam shahroo</t>
  </si>
  <si>
    <t>Aaliya Jaleel</t>
  </si>
  <si>
    <t>GGPS TURK MUHAMMAD WALA</t>
  </si>
  <si>
    <t>ggps turk Muhammad wala moza loha bhir post office machieal rahseel 18hazari disst jhang</t>
  </si>
  <si>
    <t>Toqeer Tahira</t>
  </si>
  <si>
    <t>GGPS U.P CHURCH GILL WALA</t>
  </si>
  <si>
    <t>ggps up church gillwala. sgd</t>
  </si>
  <si>
    <t>47 Nb</t>
  </si>
  <si>
    <t>GGPS UCH GILANI NO.2</t>
  </si>
  <si>
    <t>akbar town uch sharif</t>
  </si>
  <si>
    <t>Uch City</t>
  </si>
  <si>
    <t>Zareena Kausar</t>
  </si>
  <si>
    <t>GGPS UCH GUL IMAM</t>
  </si>
  <si>
    <t>ggps Uch gul imam</t>
  </si>
  <si>
    <t>GGPS UCH MUGHLAN</t>
  </si>
  <si>
    <t>Uch Mughla</t>
  </si>
  <si>
    <t>bsti sbzzar uch moughla</t>
  </si>
  <si>
    <t>Zobia Shafiq</t>
  </si>
  <si>
    <t>GGPS UDDIAN SHARIF</t>
  </si>
  <si>
    <t>uddian sharif</t>
  </si>
  <si>
    <t>ggps uddian sharif tehsil kot momin distt sargodha</t>
  </si>
  <si>
    <t>halapur</t>
  </si>
  <si>
    <t>Anam Iltaf</t>
  </si>
  <si>
    <t>GGPS UDHEY PUR</t>
  </si>
  <si>
    <t>Udhay Pur</t>
  </si>
  <si>
    <t>Udhay Pur khatan</t>
  </si>
  <si>
    <t>Khatan</t>
  </si>
  <si>
    <t>Farhat Naaz</t>
  </si>
  <si>
    <t>GGPS UDHEY WALA</t>
  </si>
  <si>
    <t>GGPS udhey wala</t>
  </si>
  <si>
    <t>Udhey Wala</t>
  </si>
  <si>
    <t>Balqees Amna</t>
  </si>
  <si>
    <t>GGPS UDHO WALI</t>
  </si>
  <si>
    <t>udhowali</t>
  </si>
  <si>
    <t>GGPS UDHWAL 1</t>
  </si>
  <si>
    <t>Udhwal</t>
  </si>
  <si>
    <t>Vpo udhwal dist&amp;teh chakwal</t>
  </si>
  <si>
    <t>Chakmalook</t>
  </si>
  <si>
    <t>GGPS ULMAN WALA</t>
  </si>
  <si>
    <t>ulman wala</t>
  </si>
  <si>
    <t>Ulman Wala</t>
  </si>
  <si>
    <t>GGPS UMAR KOT</t>
  </si>
  <si>
    <t>UmerKot</t>
  </si>
  <si>
    <t>GGPS UMAR WADHA</t>
  </si>
  <si>
    <t>Bahan Wala</t>
  </si>
  <si>
    <t>bahan wala</t>
  </si>
  <si>
    <t>Rabia Rafiq</t>
  </si>
  <si>
    <t>GGPS UMARKAY KALAN</t>
  </si>
  <si>
    <t>Umer Kay Kalan</t>
  </si>
  <si>
    <t>government girls primary schoolumerkay kala  tehsil sambrial district sialkot</t>
  </si>
  <si>
    <t>Iqra Hashmat</t>
  </si>
  <si>
    <t>GGPS UMER PUR 1</t>
  </si>
  <si>
    <t>Umer Pur</t>
  </si>
  <si>
    <t>permat road near bngla dewan sahb</t>
  </si>
  <si>
    <t>Shiekh Ismail</t>
  </si>
  <si>
    <t>Karmo Wali</t>
  </si>
  <si>
    <t>GGPS UMER PUR JANUBI</t>
  </si>
  <si>
    <t>Umar Pur Janubi</t>
  </si>
  <si>
    <t>umar pur janubi</t>
  </si>
  <si>
    <t>Rubeela Aini</t>
  </si>
  <si>
    <t>GGPS UMER PUR KHAS</t>
  </si>
  <si>
    <t>umar pur</t>
  </si>
  <si>
    <t>ggps umar pur khas mouza umar pur</t>
  </si>
  <si>
    <t>umar pur khas</t>
  </si>
  <si>
    <t>karmom wali</t>
  </si>
  <si>
    <t>Sharf Shabbir</t>
  </si>
  <si>
    <t>GGPS UMER PURA  KHURD</t>
  </si>
  <si>
    <t>Umer Pura</t>
  </si>
  <si>
    <t>umer pura khurd</t>
  </si>
  <si>
    <t>Umer Pura Khurd</t>
  </si>
  <si>
    <t>NABILA  ASGHAR</t>
  </si>
  <si>
    <t>GGPS UMREY WALA</t>
  </si>
  <si>
    <t>ggpsumreywala</t>
  </si>
  <si>
    <t>Umreywala</t>
  </si>
  <si>
    <t>Hina Yaseen</t>
  </si>
  <si>
    <t>GGPS UMRI KHEL</t>
  </si>
  <si>
    <t>Mohla kachu khel p/o kamar mushani</t>
  </si>
  <si>
    <t>Mc Kamar Mushani</t>
  </si>
  <si>
    <t>Khalida Naureen</t>
  </si>
  <si>
    <t>GGPS UNCHA JAJJA</t>
  </si>
  <si>
    <t>Uncha Jajja</t>
  </si>
  <si>
    <t>uncha jajja tehsil pasrur</t>
  </si>
  <si>
    <t>Nagina Iqbal</t>
  </si>
  <si>
    <t>GGPS UNCHA KALAN</t>
  </si>
  <si>
    <t>GGPS UNCHA KHURD</t>
  </si>
  <si>
    <t>Unchakhurd</t>
  </si>
  <si>
    <t>GGPS uncha khurd village uncha khurd, p/o paktal,tehsil. pasrur,distt sialkot</t>
  </si>
  <si>
    <t>GGPS UNCHI RASOOL PUR</t>
  </si>
  <si>
    <t>Unchi Rasool Pur</t>
  </si>
  <si>
    <t>unchi rasool pur narowal</t>
  </si>
  <si>
    <t>Unchi Rasoolpur</t>
  </si>
  <si>
    <t>GGPS UNPUR</t>
  </si>
  <si>
    <t>Unpur</t>
  </si>
  <si>
    <t>village Unpur p/o Ghogra Teh &amp; district Rawalpindi</t>
  </si>
  <si>
    <t>GGPS UODHA</t>
  </si>
  <si>
    <t>Uodha</t>
  </si>
  <si>
    <t>village and Post office sidh, uodha</t>
  </si>
  <si>
    <t>Rafia Razzaq</t>
  </si>
  <si>
    <t>GGPS UPPAL KHALSA</t>
  </si>
  <si>
    <t>Uppal Khalsa</t>
  </si>
  <si>
    <t>post office wahndo tehseel kamonki district gujranwala</t>
  </si>
  <si>
    <t>Kotly Nawab</t>
  </si>
  <si>
    <t>Habiba Akram</t>
  </si>
  <si>
    <t>GGPS UPPER BERGRAN</t>
  </si>
  <si>
    <t>Nehrgol</t>
  </si>
  <si>
    <t>moza nehrgol village upper birgran post office sehr bagla teh murree dist rawalpindi</t>
  </si>
  <si>
    <t>Upper Birgran</t>
  </si>
  <si>
    <t>Sehr bagla</t>
  </si>
  <si>
    <t>Mehwish Ishfaq</t>
  </si>
  <si>
    <t>private water connection</t>
  </si>
  <si>
    <t>GGPS UPPER DEHLA</t>
  </si>
  <si>
    <t>Upper Dehla</t>
  </si>
  <si>
    <t>Village.Upper Dehla.p/o.kashmiry bazar.Tehsil.Murree.,markaz.Bhurban.District.Rawalpindi</t>
  </si>
  <si>
    <t>Khalida Azad</t>
  </si>
  <si>
    <t>GGPS UPPER MASOOT</t>
  </si>
  <si>
    <t>Uper Masoot</t>
  </si>
  <si>
    <t>PO BARIAN VILLAGE MASOOT TEH MURREE DIS RWP</t>
  </si>
  <si>
    <t>Masoot</t>
  </si>
  <si>
    <t>fount</t>
  </si>
  <si>
    <t>GGPS URJANI WALA</t>
  </si>
  <si>
    <t>Basti Rindaan</t>
  </si>
  <si>
    <t>chah urjani wala moza basti rindaan</t>
  </si>
  <si>
    <t>GGPS USMA</t>
  </si>
  <si>
    <t>Usman</t>
  </si>
  <si>
    <t>Village usman post office harnpur</t>
  </si>
  <si>
    <t>Harnpur</t>
  </si>
  <si>
    <t>Afshan Saeed</t>
  </si>
  <si>
    <t>GGPS USMAN ABAD</t>
  </si>
  <si>
    <t>GGPS usmanAbad</t>
  </si>
  <si>
    <t>Shafqut Yasmeen</t>
  </si>
  <si>
    <t>GGPS USMAN COLONY</t>
  </si>
  <si>
    <t>Usman Colony</t>
  </si>
  <si>
    <t>Usman Colony Gujranwala</t>
  </si>
  <si>
    <t>GGPS USMAN KHARA</t>
  </si>
  <si>
    <t>Shoil Sing</t>
  </si>
  <si>
    <t>basti usman khara</t>
  </si>
  <si>
    <t>Usman Khara</t>
  </si>
  <si>
    <t>GGPS USMAN KHEL</t>
  </si>
  <si>
    <t>Ggps usman khel Mohallah usman khel</t>
  </si>
  <si>
    <t>GGPS USMANI WALA</t>
  </si>
  <si>
    <t>hanjri mustaqil  sharqi ehsan pur</t>
  </si>
  <si>
    <t>Shorat Wala</t>
  </si>
  <si>
    <t>GGPS UTERA</t>
  </si>
  <si>
    <t>govt. girls primary school uttera</t>
  </si>
  <si>
    <t>uttera</t>
  </si>
  <si>
    <t>Razia Sadaf Naqvi</t>
  </si>
  <si>
    <t>GGPS UTHWAL JAGEER NEW</t>
  </si>
  <si>
    <t>Uthwal Jageer</t>
  </si>
  <si>
    <t>Govt girls primary school uthwal jageer p/o kohla tehsil and district okara</t>
  </si>
  <si>
    <t>Uthwal Jageer New</t>
  </si>
  <si>
    <t>GGPS UTLA PATTAN KALA BAGH</t>
  </si>
  <si>
    <t>ggps utla pattan</t>
  </si>
  <si>
    <t>Taslim Bibi</t>
  </si>
  <si>
    <t>GGPS UTRAN</t>
  </si>
  <si>
    <t>utran</t>
  </si>
  <si>
    <t>GGPS  utran THE  pindigheb distt  attock</t>
  </si>
  <si>
    <t>ghareebwal</t>
  </si>
  <si>
    <t>Sadaf Rafique</t>
  </si>
  <si>
    <t>GGPS UTRAN KALAN</t>
  </si>
  <si>
    <t>UTRA KALAN</t>
  </si>
  <si>
    <t>Dher Umaed Ali Shah</t>
  </si>
  <si>
    <t>FARKHANDA ZAFAR</t>
  </si>
  <si>
    <t>GGPS UTTERA</t>
  </si>
  <si>
    <t>Uttera</t>
  </si>
  <si>
    <t>basti uttera moza uttera</t>
  </si>
  <si>
    <t>Sadia Satttar</t>
  </si>
  <si>
    <t>GGPS VAINCE</t>
  </si>
  <si>
    <t>basti Wains Wala po Ali daha the&amp;distt.muzaffar garh</t>
  </si>
  <si>
    <t>Wains Wala</t>
  </si>
  <si>
    <t>Zahida Aslam</t>
  </si>
  <si>
    <t>GGPS VANJARI</t>
  </si>
  <si>
    <t>ggps vanjari mohala malik abad po kamar mushani teh essa khel mianwali</t>
  </si>
  <si>
    <t>NARGES AZIZ</t>
  </si>
  <si>
    <t>GGPS VARINA</t>
  </si>
  <si>
    <t>Varina</t>
  </si>
  <si>
    <t>P O Puran Village Varina Tehsil Sara-i-Alamgir district Gujrat</t>
  </si>
  <si>
    <t>Naila Perveen</t>
  </si>
  <si>
    <t>GGPS VEER SING WALA</t>
  </si>
  <si>
    <t>Veer Singh Wala</t>
  </si>
  <si>
    <t>veer Singh wala Tehsil chunian District Kasur</t>
  </si>
  <si>
    <t>Aisha Yasmeen</t>
  </si>
  <si>
    <t>GGPS VEERAM CHAK NO 4</t>
  </si>
  <si>
    <t>Veeram Ch#4</t>
  </si>
  <si>
    <t>veeram ch#4</t>
  </si>
  <si>
    <t>Veeram Ch #4</t>
  </si>
  <si>
    <t>Jagu Wala</t>
  </si>
  <si>
    <t>Robina Ismail</t>
  </si>
  <si>
    <t>GGPS VEERKY NAU</t>
  </si>
  <si>
    <t>Veerky Nau</t>
  </si>
  <si>
    <t>veerky nau</t>
  </si>
  <si>
    <t>Rubeena Aslam</t>
  </si>
  <si>
    <t>GGPS VEERO</t>
  </si>
  <si>
    <t>Veero</t>
  </si>
  <si>
    <t>ggps veero po shamsabad teh hazro distt attock</t>
  </si>
  <si>
    <t>Sumyya Shakeel</t>
  </si>
  <si>
    <t>GGPS VEHOVA NO.2</t>
  </si>
  <si>
    <t>vehova south</t>
  </si>
  <si>
    <t>Muhallah Afghan Vehova</t>
  </si>
  <si>
    <t>vehova</t>
  </si>
  <si>
    <t>UC vehova</t>
  </si>
  <si>
    <t>GGPS VEHOVA NO.3</t>
  </si>
  <si>
    <t>GGPS NO 3 VEHOVA</t>
  </si>
  <si>
    <t>GGPS VEHOVA NO.5</t>
  </si>
  <si>
    <t>mahla Dafadar vehova</t>
  </si>
  <si>
    <t>alia perveen</t>
  </si>
  <si>
    <t>GGPS VEHOVA NO.6</t>
  </si>
  <si>
    <t>GGP/S no 6</t>
  </si>
  <si>
    <t>razia begum</t>
  </si>
  <si>
    <t>GGPS VENJAL</t>
  </si>
  <si>
    <t>Vinjal</t>
  </si>
  <si>
    <t>Ggps vinjal tah and district narowwal</t>
  </si>
  <si>
    <t>GGPS VERO</t>
  </si>
  <si>
    <t>Vero</t>
  </si>
  <si>
    <t>vpo vero</t>
  </si>
  <si>
    <t>Imtiaz Mustafa</t>
  </si>
  <si>
    <t>GGPS VEROWAL</t>
  </si>
  <si>
    <t>Village Verowal, PO lalamusa Tehsil kharian distt gujrat</t>
  </si>
  <si>
    <t>GGPS VERPAL KHURD</t>
  </si>
  <si>
    <t>Verpal Khurd</t>
  </si>
  <si>
    <t>Govt girls primary school verpal khurd</t>
  </si>
  <si>
    <t>Her Do Verpal Chattha</t>
  </si>
  <si>
    <t>Her Do Verpal</t>
  </si>
  <si>
    <t>Irzam Chatta</t>
  </si>
  <si>
    <t>GGPS VERYAM</t>
  </si>
  <si>
    <t>Veryam</t>
  </si>
  <si>
    <t>GGPS VICHVEEN</t>
  </si>
  <si>
    <t>vichveen p/o19db</t>
  </si>
  <si>
    <t>Vichhveen</t>
  </si>
  <si>
    <t>Sarwar Bibi</t>
  </si>
  <si>
    <t>GGPS VIEROKAY</t>
  </si>
  <si>
    <t>Vierokay</t>
  </si>
  <si>
    <t>GGP vierokary</t>
  </si>
  <si>
    <t>Nabila Kousar</t>
  </si>
  <si>
    <t>GGPS VIJHALKAY</t>
  </si>
  <si>
    <t>moza vijhalkay tehsil lalian district chiniot</t>
  </si>
  <si>
    <t>Mushraf Shahzadi Gul</t>
  </si>
  <si>
    <t>GGPS VIJHLANA</t>
  </si>
  <si>
    <t>mohala babhrana jhang sadr</t>
  </si>
  <si>
    <t>Safiya Bano</t>
  </si>
  <si>
    <t>GGPS VILLIGE AID</t>
  </si>
  <si>
    <t>Villageaid</t>
  </si>
  <si>
    <t>street #7 school street mohallah:AhmedAbad</t>
  </si>
  <si>
    <t>Thekarian</t>
  </si>
  <si>
    <t>Maryam Masood</t>
  </si>
  <si>
    <t>GGPS VINNI</t>
  </si>
  <si>
    <t>village vinni tensile and District hafizabad</t>
  </si>
  <si>
    <t>Kishwar Muzaffar</t>
  </si>
  <si>
    <t>GGPS VINPAL</t>
  </si>
  <si>
    <t>Vinpal</t>
  </si>
  <si>
    <t>mauza vinpal</t>
  </si>
  <si>
    <t>Saira Murtaza</t>
  </si>
  <si>
    <t>GGPS VIRKAN WALI</t>
  </si>
  <si>
    <t>Virkanwali</t>
  </si>
  <si>
    <t>Virkanwali Teh. Kotmomin Distt. Sargodha</t>
  </si>
  <si>
    <t>GGPS VIROOWAL</t>
  </si>
  <si>
    <t>Viroowal</t>
  </si>
  <si>
    <t>GGPS viroowal</t>
  </si>
  <si>
    <t>Kalsan Paramal</t>
  </si>
  <si>
    <t>Shamila Rani</t>
  </si>
  <si>
    <t>GGPS W NO 2</t>
  </si>
  <si>
    <t>Gali wakeelan wali Multan road mailsi</t>
  </si>
  <si>
    <t>GGPS WAAHID BUX SIAL</t>
  </si>
  <si>
    <t>Wahid Bux Sial</t>
  </si>
  <si>
    <t>wahid bux sial</t>
  </si>
  <si>
    <t>Faiz Bibi</t>
  </si>
  <si>
    <t>GGPS WACHOKAY</t>
  </si>
  <si>
    <t>Wachokay</t>
  </si>
  <si>
    <t>government girls primary school wachokay</t>
  </si>
  <si>
    <t>GGPS WADARA P/O MUSTAFA ABAD</t>
  </si>
  <si>
    <t>Wadara</t>
  </si>
  <si>
    <t>wadara</t>
  </si>
  <si>
    <t>Lakhnaki</t>
  </si>
  <si>
    <t>Farkhanda Parveen</t>
  </si>
  <si>
    <t>GGPS WADDO WALA</t>
  </si>
  <si>
    <t>Wadowala</t>
  </si>
  <si>
    <t>Basti wado wala, moza wadowala</t>
  </si>
  <si>
    <t>Basti Wadoowala</t>
  </si>
  <si>
    <t>Meerwala</t>
  </si>
  <si>
    <t>GGPS WADHAL</t>
  </si>
  <si>
    <t>Wadhal</t>
  </si>
  <si>
    <t>Wadhal PO box kotli loharan W Teh &amp; Distt Sialkot</t>
  </si>
  <si>
    <t>Sara Sarwar</t>
  </si>
  <si>
    <t>f</t>
  </si>
  <si>
    <t>GGPS WADHALA</t>
  </si>
  <si>
    <t>GGP/S Wadhala teheil Zafarwal district Narowal</t>
  </si>
  <si>
    <t>GGPS WADHAY WALA</t>
  </si>
  <si>
    <t>GGPS Wadheywala</t>
  </si>
  <si>
    <t>Wadheywala</t>
  </si>
  <si>
    <t>GGPS WADHAY WALI</t>
  </si>
  <si>
    <t>GGP/S wadhy Wali</t>
  </si>
  <si>
    <t>Hera Shaheen</t>
  </si>
  <si>
    <t>GGPS WADHNORE</t>
  </si>
  <si>
    <t>Wadhnore</t>
  </si>
  <si>
    <t>post office khairpur daha mouza wadhnore</t>
  </si>
  <si>
    <t>Khairpur Daha</t>
  </si>
  <si>
    <t>GGPS WADHOO WALA</t>
  </si>
  <si>
    <t>Wadhuwala</t>
  </si>
  <si>
    <t>wadhuwala</t>
  </si>
  <si>
    <t>Nasreen Atta</t>
  </si>
  <si>
    <t>GGPS WADI AIMA WASNAL</t>
  </si>
  <si>
    <t>Wadi Aima</t>
  </si>
  <si>
    <t>village wadi aima,po wasnal,teh kallar kahar,distt chakwal</t>
  </si>
  <si>
    <t>FARHAT RIAZ</t>
  </si>
  <si>
    <t>GGPS WADOOR</t>
  </si>
  <si>
    <t>wadoor</t>
  </si>
  <si>
    <t>Roop Zahra</t>
  </si>
  <si>
    <t>GGPS WAGHAL</t>
  </si>
  <si>
    <t>Govt gils primary school waghal, tehsil kotli sattian</t>
  </si>
  <si>
    <t>Sajida khalil</t>
  </si>
  <si>
    <t>GGPS WAGHWAL BALA</t>
  </si>
  <si>
    <t>Waghwal Bala</t>
  </si>
  <si>
    <t>vill waghwal bala p/o basharat teh c s shah distt chakwal</t>
  </si>
  <si>
    <t>GGPS WAGHWAL ZER</t>
  </si>
  <si>
    <t>village waghwal zer po basharat</t>
  </si>
  <si>
    <t>Waghwal Zer</t>
  </si>
  <si>
    <t>Asia Riaz</t>
  </si>
  <si>
    <t>GGPS WAH ATHATA RYK</t>
  </si>
  <si>
    <t>WhaAthata</t>
  </si>
  <si>
    <t>GGPS WHA ATHATA CHACK NO 89/P</t>
  </si>
  <si>
    <t>Chak No 89/o</t>
  </si>
  <si>
    <t>Chack No105/p</t>
  </si>
  <si>
    <t>MAHIRA BUKHARI</t>
  </si>
  <si>
    <t>GGPS WAHALI ZEAR</t>
  </si>
  <si>
    <t>wahali zer</t>
  </si>
  <si>
    <t>village and po wahali zer</t>
  </si>
  <si>
    <t>lehr sultanpur</t>
  </si>
  <si>
    <t>samina mushtaq</t>
  </si>
  <si>
    <t>GGPS WAHAND SARMANI</t>
  </si>
  <si>
    <t>Wahind Sarmani</t>
  </si>
  <si>
    <t>ggps Wahind sarmani</t>
  </si>
  <si>
    <t>Jind Peer</t>
  </si>
  <si>
    <t>Farida Abad</t>
  </si>
  <si>
    <t>Fozia Khan</t>
  </si>
  <si>
    <t>GGPS WAHDI</t>
  </si>
  <si>
    <t>wadhi,tehsil shahpur ,district sargodha</t>
  </si>
  <si>
    <t>GGPS WAHEER</t>
  </si>
  <si>
    <t>pobox  waheer district khushab</t>
  </si>
  <si>
    <t>Atia Firdous</t>
  </si>
  <si>
    <t>GGPS WAHGA</t>
  </si>
  <si>
    <t>Moaza wahga district jhang</t>
  </si>
  <si>
    <t>Pakkeywala</t>
  </si>
  <si>
    <t>Shehnaz Iqbal</t>
  </si>
  <si>
    <t>GGPS WAHI GUSSAIEN</t>
  </si>
  <si>
    <t>Wahi Gussain</t>
  </si>
  <si>
    <t>Adda Rasheedabad Wahi Gussaein</t>
  </si>
  <si>
    <t>Wahi Gussaien</t>
  </si>
  <si>
    <t>Ruqia Koussar</t>
  </si>
  <si>
    <t>GGPS WAHI HUSSAIN NO.1</t>
  </si>
  <si>
    <t>Daaq Khana noorpur basti wahi hussain</t>
  </si>
  <si>
    <t>GGPS WAHI KHOJI JALALPUR PIRWALA</t>
  </si>
  <si>
    <t>wahi khoji</t>
  </si>
  <si>
    <t>basti wahi khoji</t>
  </si>
  <si>
    <t>lal wah</t>
  </si>
  <si>
    <t>Fozia Nasir</t>
  </si>
  <si>
    <t>GGPS WAHI KHOTA RAM</t>
  </si>
  <si>
    <t>Wahi Khota Ram</t>
  </si>
  <si>
    <t>Taragarh Basti Malook multan</t>
  </si>
  <si>
    <t>Targarh</t>
  </si>
  <si>
    <t>GGPS WAHI MOCHIAN</t>
  </si>
  <si>
    <t>Wahi Michian Mouchiaan</t>
  </si>
  <si>
    <t>bre baste wahi mochian</t>
  </si>
  <si>
    <t>GGPS WAHI MUHAMMAD DHUDDI</t>
  </si>
  <si>
    <t>gg ps wahi dhuddi</t>
  </si>
  <si>
    <t>Saima Sayed</t>
  </si>
  <si>
    <t>GGPS WAHI SANDILA</t>
  </si>
  <si>
    <t>Wahi Sandila</t>
  </si>
  <si>
    <t>Wahi sandila</t>
  </si>
  <si>
    <t>GGPS WAHI WALA</t>
  </si>
  <si>
    <t>(GGPS whai wala ) cha whai wala moza basti malana kott chutta # 1 near adda haidr abad choti road</t>
  </si>
  <si>
    <t>basti Jaam</t>
  </si>
  <si>
    <t>Farzana Akhter</t>
  </si>
  <si>
    <t>GGPS WAHID BUX CHAHEL</t>
  </si>
  <si>
    <t>basti chahlan post office Sadiq garh palace DNS Ahmad pur east</t>
  </si>
  <si>
    <t>Chahlan</t>
  </si>
  <si>
    <t>GGPS WAHID FATEH GARH</t>
  </si>
  <si>
    <t>Dispensary road Fatehgarh</t>
  </si>
  <si>
    <t>GGPS WAHLAY</t>
  </si>
  <si>
    <t>Wahlay</t>
  </si>
  <si>
    <t>wahlay</t>
  </si>
  <si>
    <t>GGPS WAINS WALA</t>
  </si>
  <si>
    <t>WAINS WALA</t>
  </si>
  <si>
    <t>G G P S WAINS WALA</t>
  </si>
  <si>
    <t>GGPS WAJHOWAN</t>
  </si>
  <si>
    <t>village and p/ o wijhwan telsil pindi bhattian z(hfd)</t>
  </si>
  <si>
    <t>Rehana Kusef</t>
  </si>
  <si>
    <t>GGPS WAKEEL WALA</t>
  </si>
  <si>
    <t>wakeel wala</t>
  </si>
  <si>
    <t>chak # 574 GB wakeelwala NNS</t>
  </si>
  <si>
    <t>dhere da wara</t>
  </si>
  <si>
    <t>Mahnaz Zaidi</t>
  </si>
  <si>
    <t>GGPS WALAN BUZDAR</t>
  </si>
  <si>
    <t>D J K Darmiyani</t>
  </si>
  <si>
    <t>Basti walan buzdar</t>
  </si>
  <si>
    <t>Basti Walan Buzdar</t>
  </si>
  <si>
    <t>Darkhwast Jamal Khan Darmiyani</t>
  </si>
  <si>
    <t>Amtul Kafi Asia</t>
  </si>
  <si>
    <t>GGPS WALAN WALA P/O SIKANDAR ABAD</t>
  </si>
  <si>
    <t>Sikandarbad</t>
  </si>
  <si>
    <t>Chan walan walan,moza sikandarabad,p/o sikandarbad,tehsil shujabad,district multan</t>
  </si>
  <si>
    <t>Walan Wala</t>
  </si>
  <si>
    <t>GGPS WALEDRAN WALA</t>
  </si>
  <si>
    <t>waleedran wala Mianwali.</t>
  </si>
  <si>
    <t>Waleedran Wala</t>
  </si>
  <si>
    <t>GGPS WALGAN SAQIAN</t>
  </si>
  <si>
    <t>Sukheki Mandi</t>
  </si>
  <si>
    <t>GGPS Walgan suqian markaz moan bhattian sukheke</t>
  </si>
  <si>
    <t>Walgan Suqian</t>
  </si>
  <si>
    <t>Mona Manakaa</t>
  </si>
  <si>
    <t>GGPS WALGUN JHUNDA</t>
  </si>
  <si>
    <t>Walgan Jhunda</t>
  </si>
  <si>
    <t>walgan jhunda</t>
  </si>
  <si>
    <t>GGPS WALGUN SATTAR</t>
  </si>
  <si>
    <t>Walgun Sattar</t>
  </si>
  <si>
    <t>Walgun Azeem</t>
  </si>
  <si>
    <t>Shareen Jhangar</t>
  </si>
  <si>
    <t>Zubaida Begum</t>
  </si>
  <si>
    <t>GGPS WALGUN SOHAIL</t>
  </si>
  <si>
    <t>Walgun sohail</t>
  </si>
  <si>
    <t>GGP school Walgun sohail</t>
  </si>
  <si>
    <t>GGPS WALI DAD KHAN WALA</t>
  </si>
  <si>
    <t>Choranwala</t>
  </si>
  <si>
    <t>WALI DAD KHAN WALA BANU ROAD ISA KHEL</t>
  </si>
  <si>
    <t>WALI DAD KHAN WALA</t>
  </si>
  <si>
    <t>Tayyaba Maryam</t>
  </si>
  <si>
    <t>GGPS WALI DAD SODHRI</t>
  </si>
  <si>
    <t>Sodhri</t>
  </si>
  <si>
    <t>wandha zareef khan wala moza sodhri</t>
  </si>
  <si>
    <t>GGPS WALI DAD, KABIRWALA</t>
  </si>
  <si>
    <t>chak walidad</t>
  </si>
  <si>
    <t>chakwaliad</t>
  </si>
  <si>
    <t>okan wala</t>
  </si>
  <si>
    <t>Zobia Razzak</t>
  </si>
  <si>
    <t>GGPS WALI KOT</t>
  </si>
  <si>
    <t>Murad Kharal</t>
  </si>
  <si>
    <t>Ggps walikot</t>
  </si>
  <si>
    <t>Walikot</t>
  </si>
  <si>
    <t>GGPS WALI SERAI</t>
  </si>
  <si>
    <t>Dullo Nashaib</t>
  </si>
  <si>
    <t>Government primary school wali sirai</t>
  </si>
  <si>
    <t>Serai Shumali</t>
  </si>
  <si>
    <t>Lohanch Nashain</t>
  </si>
  <si>
    <t>shagufta naz</t>
  </si>
  <si>
    <t>GGPS WALIDAD KHULANG</t>
  </si>
  <si>
    <t>Bait Wali Dad Khulang</t>
  </si>
  <si>
    <t>GGPS WALI Dad Khulang</t>
  </si>
  <si>
    <t>Aqeela Mukhtiar</t>
  </si>
  <si>
    <t>GGPS Wallay Wala</t>
  </si>
  <si>
    <t>masoma abad colony</t>
  </si>
  <si>
    <t>Masoma abad Colony</t>
  </si>
  <si>
    <t>URBAN Churhatta</t>
  </si>
  <si>
    <t>GGPS WALOO WALA</t>
  </si>
  <si>
    <t>Chak 153/ml</t>
  </si>
  <si>
    <t>basti walowala chak no 153/ml</t>
  </si>
  <si>
    <t>Basti Walowala</t>
  </si>
  <si>
    <t>Shabana Shafi</t>
  </si>
  <si>
    <t>GGPS WALWAT</t>
  </si>
  <si>
    <t>Fateh Pur Janoobi</t>
  </si>
  <si>
    <t>Basti walwat GGPS walwat KhairPur sadat teh Ali Pur</t>
  </si>
  <si>
    <t>Basti Walwat</t>
  </si>
  <si>
    <t>Bushra Fazal</t>
  </si>
  <si>
    <t>GGPS WAN ABDUL KAY</t>
  </si>
  <si>
    <t>Wan Abhool ki dakhli Gogera Khas Tehsil Tehsil &amp; district Okara</t>
  </si>
  <si>
    <t>Wan Abdul Kay</t>
  </si>
  <si>
    <t>Balqees Khanam</t>
  </si>
  <si>
    <t>water pump &amp; hand pump</t>
  </si>
  <si>
    <t>GGPS WAN BAJAJ</t>
  </si>
  <si>
    <t>Arazi Shahmand</t>
  </si>
  <si>
    <t>chak wan bajaj p/o dadra bala via harappa</t>
  </si>
  <si>
    <t>Wan Bajaj</t>
  </si>
  <si>
    <t>GGPS WAN CHATTA BAHAWALPUR ROAD MULTAN</t>
  </si>
  <si>
    <t>Kayanpur</t>
  </si>
  <si>
    <t>Wan chatta</t>
  </si>
  <si>
    <t>kayanpur</t>
  </si>
  <si>
    <t>Rukhsana Inayat</t>
  </si>
  <si>
    <t>GGPS WAN DAL SINGH</t>
  </si>
  <si>
    <t>Wandalsingh</t>
  </si>
  <si>
    <t>wandalsingh</t>
  </si>
  <si>
    <t>Tahira Nazli</t>
  </si>
  <si>
    <t>GGPS WAN KHARA</t>
  </si>
  <si>
    <t>Wan khara</t>
  </si>
  <si>
    <t>govt girls primary school wan khara</t>
  </si>
  <si>
    <t>GGPS WAN LAKHA</t>
  </si>
  <si>
    <t>Wan Lakha</t>
  </si>
  <si>
    <t>wan lakha</t>
  </si>
  <si>
    <t>40gd</t>
  </si>
  <si>
    <t>GGPS WAN MAUTA</t>
  </si>
  <si>
    <t>wan mauta</t>
  </si>
  <si>
    <t>Wan Mauta</t>
  </si>
  <si>
    <t>GGPS WAN MIANA</t>
  </si>
  <si>
    <t>wan miana</t>
  </si>
  <si>
    <t>GGPS WAN RASHEED KAY</t>
  </si>
  <si>
    <t>Wan Rasheed Ky</t>
  </si>
  <si>
    <t>ggpschool wan Rasheed kay</t>
  </si>
  <si>
    <t>Wan Rasheed Kay</t>
  </si>
  <si>
    <t>Asma Matloob</t>
  </si>
  <si>
    <t>GGPS WAN WALA</t>
  </si>
  <si>
    <t>Pati Naich</t>
  </si>
  <si>
    <t>chah jam wala Moza pati naich</t>
  </si>
  <si>
    <t>Chah Jam Wala</t>
  </si>
  <si>
    <t>Shaista Khan</t>
  </si>
  <si>
    <t>GGPS WANDAR</t>
  </si>
  <si>
    <t>ggp/s wander</t>
  </si>
  <si>
    <t>Farah Yaqoob</t>
  </si>
  <si>
    <t>GGPS WANDHA ALLAH KHEL WALA</t>
  </si>
  <si>
    <t>wanda Allah khel Wala,kamar mushani tehsil esa khel</t>
  </si>
  <si>
    <t>GGPS WANDHA CHAN BADSHAH</t>
  </si>
  <si>
    <t>ggps wandha Chan badsha</t>
  </si>
  <si>
    <t>GGPS WANDHA GHULAM HUSSAIN WALA</t>
  </si>
  <si>
    <t>Govt Girls Primary School Wandha G.Hussain Ali khel Trag.</t>
  </si>
  <si>
    <t>Trag Sharf</t>
  </si>
  <si>
    <t>Samia Nosheen Niazi</t>
  </si>
  <si>
    <t>GGPS WANDHA HABIB ULLAH KHAN WALA</t>
  </si>
  <si>
    <t>Kammar Mashani Pakka</t>
  </si>
  <si>
    <t>mohallah allah khel p/o kammarmashani tehsil essakhel district mianwali</t>
  </si>
  <si>
    <t>GGPS WANDHA KHURASAN SAIF ULLAH</t>
  </si>
  <si>
    <t>KAMMAR MUSHANI</t>
  </si>
  <si>
    <t>WANDHA KHURASAN P.O BOX KAMMAR MUSHANI</t>
  </si>
  <si>
    <t>Khurasan</t>
  </si>
  <si>
    <t>Shahzia Naureen</t>
  </si>
  <si>
    <t>GGPS WANDHA MANJI TANI KHEL</t>
  </si>
  <si>
    <t>Ggps majani tani khel kamar musjani mianwali</t>
  </si>
  <si>
    <t>Wandha Majani</t>
  </si>
  <si>
    <t>Kaneezan Bibi</t>
  </si>
  <si>
    <t>GGPS WANDHA MASTI KHEL</t>
  </si>
  <si>
    <t>ggps wandha masti khail ganda .</t>
  </si>
  <si>
    <t>Narjuis Khatoon</t>
  </si>
  <si>
    <t>GGPS WANDHA MUSA KHEL</t>
  </si>
  <si>
    <t>tani khel</t>
  </si>
  <si>
    <t>wandha mosa khel markaz kamar mushani</t>
  </si>
  <si>
    <t>wandha mosa khel</t>
  </si>
  <si>
    <t>yasmin Akhter</t>
  </si>
  <si>
    <t>GGPS WANDHA RAJMIR WALA</t>
  </si>
  <si>
    <t>Yaro Khel Paka</t>
  </si>
  <si>
    <t>wandhi arrianwali</t>
  </si>
  <si>
    <t>Rajmirwala</t>
  </si>
  <si>
    <t>GGPS WANDHA WAZIR WALA</t>
  </si>
  <si>
    <t>Lalokhel</t>
  </si>
  <si>
    <t>wandha wazir wala</t>
  </si>
  <si>
    <t>GGPS WANDHI ARAIAN WALI</t>
  </si>
  <si>
    <t>Yarokhel</t>
  </si>
  <si>
    <t>wandhi arrian wali</t>
  </si>
  <si>
    <t>Musarat Shaheen</t>
  </si>
  <si>
    <t>GGPS WANDHI ISLAM ABAD</t>
  </si>
  <si>
    <t>GGPS Moh.islamabad</t>
  </si>
  <si>
    <t>Moh islamabad</t>
  </si>
  <si>
    <t>Musrat Bi Bi</t>
  </si>
  <si>
    <t>GGPS WANDHI ROSHAN WALI</t>
  </si>
  <si>
    <t>Yaru Khel Pakka</t>
  </si>
  <si>
    <t>wandhi roshan wali sharqi</t>
  </si>
  <si>
    <t>Wandhi Roshan Wali</t>
  </si>
  <si>
    <t>Mehreen Gul Khan</t>
  </si>
  <si>
    <t>GGPS WANDHI SARDAR  KHAN WALI</t>
  </si>
  <si>
    <t>GGPS Wandhi Sardar Wali P/O Mochh.Tehsil and District Mianwali</t>
  </si>
  <si>
    <t>GGPS WANDHI SONARAN WALI</t>
  </si>
  <si>
    <t>g g p s wandhi sunaran wali paikhel</t>
  </si>
  <si>
    <t>GGPS WANGAA</t>
  </si>
  <si>
    <t>Peran Bhutta</t>
  </si>
  <si>
    <t>Basti WANGAA Sadiq abad</t>
  </si>
  <si>
    <t>Basti Wanga</t>
  </si>
  <si>
    <t>Shumaila Nargis</t>
  </si>
  <si>
    <t>GGPS WANNI</t>
  </si>
  <si>
    <t>Wanni</t>
  </si>
  <si>
    <t>village wannii teh txla rwp</t>
  </si>
  <si>
    <t>That ha Khalil</t>
  </si>
  <si>
    <t>Farhana  Kousar</t>
  </si>
  <si>
    <t>GGPS WAPDA COLONY</t>
  </si>
  <si>
    <t>ggps wapda colony khan pur</t>
  </si>
  <si>
    <t>Saleha Bashir</t>
  </si>
  <si>
    <t>GGPS WAPDA COLONY SARA-I-ALAMGIR</t>
  </si>
  <si>
    <t>wapda colony teh sara i alamgir distt. gujrat</t>
  </si>
  <si>
    <t>GGPS WARA ALLAH DAD</t>
  </si>
  <si>
    <t>Dograi Kalan</t>
  </si>
  <si>
    <t>nathoki road wara allah dad</t>
  </si>
  <si>
    <t>WARA ALLAH DAD</t>
  </si>
  <si>
    <t>Sana Shahzad</t>
  </si>
  <si>
    <t>GGPS WARA CHUNGRAN</t>
  </si>
  <si>
    <t>WARA CHUNGRAN</t>
  </si>
  <si>
    <t>KARPAL SINGH</t>
  </si>
  <si>
    <t>Saima Yasin</t>
  </si>
  <si>
    <t>GGPS WARA DALEEP SINGH</t>
  </si>
  <si>
    <t>Wara Daleep Sing</t>
  </si>
  <si>
    <t>waraa Daleep singh</t>
  </si>
  <si>
    <t>Wara Daleep Singh</t>
  </si>
  <si>
    <t>Lakhne Key</t>
  </si>
  <si>
    <t>GGPS WARA KUMHARAN</t>
  </si>
  <si>
    <t>Wara Kumharan</t>
  </si>
  <si>
    <t>manga road raiwind wara kumharan</t>
  </si>
  <si>
    <t>Abida Firdous</t>
  </si>
  <si>
    <t>GGPS WARA MOHLAY WASIAN</t>
  </si>
  <si>
    <t>wara Mohlay wasian</t>
  </si>
  <si>
    <t>Wara Mohlay Wasian</t>
  </si>
  <si>
    <t>Marina Naseer</t>
  </si>
  <si>
    <t>GGPS WARA NARAIN SINGH</t>
  </si>
  <si>
    <t>Wara Narain Singh</t>
  </si>
  <si>
    <t>Wara Narain singh</t>
  </si>
  <si>
    <t>GGPS WARA SATAR SHAH</t>
  </si>
  <si>
    <t>Wara Sattar Shah</t>
  </si>
  <si>
    <t>wara satar shah lahore</t>
  </si>
  <si>
    <t>wara sattar shah</t>
  </si>
  <si>
    <t>GGPS WARAH GASHKORI</t>
  </si>
  <si>
    <t>Wara Gishkori</t>
  </si>
  <si>
    <t>GGPS Wara Gishkori</t>
  </si>
  <si>
    <t>Kotla Hajji Sha</t>
  </si>
  <si>
    <t>GGPS WARAICHAN WALA</t>
  </si>
  <si>
    <t>Waraichan Wala</t>
  </si>
  <si>
    <t>Govt modal primary school  waraichan wala</t>
  </si>
  <si>
    <t>Bushra Saddique</t>
  </si>
  <si>
    <t>GGPS WARAR NASHAIB</t>
  </si>
  <si>
    <t>warar nashaib</t>
  </si>
  <si>
    <t>ggps warar nashaib</t>
  </si>
  <si>
    <t>shazia naheed</t>
  </si>
  <si>
    <t>GGPS WARAR SIPRA</t>
  </si>
  <si>
    <t>basti warer sipra</t>
  </si>
  <si>
    <t>Saira Saeed</t>
  </si>
  <si>
    <t>GGPS WARCHHA GHARBI</t>
  </si>
  <si>
    <t>village warcha</t>
  </si>
  <si>
    <t>GGPS WARCHHA MINE</t>
  </si>
  <si>
    <t>WARCHA</t>
  </si>
  <si>
    <t>GGPS WARCHA MINE</t>
  </si>
  <si>
    <t>RUKHLA MUNDI</t>
  </si>
  <si>
    <t>Sayada Ghulam Fatima</t>
  </si>
  <si>
    <t>GGPS WARD NO 10</t>
  </si>
  <si>
    <t>FIZAN-E-MADINA ROAD DUNYA PUR</t>
  </si>
  <si>
    <t>Amtul aziz</t>
  </si>
  <si>
    <t>GGPS WARD NO 12</t>
  </si>
  <si>
    <t>Ward Number 12</t>
  </si>
  <si>
    <t>ward number12 dunya pur lodhran</t>
  </si>
  <si>
    <t>GGPS WARD NO 4 PUR GHARBI DUNIYAPUR</t>
  </si>
  <si>
    <t>railway road dunya our</t>
  </si>
  <si>
    <t>Asia -Naseem</t>
  </si>
  <si>
    <t>GGPS WARD NO 5</t>
  </si>
  <si>
    <t>Quboola</t>
  </si>
  <si>
    <t>GGPS ward no 5 Quboola,Arifwalal.</t>
  </si>
  <si>
    <t>GGPS WARD NO 7 TIBBA SULTAN PUR</t>
  </si>
  <si>
    <t>ward No. 7 Tibba SULTAN pur</t>
  </si>
  <si>
    <t>Ward No 7</t>
  </si>
  <si>
    <t>robina shameem</t>
  </si>
  <si>
    <t>GGPS WARD NO 8</t>
  </si>
  <si>
    <t>FAZAL COLONY DUNYA PUR</t>
  </si>
  <si>
    <t>GGPS WARD NO 8 FORT abbas</t>
  </si>
  <si>
    <t>272 HR</t>
  </si>
  <si>
    <t>GGPS WARD NO. 1 CHOUBARA CITY (NEW)</t>
  </si>
  <si>
    <t>Ward no.1 Choubara</t>
  </si>
  <si>
    <t>Khadija Faiz</t>
  </si>
  <si>
    <t>GGPS WARD NO. 1 FAQIR WALA</t>
  </si>
  <si>
    <t>ahmed Hagar ward no 1 faqir wali</t>
  </si>
  <si>
    <t>GGPS WARD NO. 10</t>
  </si>
  <si>
    <t>Nai Abadi, Donga Bonga, BWN.</t>
  </si>
  <si>
    <t>MC Donga Bonga</t>
  </si>
  <si>
    <t>Abida parveen</t>
  </si>
  <si>
    <t>GGPS WARD NO. 11</t>
  </si>
  <si>
    <t>street no 6 ali town fortabbas</t>
  </si>
  <si>
    <t>GGPS WARD NO. 113 KOTLA JAM</t>
  </si>
  <si>
    <t>Kotla Jam Nasheb</t>
  </si>
  <si>
    <t>GGP/S WARD NO113 kotla jam basti dhool,tehsil bhakkar</t>
  </si>
  <si>
    <t>Bushra Hassan</t>
  </si>
  <si>
    <t>GGPS WARD NO. 2</t>
  </si>
  <si>
    <t>Ggps ward no 2 pindi gheb</t>
  </si>
  <si>
    <t>GGPS WARD NO. 3 FAQIR WALI</t>
  </si>
  <si>
    <t>Madni Colony</t>
  </si>
  <si>
    <t>madni colony  ward no :3 faqirwali tehsil haroonabad</t>
  </si>
  <si>
    <t>Komal Majeed</t>
  </si>
  <si>
    <t>GGPS WARD NO. 4 HAROON ABAD</t>
  </si>
  <si>
    <t>baldia colony hnd</t>
  </si>
  <si>
    <t>GGPS WARD NO. 4 SAMANDOANA</t>
  </si>
  <si>
    <t>ggp/s ward no 4 hidat wala samandoana tehsil ahmad pur sial. jhang</t>
  </si>
  <si>
    <t>Rabia Shahin</t>
  </si>
  <si>
    <t>GGPS WARD NO. 5 FORT ABBAS</t>
  </si>
  <si>
    <t>Ward No 5</t>
  </si>
  <si>
    <t>ward no 5 liaqat colony fort abbas</t>
  </si>
  <si>
    <t>Town Comittie</t>
  </si>
  <si>
    <t>Riffat Riaz</t>
  </si>
  <si>
    <t>GGPS WARD NO. 6 FAQIR WALI</t>
  </si>
  <si>
    <t>ward no 6 faqirwali</t>
  </si>
  <si>
    <t>MC Faqirwali</t>
  </si>
  <si>
    <t>GGPS WARD NO. 6 FORT ABBAS</t>
  </si>
  <si>
    <t>Ward  NO.6 Fort Abbas</t>
  </si>
  <si>
    <t>GGPS WARD NO. 7 ROJHAN</t>
  </si>
  <si>
    <t>Chk Dim</t>
  </si>
  <si>
    <t>ward no 7rojhan</t>
  </si>
  <si>
    <t>Ward7</t>
  </si>
  <si>
    <t>bought water</t>
  </si>
  <si>
    <t>GGPS WARD NO. 8 SHADIA</t>
  </si>
  <si>
    <t>ggps ward no 8</t>
  </si>
  <si>
    <t>Bazigha Mastoor</t>
  </si>
  <si>
    <t>GGPS WARD NO. 9 FORT ABBAS</t>
  </si>
  <si>
    <t>G.G P/SO WARD NO.9  FORT ABBAS</t>
  </si>
  <si>
    <t>GGPS WARD NO.1</t>
  </si>
  <si>
    <t>Phol Nagar</t>
  </si>
  <si>
    <t>near leads college Phol nagar</t>
  </si>
  <si>
    <t>Phol Nagar Urban</t>
  </si>
  <si>
    <t>Shafqat Batool</t>
  </si>
  <si>
    <t>GGPS WARD NO.10 TULAMBA</t>
  </si>
  <si>
    <t>Tulamba</t>
  </si>
  <si>
    <t>GGPS Ward No 10, Mahalla Kot Islam, Tulamba</t>
  </si>
  <si>
    <t>Rubina Tahira</t>
  </si>
  <si>
    <t>GGPS WARD NO.16 KABIRWALA</t>
  </si>
  <si>
    <t>Maan Wala</t>
  </si>
  <si>
    <t>Basti mastan shah wali</t>
  </si>
  <si>
    <t>Basti Mastan Shah</t>
  </si>
  <si>
    <t>Kabirwala City Urban 2</t>
  </si>
  <si>
    <t>GGPS WARD NO.2 CHOWK AZAM</t>
  </si>
  <si>
    <t>Near Janazah Gah Chowk Azam Layyah</t>
  </si>
  <si>
    <t>GGPS WARD NO.2 HAVELI</t>
  </si>
  <si>
    <t>Ward No. 2 Haveli Lakha</t>
  </si>
  <si>
    <t>Mc Haveli Lakha</t>
  </si>
  <si>
    <t>Rahila Mushtaq</t>
  </si>
  <si>
    <t>GGPS WARD NO.2 PINDI BHATTIAN</t>
  </si>
  <si>
    <t>Ward No2</t>
  </si>
  <si>
    <t>Ggps ward no.2 pindi bhattian</t>
  </si>
  <si>
    <t>MC PINDI HATTIAN</t>
  </si>
  <si>
    <t>Bisma Safdar</t>
  </si>
  <si>
    <t>GGPS WARD NO.2 THATHA ASIYA</t>
  </si>
  <si>
    <t>ward no 2 thattha asia</t>
  </si>
  <si>
    <t>Thatta Asian</t>
  </si>
  <si>
    <t>Shahida Malik</t>
  </si>
  <si>
    <t>GGPS WARD NO.6 SAMBRIAL</t>
  </si>
  <si>
    <t>ggps ward no. 6</t>
  </si>
  <si>
    <t>Qila</t>
  </si>
  <si>
    <t>Samra Bashir</t>
  </si>
  <si>
    <t>both</t>
  </si>
  <si>
    <t>GGPS WARD NO.9 CHOWK AZAM</t>
  </si>
  <si>
    <t>ward no9</t>
  </si>
  <si>
    <t>ward no9 chowk azam</t>
  </si>
  <si>
    <t>Ward no 9</t>
  </si>
  <si>
    <t>GGPS WARHI CHARAGH KHAIL</t>
  </si>
  <si>
    <t>Rang pur Baghur</t>
  </si>
  <si>
    <t>vpo rangpur Baghur Tehran Moor pur dist khushab</t>
  </si>
  <si>
    <t>Rangpur Baghur</t>
  </si>
  <si>
    <t>GGPS WARHI GUJRAN WALA MOHALLA FAROOQ ABAD</t>
  </si>
  <si>
    <t>Mohallah Farooqabad Noorpur Thal</t>
  </si>
  <si>
    <t>GGPS WARIAN WALA JADID</t>
  </si>
  <si>
    <t>basti warian wala</t>
  </si>
  <si>
    <t>GGPS WARIAN WALA QADEEM</t>
  </si>
  <si>
    <t>basti dharyja,maoza warian wala</t>
  </si>
  <si>
    <t>Zahra Hameed</t>
  </si>
  <si>
    <t>GGPS WARIS ABAD CHAK 20 RB</t>
  </si>
  <si>
    <t>Ghondlawa</t>
  </si>
  <si>
    <t>Ghondlawala</t>
  </si>
  <si>
    <t>GGPS WARIS ABAD WARIS ABAD SHUJABAD</t>
  </si>
  <si>
    <t>chak waris abad shujabad district multan</t>
  </si>
  <si>
    <t>Waris Abad</t>
  </si>
  <si>
    <t>Madiha Saadat</t>
  </si>
  <si>
    <t>GGPS WARN</t>
  </si>
  <si>
    <t>warn</t>
  </si>
  <si>
    <t>Qadewind</t>
  </si>
  <si>
    <t>rOBINA KHUSHI MUHAMMAD</t>
  </si>
  <si>
    <t>GGPS WARNI SHARIF</t>
  </si>
  <si>
    <t>warni shareef</t>
  </si>
  <si>
    <t>Ggps Warni Shareef</t>
  </si>
  <si>
    <t>Nadra Sultana</t>
  </si>
  <si>
    <t>GGPS WARRAICH</t>
  </si>
  <si>
    <t>village warraich. bara ghar</t>
  </si>
  <si>
    <t>Tanwir Sakina</t>
  </si>
  <si>
    <t>GGPS WARSI WAHIN</t>
  </si>
  <si>
    <t>Warsi When</t>
  </si>
  <si>
    <t>Govt .Girls E/S Warsi When</t>
  </si>
  <si>
    <t>GGPS WARYAMAL P.O. KARYALA CHAKWAL</t>
  </si>
  <si>
    <t>Waryamal</t>
  </si>
  <si>
    <t>district tehsil chakwal post office karyala village Waryamal</t>
  </si>
  <si>
    <t>Ansa Benazir</t>
  </si>
  <si>
    <t>GGPS WASANKAY</t>
  </si>
  <si>
    <t>Wassankey</t>
  </si>
  <si>
    <t>wassankey</t>
  </si>
  <si>
    <t>Aniqa Anwar</t>
  </si>
  <si>
    <t>GGPS WASAWA</t>
  </si>
  <si>
    <t>GGPS Wasawa Tehsil 18-Hazari District Jhang</t>
  </si>
  <si>
    <t>Farhat Munir</t>
  </si>
  <si>
    <t>GGPS WASAWAY WALA</t>
  </si>
  <si>
    <t>Wasaway Wala Mouza Qambar Shah tehsil Jampur District Rajanpur</t>
  </si>
  <si>
    <t>Wasaway Wala</t>
  </si>
  <si>
    <t>Allah Abad Sharqi</t>
  </si>
  <si>
    <t>Khalida Anwar</t>
  </si>
  <si>
    <t>GGPS WASIL SHAH</t>
  </si>
  <si>
    <t>Wasil Shah</t>
  </si>
  <si>
    <t>moza wasil shah saliyana.</t>
  </si>
  <si>
    <t>GGPS WASIM ABAD</t>
  </si>
  <si>
    <t>chah qandhari wala moza jam rid thal kot sultan</t>
  </si>
  <si>
    <t>Chah Qandhari Wala</t>
  </si>
  <si>
    <t>GGPS WASOO SALAM KA</t>
  </si>
  <si>
    <t>Wasoo Salam Ka</t>
  </si>
  <si>
    <t>wasoo Salam Ka okars</t>
  </si>
  <si>
    <t>Mahanat Darshan</t>
  </si>
  <si>
    <t>GGPS WASOO WALA</t>
  </si>
  <si>
    <t>Wasoo Wala</t>
  </si>
  <si>
    <t>village wasoo wala p.o trag</t>
  </si>
  <si>
    <t>Wasoo Waloo</t>
  </si>
  <si>
    <t>GGPS WASSAN WALA</t>
  </si>
  <si>
    <t>Doori Gondal</t>
  </si>
  <si>
    <t>moza doori gondal ggps wasan wala</t>
  </si>
  <si>
    <t>Wasan Wala</t>
  </si>
  <si>
    <t>Memuna Akhtar</t>
  </si>
  <si>
    <t>GGPS WATALIAN</t>
  </si>
  <si>
    <t>village  watalian p/o kallah kalhan Tehsil Daska District Sialkot</t>
  </si>
  <si>
    <t>Village Watalian</t>
  </si>
  <si>
    <t>GGPS WATOO GIROTE</t>
  </si>
  <si>
    <t>VPO Wattoo</t>
  </si>
  <si>
    <t>Watoo</t>
  </si>
  <si>
    <t>Mehwish Kanwal</t>
  </si>
  <si>
    <t>GGPS WATOOAN WALA P/O PHATI JOIAN</t>
  </si>
  <si>
    <t>watuan wala p/o phati joyan wali thesil piplan distt. mianwali</t>
  </si>
  <si>
    <t>watuan wala</t>
  </si>
  <si>
    <t>tayyaba tariq</t>
  </si>
  <si>
    <t>GGPS WATOWAN WALI</t>
  </si>
  <si>
    <t>wattowan wali</t>
  </si>
  <si>
    <t>Wattowan Wali</t>
  </si>
  <si>
    <t>Tahira Ayub</t>
  </si>
  <si>
    <t>GGPS WATRAN MACHEE</t>
  </si>
  <si>
    <t>Shedani</t>
  </si>
  <si>
    <t>basti Watran Machee moza Shedani, Tehsil Liaqatpur, District Rahim yar Khan</t>
  </si>
  <si>
    <t>Watran Machee</t>
  </si>
  <si>
    <t>Ghulam Aisha Bibi</t>
  </si>
  <si>
    <t>GGPS WATTA KHEL NO.1</t>
  </si>
  <si>
    <t>Wattakhel No1</t>
  </si>
  <si>
    <t>wattakhel no 1 Mianwali</t>
  </si>
  <si>
    <t>GGPS WATTA KHEL NO.2</t>
  </si>
  <si>
    <t>watta khel</t>
  </si>
  <si>
    <t>Ayesha Saman Khan</t>
  </si>
  <si>
    <t>GGPS WATTO</t>
  </si>
  <si>
    <t>GGPS watto p/o wan bhachran</t>
  </si>
  <si>
    <t>Fauzia yasmeen</t>
  </si>
  <si>
    <t>GGPS WAZEER ABAD</t>
  </si>
  <si>
    <t>G.G p/s wazeerabaad</t>
  </si>
  <si>
    <t>misbah Gull</t>
  </si>
  <si>
    <t>GGPS WAZEERA GADHOKA</t>
  </si>
  <si>
    <t>Wazira Gadhoka</t>
  </si>
  <si>
    <t>gaon wazira gadhoka</t>
  </si>
  <si>
    <t>GGPS WAZIR KA UTTAR</t>
  </si>
  <si>
    <t>Wazkir Ka Ottar</t>
  </si>
  <si>
    <t>GGPS wazir ka ottar manchinabad</t>
  </si>
  <si>
    <t>Wizkir Ka</t>
  </si>
  <si>
    <t>Bushra Ibrahim</t>
  </si>
  <si>
    <t>GGPS Wazir Khan</t>
  </si>
  <si>
    <t>Kharer Buzdar</t>
  </si>
  <si>
    <t>Wazir Khan</t>
  </si>
  <si>
    <t>GGPS WAZIR KOT</t>
  </si>
  <si>
    <t>Qammar Din</t>
  </si>
  <si>
    <t>village wazir kot</t>
  </si>
  <si>
    <t>Wazir Kot</t>
  </si>
  <si>
    <t>Khetran Wala</t>
  </si>
  <si>
    <t>GGPS WAZIR SHAH WALA MULTAN</t>
  </si>
  <si>
    <t>Mari Walian</t>
  </si>
  <si>
    <t>Wazir Shah Wala Mauza Mari walian</t>
  </si>
  <si>
    <t>Wazir Shah Wala</t>
  </si>
  <si>
    <t>Khagey Wala</t>
  </si>
  <si>
    <t>Shakeela mai</t>
  </si>
  <si>
    <t>GGPS WEGO WAL</t>
  </si>
  <si>
    <t>Govt girls primary school wegowal</t>
  </si>
  <si>
    <t>GGPS WIHID BUX LAR</t>
  </si>
  <si>
    <t>GGPS wahid bux lar</t>
  </si>
  <si>
    <t>Hameeda Rasheed</t>
  </si>
  <si>
    <t>GGPS WIJHOKA</t>
  </si>
  <si>
    <t>vijhoka</t>
  </si>
  <si>
    <t>azmat wala</t>
  </si>
  <si>
    <t>Hina Chaudhry</t>
  </si>
  <si>
    <t>GGPS WINGAY</t>
  </si>
  <si>
    <t>wingay</t>
  </si>
  <si>
    <t>winggay</t>
  </si>
  <si>
    <t>pindi bawary</t>
  </si>
  <si>
    <t>GGPS WINOTI WALA</t>
  </si>
  <si>
    <t>winoti wala moza peer wala tehsil shorkot district jhang</t>
  </si>
  <si>
    <t>Winoti Wala</t>
  </si>
  <si>
    <t>GGPS WIRSALKAY</t>
  </si>
  <si>
    <t>Wersalkay</t>
  </si>
  <si>
    <t>Teh pasrur Dist sialkot P/O phlora &amp; village wersalkay</t>
  </si>
  <si>
    <t>Rizwana Zafar</t>
  </si>
  <si>
    <t>GGPS WISWIAN</t>
  </si>
  <si>
    <t>Wiavian</t>
  </si>
  <si>
    <t>vilagewisvianbatapurlahote</t>
  </si>
  <si>
    <t>Wisvian</t>
  </si>
  <si>
    <t>Shafqatiqbal</t>
  </si>
  <si>
    <t>GGPS WITTALIAN</t>
  </si>
  <si>
    <t>village watalian teh Dina District jhelum</t>
  </si>
  <si>
    <t>GGPS YAARAY WALA</t>
  </si>
  <si>
    <t>Yarywala</t>
  </si>
  <si>
    <t>GGPS Yary Wala</t>
  </si>
  <si>
    <t>Yary Wala</t>
  </si>
  <si>
    <t>GGPS YAKI WALI NO. 2</t>
  </si>
  <si>
    <t>Basti Yakiwali</t>
  </si>
  <si>
    <t>GGPS YAQEEN PUR</t>
  </si>
  <si>
    <t>Yaqeen Pur</t>
  </si>
  <si>
    <t>District Gujrat Tehsil kharian post office dinga village yaqeen pur</t>
  </si>
  <si>
    <t>komal Ashraf</t>
  </si>
  <si>
    <t>GGPS YAQIANI</t>
  </si>
  <si>
    <t>Basti Yaqiani</t>
  </si>
  <si>
    <t>Basti Yaqiani Tehsil kot chutta</t>
  </si>
  <si>
    <t>Basti Yaqi</t>
  </si>
  <si>
    <t>Rashida Tul Ghafoor</t>
  </si>
  <si>
    <t>GGPS YAQOOB SHAH</t>
  </si>
  <si>
    <t>Goth Aloo</t>
  </si>
  <si>
    <t>Goth Aloo Basti Saddat</t>
  </si>
  <si>
    <t>Basti Saddat</t>
  </si>
  <si>
    <t>Mehvish Maqbool</t>
  </si>
  <si>
    <t>GGPS YAQUB ABAD</t>
  </si>
  <si>
    <t>basti yaqub abad</t>
  </si>
  <si>
    <t>Yaqub Abad</t>
  </si>
  <si>
    <t>Borana Kahs</t>
  </si>
  <si>
    <t>Nayab-Ul-Ain Fatima</t>
  </si>
  <si>
    <t>GGPS YAR BAGI</t>
  </si>
  <si>
    <t>ggps yarbaigi wandha yarbaigi district mianwali</t>
  </si>
  <si>
    <t>yar baigi</t>
  </si>
  <si>
    <t>musakhel</t>
  </si>
  <si>
    <t>Fazna Shaheen</t>
  </si>
  <si>
    <t>GGPS YARA  WALA</t>
  </si>
  <si>
    <t>yaray wala qadir abad younion councel no 1</t>
  </si>
  <si>
    <t>Rukhsana Nawaz</t>
  </si>
  <si>
    <t>GGPS YARA DIRKHANA WALA</t>
  </si>
  <si>
    <t>Bsti dirkhana wali p/o khas sial teh &amp; dist bhakkar</t>
  </si>
  <si>
    <t>Bsti Dirkhana Wali</t>
  </si>
  <si>
    <t>water pump and hand pump also</t>
  </si>
  <si>
    <t>GGPS YARA SULLA  PO HAIDERABAD</t>
  </si>
  <si>
    <t>Yarasullah</t>
  </si>
  <si>
    <t>ggpsyarasullah.post office haiderabad tehsile mankera.dist bhakkar</t>
  </si>
  <si>
    <t>GGPS YARAN WALA</t>
  </si>
  <si>
    <t>ward #2/6 chah yara.  Wala Po bhuttapur</t>
  </si>
  <si>
    <t>Yaran Wala</t>
  </si>
  <si>
    <t>GGPS YARANI</t>
  </si>
  <si>
    <t>hazil pur</t>
  </si>
  <si>
    <t>basti yarani</t>
  </si>
  <si>
    <t>Shahida Bi Bi</t>
  </si>
  <si>
    <t>GGPS YARAY WALI</t>
  </si>
  <si>
    <t>basti yaray wali p/o khair pur sadat</t>
  </si>
  <si>
    <t>GGPS YASEEN KALAN</t>
  </si>
  <si>
    <t>yaseen Kalan</t>
  </si>
  <si>
    <t>village yaseen kalan, post office yaseen kalan, tehsil Hazro</t>
  </si>
  <si>
    <t>Yaseen Kalan</t>
  </si>
  <si>
    <t>Shenka</t>
  </si>
  <si>
    <t>Salma Razzaq</t>
  </si>
  <si>
    <t>GGPS YASIN ABAD</t>
  </si>
  <si>
    <t>moh.yaseenabad</t>
  </si>
  <si>
    <t>GGPS YOUNAS ABAD</t>
  </si>
  <si>
    <t>younas abad</t>
  </si>
  <si>
    <t>Younas Abad</t>
  </si>
  <si>
    <t>Attari Sarooba</t>
  </si>
  <si>
    <t>Naureen Shaukat</t>
  </si>
  <si>
    <t>GGPS YOUNAS ABAD DASKA</t>
  </si>
  <si>
    <t>muhallah younasabad near degree college</t>
  </si>
  <si>
    <t>Younasabad</t>
  </si>
  <si>
    <t>Sughra</t>
  </si>
  <si>
    <t>GGPS YOUNAS WALA</t>
  </si>
  <si>
    <t>Chah langy wala mouza Choudhary</t>
  </si>
  <si>
    <t>Langay Wala</t>
  </si>
  <si>
    <t>MC Kot Aduu</t>
  </si>
  <si>
    <t>Zubada Rai</t>
  </si>
  <si>
    <t>GGPS YOUSUF KHAN WALA</t>
  </si>
  <si>
    <t>Trug Sharqi</t>
  </si>
  <si>
    <t>Ggps yousaf khan wala lalanwala thalp/o trug ESA khel mianwala</t>
  </si>
  <si>
    <t>Trug</t>
  </si>
  <si>
    <t>Rukhsana Kauser</t>
  </si>
  <si>
    <t>GGPS YOUSUF PUR</t>
  </si>
  <si>
    <t>Yousaf Pur</t>
  </si>
  <si>
    <t>patri Sadat no.za yousaf pur</t>
  </si>
  <si>
    <t>Patri  Sadat</t>
  </si>
  <si>
    <t>Thata Qurashi</t>
  </si>
  <si>
    <t>Sughra Shaheen</t>
  </si>
  <si>
    <t>GGPS ZABDI PUR P/O KHADIL</t>
  </si>
  <si>
    <t>Sahi chawan</t>
  </si>
  <si>
    <t>basti Hafiz Abad Sahi chawan</t>
  </si>
  <si>
    <t>jhok wanis</t>
  </si>
  <si>
    <t>Asia manzoor</t>
  </si>
  <si>
    <t>GGPS ZAFAR ABAD NANKANA</t>
  </si>
  <si>
    <t>Village Zafarabdad, Tehsil and District Nankana Sahib</t>
  </si>
  <si>
    <t>Sidra Khurshid</t>
  </si>
  <si>
    <t>GGPS ZAFAR COLONY</t>
  </si>
  <si>
    <t>zafarcolony p/o akrianwala Jhang</t>
  </si>
  <si>
    <t>Zafarcolony</t>
  </si>
  <si>
    <t>GGPS ZAFAR KAY</t>
  </si>
  <si>
    <t>kot radha kishan</t>
  </si>
  <si>
    <t>GGPS ZAFARULA ABAD</t>
  </si>
  <si>
    <t>mozaha sadhana Ahmad pur sial district jhang</t>
  </si>
  <si>
    <t>Fizzah Batool</t>
  </si>
  <si>
    <t>GGPS ZAFARWAL NO. 3</t>
  </si>
  <si>
    <t>Muhallah mustafa abad zafarwal</t>
  </si>
  <si>
    <t>Uzma Zunaira</t>
  </si>
  <si>
    <t>GGPS ZAFFAR ABAD</t>
  </si>
  <si>
    <t>alorid</t>
  </si>
  <si>
    <t>p/o mehmood kot city tehsil kot adu district Muzaffar garh basti bukhi mouza Alorid GGPS Zaffar Abad</t>
  </si>
  <si>
    <t>basti bukhi</t>
  </si>
  <si>
    <t>Hina kanwal</t>
  </si>
  <si>
    <t>GGPS ZAHEER ABAD</t>
  </si>
  <si>
    <t>zaheer abad chunian.</t>
  </si>
  <si>
    <t>Anam Tahir</t>
  </si>
  <si>
    <t>GGPS ZAHID COLONY</t>
  </si>
  <si>
    <t>Shareefpura</t>
  </si>
  <si>
    <t>street#14 Zahid colony Gujranwala</t>
  </si>
  <si>
    <t>Zahid Colony</t>
  </si>
  <si>
    <t>Shareefpura Zahid Colony</t>
  </si>
  <si>
    <t>Farkhanda Ghani</t>
  </si>
  <si>
    <t>GGPS ZAHID JASRA</t>
  </si>
  <si>
    <t>Vpo peelowains teh  norpor thall dist khushab</t>
  </si>
  <si>
    <t>Khadija Khatoon</t>
  </si>
  <si>
    <t>GGPS ZAHID KHELAN WALA</t>
  </si>
  <si>
    <t>G.G.P/S Zahidkhelanwala</t>
  </si>
  <si>
    <t>GGPS ZAHID NAGAR</t>
  </si>
  <si>
    <t>ggps zahid nagar</t>
  </si>
  <si>
    <t>Zubada Bibi</t>
  </si>
  <si>
    <t>GGPS ZAHID PUR</t>
  </si>
  <si>
    <t>Zahid Pur Syedan</t>
  </si>
  <si>
    <t>Po Kanjrur Sakin Zahid Pur Syedan</t>
  </si>
  <si>
    <t>Gurala</t>
  </si>
  <si>
    <t>GGPS ZAHID WALA</t>
  </si>
  <si>
    <t>G  g ps zahid wala markaz budh basti paka hans wala</t>
  </si>
  <si>
    <t>Chah Paka</t>
  </si>
  <si>
    <t>GGPS ZAHIDA ABAD</t>
  </si>
  <si>
    <t>Geyamal</t>
  </si>
  <si>
    <t>umer Kot</t>
  </si>
  <si>
    <t>Bastion Bana</t>
  </si>
  <si>
    <t>GGPS ZAHIR PEER</t>
  </si>
  <si>
    <t>Amamo Arain</t>
  </si>
  <si>
    <t>GGPS Zahir Peer</t>
  </si>
  <si>
    <t>Zahir Peer</t>
  </si>
  <si>
    <t>Kousar Shabeer</t>
  </si>
  <si>
    <t>GGPS ZAHOOR ABAD, KABIRWALA</t>
  </si>
  <si>
    <t>Venoi</t>
  </si>
  <si>
    <t>chk 8v po 9v tehsil kabirwala dist khanewal</t>
  </si>
  <si>
    <t>Qita Pahoran Wala</t>
  </si>
  <si>
    <t>Kotbahadar</t>
  </si>
  <si>
    <t>GGPS ZAIGHAM ABAD NO 2</t>
  </si>
  <si>
    <t>GGPS Zaigham Abad No2</t>
  </si>
  <si>
    <t>Raisakhtar</t>
  </si>
  <si>
    <t>GGPS ZAIGHAM ABAD NO. 1</t>
  </si>
  <si>
    <t>samandoana</t>
  </si>
  <si>
    <t>moza samandoana GGps zaigham abad no 1 tehsil a.p sial district jhang</t>
  </si>
  <si>
    <t>bunk pur</t>
  </si>
  <si>
    <t>GGPS ZAIGHUM ABAD</t>
  </si>
  <si>
    <t>moza jalal pur chaa siyala wal govt girls primary school zaighamabad</t>
  </si>
  <si>
    <t>Chaa Siyalan Wala</t>
  </si>
  <si>
    <t>Shagufta Nazli</t>
  </si>
  <si>
    <t>GGPS ZAILDAR COLONY</t>
  </si>
  <si>
    <t>dera zaildar markaz namal janubi</t>
  </si>
  <si>
    <t>Zaildar Colony</t>
  </si>
  <si>
    <t>Namal Janubi</t>
  </si>
  <si>
    <t>Naima Naz</t>
  </si>
  <si>
    <t>GGPS ZAKHERA BERANWALA</t>
  </si>
  <si>
    <t>Chak No 2</t>
  </si>
  <si>
    <t>chak no2 zakheera  beranwala</t>
  </si>
  <si>
    <t>Chak No 2 Zakheera</t>
  </si>
  <si>
    <t>GGPS ZAKIR ABAD HAMOKA</t>
  </si>
  <si>
    <t>village Zakirabd post office tiba qaim  din</t>
  </si>
  <si>
    <t>Wasim Akhter</t>
  </si>
  <si>
    <t>GGPS ZAKRIA</t>
  </si>
  <si>
    <t>Zakria</t>
  </si>
  <si>
    <t>GGPS Zakria masroor, shakargarh</t>
  </si>
  <si>
    <t>GGPS ZALLA</t>
  </si>
  <si>
    <t>Moza Zalla, UC Gulmeri</t>
  </si>
  <si>
    <t>Jag Sabhai</t>
  </si>
  <si>
    <t>GGPS ZAM ZAM COLONY SAMUNDRI</t>
  </si>
  <si>
    <t>Zam Zam Colony</t>
  </si>
  <si>
    <t>zam zam colony samundri</t>
  </si>
  <si>
    <t>GGPS ZAMAN KHAIL</t>
  </si>
  <si>
    <t>peelowaince thasail Noorpur</t>
  </si>
  <si>
    <t>GGPS ZAMEEN BAJAL</t>
  </si>
  <si>
    <t>Kot Bala</t>
  </si>
  <si>
    <t>Zamin Bajal</t>
  </si>
  <si>
    <t>GGPS ZAMIN ABAD</t>
  </si>
  <si>
    <t>Wad Syaddan</t>
  </si>
  <si>
    <t>Zaminabad Teh Lalian Distt Chiniot</t>
  </si>
  <si>
    <t>Zaminabad</t>
  </si>
  <si>
    <t>Fozia Najaf</t>
  </si>
  <si>
    <t>GGPS ZANANA DAR-UL-SHAFQAT RAJ GARH</t>
  </si>
  <si>
    <t>RajGarh</t>
  </si>
  <si>
    <t>Govt G P S Zanana Dar-ul-Shafqat Raj Grah Lahore</t>
  </si>
  <si>
    <t>Naveeda Khanum</t>
  </si>
  <si>
    <t>GGPS ZAREEN</t>
  </si>
  <si>
    <t>zareen</t>
  </si>
  <si>
    <t>moza zareeen jallah jeem</t>
  </si>
  <si>
    <t>Misbah Sultana</t>
  </si>
  <si>
    <t>GGPS ZARKANI WALA</t>
  </si>
  <si>
    <t>Zurkani wala mouza nawan kot tehsil choubara</t>
  </si>
  <si>
    <t>Zurkani Wala</t>
  </si>
  <si>
    <t>GGPS ZARREF KHEL RODA</t>
  </si>
  <si>
    <t>GGPS Zarif Khail roda</t>
  </si>
  <si>
    <t>Zareef Khail Roda</t>
  </si>
  <si>
    <t>ASIA BIBI</t>
  </si>
  <si>
    <t>GGPS ZEEN</t>
  </si>
  <si>
    <t>Zeen trible area distt dgkhan</t>
  </si>
  <si>
    <t>GGPS ZENAB ABAD</t>
  </si>
  <si>
    <t>notak sekhanu</t>
  </si>
  <si>
    <t>ggps zenab abad kala dera ghazi khan</t>
  </si>
  <si>
    <t>jamaly wala</t>
  </si>
  <si>
    <t>Shaheen kouser</t>
  </si>
  <si>
    <t>GGPS ZERI CHASHMIA</t>
  </si>
  <si>
    <t>KATAL KHEL</t>
  </si>
  <si>
    <t>MOH. ZERI CHASHMIA U/C VANJARI KAMMAR MUSHANI TEHSIL ISA KHEL DISTRICT MIANWALI</t>
  </si>
  <si>
    <t>ZERI</t>
  </si>
  <si>
    <t>MAHWISH JABEEN</t>
  </si>
  <si>
    <t>GGPS ZIA ABAD</t>
  </si>
  <si>
    <t>Zia Abad</t>
  </si>
  <si>
    <t>GGPS Zia Abad dakhli jhulana morala road m. b. Din</t>
  </si>
  <si>
    <t>Dakhli Jhulana</t>
  </si>
  <si>
    <t>GGPS ZIA NAGAR ARIFWALA</t>
  </si>
  <si>
    <t>Zianagar</t>
  </si>
  <si>
    <t>zia nagar Arifwala Disst Pakpattan</t>
  </si>
  <si>
    <t>GGPS ZIARAT</t>
  </si>
  <si>
    <t>Ziarat</t>
  </si>
  <si>
    <t>village ziarat tehsil jand district attock</t>
  </si>
  <si>
    <t>Narjis Khatoon</t>
  </si>
  <si>
    <t>water arranged from neighbourhood</t>
  </si>
  <si>
    <t>GGPS ZINDA SHAH MADAR</t>
  </si>
  <si>
    <t>Zinda Shah madar</t>
  </si>
  <si>
    <t>Zinda Shah madar Sohawa</t>
  </si>
  <si>
    <t>Pind Matte Khan</t>
  </si>
  <si>
    <t>Haleema Riffat</t>
  </si>
  <si>
    <t>GGPS ZOHRANI WALA</t>
  </si>
  <si>
    <t>zohrani wala p, o duley wala tehsil darya Khan</t>
  </si>
  <si>
    <t>Zohrani wala</t>
  </si>
  <si>
    <t>GGPS ZORE KOT KHAIRPUR TAMEWALI</t>
  </si>
  <si>
    <t>Zorkot</t>
  </si>
  <si>
    <t>basti zorkot kpt</t>
  </si>
  <si>
    <t>GGPS ZORE KOT ZORE KOT</t>
  </si>
  <si>
    <t>basti zore kot</t>
  </si>
  <si>
    <t>Zore Kot</t>
  </si>
  <si>
    <t>MC SDK F6</t>
  </si>
  <si>
    <t>Fareeha Tufail</t>
  </si>
  <si>
    <t>GGPS ZUBAIR ABAD</t>
  </si>
  <si>
    <t>rakh khan pur</t>
  </si>
  <si>
    <t>ggps zubair abad basti shah wala m.garh</t>
  </si>
  <si>
    <t>basti shah wala</t>
  </si>
  <si>
    <t>mahreen khan</t>
  </si>
  <si>
    <t>GGPS ZULFIQAR ABAD</t>
  </si>
  <si>
    <t>493JB</t>
  </si>
  <si>
    <t>kot mirza</t>
  </si>
  <si>
    <t>493 JB</t>
  </si>
  <si>
    <t>Farhana Tabassum</t>
  </si>
  <si>
    <t>GGPSCM KOT BUKHRAN</t>
  </si>
  <si>
    <t>Kot Bhukran</t>
  </si>
  <si>
    <t>Ggscm kot bukhran</t>
  </si>
  <si>
    <t>GHS  FATEH ULLAH</t>
  </si>
  <si>
    <t>FATEH ULLAH</t>
  </si>
  <si>
    <t>G.T ROAD VILLAGE FATEH ULLAH</t>
  </si>
  <si>
    <t>BURHAN</t>
  </si>
  <si>
    <t>SHOUKAT HUSSAIN</t>
  </si>
  <si>
    <t>GHS  ISLAMIA MULTAN ROAD</t>
  </si>
  <si>
    <t>GOVT ISLAMIA HIGH SCHOOL MULTAN ROAD LAHORE NEAR CHOWK YATEEM KHANA LAHORE</t>
  </si>
  <si>
    <t>MUHAMMAD SHAHBAZ</t>
  </si>
  <si>
    <t>GHS  SHUHADA-E-APS MEMORIAL CHAK JAGNA</t>
  </si>
  <si>
    <t>chak jagna GRW</t>
  </si>
  <si>
    <t>Iftikhar Shahid Ch</t>
  </si>
  <si>
    <t>GHS (ISLAMIA) ATTOCK</t>
  </si>
  <si>
    <t>Near Reailway Park</t>
  </si>
  <si>
    <t>Attock City</t>
  </si>
  <si>
    <t>Malik Mohsin Abbas</t>
  </si>
  <si>
    <t>GHS (MC) ATTOCK CITY</t>
  </si>
  <si>
    <t>Near Indus Hotel attock city</t>
  </si>
  <si>
    <t>K Block Civil Bazar</t>
  </si>
  <si>
    <t>GHS (MODEL) FAZILKA ISLAMIA PAKPATTAN</t>
  </si>
  <si>
    <t>college road pakpattan</t>
  </si>
  <si>
    <t>ABDUL MAJEED KHAN</t>
  </si>
  <si>
    <t>GHS 100/RB</t>
  </si>
  <si>
    <t>Chak NO 100 RB</t>
  </si>
  <si>
    <t>CHAK NO 100 RB</t>
  </si>
  <si>
    <t>CHAK NO 103 RB</t>
  </si>
  <si>
    <t>MUHAMMAD DILSHAD MAJEED</t>
  </si>
  <si>
    <t>GHS 100-A/6-R</t>
  </si>
  <si>
    <t>Chak No. 100-A/6-R Sahiwal</t>
  </si>
  <si>
    <t>100-A/6-R</t>
  </si>
  <si>
    <t>Chak No. 99/6-R</t>
  </si>
  <si>
    <t>MUHAMMAD SALEEM RAZA</t>
  </si>
  <si>
    <t>GHS 101/9-L</t>
  </si>
  <si>
    <t>101/9-L</t>
  </si>
  <si>
    <t>Chak No. 101/9-L Sahiwal</t>
  </si>
  <si>
    <t>GHS 102/12-L</t>
  </si>
  <si>
    <t>CHAK NO. 102/12-L KASSOWAL TEHSIL. CHICHAWATNI DISTT. SAHIWAL</t>
  </si>
  <si>
    <t>102/12-l</t>
  </si>
  <si>
    <t>Tulmeez ul Hussnain</t>
  </si>
  <si>
    <t>GHS 102/15-L, MIAN CHUNNU</t>
  </si>
  <si>
    <t>102/15L</t>
  </si>
  <si>
    <t>chak 102/15-L Tehsil Mian Channu District Khanewal</t>
  </si>
  <si>
    <t>102/15-L</t>
  </si>
  <si>
    <t>Chak No 102/15-L</t>
  </si>
  <si>
    <t>GHS 104 GB</t>
  </si>
  <si>
    <t>Chak No.104 GB</t>
  </si>
  <si>
    <t>chak No.63 GB</t>
  </si>
  <si>
    <t>MUJAHID RASHID HUSSAIN</t>
  </si>
  <si>
    <t>GHS 104/12-L</t>
  </si>
  <si>
    <t>CHAK NO. 104/12-L, CHICHAWATNI</t>
  </si>
  <si>
    <t>104/12-L</t>
  </si>
  <si>
    <t>MAZHAR IQBAL</t>
  </si>
  <si>
    <t>GHS 105/10-R, JAHANIAN</t>
  </si>
  <si>
    <t>Chak No 105/10-R</t>
  </si>
  <si>
    <t>GHS 105/10-R Jahania</t>
  </si>
  <si>
    <t>GHS 106/9-L</t>
  </si>
  <si>
    <t>Chak No 106/9-L Sahiwal</t>
  </si>
  <si>
    <t>chak no 106/9-L sahiwal</t>
  </si>
  <si>
    <t>chak no 114/9-l</t>
  </si>
  <si>
    <t>Miraj Ud Din Khalid</t>
  </si>
  <si>
    <t>GHS 107/ 12-L</t>
  </si>
  <si>
    <t>chak no 107/12L chichawatni</t>
  </si>
  <si>
    <t>Chak No 110/12L</t>
  </si>
  <si>
    <t>Manzoor Ul Haq</t>
  </si>
  <si>
    <t>GHS 107/RB</t>
  </si>
  <si>
    <t>chak No 107 RB fsd</t>
  </si>
  <si>
    <t>Chudhariwala</t>
  </si>
  <si>
    <t>zahoor mohy ud din</t>
  </si>
  <si>
    <t>GHS 108/7-R</t>
  </si>
  <si>
    <t>108/7r</t>
  </si>
  <si>
    <t>chak no 108/7r</t>
  </si>
  <si>
    <t>GHS 109/12-L</t>
  </si>
  <si>
    <t>109/12-L</t>
  </si>
  <si>
    <t>Govt. High School  Chak NO. 109/12-L Teh. Chichawatni</t>
  </si>
  <si>
    <t>Chak no. 109/12-L</t>
  </si>
  <si>
    <t>chak no. 109/12-L</t>
  </si>
  <si>
    <t>kanwar muhammad ali khan</t>
  </si>
  <si>
    <t>GHS 110/15-L, MIAN CHANNU</t>
  </si>
  <si>
    <t>Chak no. 110/15-L Mian Channu District Khanewal</t>
  </si>
  <si>
    <t>SAJID NAVEED</t>
  </si>
  <si>
    <t>GHS 111 EB</t>
  </si>
  <si>
    <t>chack no. 111/EB</t>
  </si>
  <si>
    <t>111/EB</t>
  </si>
  <si>
    <t>chack no. 111/eB</t>
  </si>
  <si>
    <t>Irfan Ul Haq</t>
  </si>
  <si>
    <t>GHS 111/9-L</t>
  </si>
  <si>
    <t>111/9L</t>
  </si>
  <si>
    <t>Chak no.111/9-L</t>
  </si>
  <si>
    <t>Chak No 111/9l</t>
  </si>
  <si>
    <t>Chak No 78/5-L</t>
  </si>
  <si>
    <t>GHULAM SARWAR</t>
  </si>
  <si>
    <t>GHS 112 EB BUREWALA</t>
  </si>
  <si>
    <t>Chak No112</t>
  </si>
  <si>
    <t>chak no. 112/e.b</t>
  </si>
  <si>
    <t>Chan No124/Eb</t>
  </si>
  <si>
    <t>Dr Muhammad Anees Ahmad Shad</t>
  </si>
  <si>
    <t>GHS 112/9-L</t>
  </si>
  <si>
    <t>chak no 112/9L budh dhakoo Arif road sahiwal</t>
  </si>
  <si>
    <t>112/9L Budh Dhakoo</t>
  </si>
  <si>
    <t>khalid hussain konwal</t>
  </si>
  <si>
    <t>GHS 113/12-L</t>
  </si>
  <si>
    <t>chak no 113/12-L</t>
  </si>
  <si>
    <t>chak no 113/12L</t>
  </si>
  <si>
    <t>113/12-L</t>
  </si>
  <si>
    <t>chak no 110/12L</t>
  </si>
  <si>
    <t>GHS 115/15-L, MIAN CHANNU</t>
  </si>
  <si>
    <t>115/15L</t>
  </si>
  <si>
    <t>Chak No. 115/15-L Mian Channu</t>
  </si>
  <si>
    <t>AYAZ MAHMOOD</t>
  </si>
  <si>
    <t>GHS 118/9-L SAHIWAL</t>
  </si>
  <si>
    <t>118/9-L</t>
  </si>
  <si>
    <t>chak no. 118/9-L Sahiwal</t>
  </si>
  <si>
    <t>MUHAMMAD JAVED AKHTAR</t>
  </si>
  <si>
    <t>GHS 119/15-L, MIAN CHANNU</t>
  </si>
  <si>
    <t>chak no 119/15.L</t>
  </si>
  <si>
    <t>chak no119/15.L</t>
  </si>
  <si>
    <t>chak no 123/15.L</t>
  </si>
  <si>
    <t>SHER MUHAMMAD KALIM</t>
  </si>
  <si>
    <t>GHS 119/7-DR</t>
  </si>
  <si>
    <t>P/O CHAK NO. 119/7-DR KASSOWAL</t>
  </si>
  <si>
    <t>CHAK NO. 119/7-DR</t>
  </si>
  <si>
    <t>Muhammad Mumtaz Ali</t>
  </si>
  <si>
    <t>GHS 11-A/8-R, KACHA KHUH</t>
  </si>
  <si>
    <t>CHAK NO. 11-a/8-r khanewal</t>
  </si>
  <si>
    <t>CHAK NO. 11-A/8-R Khanewal</t>
  </si>
  <si>
    <t>Abdul Rauf Bhutta</t>
  </si>
  <si>
    <t>GHS 12 1L OKARA</t>
  </si>
  <si>
    <t>CHAK NO. 12/1-L, TEH. RENALA KHURD, DISTT. OKARA</t>
  </si>
  <si>
    <t>GHS 12/AH, KHANEWAL</t>
  </si>
  <si>
    <t>12AH</t>
  </si>
  <si>
    <t>CHAK NO 12-AH</t>
  </si>
  <si>
    <t>GHS 120/13 A-L</t>
  </si>
  <si>
    <t>Chak No.120/13-AL Kassowal,Tehsil Chichawatni</t>
  </si>
  <si>
    <t>Ali Nawaz Khan</t>
  </si>
  <si>
    <t>GHS 121/7ER</t>
  </si>
  <si>
    <t>chack 121/7ER</t>
  </si>
  <si>
    <t>Chack 121/7ER</t>
  </si>
  <si>
    <t>chack 119/7DR</t>
  </si>
  <si>
    <t>ZIA UL AHMAD</t>
  </si>
  <si>
    <t>GHS 122/WB</t>
  </si>
  <si>
    <t>CHAK 122WB, MAILSI DISTRICT VEHARI</t>
  </si>
  <si>
    <t>SANDAH</t>
  </si>
  <si>
    <t>HASSAN BAKHSH</t>
  </si>
  <si>
    <t>GHS 123/10-R, JAHANIAN</t>
  </si>
  <si>
    <t>123/10-R</t>
  </si>
  <si>
    <t>abdul rehman</t>
  </si>
  <si>
    <t>GHS 123/7-ER, TULAMBA</t>
  </si>
  <si>
    <t>dulluan</t>
  </si>
  <si>
    <t>123/7er mianchannu</t>
  </si>
  <si>
    <t>123/7er</t>
  </si>
  <si>
    <t>123  dulluan</t>
  </si>
  <si>
    <t>amjad mahmood hasan</t>
  </si>
  <si>
    <t>GHS 124/15-L, MIAN CHANNU</t>
  </si>
  <si>
    <t>124/15-L</t>
  </si>
  <si>
    <t>Chak No.124/15-L, Post Office Same, Tehsil Mian Channu</t>
  </si>
  <si>
    <t>GHS 125/15-L, MIAN CHANNU</t>
  </si>
  <si>
    <t>chak no. 125/15L. MIAN CHANNU</t>
  </si>
  <si>
    <t>125/15 L</t>
  </si>
  <si>
    <t>125/15L</t>
  </si>
  <si>
    <t>CH ABDUL GHAFFAR</t>
  </si>
  <si>
    <t>GHS 127/10-R, JAHANIAN</t>
  </si>
  <si>
    <t>Chack no. 127/10.R Jahanian</t>
  </si>
  <si>
    <t>127/10.R</t>
  </si>
  <si>
    <t>127.10/R</t>
  </si>
  <si>
    <t>Muhammad Farhat Abbass</t>
  </si>
  <si>
    <t>GHS 127/15-L, MIAN CHANNU</t>
  </si>
  <si>
    <t>127/15-L Mian Channu</t>
  </si>
  <si>
    <t>chak No127/15-L Mian Channu</t>
  </si>
  <si>
    <t>Shahid jamil</t>
  </si>
  <si>
    <t>GHS 128/15-L, MIAN CHANNU</t>
  </si>
  <si>
    <t>128/15L</t>
  </si>
  <si>
    <t>Chak No 128/15L Mian Channu</t>
  </si>
  <si>
    <t>Chak  No 128/15L</t>
  </si>
  <si>
    <t>chak No 129/15L</t>
  </si>
  <si>
    <t>GHS 129/9-L</t>
  </si>
  <si>
    <t>Chak No. 129/9L, Sahiwal.</t>
  </si>
  <si>
    <t>Chak No. 129/9L</t>
  </si>
  <si>
    <t>GHS 13/14-L</t>
  </si>
  <si>
    <t>KASSOWAL</t>
  </si>
  <si>
    <t>CHAK NO. 13/14-L(SAHIWAL)</t>
  </si>
  <si>
    <t>13/14-L</t>
  </si>
  <si>
    <t>Muhammad Javid Iqbal Raza</t>
  </si>
  <si>
    <t>GHS 134/ 9-L</t>
  </si>
  <si>
    <t>134/9-L</t>
  </si>
  <si>
    <t>CHAK NO. 134/9-L</t>
  </si>
  <si>
    <t>FAIZ - UL - HASSAN</t>
  </si>
  <si>
    <t>GHS 134/16-L NEAR RAILWAY STATION, MIAN CHANNU</t>
  </si>
  <si>
    <t>Mohsinwal</t>
  </si>
  <si>
    <t>Govt.High School 134/16-L,Near RailWay Station, Mian Channu</t>
  </si>
  <si>
    <t>chak#134/16L</t>
  </si>
  <si>
    <t>M.Ajmal Khan</t>
  </si>
  <si>
    <t>GHS 135/16-L STUNTZABAD, MIAN CHANNU</t>
  </si>
  <si>
    <t>Govt C.M. high school 135/16_L mian channu</t>
  </si>
  <si>
    <t>Stuntzabad</t>
  </si>
  <si>
    <t>137/16L</t>
  </si>
  <si>
    <t>Cornelius Cristopher Dutt</t>
  </si>
  <si>
    <t>GHS 136/10-R, JAHANIAN</t>
  </si>
  <si>
    <t>136/10-R tehsil jahanian district khanewal</t>
  </si>
  <si>
    <t>chak no 136/10-R</t>
  </si>
  <si>
    <t>MUHAMMAD NASIR AZIZ</t>
  </si>
  <si>
    <t>GHS 137/10-R, JAHANIAN</t>
  </si>
  <si>
    <t>137/10-R</t>
  </si>
  <si>
    <t>CHAK NO.137/10-R JAHANIAN</t>
  </si>
  <si>
    <t>Rao Shamshad Ali</t>
  </si>
  <si>
    <t>GHS 138/9-L SAHIWAL</t>
  </si>
  <si>
    <t>Chak No 138/9-L</t>
  </si>
  <si>
    <t>chak no 138/9-L</t>
  </si>
  <si>
    <t>Chak No 138/9-L old</t>
  </si>
  <si>
    <t>Water turbine</t>
  </si>
  <si>
    <t>GHS 14/14-L</t>
  </si>
  <si>
    <t>14/14 L</t>
  </si>
  <si>
    <t>Chak. No 14/14.L Tehsil Chichawatni District Sahiwal</t>
  </si>
  <si>
    <t>muhammad amjad shaheen</t>
  </si>
  <si>
    <t>GHS 14/8-AR, TULAMBA</t>
  </si>
  <si>
    <t>Pul Gharat</t>
  </si>
  <si>
    <t>Chak No. 14/8.AR</t>
  </si>
  <si>
    <t>14/8.AR</t>
  </si>
  <si>
    <t>Muhammad akram</t>
  </si>
  <si>
    <t>GHS 14/8-R GUL ABAD, KACHA KHUH</t>
  </si>
  <si>
    <t>14/8 R gulabad</t>
  </si>
  <si>
    <t>14/8 R Gulbad Khanewal</t>
  </si>
  <si>
    <t>14/8 R Gulabad</t>
  </si>
  <si>
    <t>GHS 14/9-R, KACHA KHUH</t>
  </si>
  <si>
    <t>chak no 14/9-r</t>
  </si>
  <si>
    <t>chak no 14/9-r batian wala tehsil &amp; district khanewal</t>
  </si>
  <si>
    <t>14/9-r batian wala</t>
  </si>
  <si>
    <t>muhammad atta ur rehman khan</t>
  </si>
  <si>
    <t>GHS 140/10-R, JAHANIAN</t>
  </si>
  <si>
    <t>Chak NO. 140/10R</t>
  </si>
  <si>
    <t>Waseem Akhtar</t>
  </si>
  <si>
    <t>GHS 140/9-L</t>
  </si>
  <si>
    <t>chak No. 140/9-L</t>
  </si>
  <si>
    <t>Chak No. 140/9-L Sahiwal</t>
  </si>
  <si>
    <t>Chak No. 140/9-L</t>
  </si>
  <si>
    <t>Chak No. 150/9-L</t>
  </si>
  <si>
    <t>Muhammad Arif Iqbal</t>
  </si>
  <si>
    <t>GHS 142/9-L</t>
  </si>
  <si>
    <t>142/9-L</t>
  </si>
  <si>
    <t>Chak No. 142/9-L, Tehsil &amp; District Sahiwal</t>
  </si>
  <si>
    <t>SHAHBAZ MUSTAFA</t>
  </si>
  <si>
    <t>GHS 149 EB ARIF WALA</t>
  </si>
  <si>
    <t>149/E.B</t>
  </si>
  <si>
    <t>GHS 149/E.B Arifwala</t>
  </si>
  <si>
    <t>151/E.B</t>
  </si>
  <si>
    <t>ALI SHER S/O SHEIKH MUHAMMAD</t>
  </si>
  <si>
    <t>GHS 149/10-R, JAHANIAN</t>
  </si>
  <si>
    <t>CHAK NO 149/10-R</t>
  </si>
  <si>
    <t>Muhammad Shukrullah</t>
  </si>
  <si>
    <t>GHS 150/RB</t>
  </si>
  <si>
    <t>maduana</t>
  </si>
  <si>
    <t>chak no 150 RB TESIL JARANWALA,FAISALABAD</t>
  </si>
  <si>
    <t>CHAK NO 150 RB</t>
  </si>
  <si>
    <t>CHAK NO 71 RB</t>
  </si>
  <si>
    <t>MUNIR MASIH</t>
  </si>
  <si>
    <t>GHS 151 GB TAMIR-E-MILLAT ISLAH NAGAR</t>
  </si>
  <si>
    <t>CHAK NO 151 GB</t>
  </si>
  <si>
    <t>Govt. Tameer-i-Millat H/S Islah Nagar, Toba Tek Singh</t>
  </si>
  <si>
    <t>GHS 151/9-L</t>
  </si>
  <si>
    <t>CHAK NO 151/9_L</t>
  </si>
  <si>
    <t>CHAKNO 150/9-L</t>
  </si>
  <si>
    <t>Naveed Akhtar Anjum</t>
  </si>
  <si>
    <t>GHS 153 EB</t>
  </si>
  <si>
    <t>153/eb</t>
  </si>
  <si>
    <t>ch no 153/eb arifwala</t>
  </si>
  <si>
    <t>ghs153/eb</t>
  </si>
  <si>
    <t>ch no 151/eb</t>
  </si>
  <si>
    <t>GHS 157/EB</t>
  </si>
  <si>
    <t>157 EB</t>
  </si>
  <si>
    <t>Chak No. 157/EB</t>
  </si>
  <si>
    <t>MUHAMMAD IRSHAD</t>
  </si>
  <si>
    <t>GHS 158/7-R</t>
  </si>
  <si>
    <t>158-7R</t>
  </si>
  <si>
    <t>GBHS 158-7R Liaquat Pur</t>
  </si>
  <si>
    <t>158/7-R Liaquat Pur</t>
  </si>
  <si>
    <t>Syed Khubaib Ahmed Naqvi</t>
  </si>
  <si>
    <t>GHS 159/9-L</t>
  </si>
  <si>
    <t>159/9L</t>
  </si>
  <si>
    <t>Chak no 159/9L Chichawatni</t>
  </si>
  <si>
    <t>ABBAS ALI</t>
  </si>
  <si>
    <t>GHS 16 GHAGH</t>
  </si>
  <si>
    <t>Chak No. 16 Ghagh. Tehsil Shorkot Distt Jhang</t>
  </si>
  <si>
    <t>Chak No. 3 Ghagh</t>
  </si>
  <si>
    <t>GHS 16/11-L</t>
  </si>
  <si>
    <t>RAAJKOT</t>
  </si>
  <si>
    <t>GHS CHAK NO. 16/11-L</t>
  </si>
  <si>
    <t>CHAK NO. 16/11-L</t>
  </si>
  <si>
    <t>CHAK NO. 23/11-L.</t>
  </si>
  <si>
    <t>GHS 163/9-L</t>
  </si>
  <si>
    <t>Chak 163/9L</t>
  </si>
  <si>
    <t>chak 163/9L tehsil Chichawatni district sahiwal</t>
  </si>
  <si>
    <t>Chak 162/8L</t>
  </si>
  <si>
    <t>GHS 163/EB</t>
  </si>
  <si>
    <t>Muhammad Nagar Muhammad Nagar</t>
  </si>
  <si>
    <t>Chak No. 163/EB, Muhammad Nagar Tehsil Arifwala District Pakpattan</t>
  </si>
  <si>
    <t>MUHAMMAD ABDUR REHMAN KHAN</t>
  </si>
  <si>
    <t>GHS 164/10-R, KHANEWAL</t>
  </si>
  <si>
    <t>Chak No 164/10-R</t>
  </si>
  <si>
    <t>CHAK NO 164/10-R, P.O SAME, TEH&amp;DISTT KHANEWAL</t>
  </si>
  <si>
    <t>164/10-R</t>
  </si>
  <si>
    <t>Muhammad Aqib</t>
  </si>
  <si>
    <t>GHS 164/9-L</t>
  </si>
  <si>
    <t>Chak No. 164/9L Tehsil Chichawatni District Sahiwal</t>
  </si>
  <si>
    <t>Muhammad Alam</t>
  </si>
  <si>
    <t>GHS 17/8-R, TULAMBA</t>
  </si>
  <si>
    <t>17/8R</t>
  </si>
  <si>
    <t>Ali Iqtadar Dara</t>
  </si>
  <si>
    <t>GHS 171 EB</t>
  </si>
  <si>
    <t>CHAK NO.  171.EB</t>
  </si>
  <si>
    <t>CHAK NO. 171.EB,BUREWALA</t>
  </si>
  <si>
    <t>CHAK NO. 171.EB</t>
  </si>
  <si>
    <t>CHAK NO. 215 EB,BUREWALA</t>
  </si>
  <si>
    <t>GHS 172 WB</t>
  </si>
  <si>
    <t>172WB THINGI</t>
  </si>
  <si>
    <t>CHAK NO 172WB THINGI COLONY VEHARI</t>
  </si>
  <si>
    <t>78/WB</t>
  </si>
  <si>
    <t>MUSHTAQ AHMAD</t>
  </si>
  <si>
    <t>GHS 175/9-L</t>
  </si>
  <si>
    <t>CHAK NO. 175/9-L, CHICHAWATNI, SAHIWAL.</t>
  </si>
  <si>
    <t>CHAK NO. 147/9-L</t>
  </si>
  <si>
    <t>ARSHID RAOF</t>
  </si>
  <si>
    <t>GHS 178/7R</t>
  </si>
  <si>
    <t>chak no 178/7r Tehsil fortabbas district bahawaln agar</t>
  </si>
  <si>
    <t>178/7r</t>
  </si>
  <si>
    <t>GHS 18/11-L</t>
  </si>
  <si>
    <t>Chak 18/11L chichawatni distt Sahiwal</t>
  </si>
  <si>
    <t>GHS 180/9-L</t>
  </si>
  <si>
    <t>Chak No 180/9-L</t>
  </si>
  <si>
    <t>chak no 180/9-L,Tehsil Chichawatni :Distt. Sahiwal</t>
  </si>
  <si>
    <t>Khizer Hayat Akhtar</t>
  </si>
  <si>
    <t>GHS 186/9-L</t>
  </si>
  <si>
    <t>chak no 186/9-l</t>
  </si>
  <si>
    <t>Govt. High School 186/9-L near Harappa Station S ahiwal</t>
  </si>
  <si>
    <t>chak no 138/9-l</t>
  </si>
  <si>
    <t>Muhammad Aslam Rizvi</t>
  </si>
  <si>
    <t>GHS 19 EB ARIFWALA</t>
  </si>
  <si>
    <t>Chak no.19/EB Arifwala p/o same</t>
  </si>
  <si>
    <t>19/eb</t>
  </si>
  <si>
    <t>75/eb</t>
  </si>
  <si>
    <t>KHUSHI Muhammad</t>
  </si>
  <si>
    <t>GHS 19/8-BR, TULAMBA</t>
  </si>
  <si>
    <t>Chak 19/8-BR</t>
  </si>
  <si>
    <t>chak no 19/8-BR</t>
  </si>
  <si>
    <t>GHS 190/9-AL</t>
  </si>
  <si>
    <t>190/9-AL</t>
  </si>
  <si>
    <t>CHAK NO. 190/9-AL, SAHIWAL</t>
  </si>
  <si>
    <t>ABDUL HAMEED</t>
  </si>
  <si>
    <t>GHS 1-EB</t>
  </si>
  <si>
    <t>Chak No. 01-EB</t>
  </si>
  <si>
    <t>CHAK NO. 01-EB TEHSIL ARIFWALA DISTRICT PAKPATTAN</t>
  </si>
  <si>
    <t>JEWAN SHAH</t>
  </si>
  <si>
    <t>Muhammad Abbas Amer</t>
  </si>
  <si>
    <t>GHS 2 1-L</t>
  </si>
  <si>
    <t>2-1L</t>
  </si>
  <si>
    <t>Chak No. 2-1.L(sher garh Road Renala khurd) Post office  same Tehsil Renala khurd District Okara</t>
  </si>
  <si>
    <t>6-1L</t>
  </si>
  <si>
    <t>muhammad safdar</t>
  </si>
  <si>
    <t>GHS 2/10-L</t>
  </si>
  <si>
    <t>2/10L Sahiwal</t>
  </si>
  <si>
    <t>chak no. 2/10-L, Sahiwal</t>
  </si>
  <si>
    <t>2/10-l Sahiwal</t>
  </si>
  <si>
    <t>GHS 2/8-R MIRZA PUR</t>
  </si>
  <si>
    <t>GHS 2/8-R Mirzapur Mian Channu</t>
  </si>
  <si>
    <t>2/8-R Mirzapur</t>
  </si>
  <si>
    <t>GHS 2/AH, 5/AH, KHANEWAL</t>
  </si>
  <si>
    <t>Chak No. 02/AH</t>
  </si>
  <si>
    <t>Chak no. 02/AH P/O Chak NO. 05/AH khanewal</t>
  </si>
  <si>
    <t>Chak NO. 02/AH</t>
  </si>
  <si>
    <t>chak no. 04/AH KWL</t>
  </si>
  <si>
    <t>Muhammad Naeem Muzaffar</t>
  </si>
  <si>
    <t>GHS 20/14-L</t>
  </si>
  <si>
    <t>20/14.l</t>
  </si>
  <si>
    <t>9612L</t>
  </si>
  <si>
    <t>Tariq Masood Shah</t>
  </si>
  <si>
    <t>GHS 20/8-R, TULAMBA</t>
  </si>
  <si>
    <t>Chak No 20/8R</t>
  </si>
  <si>
    <t>Chak No 20/8R Tulamba Mian channu</t>
  </si>
  <si>
    <t>GHS 200/RB</t>
  </si>
  <si>
    <t>CHAK NO 200 RB</t>
  </si>
  <si>
    <t>CHAK NO 200</t>
  </si>
  <si>
    <t>MUHAMMAD YOUNIS</t>
  </si>
  <si>
    <t>GHS 203 RB MALIKPUR</t>
  </si>
  <si>
    <t>CHAK NO.203 RB MALIKPUR</t>
  </si>
  <si>
    <t>GHS 208 RB</t>
  </si>
  <si>
    <t>208 rb</t>
  </si>
  <si>
    <t>CHAK NO 208 RB FAISALABAD</t>
  </si>
  <si>
    <t>CHAK NO 208 RB</t>
  </si>
  <si>
    <t>208 RB</t>
  </si>
  <si>
    <t>Muhammad Sarwar Dogar</t>
  </si>
  <si>
    <t>GHS 209/RB</t>
  </si>
  <si>
    <t>209 RB</t>
  </si>
  <si>
    <t>GHS CHAK NO 209 RB FAISALABAD</t>
  </si>
  <si>
    <t>CHAK N0 209 RB AKALGARH</t>
  </si>
  <si>
    <t>209 RB AKALGARH FSD</t>
  </si>
  <si>
    <t>PERVAIZ ANWAR</t>
  </si>
  <si>
    <t>GHS 214/RB</t>
  </si>
  <si>
    <t>DHUDDIWALA</t>
  </si>
  <si>
    <t>JARANWALA ROAD, 214 RB DHUDDIWALA</t>
  </si>
  <si>
    <t>CHAK NO 214 RB</t>
  </si>
  <si>
    <t>GHS 224 RB</t>
  </si>
  <si>
    <t>GOVT. HIGH SCHOOL 224.RB WAZIR KHAN WALI FSD</t>
  </si>
  <si>
    <t>Shalimar Park</t>
  </si>
  <si>
    <t>MUHAMMAD ANWAR</t>
  </si>
  <si>
    <t>WATER PURCHASE</t>
  </si>
  <si>
    <t>GHS 228 EB</t>
  </si>
  <si>
    <t>228EB</t>
  </si>
  <si>
    <t>Chak No.228EB, Vehari.</t>
  </si>
  <si>
    <t>Chak 228EB</t>
  </si>
  <si>
    <t>GHS 23/14-L</t>
  </si>
  <si>
    <t>CHAK NO 23/14-L CHICHawatni distt sahiwal</t>
  </si>
  <si>
    <t>23/14-L</t>
  </si>
  <si>
    <t>GHS 236/RB</t>
  </si>
  <si>
    <t>236 RB Faisalabad</t>
  </si>
  <si>
    <t>Chak No 236 RB Faisalabad</t>
  </si>
  <si>
    <t>chak no 236 rB Faisalabad</t>
  </si>
  <si>
    <t>CHAK NO 235 RB Faisalabad</t>
  </si>
  <si>
    <t>MUHAMMAD HUSSAIN</t>
  </si>
  <si>
    <t>GHS 237/WB  DUNYA PUR</t>
  </si>
  <si>
    <t>GOVT. HIGH SCHOOL, CHAK NO. 237/WB, NEAR ADDA ZAKHIRA, DUNYAPUR, LODHRAN</t>
  </si>
  <si>
    <t>CHAK NO. 237/WB</t>
  </si>
  <si>
    <t>Muhammad Waleed Iqbal</t>
  </si>
  <si>
    <t>water supply connection Chak No. 237/WB</t>
  </si>
  <si>
    <t>GHS 239/RB</t>
  </si>
  <si>
    <t>khanuana</t>
  </si>
  <si>
    <t>Govt. High School, 239 RB, 239 RB, Faisalabad</t>
  </si>
  <si>
    <t>239 RB Khanuana</t>
  </si>
  <si>
    <t>muhammad anwar</t>
  </si>
  <si>
    <t>GHS 24 GD OKARA</t>
  </si>
  <si>
    <t>24gd</t>
  </si>
  <si>
    <t>chak # 24/gd P/O 24/GD TEHSIL &amp; DIST OKARA</t>
  </si>
  <si>
    <t>Muhammad Riaz Shahid</t>
  </si>
  <si>
    <t>GHS 24 WB</t>
  </si>
  <si>
    <t>Govt.High School 24/WB Vehari</t>
  </si>
  <si>
    <t>GHS 242/RB</t>
  </si>
  <si>
    <t>242 RB</t>
  </si>
  <si>
    <t>242 RB Faisalabad.</t>
  </si>
  <si>
    <t>242 RB Dasuha</t>
  </si>
  <si>
    <t>242 RB Fsd</t>
  </si>
  <si>
    <t>ANWAR UL HAQ NADEEM</t>
  </si>
  <si>
    <t>GHS 248/RB</t>
  </si>
  <si>
    <t>248rb Bismillah Pur</t>
  </si>
  <si>
    <t>chak no 248/RB,fsd</t>
  </si>
  <si>
    <t>248/RB</t>
  </si>
  <si>
    <t>DR SHAUKAT ALI SHAUKAT</t>
  </si>
  <si>
    <t>GHS 25 GHAGH, P/O ADDA 25 PUL, ABDUL HAKIM</t>
  </si>
  <si>
    <t>Chak No. 25-Ghagh</t>
  </si>
  <si>
    <t>Govt. High School, Chak No. 25-Ghagh, P/O Adda 25-Pull, Tehsil Kabirwala, District Khanewal</t>
  </si>
  <si>
    <t>9-Ghagh</t>
  </si>
  <si>
    <t>GHS 250 GB MAURUSI PUR</t>
  </si>
  <si>
    <t>250 GB</t>
  </si>
  <si>
    <t>GOVT.HIGH SCHOOL MAURUSIPUR TEHSIL &amp; DISTRICT TOBA TEK SINGH</t>
  </si>
  <si>
    <t>CHAK NO.250 GB</t>
  </si>
  <si>
    <t>CHAK NO.251 GB.</t>
  </si>
  <si>
    <t>MUHAMMAD AMJAD HAMID</t>
  </si>
  <si>
    <t>GHS 253/WB</t>
  </si>
  <si>
    <t>Chak 253 Wb</t>
  </si>
  <si>
    <t>CHAK NO 253/WB DUNYAPUR (LODHRAN)</t>
  </si>
  <si>
    <t>253/wb</t>
  </si>
  <si>
    <t>Darbar Sultan Ayyub</t>
  </si>
  <si>
    <t>GHS 27 GD</t>
  </si>
  <si>
    <t>GHS 27 GD p/O jaboka Teh &amp; Distt. Okara</t>
  </si>
  <si>
    <t>umar hayat</t>
  </si>
  <si>
    <t>GHS 27 SP</t>
  </si>
  <si>
    <t>27/ SP</t>
  </si>
  <si>
    <t>CHACK No 27/SP district  Pakpattan</t>
  </si>
  <si>
    <t>27/SP</t>
  </si>
  <si>
    <t>Chak Dhappai</t>
  </si>
  <si>
    <t>GHS 27/10-R, KACHA KHUH</t>
  </si>
  <si>
    <t>CHAK NO 27/10.R</t>
  </si>
  <si>
    <t>GHS 27/10.R, VEHARI ROAD KHANEWAL</t>
  </si>
  <si>
    <t>RAO NISAR AHMAD</t>
  </si>
  <si>
    <t>GHS 27/4-L</t>
  </si>
  <si>
    <t>chak no 27/4L okara</t>
  </si>
  <si>
    <t>CHAK  NO 27/4L</t>
  </si>
  <si>
    <t>Javed Asif</t>
  </si>
  <si>
    <t>GHS 273 EB</t>
  </si>
  <si>
    <t>chak no 273/EB Tehsil Burewala District vehari</t>
  </si>
  <si>
    <t>283/EB</t>
  </si>
  <si>
    <t>Muhammad Naveed Ramzan</t>
  </si>
  <si>
    <t>GHS 275 EB</t>
  </si>
  <si>
    <t>GHS 275/EB BUREWALA</t>
  </si>
  <si>
    <t>CHAK NO. 275/EB</t>
  </si>
  <si>
    <t>CHAK NO. 283/EB</t>
  </si>
  <si>
    <t>SANAULLAH</t>
  </si>
  <si>
    <t>GHS 28 EB TEH ARIF WALA</t>
  </si>
  <si>
    <t>28EB</t>
  </si>
  <si>
    <t>Chak No.28/E.B Tehsil Arifwala District Pakpattan</t>
  </si>
  <si>
    <t>Chak No. 28/EB</t>
  </si>
  <si>
    <t>Chak No.34/E.B</t>
  </si>
  <si>
    <t>GHS 3/AH, KHANEWAL</t>
  </si>
  <si>
    <t>Chak No 4ah</t>
  </si>
  <si>
    <t>chak no 3ah khanewal.</t>
  </si>
  <si>
    <t>Chak No 3ah</t>
  </si>
  <si>
    <t>Sabir Hussain Sheraz</t>
  </si>
  <si>
    <t>GHS 3/M DUNYAPUR</t>
  </si>
  <si>
    <t>3/M</t>
  </si>
  <si>
    <t>chak no. 3/M</t>
  </si>
  <si>
    <t>Asad Saleem</t>
  </si>
  <si>
    <t>GHS 30/10-R, KACHA KHUH</t>
  </si>
  <si>
    <t>Chak No 30/10R P/O 30/10R Kacha khuh Khanewal</t>
  </si>
  <si>
    <t>Chak No 30/10R</t>
  </si>
  <si>
    <t>muhammad Ishaq</t>
  </si>
  <si>
    <t>GHS 30/11-L</t>
  </si>
  <si>
    <t>CHAK NO 30/11-L</t>
  </si>
  <si>
    <t>CHAK NO 30/11-L TEH: CHICHAWATNI DISTT: SAHIWAL</t>
  </si>
  <si>
    <t>MUBBSHIR ALI</t>
  </si>
  <si>
    <t>GHS 31/11-L</t>
  </si>
  <si>
    <t>31/11-L</t>
  </si>
  <si>
    <t>CHAK NO 31/11-L TEHSIL CHICHAWATNI DISTRICT SAHIWAL</t>
  </si>
  <si>
    <t>CHAK NO 31/11-L</t>
  </si>
  <si>
    <t>Muhammad jafar ali</t>
  </si>
  <si>
    <t>GHS 31/14-L</t>
  </si>
  <si>
    <t>Shah kot</t>
  </si>
  <si>
    <t>Chak No 31 /14 - L Po. 82/12-L Tehsil Chichawatni District Sahiwal</t>
  </si>
  <si>
    <t>Naryanwala</t>
  </si>
  <si>
    <t>Chak No 31 /14-L</t>
  </si>
  <si>
    <t>GHS 32/2RA OKARA</t>
  </si>
  <si>
    <t>32/2r</t>
  </si>
  <si>
    <t>chak no 32/2r</t>
  </si>
  <si>
    <t>FAYYAZ MAHMOOD</t>
  </si>
  <si>
    <t>GHS 321/WB</t>
  </si>
  <si>
    <t>chak 321wb</t>
  </si>
  <si>
    <t>ghs 321wb tehsil dunyapur district lodhran</t>
  </si>
  <si>
    <t>chak 321 wb</t>
  </si>
  <si>
    <t>chak 342 wb</t>
  </si>
  <si>
    <t>ABDUL RAZZAQ NAEEM</t>
  </si>
  <si>
    <t>GHS 32-35/14-L</t>
  </si>
  <si>
    <t>3235/14L</t>
  </si>
  <si>
    <t>chak 3235/14L , P.o 90/12L Tehsil cci Sahiwal</t>
  </si>
  <si>
    <t>Chak 31/14L</t>
  </si>
  <si>
    <t>GHS 33 1 AL OKARA</t>
  </si>
  <si>
    <t>Chak No.33/1AL Tehsil Renala Khurd District Okara</t>
  </si>
  <si>
    <t>GHS 33/10-R, KACHA KHUH</t>
  </si>
  <si>
    <t>chak no 33/10-R</t>
  </si>
  <si>
    <t>30/10-R</t>
  </si>
  <si>
    <t>Najam-Ul-Hassan</t>
  </si>
  <si>
    <t>GHS 333 GB GHOSIAN ISLAMIA</t>
  </si>
  <si>
    <t>CHAK NO. 333 GB</t>
  </si>
  <si>
    <t>GHS 34 EB ARIF WALA</t>
  </si>
  <si>
    <t>Chak No. 34/EB Arifwala</t>
  </si>
  <si>
    <t>UC 34/EB</t>
  </si>
  <si>
    <t>Kamran Aziz Khan</t>
  </si>
  <si>
    <t>GHS 34 GD</t>
  </si>
  <si>
    <t>Chak 34/GD, Okara</t>
  </si>
  <si>
    <t>MUHAMMAD JAWED IQBAL BHATTI</t>
  </si>
  <si>
    <t>GHS 34/10-R, KACHA KHUH</t>
  </si>
  <si>
    <t>34/10R</t>
  </si>
  <si>
    <t>chak No. 34/10R</t>
  </si>
  <si>
    <t>GHS 34/WB</t>
  </si>
  <si>
    <t>34wb</t>
  </si>
  <si>
    <t>chak no, 34/w.b, tehsil &amp; district, vehari</t>
  </si>
  <si>
    <t>chak no 34/w.b</t>
  </si>
  <si>
    <t>GHS 340/HR</t>
  </si>
  <si>
    <t>340Hr FORTABBAS</t>
  </si>
  <si>
    <t>chak no 340Hr</t>
  </si>
  <si>
    <t>340HR Fortabbas</t>
  </si>
  <si>
    <t>327HR</t>
  </si>
  <si>
    <t>Muhammad Akraam Sharif</t>
  </si>
  <si>
    <t>GHS 343/WB</t>
  </si>
  <si>
    <t>Govt. High School 343/WB Dunyapur Distt: (Lodhran) Punjab</t>
  </si>
  <si>
    <t>Chak No.343/WB</t>
  </si>
  <si>
    <t>Chak no. 357/WB</t>
  </si>
  <si>
    <t>GHS 35 WB</t>
  </si>
  <si>
    <t>41/wb</t>
  </si>
  <si>
    <t>ABBAS HASAN ASKRI</t>
  </si>
  <si>
    <t>GHS 35/12-L</t>
  </si>
  <si>
    <t>Chak 35/12L</t>
  </si>
  <si>
    <t>Chak 35/12-L, Chichawatni</t>
  </si>
  <si>
    <t>Chak 35/12_L,</t>
  </si>
  <si>
    <t>Chak 10/11-L</t>
  </si>
  <si>
    <t>HAJI AMJAD IQBAL</t>
  </si>
  <si>
    <t>GHS 35/M</t>
  </si>
  <si>
    <t>CHAK NO.35/M</t>
  </si>
  <si>
    <t>CHAK NO.35/M P/O CHAK NO.35/M DUNYA PUR DISTT.LODHRAN</t>
  </si>
  <si>
    <t>GHS 351/EB ARIFWALA</t>
  </si>
  <si>
    <t>CHAK # 351/EB</t>
  </si>
  <si>
    <t>GHS 355/WB</t>
  </si>
  <si>
    <t>355-wb</t>
  </si>
  <si>
    <t>chak no. 355-wb, tehsil Dunyapur Disttrict Lodhran</t>
  </si>
  <si>
    <t>Chak No# 355-wb</t>
  </si>
  <si>
    <t>MAHMOOD UL HASSAN</t>
  </si>
  <si>
    <t>GHS 356/WB</t>
  </si>
  <si>
    <t>Chak No. 356/WB</t>
  </si>
  <si>
    <t>Chak No. 356/WB Tehsil Dunyapur District Lodhran</t>
  </si>
  <si>
    <t>Chak No. 360/WB</t>
  </si>
  <si>
    <t>MUHAMMAD NAWAZ</t>
  </si>
  <si>
    <t>GHS 362/W.B</t>
  </si>
  <si>
    <t>Chak No 362/WB</t>
  </si>
  <si>
    <t>chak No. 362/w.b</t>
  </si>
  <si>
    <t>362/w.b</t>
  </si>
  <si>
    <t>386/w.b</t>
  </si>
  <si>
    <t>Mahmood Ul hassan Sheikh</t>
  </si>
  <si>
    <t>GHS 37/E-B</t>
  </si>
  <si>
    <t>37/eb</t>
  </si>
  <si>
    <t>chak no. 37/eb arifwala</t>
  </si>
  <si>
    <t>chak no. 75/eb arifwala</t>
  </si>
  <si>
    <t>muhammad rafiq saqee</t>
  </si>
  <si>
    <t>GHS 376/WB DUNYAPUR</t>
  </si>
  <si>
    <t>CHAK NO 376/WB</t>
  </si>
  <si>
    <t>CHAK NO. 376/WB TEHSIL DUNYAPUR DISTRICT LODHRAN</t>
  </si>
  <si>
    <t>CHAK NO. 376/WB</t>
  </si>
  <si>
    <t>CHAK NO. 353/WB</t>
  </si>
  <si>
    <t>MUHAMMAD NAEEM</t>
  </si>
  <si>
    <t>GHS 377 EB</t>
  </si>
  <si>
    <t>CHAK NO.377/E.B</t>
  </si>
  <si>
    <t>CHAK NO.377/E.B DOCTOR WALA BUREWALA</t>
  </si>
  <si>
    <t>CHAK NO.403/E.B</t>
  </si>
  <si>
    <t>MUHAMMAD AKRAM NEDAI</t>
  </si>
  <si>
    <t>GHS 38 GD YOUNG PUR</t>
  </si>
  <si>
    <t>Youngpur</t>
  </si>
  <si>
    <t>38/GD Youngpur Okara</t>
  </si>
  <si>
    <t>Imtiaz Ali Mian</t>
  </si>
  <si>
    <t>GHS 39/ 14-L</t>
  </si>
  <si>
    <t>39/14-L</t>
  </si>
  <si>
    <t>Chao no. 39/14-L,Tehsil Chichawatni, District Sahiwal</t>
  </si>
  <si>
    <t>KHALID MEHMOOD AMIR</t>
  </si>
  <si>
    <t>GHS 39/S.P</t>
  </si>
  <si>
    <t>CHAK NO 39/S.P</t>
  </si>
  <si>
    <t>CHAK NO 39/S.P P/O SAME PAKPATTAN</t>
  </si>
  <si>
    <t>PEER GHANI</t>
  </si>
  <si>
    <t>TARIQ AZIZ</t>
  </si>
  <si>
    <t>GHS 4 1 L</t>
  </si>
  <si>
    <t>chak no 4/1L</t>
  </si>
  <si>
    <t>4/1L RENALA KHURD OKARA</t>
  </si>
  <si>
    <t>4 1 l Okara</t>
  </si>
  <si>
    <t>CHAK NO 6/1L</t>
  </si>
  <si>
    <t>NAEEM ULLAH</t>
  </si>
  <si>
    <t>GHS 4/9-R DAULAT PUR, P/O 7/9-R, KACHA KHUH</t>
  </si>
  <si>
    <t>Chak No: 4/9-R, P/O 7/9-R Khanewal</t>
  </si>
  <si>
    <t>Chak No 4/9-R Daulat Pur</t>
  </si>
  <si>
    <t>MUHAMMAD HASHIM</t>
  </si>
  <si>
    <t>GHS 4/GD</t>
  </si>
  <si>
    <t>mahmood ahmad</t>
  </si>
  <si>
    <t>GHS 40-A/4-L</t>
  </si>
  <si>
    <t>40A/4-l</t>
  </si>
  <si>
    <t>chak no 40A/4-l tehsil&amp;distt okara</t>
  </si>
  <si>
    <t>Altaf Hussain Iqbal</t>
  </si>
  <si>
    <t>GHS 410/GB</t>
  </si>
  <si>
    <t>CHAK NO 410 GB KACHA TANDLA</t>
  </si>
  <si>
    <t>CHAK NO 410 GB</t>
  </si>
  <si>
    <t>416 GB</t>
  </si>
  <si>
    <t>M SHAHBAZ</t>
  </si>
  <si>
    <t>GHS 423/GB</t>
  </si>
  <si>
    <t>ghs 423 gb.tandlianwala</t>
  </si>
  <si>
    <t>ghs 423 gb</t>
  </si>
  <si>
    <t>chak no 422 gb</t>
  </si>
  <si>
    <t>MUHAMMAD ALAM</t>
  </si>
  <si>
    <t>GHS 424 JB CHURCH MISSION SOCIETY</t>
  </si>
  <si>
    <t>Chak no 424 j.b</t>
  </si>
  <si>
    <t>Chak No 424</t>
  </si>
  <si>
    <t>Chak No 431</t>
  </si>
  <si>
    <t>GHS 43 GD</t>
  </si>
  <si>
    <t>Chak 43/GD</t>
  </si>
  <si>
    <t>GHS 43 GD tehsil and district Okara</t>
  </si>
  <si>
    <t>Chak No 43/GD</t>
  </si>
  <si>
    <t>Burj Jeevay Khan</t>
  </si>
  <si>
    <t>GHS 43/15-L, MIAN CHANNU</t>
  </si>
  <si>
    <t>43/15-L</t>
  </si>
  <si>
    <t>Chak # 43/15-L</t>
  </si>
  <si>
    <t>GHS 43/SP</t>
  </si>
  <si>
    <t>Jahagir Abad</t>
  </si>
  <si>
    <t>chak 43sp khurpa p/o haveli lakha tehsil depalpur district okara</t>
  </si>
  <si>
    <t>43SP Khurpa</t>
  </si>
  <si>
    <t>BONGA SALIHA</t>
  </si>
  <si>
    <t>Muzammal Ahmad</t>
  </si>
  <si>
    <t>GHS 45/10-R, KHANEWAL</t>
  </si>
  <si>
    <t>45/10-R</t>
  </si>
  <si>
    <t>CHAK NO 45/10-R, PO 58/10-R, KHANEWAL</t>
  </si>
  <si>
    <t>CHAK 45/10-R</t>
  </si>
  <si>
    <t>MUHAMMAD ASHRAF</t>
  </si>
  <si>
    <t>GHS 5/11-L</t>
  </si>
  <si>
    <t>511L</t>
  </si>
  <si>
    <t>cci. swl</t>
  </si>
  <si>
    <t>611L</t>
  </si>
  <si>
    <t>MUHAMMAD SHAHID MIAN</t>
  </si>
  <si>
    <t>GHS 50/12-L</t>
  </si>
  <si>
    <t>Chak 50/12L</t>
  </si>
  <si>
    <t>Chak 50/12L, Tehsil Chichawatni, District Sahiwal</t>
  </si>
  <si>
    <t>50/12L</t>
  </si>
  <si>
    <t>IRFANULLAH FAROOQ</t>
  </si>
  <si>
    <t>GHS 50/EB</t>
  </si>
  <si>
    <t>50/EB</t>
  </si>
  <si>
    <t>GOVT. HIGH SCHOOL 50/EB ARIFWALA (PAKPATTAN)</t>
  </si>
  <si>
    <t>GHS 51/3-R OKARA</t>
  </si>
  <si>
    <t>CHAK NO 51/3R</t>
  </si>
  <si>
    <t>CHAK NO 51/3R TEHSIL AND DISTRICT OKARA</t>
  </si>
  <si>
    <t>GHS 52 EB</t>
  </si>
  <si>
    <t>52 EB</t>
  </si>
  <si>
    <t>52/EB Arifwala</t>
  </si>
  <si>
    <t>WAQAR ALI</t>
  </si>
  <si>
    <t>GHS 52/D JAHANGIR ABAD</t>
  </si>
  <si>
    <t>52d</t>
  </si>
  <si>
    <t>52d jahagirabad</t>
  </si>
  <si>
    <t>Ghulam Nabi Sajid</t>
  </si>
  <si>
    <t>GHS 53/12-L</t>
  </si>
  <si>
    <t>53/12.L</t>
  </si>
  <si>
    <t>GHS 53/12.L Chichawatni sahiwal</t>
  </si>
  <si>
    <t>chak no. 54/12.L</t>
  </si>
  <si>
    <t>Amjad raza</t>
  </si>
  <si>
    <t>GHS 531-A GULSHAN RAVI</t>
  </si>
  <si>
    <t>A Block Gulshan e Ravi</t>
  </si>
  <si>
    <t>531-A gulshan ravi , Lahore</t>
  </si>
  <si>
    <t>Gulshan  e Ravi</t>
  </si>
  <si>
    <t>Muhammad Shakeel</t>
  </si>
  <si>
    <t>GHS 539 EB</t>
  </si>
  <si>
    <t>539/eb</t>
  </si>
  <si>
    <t>539/EB vehari.</t>
  </si>
  <si>
    <t>539/EB Vehari</t>
  </si>
  <si>
    <t>muhammad younis</t>
  </si>
  <si>
    <t>GHS 54 GB</t>
  </si>
  <si>
    <t>Dhewal Shankar</t>
  </si>
  <si>
    <t>Chak No 54 GB jaranwala</t>
  </si>
  <si>
    <t>Chak No. 54 GB</t>
  </si>
  <si>
    <t>MUHAMMAD AFZALL</t>
  </si>
  <si>
    <t>GHS 55/15-L, MIAN CHANNU</t>
  </si>
  <si>
    <t>CHAK NO.55/15-L MIAN CHANNU</t>
  </si>
  <si>
    <t>chak no.57/15-L</t>
  </si>
  <si>
    <t>Muhammad Ayub Khan Lodhi</t>
  </si>
  <si>
    <t>GHS 557 EB MACHIAN WALA</t>
  </si>
  <si>
    <t>CHAK NO 557/EB MACHIANWALA VEHARI</t>
  </si>
  <si>
    <t>557/EB Vehari</t>
  </si>
  <si>
    <t>MUHAMMAD ISHTIAQ UL HAQ</t>
  </si>
  <si>
    <t>GHS 56 WB</t>
  </si>
  <si>
    <t>Chak No 56/Wb Vehari</t>
  </si>
  <si>
    <t>chak no 56/wb vehari</t>
  </si>
  <si>
    <t>MUHAMMAD MUMTAZ</t>
  </si>
  <si>
    <t>GHS 56/G.D.</t>
  </si>
  <si>
    <t>56/gd</t>
  </si>
  <si>
    <t>ghs 56/gd sahiwal.</t>
  </si>
  <si>
    <t>Rana Hussnain Ahmad</t>
  </si>
  <si>
    <t>GHS 567 EB VEHARI</t>
  </si>
  <si>
    <t>567/EB</t>
  </si>
  <si>
    <t>chaik no 567/eb vehari</t>
  </si>
  <si>
    <t>Mahr Muhammad Aslam Sanpal</t>
  </si>
  <si>
    <t>GHS 58 JB FSD</t>
  </si>
  <si>
    <t>58JB Lehal</t>
  </si>
  <si>
    <t>58JB Lehal faisalabad</t>
  </si>
  <si>
    <t>asif shahzad</t>
  </si>
  <si>
    <t>GHS 58/10-R, KHANEWAL</t>
  </si>
  <si>
    <t>CHAK SHAHANA</t>
  </si>
  <si>
    <t>GHS 58/10-R KHANEWAL</t>
  </si>
  <si>
    <t>58/10-R</t>
  </si>
  <si>
    <t>GHS 58/12-L</t>
  </si>
  <si>
    <t>Chak No.58/12-L Chichawatni</t>
  </si>
  <si>
    <t>Govt. High School Chak No. 58/12-L Tehsil Chichawatni,Distt. Sahiwal</t>
  </si>
  <si>
    <t>Muhammad  Tahir Rasool</t>
  </si>
  <si>
    <t>GHS 58/4-R</t>
  </si>
  <si>
    <t>58-4R</t>
  </si>
  <si>
    <t>chak No 58/4R Sahiwal</t>
  </si>
  <si>
    <t>61-4R</t>
  </si>
  <si>
    <t>AHMAD YAR</t>
  </si>
  <si>
    <t>GHS 58/5-L</t>
  </si>
  <si>
    <t>Gunno Bhattian</t>
  </si>
  <si>
    <t>CHAK# 58/5-L  TEH.&amp; DISTT. SAHIWAL</t>
  </si>
  <si>
    <t>CHAK # 58/5-L Sahiwal</t>
  </si>
  <si>
    <t>CHAK NO 58/5-L Sahiwal</t>
  </si>
  <si>
    <t>J.ROBSON</t>
  </si>
  <si>
    <t>GHS 59 WB</t>
  </si>
  <si>
    <t>59WB</t>
  </si>
  <si>
    <t>chak # 59WB FazalAbad vehari</t>
  </si>
  <si>
    <t>muhammad asad</t>
  </si>
  <si>
    <t>GHS 59/15-L, MIAN CHANNU</t>
  </si>
  <si>
    <t>chak 59/15.l</t>
  </si>
  <si>
    <t>Chak 59/15.L mian channu</t>
  </si>
  <si>
    <t>Chak 59/15.L</t>
  </si>
  <si>
    <t>FIDA HUSSAIN</t>
  </si>
  <si>
    <t>GHS 59/GD</t>
  </si>
  <si>
    <t>Salman Iqbal</t>
  </si>
  <si>
    <t>GHS 6/11-L</t>
  </si>
  <si>
    <t>village no.611l Tehsil Chichawatni district sahiwal</t>
  </si>
  <si>
    <t>6/11l</t>
  </si>
  <si>
    <t>6 /11l</t>
  </si>
  <si>
    <t>ASAD RAZA CHOUHAN</t>
  </si>
  <si>
    <t>GHS 6/8-AR, TULAMBA</t>
  </si>
  <si>
    <t>chak no 6/8AR mian channu</t>
  </si>
  <si>
    <t>Chak No 7/8AR</t>
  </si>
  <si>
    <t>GHS 60/5-L</t>
  </si>
  <si>
    <t>CHAK no. 60/5.L tehsil and district sahiwal</t>
  </si>
  <si>
    <t>CHAK 60/5L</t>
  </si>
  <si>
    <t>Bashir Ahmad Zahid</t>
  </si>
  <si>
    <t>GHS 60/D P/O CHAK BADIA</t>
  </si>
  <si>
    <t>60D</t>
  </si>
  <si>
    <t>GHS.60/D Pakpattan</t>
  </si>
  <si>
    <t>60/D</t>
  </si>
  <si>
    <t>mazhar hussain</t>
  </si>
  <si>
    <t>GHS 61/RB</t>
  </si>
  <si>
    <t>chak no 61rb</t>
  </si>
  <si>
    <t>govt. high school 61RB  faisalabad.</t>
  </si>
  <si>
    <t>Chak No 61rb</t>
  </si>
  <si>
    <t>GHS 62 WB</t>
  </si>
  <si>
    <t>CHAK NO.62/WB</t>
  </si>
  <si>
    <t>GOVT MUHAMMADIA HIGH SCHOOL 62/WB VEHARI</t>
  </si>
  <si>
    <t>CHAK NO.62/WB VEHARI</t>
  </si>
  <si>
    <t>CHAK NO. 58/WB</t>
  </si>
  <si>
    <t>Badar Mahmood Akhter Malik Shaheen</t>
  </si>
  <si>
    <t>GHS 64/4-R</t>
  </si>
  <si>
    <t>64/4-r</t>
  </si>
  <si>
    <t>chak no 64/4-r sahiwal</t>
  </si>
  <si>
    <t>chak no 66/4-r sahiwal</t>
  </si>
  <si>
    <t>GHS 64/5-L YOUSAF WALA</t>
  </si>
  <si>
    <t>CHAK# 64/5L YOUSAFWALA SAHIWAL</t>
  </si>
  <si>
    <t>Chak 64/5L</t>
  </si>
  <si>
    <t>CHAK  65/5-L</t>
  </si>
  <si>
    <t>GHS 644/GB</t>
  </si>
  <si>
    <t>CHAK NO 644 GB</t>
  </si>
  <si>
    <t>chak no 644 gB</t>
  </si>
  <si>
    <t>Abdulghafoor Shaheen</t>
  </si>
  <si>
    <t>GHS 65 WB</t>
  </si>
  <si>
    <t>Chak 65wb</t>
  </si>
  <si>
    <t>chak no. 65wb vehari</t>
  </si>
  <si>
    <t>Chak No 65wb Vehari</t>
  </si>
  <si>
    <t>Chak # 63WB</t>
  </si>
  <si>
    <t>muhammad zafar jamil</t>
  </si>
  <si>
    <t>GHS 65-A/G.D. SHARKI</t>
  </si>
  <si>
    <t>65-A/GD</t>
  </si>
  <si>
    <t>GHS 65A/GD EAST SAHIWAL</t>
  </si>
  <si>
    <t>65A/GD EAST</t>
  </si>
  <si>
    <t>GHS 66/12-L</t>
  </si>
  <si>
    <t>chak 66/12-l</t>
  </si>
  <si>
    <t>ghs 66/12-L tehsil chicha watni distt. sahiwal</t>
  </si>
  <si>
    <t>66/12-l</t>
  </si>
  <si>
    <t>chak 62/12-l</t>
  </si>
  <si>
    <t>MOHSIN YOUSAF ANJUM</t>
  </si>
  <si>
    <t>GHS 66/EB ARIFWALA</t>
  </si>
  <si>
    <t>66/EB</t>
  </si>
  <si>
    <t>GHS 66/EB Arifwala, Distt. Pakpattan</t>
  </si>
  <si>
    <t>Chak No 66/EB</t>
  </si>
  <si>
    <t>Chak 66/EB</t>
  </si>
  <si>
    <t>Tahir Farooq Zia</t>
  </si>
  <si>
    <t>GHS 67 EB</t>
  </si>
  <si>
    <t>67 Eb</t>
  </si>
  <si>
    <t>chak no 67/eB arifwala</t>
  </si>
  <si>
    <t>chak no 67/eB</t>
  </si>
  <si>
    <t>chak no 69/eB</t>
  </si>
  <si>
    <t>hafiz ghulam mustafa</t>
  </si>
  <si>
    <t>GHS 67/15-L, MIAN CHANNU</t>
  </si>
  <si>
    <t>67/15-L</t>
  </si>
  <si>
    <t>67/15-l</t>
  </si>
  <si>
    <t>61-a/15-l</t>
  </si>
  <si>
    <t>Altaf Hussain Saqib</t>
  </si>
  <si>
    <t>GHS 69/12-L</t>
  </si>
  <si>
    <t>KAMAND</t>
  </si>
  <si>
    <t>CHAK # 69/12 L KAMAND CCI</t>
  </si>
  <si>
    <t>69/12 L</t>
  </si>
  <si>
    <t>SABIR HUSSAIN KAMAL</t>
  </si>
  <si>
    <t>GHS 69/EB ARIF WALA</t>
  </si>
  <si>
    <t>Chak no 69eb Arifwala</t>
  </si>
  <si>
    <t>Chak No 69 EB</t>
  </si>
  <si>
    <t>MUHAMMAD MANZOOR WATTOO</t>
  </si>
  <si>
    <t>GHS 7/11-L RAWAN WALA</t>
  </si>
  <si>
    <t>7/11L Rawan</t>
  </si>
  <si>
    <t>GHS 7/11L (Rawan) Chichawatni.District  Sahiwal</t>
  </si>
  <si>
    <t>armghan Javed</t>
  </si>
  <si>
    <t>GHS 7/1-AL OKARA</t>
  </si>
  <si>
    <t>CHAK NO 7/1.AL P/O AKTRABAD TEHSIL RENALA KHURD</t>
  </si>
  <si>
    <t>CHAK NO.7/1.AL</t>
  </si>
  <si>
    <t>AKHTRABAD</t>
  </si>
  <si>
    <t>Kamran Shahid</t>
  </si>
  <si>
    <t>GHS 7/4-L OKARA</t>
  </si>
  <si>
    <t>Chak No 7/4-L</t>
  </si>
  <si>
    <t>Chak no. 7/4-L Okara</t>
  </si>
  <si>
    <t>7/4-L</t>
  </si>
  <si>
    <t>GHS 7/8-R, TULAMBA</t>
  </si>
  <si>
    <t>CHAK NO 7/8-R</t>
  </si>
  <si>
    <t>CHAK NO 7/8-R  VIA TULAMBA TEHSIL MIAN CHANNU DISTRICT KHANEWAL</t>
  </si>
  <si>
    <t>ROTTLA</t>
  </si>
  <si>
    <t>Muhammad Sohail Javed</t>
  </si>
  <si>
    <t>GHS 7/9-R, KACHA KHUH</t>
  </si>
  <si>
    <t>7/9-R Khanewl</t>
  </si>
  <si>
    <t>GHS 7/9-R, Khanewal</t>
  </si>
  <si>
    <t>7/9-R Reman Garh</t>
  </si>
  <si>
    <t>Asam shehzad</t>
  </si>
  <si>
    <t>GHS 70/10-R, KHANEWAL</t>
  </si>
  <si>
    <t>Chak 70/10 R</t>
  </si>
  <si>
    <t>chak no 70/10. r khanewal</t>
  </si>
  <si>
    <t>Chak 70/10r</t>
  </si>
  <si>
    <t>Muhammad Hanif Khayara</t>
  </si>
  <si>
    <t>GHS 70/15-L, KHANEWAL</t>
  </si>
  <si>
    <t>CHK # 70/15L</t>
  </si>
  <si>
    <t>CHK # 70/15L KHANEWAL</t>
  </si>
  <si>
    <t>CHk # 70/15L</t>
  </si>
  <si>
    <t>GHS 7-1R FAUJIAN</t>
  </si>
  <si>
    <t>Chak 7/1R</t>
  </si>
  <si>
    <t>Chak # 7/1.R Faujian</t>
  </si>
  <si>
    <t>Muhammad Ajaz</t>
  </si>
  <si>
    <t>GHS 72/10-R, SHANTI NAGAR, KHANEWAL</t>
  </si>
  <si>
    <t>72/10r</t>
  </si>
  <si>
    <t>chak no 72/10r</t>
  </si>
  <si>
    <t>Shantinagar</t>
  </si>
  <si>
    <t>HABIBULLAH KHAN</t>
  </si>
  <si>
    <t>GHS 74/4-R</t>
  </si>
  <si>
    <t>GHS, 74/4R, Sahiwal</t>
  </si>
  <si>
    <t>74/4R Sahiwal</t>
  </si>
  <si>
    <t>Chak 62/4R</t>
  </si>
  <si>
    <t>GHS 75/12/L</t>
  </si>
  <si>
    <t>75/12-L</t>
  </si>
  <si>
    <t>chak no. 75/12-L p/o same  Tehsil chichawatni District  ÃŸahiwal</t>
  </si>
  <si>
    <t>Chak No 75/12-L</t>
  </si>
  <si>
    <t>77/12-L</t>
  </si>
  <si>
    <t>GHS 75/5-R</t>
  </si>
  <si>
    <t>75/5R</t>
  </si>
  <si>
    <t>chak no. 75/5-R Sahiwal</t>
  </si>
  <si>
    <t>HAFIZ FAROOQ ALAM</t>
  </si>
  <si>
    <t>GHS 77/5-R SAHIWAL</t>
  </si>
  <si>
    <t>Chack No 77/5-R SAHIWAL</t>
  </si>
  <si>
    <t>Chack No 77/5-R</t>
  </si>
  <si>
    <t>Tahir Pervaiz</t>
  </si>
  <si>
    <t>GHS 78/5-L</t>
  </si>
  <si>
    <t>SHAMASA  ABAD</t>
  </si>
  <si>
    <t>CHAK NO.78/5-l sAHIWAL</t>
  </si>
  <si>
    <t>CHAK NO.78/5-L sAHIWAL</t>
  </si>
  <si>
    <t>CHAK NO 78/5-L SAHIWAL</t>
  </si>
  <si>
    <t>matic pump</t>
  </si>
  <si>
    <t>GHS 78/5-R</t>
  </si>
  <si>
    <t>78/5 R</t>
  </si>
  <si>
    <t>Chak #78/5_R</t>
  </si>
  <si>
    <t>GHS 79/10-R, KACHA KHUH</t>
  </si>
  <si>
    <t>79/10-R</t>
  </si>
  <si>
    <t>chak no 79-10-R Khanewal</t>
  </si>
  <si>
    <t>80/10-R Pirowal</t>
  </si>
  <si>
    <t>Muhammad Arshad Shahid</t>
  </si>
  <si>
    <t>GHS 79/15-L, KHANEWAL</t>
  </si>
  <si>
    <t>CHAK 79/15L</t>
  </si>
  <si>
    <t>CHAK # 79/15L, KHANEWAL</t>
  </si>
  <si>
    <t>CHAK # 79/15L</t>
  </si>
  <si>
    <t>FAROOQ AHMAD SALEEM</t>
  </si>
  <si>
    <t>GHS 8/11-L</t>
  </si>
  <si>
    <t>CHAK NO 8/11-L</t>
  </si>
  <si>
    <t>JOSEPH FAHEEM</t>
  </si>
  <si>
    <t>GHS 8/9-R, KACHA KHUH</t>
  </si>
  <si>
    <t>8/9-r Qasba</t>
  </si>
  <si>
    <t>GHS 8/9-R QASBA, KHANEWAL</t>
  </si>
  <si>
    <t>8/9-R</t>
  </si>
  <si>
    <t>Tanveer ul hasan</t>
  </si>
  <si>
    <t>GHS 80/10-R, KACHA KHUH</t>
  </si>
  <si>
    <t>chak#80/10-R</t>
  </si>
  <si>
    <t>GHS 80/GB</t>
  </si>
  <si>
    <t>Chak No 80/GB Fsd.</t>
  </si>
  <si>
    <t>CHAK NO. 80/GB Khushi Pur Fsd.</t>
  </si>
  <si>
    <t>CHAK NO. 80/  GB Fsd.</t>
  </si>
  <si>
    <t>Chak No. 82/GB Fsd.</t>
  </si>
  <si>
    <t>Manzoor Hssain</t>
  </si>
  <si>
    <t>GHS 81-82/10-R, KHANEWAL</t>
  </si>
  <si>
    <t>81/82</t>
  </si>
  <si>
    <t>ghs 81_82 10 r kwl</t>
  </si>
  <si>
    <t>amjad hussain khan</t>
  </si>
  <si>
    <t>GHS 82/12-L</t>
  </si>
  <si>
    <t>82/12-L</t>
  </si>
  <si>
    <t>Govt. High School 82/12.L Teh. Chichawatni Distt. Sahiwal</t>
  </si>
  <si>
    <t>Chak No. 82/12-L</t>
  </si>
  <si>
    <t>Chak No. 31/14-L</t>
  </si>
  <si>
    <t>Fazal Elahi Zahid</t>
  </si>
  <si>
    <t>GHS 82/5-L</t>
  </si>
  <si>
    <t>82/5-L</t>
  </si>
  <si>
    <t>CHAK NO. 82/5-L SAHIWAL</t>
  </si>
  <si>
    <t>CHAK NO. 73/5-L SAHIWAL</t>
  </si>
  <si>
    <t>ABDUL GHAFFAR</t>
  </si>
  <si>
    <t>GHS 82/6-R</t>
  </si>
  <si>
    <t>Govt. High School 82/6R Sahiwal</t>
  </si>
  <si>
    <t>82/6-R</t>
  </si>
  <si>
    <t>GHS 83/D P.O 83/D PAKPATTAN</t>
  </si>
  <si>
    <t>83/D</t>
  </si>
  <si>
    <t>CHAK NO.83/D, PAKPATTAN</t>
  </si>
  <si>
    <t>GHS 84/15-L, MIAN CHANNU</t>
  </si>
  <si>
    <t>Chak no 84/15L Mian Channu District Khanewal</t>
  </si>
  <si>
    <t>Chak No 84/15L</t>
  </si>
  <si>
    <t>RIAZ AHMAD SIDDIQI</t>
  </si>
  <si>
    <t>GHS 85/6-R</t>
  </si>
  <si>
    <t>85/6-R sahiwal</t>
  </si>
  <si>
    <t>Chak No. 85/6-R Sahiwal</t>
  </si>
  <si>
    <t>85/6R Sahiwal</t>
  </si>
  <si>
    <t>85/6-r</t>
  </si>
  <si>
    <t>GHULAM JILLANI</t>
  </si>
  <si>
    <t>GHS 86/6-R</t>
  </si>
  <si>
    <t>CHAK NO. 86/6.R SAHIWAL</t>
  </si>
  <si>
    <t>86/6.R SAHIWAL</t>
  </si>
  <si>
    <t>GHS 87/6-R</t>
  </si>
  <si>
    <t>Chak No 87/6R Sahiwal</t>
  </si>
  <si>
    <t>Govt High School Chak No. 87/6R, Sahiwal</t>
  </si>
  <si>
    <t>Chak No 87/6R</t>
  </si>
  <si>
    <t>UC Chak 87/6R</t>
  </si>
  <si>
    <t>Shan Raza</t>
  </si>
  <si>
    <t>GHS 88/E-B  ARIFWALA</t>
  </si>
  <si>
    <t>88/EB</t>
  </si>
  <si>
    <t>CHAK NO. 88/EB ARIFWALA</t>
  </si>
  <si>
    <t>CHAK NO. 86/EB</t>
  </si>
  <si>
    <t>Muhammad atif munir</t>
  </si>
  <si>
    <t>GHS 89 WB</t>
  </si>
  <si>
    <t>89wb</t>
  </si>
  <si>
    <t>Ghs 89wb vehari</t>
  </si>
  <si>
    <t>Cham No 89wb</t>
  </si>
  <si>
    <t>Cham No 95wb</t>
  </si>
  <si>
    <t>MANZOOR HUSSAIN ABID</t>
  </si>
  <si>
    <t>GHS 89/12-L</t>
  </si>
  <si>
    <t>chak no. 89/12-L</t>
  </si>
  <si>
    <t>GHS 89/12-l tEHSIL CHICHAWATNI DISTT. SAHIWAL</t>
  </si>
  <si>
    <t>CHAK NO. 99/12-l</t>
  </si>
  <si>
    <t>Syed Rizwan Ali Shah</t>
  </si>
  <si>
    <t>GHS 89/6-R</t>
  </si>
  <si>
    <t>Chak No 89/6-R</t>
  </si>
  <si>
    <t>GHS 89/6-R, SAHIWAL</t>
  </si>
  <si>
    <t>Chak 89/6-R</t>
  </si>
  <si>
    <t>ABDUL RAZZAQ ZAHID</t>
  </si>
  <si>
    <t>GHS 9 GHAGH, ABDUL HAKIM</t>
  </si>
  <si>
    <t>Chak No 9 Ghagh Kabirwala Khanewal</t>
  </si>
  <si>
    <t>Khizar Hayat Shaheen</t>
  </si>
  <si>
    <t>GHS 9/14-L</t>
  </si>
  <si>
    <t>9/14L</t>
  </si>
  <si>
    <t>CHAK NO. 9/14L, DISTRICT SAHIWAL</t>
  </si>
  <si>
    <t>CHAK NO. 9/14L</t>
  </si>
  <si>
    <t>CHAK NO. 6/14L</t>
  </si>
  <si>
    <t>MAQBOOL HUSSAIN AKHTAR</t>
  </si>
  <si>
    <t>GHS 9/V, KHANEWAL</t>
  </si>
  <si>
    <t>Chak No 9/v</t>
  </si>
  <si>
    <t>Chak No 9/V Tehsil &amp; District Khanewal</t>
  </si>
  <si>
    <t>Chak No.9/V Khanewal</t>
  </si>
  <si>
    <t>Chak No.10-AH</t>
  </si>
  <si>
    <t>GHS 90/M</t>
  </si>
  <si>
    <t>Chamb Kulyar</t>
  </si>
  <si>
    <t>GHS 90M Lodhran</t>
  </si>
  <si>
    <t>Chak No90M Lodhran</t>
  </si>
  <si>
    <t>GHS 91/EB</t>
  </si>
  <si>
    <t>CHAK 91/EB TEHSIL ARIFWALA DISTRICT PAKPATTAN</t>
  </si>
  <si>
    <t>CHAK 91/EB</t>
  </si>
  <si>
    <t>GHS 9-11 WB VEHARI</t>
  </si>
  <si>
    <t>11/W.B</t>
  </si>
  <si>
    <t>11/W.B, 3-Marla Scheme, Vehari</t>
  </si>
  <si>
    <t>11/W.B 3-Marla Scheme</t>
  </si>
  <si>
    <t>MCV</t>
  </si>
  <si>
    <t>GHS 93/10-R, KHANEWAL</t>
  </si>
  <si>
    <t>Chak No 93/10R Khanewal</t>
  </si>
  <si>
    <t>9210R</t>
  </si>
  <si>
    <t>Abdul Quddoos Nasir</t>
  </si>
  <si>
    <t>GHS 93/E-B TEH ARIF WALA</t>
  </si>
  <si>
    <t>chak no 93 eb arifwala district pakpattan</t>
  </si>
  <si>
    <t>CHAK 93 EB</t>
  </si>
  <si>
    <t>CHAK NO 109 EB</t>
  </si>
  <si>
    <t>muhammad nasrullah</t>
  </si>
  <si>
    <t>GHS 95/10-R, JAHANIAN</t>
  </si>
  <si>
    <t>chak No 95/10-R</t>
  </si>
  <si>
    <t>chak No 95/10-R khanewal</t>
  </si>
  <si>
    <t>chak No 160/10-R</t>
  </si>
  <si>
    <t>GHS 95/15-L, MIAN CHANNU</t>
  </si>
  <si>
    <t>95/15-L</t>
  </si>
  <si>
    <t>GOVT. HIGH  SCHOOL 95/15-L MIAN CHANNU</t>
  </si>
  <si>
    <t>CHAK NO.95/15-L</t>
  </si>
  <si>
    <t>CHAK NO. 93/15-L</t>
  </si>
  <si>
    <t>GHS 95/9-L</t>
  </si>
  <si>
    <t>Chak No. 95/9-L, Sahiwal</t>
  </si>
  <si>
    <t>Chak No. 95/9-L</t>
  </si>
  <si>
    <t>GHS 96/15-L, MIAN CHANNU</t>
  </si>
  <si>
    <t>96/15-l</t>
  </si>
  <si>
    <t>chak no. 96/15-l  mian channu khanewal</t>
  </si>
  <si>
    <t>chak no 92/15-l</t>
  </si>
  <si>
    <t>GHS 97/6-R</t>
  </si>
  <si>
    <t>97/6r Sahiwal</t>
  </si>
  <si>
    <t>97/6r swl</t>
  </si>
  <si>
    <t>97/6r Swl</t>
  </si>
  <si>
    <t>92/6r Swl</t>
  </si>
  <si>
    <t>Rao Ashraf Ali</t>
  </si>
  <si>
    <t>GHS 98/15-L, MIAN CHUNNU</t>
  </si>
  <si>
    <t>chak no 98/15-l</t>
  </si>
  <si>
    <t>98/15-l</t>
  </si>
  <si>
    <t>MUHAMMAD HASIL</t>
  </si>
  <si>
    <t>GHS 99/10-R, JAHANIAN</t>
  </si>
  <si>
    <t>Govt H/S 99/10R,Tehsil jahanian District Khanewal</t>
  </si>
  <si>
    <t>Chak No 99/10R</t>
  </si>
  <si>
    <t>Chak No 100/10R</t>
  </si>
  <si>
    <t>GHS 99/9-L</t>
  </si>
  <si>
    <t>BHOOLE DI JHOK</t>
  </si>
  <si>
    <t>GOVT. HIGH SCHOOL CHAK No. 99/9-L, SAHIWAL.</t>
  </si>
  <si>
    <t>CHAK No. 99/9-L</t>
  </si>
  <si>
    <t>CHAK No. 91/9-L</t>
  </si>
  <si>
    <t>GHS 9-B/8-R, TULAMBA</t>
  </si>
  <si>
    <t>ghs 9-b/8-r tulamba</t>
  </si>
  <si>
    <t>Chak No 9-b/8-r</t>
  </si>
  <si>
    <t>9-b/8-r</t>
  </si>
  <si>
    <t>abid Hussain</t>
  </si>
  <si>
    <t>GHS A.D. MODEL</t>
  </si>
  <si>
    <t>Nian chowk Hafizabad road grw</t>
  </si>
  <si>
    <t>Gulshanabad</t>
  </si>
  <si>
    <t>GHS A.M. ISLAMIA NO.1 GUJRANWALA</t>
  </si>
  <si>
    <t>Noshehra Roag Gujrnawal Momina Abad a St no. 11.</t>
  </si>
  <si>
    <t>Govt A.M. Islamia HIgh School no !. Gujranwala</t>
  </si>
  <si>
    <t>Momina Abad</t>
  </si>
  <si>
    <t>Mubarik SHah</t>
  </si>
  <si>
    <t>GHS A.M. ISLAMIA NO.2</t>
  </si>
  <si>
    <t>bara qabrastan road , near niyen chowk gujranwala.</t>
  </si>
  <si>
    <t>Guranwala</t>
  </si>
  <si>
    <t>muhammad muslim</t>
  </si>
  <si>
    <t>GHS AALI WALA</t>
  </si>
  <si>
    <t>shamsher ali</t>
  </si>
  <si>
    <t>GHS ABAD PUR</t>
  </si>
  <si>
    <t>abad pur</t>
  </si>
  <si>
    <t>post office abad pur rY khan</t>
  </si>
  <si>
    <t>ALTAF AHMED</t>
  </si>
  <si>
    <t>GHS ABBA KHEL</t>
  </si>
  <si>
    <t>vpo abba khel tehsil and district mianwali</t>
  </si>
  <si>
    <t>M YONAS KALYAR</t>
  </si>
  <si>
    <t>GHS ABBAS NAGAR</t>
  </si>
  <si>
    <t>PO Box abbas nagar bahawalpur</t>
  </si>
  <si>
    <t>muhammad abdullah arbi</t>
  </si>
  <si>
    <t>GHS ABBAS PURA SHORKOT CITY</t>
  </si>
  <si>
    <t>moh.abbaspura nawan shehr shorkot city</t>
  </si>
  <si>
    <t>Abbaspura shorkot</t>
  </si>
  <si>
    <t>MC Shorkot city</t>
  </si>
  <si>
    <t>NOOR aHMAD</t>
  </si>
  <si>
    <t>GHS ABBASI RAWALPINDI</t>
  </si>
  <si>
    <t>AFANDI COLONY SATELLITEE TOWN RWP</t>
  </si>
  <si>
    <t>Affandi Colony</t>
  </si>
  <si>
    <t>MUHAMMAD GULZAR HUSSAIN</t>
  </si>
  <si>
    <t>GHS ABBASIAN WALA</t>
  </si>
  <si>
    <t>HAITU</t>
  </si>
  <si>
    <t>P/O ANBASIAN WALA TEHSIL KALLUR KOT DISTRICT BHAKKAR</t>
  </si>
  <si>
    <t>ABBASIAN WALA</t>
  </si>
  <si>
    <t>GHS ABDAL</t>
  </si>
  <si>
    <t>Village and Post Office Abdal Tehsil and District Gujranwala</t>
  </si>
  <si>
    <t>shahzad Ahmad shahzad</t>
  </si>
  <si>
    <t>GHS ABDUL HAKIM</t>
  </si>
  <si>
    <t>GOVT.BOYS HIGH SCHOOL ABDUL HAKIM.P/O ABDUL HAKIM.TEHSIL.KABIRWALA.DISTRICT.KHANEWAL. Postal code #58180.</t>
  </si>
  <si>
    <t>SHARAJIA</t>
  </si>
  <si>
    <t>TARIQ SALEEM KHATTAK</t>
  </si>
  <si>
    <t>GHS ABDUL TAWAB WALA</t>
  </si>
  <si>
    <t>patti naich</t>
  </si>
  <si>
    <t>Adda 1-R Tehsil Kot Addu District M.Garh</t>
  </si>
  <si>
    <t>one r</t>
  </si>
  <si>
    <t>GHS ABDULLAH PUR BASTI ISMAIL</t>
  </si>
  <si>
    <t>Basti Ismail Monza Abdullah pur Dist &amp; Tehsil Rahim Year Khan</t>
  </si>
  <si>
    <t>Basti Ismail</t>
  </si>
  <si>
    <t>GHS ABDULLAH PUR KULAR  SAFDER ABAD</t>
  </si>
  <si>
    <t>Abdullah Pur Kolar chak No. 282 RB, Teh. safdarabad, district Sheikhupura.</t>
  </si>
  <si>
    <t>AHMAD RAZA</t>
  </si>
  <si>
    <t>GHS ABDULLAH WALA</t>
  </si>
  <si>
    <t>ADDA DHORI WALA</t>
  </si>
  <si>
    <t>433/TDA</t>
  </si>
  <si>
    <t>muhammad sarwar</t>
  </si>
  <si>
    <t>GHS ABID ABAD</t>
  </si>
  <si>
    <t>Abid Abad Tehseel Nowshera virkan District gujranwala</t>
  </si>
  <si>
    <t>Bilal Ahmed Khan</t>
  </si>
  <si>
    <t>GHS ABU UL KHAIR SHAHKOT</t>
  </si>
  <si>
    <t>GOVT. ABU-UL-KHAIR HIGH SCHOOL SHAHKOT</t>
  </si>
  <si>
    <t>MUHAMMAD ZAHID</t>
  </si>
  <si>
    <t>GHS ADAM WAHAN</t>
  </si>
  <si>
    <t>Adda Adam Wahin, Bahawalpur Road, Lodhran</t>
  </si>
  <si>
    <t>muhammad afzal</t>
  </si>
  <si>
    <t>GHS ADAM WALI</t>
  </si>
  <si>
    <t>basti adam wali po akram abad rahim yar khan</t>
  </si>
  <si>
    <t>adam wali</t>
  </si>
  <si>
    <t>GHULAM FAREED</t>
  </si>
  <si>
    <t>GHS ADHI SARGAL</t>
  </si>
  <si>
    <t>Ghs Adhi sargal tehsil noorpur district khushab</t>
  </si>
  <si>
    <t>Sher Bahadur</t>
  </si>
  <si>
    <t>GHS ADIALA</t>
  </si>
  <si>
    <t>ADYALA</t>
  </si>
  <si>
    <t>ADYALA VILLAGE, RAWALPINDI</t>
  </si>
  <si>
    <t>MUHAMMAD ABDUL REHMAN KHAN</t>
  </si>
  <si>
    <t>GHS ADIL GHAR</t>
  </si>
  <si>
    <t>Chak 27 RB</t>
  </si>
  <si>
    <t>muhammad anwaar khan</t>
  </si>
  <si>
    <t>GHS ADLANA</t>
  </si>
  <si>
    <t>adlana</t>
  </si>
  <si>
    <t>mouza adlana tehsil bhowana district chiniot</t>
  </si>
  <si>
    <t>ZULFIQAR KHAN</t>
  </si>
  <si>
    <t>GHS ADRANA</t>
  </si>
  <si>
    <t>Babar Iqbal Khan Kayani</t>
  </si>
  <si>
    <t>GHS ADU WALI JPP</t>
  </si>
  <si>
    <t>Addo Wali</t>
  </si>
  <si>
    <t>ado wali</t>
  </si>
  <si>
    <t>GHS AGRO. TECHNICAL 226/RB</t>
  </si>
  <si>
    <t>CHAK NO. 226/RB MALKHANWALA, FAISALABAD.</t>
  </si>
  <si>
    <t>CHAK NO. 235/RB</t>
  </si>
  <si>
    <t>ASHRAF ALI ZIA</t>
  </si>
  <si>
    <t>GHS AHAL GHUMANAN</t>
  </si>
  <si>
    <t>Ahal Ghumnan</t>
  </si>
  <si>
    <t>ahal ghumnan post office same</t>
  </si>
  <si>
    <t>zahid pervaiz</t>
  </si>
  <si>
    <t>GHS AHLA</t>
  </si>
  <si>
    <t>VILLAGE &amp; POST OFFICE AHLA</t>
  </si>
  <si>
    <t>SHAN ALI</t>
  </si>
  <si>
    <t>GHS AHMAD KHAN WALA</t>
  </si>
  <si>
    <t>Ahmad Khan Wala Mianwali</t>
  </si>
  <si>
    <t>Ghs Ahmad Khan wala mianwali</t>
  </si>
  <si>
    <t>GHS AHMAD NAGAR</t>
  </si>
  <si>
    <t>aHMAD NAGAR</t>
  </si>
  <si>
    <t>GOVT H/S ahmad nagar</t>
  </si>
  <si>
    <t>RIZWAN AKHTAR</t>
  </si>
  <si>
    <t>GHS AHMAD NAGAR, KHANEWAL</t>
  </si>
  <si>
    <t>NANAK PUR</t>
  </si>
  <si>
    <t>GOVT. HIGH SCHOOL FOR BOYS BASTI AHMAD NAGAR KHANEWAL</t>
  </si>
  <si>
    <t>BHEROWAL</t>
  </si>
  <si>
    <t>GHS AHMAD PUR SIAL</t>
  </si>
  <si>
    <t>HAFEEZ-UR-REHMAN</t>
  </si>
  <si>
    <t>GHS AHMADANI</t>
  </si>
  <si>
    <t>Govt high school Ahmadani PO shahdan lond tehsil and District D. G Khan</t>
  </si>
  <si>
    <t>Muhammad Wajahat</t>
  </si>
  <si>
    <t>GHS AHMED PUR LAMA</t>
  </si>
  <si>
    <t>AHMAD PUR LAMMA</t>
  </si>
  <si>
    <t>BHONG ROAD AHMAD PUR LAMMA TEHSIL SADIQ ABAD DISTRCT RAHIM YAR KHAN</t>
  </si>
  <si>
    <t>aHMAD PUR LAMMA</t>
  </si>
  <si>
    <t>KARAMAT ALI</t>
  </si>
  <si>
    <t>GHS AHMEDAL</t>
  </si>
  <si>
    <t>GBHS AHMEDAL</t>
  </si>
  <si>
    <t>GHS A-I MODEL BHERA</t>
  </si>
  <si>
    <t>ZULFIQAR AHMAD  RANJHA</t>
  </si>
  <si>
    <t>GHS AINO</t>
  </si>
  <si>
    <t>Aino</t>
  </si>
  <si>
    <t>vpo aino teh noor pur distt khushab</t>
  </si>
  <si>
    <t>GHS AJIT SAR</t>
  </si>
  <si>
    <t>ajit sar</t>
  </si>
  <si>
    <t>ghs ajit sar basti ajit sar tehsil renala khurd district okara</t>
  </si>
  <si>
    <t>basti ajit sar</t>
  </si>
  <si>
    <t>chak no.13/1.L</t>
  </si>
  <si>
    <t>GHS AJMAL BAGH</t>
  </si>
  <si>
    <t>Tember markeet sadiq abad</t>
  </si>
  <si>
    <t>D4</t>
  </si>
  <si>
    <t>ISHFAQ MAHMOOD</t>
  </si>
  <si>
    <t>RO PLANT</t>
  </si>
  <si>
    <t>GHS AJNALA</t>
  </si>
  <si>
    <t>vill. Ajnala p/o karianwala teh. and distt. Gujrat</t>
  </si>
  <si>
    <t>MUHAMMAD SALEEM USMANI</t>
  </si>
  <si>
    <t>GHS AKBAR</t>
  </si>
  <si>
    <t>Mouza akbar okara</t>
  </si>
  <si>
    <t>Mouza akbar</t>
  </si>
  <si>
    <t>UMAR HAYAT FAIZ</t>
  </si>
  <si>
    <t>GHS AKBAR GHANOKE</t>
  </si>
  <si>
    <t>AKBAR GHANOKE</t>
  </si>
  <si>
    <t>GHS AKHORI</t>
  </si>
  <si>
    <t>govt boys high school akhori teh attock distt attock</t>
  </si>
  <si>
    <t>tahir hussain  shah</t>
  </si>
  <si>
    <t>GHS AKWAL TALAGANG MIANWALI ROAD</t>
  </si>
  <si>
    <t>VILLAGE AND POST OFFICE AKWAL</t>
  </si>
  <si>
    <t>Mubashar Hussain</t>
  </si>
  <si>
    <t>GHS ALAMGARH</t>
  </si>
  <si>
    <t>VPO ALAMGARH TEH AND DIST GUJRAT</t>
  </si>
  <si>
    <t>ALAMGARH</t>
  </si>
  <si>
    <t>Mohsin Hussain</t>
  </si>
  <si>
    <t>GHS ALHAR</t>
  </si>
  <si>
    <t>Alhar tehsil pasrur district sialkot</t>
  </si>
  <si>
    <t>Rana Muhammad Arshad</t>
  </si>
  <si>
    <t>GHS AL-HUSSAIN ISLAMIA MUZAFFAR ABAD MULTAN</t>
  </si>
  <si>
    <t>JAKHAR PUR</t>
  </si>
  <si>
    <t>SHER SHAH ROAD MUZAFFARABAD MULTAN</t>
  </si>
  <si>
    <t>ANWAR MUHAMMAD</t>
  </si>
  <si>
    <t>GHS ALI HAIDER PUR TALAGANG</t>
  </si>
  <si>
    <t>Ali Haider Pur</t>
  </si>
  <si>
    <t>PO Shah Muhammad Wali v Ali Haider Pur teh Talagang distt Chakwal</t>
  </si>
  <si>
    <t>GHS ALI PUR CHATHA</t>
  </si>
  <si>
    <t>Alipur Chatha</t>
  </si>
  <si>
    <t>GHS ALIPUR CHATHA</t>
  </si>
  <si>
    <t>shaukat ali shahid</t>
  </si>
  <si>
    <t>GHS ALI PUR SADAT J.P. PIRWALA</t>
  </si>
  <si>
    <t>ali pur sadat</t>
  </si>
  <si>
    <t>Ali Pur Sadat tehsil jalal pur pir wala multan</t>
  </si>
  <si>
    <t>muhammad jamil</t>
  </si>
  <si>
    <t>GHS ALI PUR SYEDAN</t>
  </si>
  <si>
    <t>Alipur Syedan</t>
  </si>
  <si>
    <t>Village Alipur syedan</t>
  </si>
  <si>
    <t>Muhammad Suba Akmal</t>
  </si>
  <si>
    <t>GHS ALI RAZA ABAD</t>
  </si>
  <si>
    <t>ali raza abad raiwind road lahore</t>
  </si>
  <si>
    <t>GHS ALI SHER WAHIN, JAHANIAN</t>
  </si>
  <si>
    <t>Alisherwahin</t>
  </si>
  <si>
    <t>ALI SHER WAHIN</t>
  </si>
  <si>
    <t>rao muhammad umar hayat</t>
  </si>
  <si>
    <t>GHS ALI WALA MULTAN</t>
  </si>
  <si>
    <t>Ali wala multan</t>
  </si>
  <si>
    <t>GHS ALI WALI</t>
  </si>
  <si>
    <t>ali wali</t>
  </si>
  <si>
    <t>Mouza Ali Wali</t>
  </si>
  <si>
    <t>Sajid Ali Sajid</t>
  </si>
  <si>
    <t>GHS AL-ISLAH</t>
  </si>
  <si>
    <t>Mohallah kalkati</t>
  </si>
  <si>
    <t>GHS ALLAH ABAD SHUJABAD</t>
  </si>
  <si>
    <t>WAHE BAKHAR</t>
  </si>
  <si>
    <t>ALLAH ABAD MOUZA WAHE BAKHAR TEHSIL SHUJABAD DISTRICT MULTAN</t>
  </si>
  <si>
    <t>RAJA RAM</t>
  </si>
  <si>
    <t>MUHAMMAD AKRAM SOMRA</t>
  </si>
  <si>
    <t>GHS ALLAH YAR JUTA</t>
  </si>
  <si>
    <t>Allah Yar  Juta</t>
  </si>
  <si>
    <t>p.o Allah yar juta Tehsil shorkot District jhang</t>
  </si>
  <si>
    <t>MIAN TASSAWAR IQBAL</t>
  </si>
  <si>
    <t>GHS ALLAMA IQBAL MODEL SANGLA HILL</t>
  </si>
  <si>
    <t>clock tower Chouck sangla hilll</t>
  </si>
  <si>
    <t>muhammad hussain</t>
  </si>
  <si>
    <t>GHS ALLUWALI</t>
  </si>
  <si>
    <t>ALLUWALI</t>
  </si>
  <si>
    <t>POST OFFICE ALLUWALI</t>
  </si>
  <si>
    <t>MUHAMMAD IHSAN UL HAQ</t>
  </si>
  <si>
    <t>GHS ALODAY WALI (AGRO TECHNICAL)</t>
  </si>
  <si>
    <t>GHS Aluday Wali Muzaffargarh</t>
  </si>
  <si>
    <t>Aluday wali</t>
  </si>
  <si>
    <t>ABDUL KHALIQ</t>
  </si>
  <si>
    <t>GHS ALYOT</t>
  </si>
  <si>
    <t>aliot</t>
  </si>
  <si>
    <t>GOVT. BOYS MODEL HIGH SCHOOL ALIOT MURREE</t>
  </si>
  <si>
    <t>Model village ALIOT</t>
  </si>
  <si>
    <t>POTHA SHARIF</t>
  </si>
  <si>
    <t>GHS AMBALA MUSLIM SARGODHA</t>
  </si>
  <si>
    <t>BLOCK 3 FIASAL  BAZAR</t>
  </si>
  <si>
    <t>BLOCK 3 FAISAL BAZAR SARGODHA</t>
  </si>
  <si>
    <t>cH. RIAZ HUSAIN MAKEN</t>
  </si>
  <si>
    <t>GHS AMEER PUR KANAKA</t>
  </si>
  <si>
    <t>kiri Ali mardan</t>
  </si>
  <si>
    <t>mouza kiri ali mardan u/c chak farazi p/o rangpur</t>
  </si>
  <si>
    <t>jarian wala</t>
  </si>
  <si>
    <t>chak farazi</t>
  </si>
  <si>
    <t>GHS AMEER PUR SADAT</t>
  </si>
  <si>
    <t>Near GGHS Ameer Pur Sadat</t>
  </si>
  <si>
    <t>GHS AMIN ABAD</t>
  </si>
  <si>
    <t>AMIN ABAD</t>
  </si>
  <si>
    <t>P/O AMIN ABAD CITY AMIN ABAD TEHSIL LIAQUAT PUR DISTT RY KHAN</t>
  </si>
  <si>
    <t>GHS AMIN GRAH</t>
  </si>
  <si>
    <t>LIAQUAT ALI ASIF</t>
  </si>
  <si>
    <t>GHS AMLI MOTI</t>
  </si>
  <si>
    <t>Village Amlimoti Tehsil Depalpur District Okara</t>
  </si>
  <si>
    <t>Zaheer abbas</t>
  </si>
  <si>
    <t>GHS AMRUKA</t>
  </si>
  <si>
    <t>Chak Amruka p/o Hasil Saru tehsil Minchinabad diss't Bahawalnager</t>
  </si>
  <si>
    <t>GHS ANAITI</t>
  </si>
  <si>
    <t>Anaity</t>
  </si>
  <si>
    <t>basti anaity</t>
  </si>
  <si>
    <t>M Binyameen</t>
  </si>
  <si>
    <t>GHS ANAR WALA</t>
  </si>
  <si>
    <t>Anarwala</t>
  </si>
  <si>
    <t>muhammad shakeel ahmad</t>
  </si>
  <si>
    <t>GHS ANAYAT PUR</t>
  </si>
  <si>
    <t>Basti Anayat Pur jalalpur pirwala Multan</t>
  </si>
  <si>
    <t>MUHAMMAD SAJID MANSOOR</t>
  </si>
  <si>
    <t>GHS ANGA</t>
  </si>
  <si>
    <t>vpo angah tehsil Noushera Distt khushab</t>
  </si>
  <si>
    <t>Muhammad Iftekhar Ul Hassan</t>
  </si>
  <si>
    <t>GHS ANGOORI</t>
  </si>
  <si>
    <t>po angoori murree</t>
  </si>
  <si>
    <t>angoori</t>
  </si>
  <si>
    <t>Muhammad Asad</t>
  </si>
  <si>
    <t>GHS ANJUMAN-E-ISLAM WAH CANTT</t>
  </si>
  <si>
    <t>Wah cantt</t>
  </si>
  <si>
    <t>sector  10 f wah cantt</t>
  </si>
  <si>
    <t>CB Wah Cantt</t>
  </si>
  <si>
    <t>GHS ANWALI</t>
  </si>
  <si>
    <t>Vill and Post Office Anwali Tehsil Kotli Sattian Rawalpindi</t>
  </si>
  <si>
    <t>GHS AOC MORGAH</t>
  </si>
  <si>
    <t>ARL Morgah</t>
  </si>
  <si>
    <t>Govt. high school AOC Morgah Rawalpindi</t>
  </si>
  <si>
    <t>Tahir aziz</t>
  </si>
  <si>
    <t>GHS ARA</t>
  </si>
  <si>
    <t>GHS Ara Tehsil Choa Sayden Shah distt. Chakwal</t>
  </si>
  <si>
    <t>Fazal Mehdi</t>
  </si>
  <si>
    <t>GHS ARA JAFAR</t>
  </si>
  <si>
    <t>Ara jaffar tehsil kot chutta district dgkhan</t>
  </si>
  <si>
    <t>Muhammad Naeem Yousaf</t>
  </si>
  <si>
    <t>GHS ARABIC BASTI BINDRA</t>
  </si>
  <si>
    <t>BASTI BINDRA BAHAWALPUR</t>
  </si>
  <si>
    <t>BWP CITY 2</t>
  </si>
  <si>
    <t>Syed Muhammad Ahmed</t>
  </si>
  <si>
    <t>GHS ARABIC ISLAMI COLONY BAHAWALPUR</t>
  </si>
  <si>
    <t>Banga</t>
  </si>
  <si>
    <t>Islami colony Block no 3/4</t>
  </si>
  <si>
    <t>Islami Coloney</t>
  </si>
  <si>
    <t>Islami Colony</t>
  </si>
  <si>
    <t>MUHAMMAD ADNAN</t>
  </si>
  <si>
    <t>GHS ARABIC MODEL KOT KHUDA BAKHSH</t>
  </si>
  <si>
    <t>Al Jamia</t>
  </si>
  <si>
    <t>ghs kot khuda bakhsh p/o Al jamia</t>
  </si>
  <si>
    <t>GHS ARABIC SIALKOT</t>
  </si>
  <si>
    <t>AHMAD PURA</t>
  </si>
  <si>
    <t>GOVERNMENT ARABIC HIGH SCHOOL SIALKOT</t>
  </si>
  <si>
    <t>GHS ARAY PUR</t>
  </si>
  <si>
    <t>ARAY PUYR</t>
  </si>
  <si>
    <t>GHS ARAY PUR TEHSIL MAILSI DISTRICT VEHARI</t>
  </si>
  <si>
    <t>ARAY PUR</t>
  </si>
  <si>
    <t>WARSI WAHIN</t>
  </si>
  <si>
    <t>TAHIR ALI</t>
  </si>
  <si>
    <t>GHS ARAZI</t>
  </si>
  <si>
    <t>arazi khas p.o arazi teh kallar syedan distt rawalpindi</t>
  </si>
  <si>
    <t>Bashndoot</t>
  </si>
  <si>
    <t>Muhammad Iftikhar</t>
  </si>
  <si>
    <t>GHS ARIFWALA N BLOCK</t>
  </si>
  <si>
    <t>arifwala</t>
  </si>
  <si>
    <t>GHS N,Block Arifwala District Pakpattan</t>
  </si>
  <si>
    <t>N Block Arifwala</t>
  </si>
  <si>
    <t>urban II</t>
  </si>
  <si>
    <t>GHS AROOD AFGHANAN</t>
  </si>
  <si>
    <t>Aroodafghanan</t>
  </si>
  <si>
    <t>Village Aroodafghanan post office baddomalhi</t>
  </si>
  <si>
    <t>Rafaqat Baig</t>
  </si>
  <si>
    <t>GHS AROOP</t>
  </si>
  <si>
    <t>AROOP</t>
  </si>
  <si>
    <t>GHS AROOP - GUJRANWALA</t>
  </si>
  <si>
    <t>TARIQ HAMEED RATHORE</t>
  </si>
  <si>
    <t>Water n Hand Pump</t>
  </si>
  <si>
    <t>GHS ARRIYAN RAIWIND ROAD</t>
  </si>
  <si>
    <t>ARRIYAN</t>
  </si>
  <si>
    <t>GHS ARRAIYAN RAIWIND ROAD LAHORE</t>
  </si>
  <si>
    <t>ARRAIYAN</t>
  </si>
  <si>
    <t>Ejaz Dastagir</t>
  </si>
  <si>
    <t>GHS ARUR SINGH KASUR ARUR</t>
  </si>
  <si>
    <t>Chah Arur SIngh Kasur</t>
  </si>
  <si>
    <t>Chah Arur Singh Kasur</t>
  </si>
  <si>
    <t>GHS ASHAABA JHANG</t>
  </si>
  <si>
    <t>MOZA ASHABA P/O ASHABA JHANG</t>
  </si>
  <si>
    <t>GHS ASHRAF UL MADARAS</t>
  </si>
  <si>
    <t>GT ROAD OKARA</t>
  </si>
  <si>
    <t>GHS ASIF ABAD</t>
  </si>
  <si>
    <t>Chak No116/Tda</t>
  </si>
  <si>
    <t>chak no.116/TDA tehsil karor Lal esan district layyah</t>
  </si>
  <si>
    <t>Syed Ahmer Mehboob</t>
  </si>
  <si>
    <t>GHS ASSRAN WALA</t>
  </si>
  <si>
    <t>assran wala village tehsil piplan district mianwali</t>
  </si>
  <si>
    <t>GHS ATHER</t>
  </si>
  <si>
    <t>Athar</t>
  </si>
  <si>
    <t>VPO ATHER TEHSIL PIND DADAN KHAN District JHELUM</t>
  </si>
  <si>
    <t>GHS ATTA FAIZ-E-AAM MULTAN NEAR T.V. BOOSTER</t>
  </si>
  <si>
    <t>GHS Atta Faiz-e-Aam Near TV Booster Chowk Shah Abbas Multan</t>
  </si>
  <si>
    <t>Chowk Shah Abbas</t>
  </si>
  <si>
    <t>GHS ATTARI</t>
  </si>
  <si>
    <t>ATTARI</t>
  </si>
  <si>
    <t>GOVERNMENT HIGH SCHOOL ATTARI PO ATTARI MANDI AHMAD ABAD TEHSIL DEPALPUR DISTRICT OKARA</t>
  </si>
  <si>
    <t>amjad islam amjad</t>
  </si>
  <si>
    <t>GHS ATTAWA</t>
  </si>
  <si>
    <t>GhS attawa gujranwala</t>
  </si>
  <si>
    <t>GHS ATTO KAY AWAN</t>
  </si>
  <si>
    <t>Attokey Awan</t>
  </si>
  <si>
    <t>ATTOKE AWAN, BATA PUR GATE NO.2, LAHORE</t>
  </si>
  <si>
    <t>ATTOKE AWAN</t>
  </si>
  <si>
    <t>shahid Siddique</t>
  </si>
  <si>
    <t>GHS AULAK SINDHU, SARAI SIDHU</t>
  </si>
  <si>
    <t>OLAK SINDHU</t>
  </si>
  <si>
    <t>BASTI OALK SINDHU MOUZA OALK SINDHU TEHSIL KABIRWALA (KHANEWAL)</t>
  </si>
  <si>
    <t>BASTI OALK SINDHU</t>
  </si>
  <si>
    <t>CHOPER HATTA</t>
  </si>
  <si>
    <t>malik saeed</t>
  </si>
  <si>
    <t>GHS AULAKH JADEED</t>
  </si>
  <si>
    <t>BASTI AULAKH JADEED, P/O TIBBI KHURD</t>
  </si>
  <si>
    <t>BASTI AULAKH JADEED</t>
  </si>
  <si>
    <t>GHS AURANG ABAD</t>
  </si>
  <si>
    <t>aurangabad</t>
  </si>
  <si>
    <t>Ghs Aurangabad</t>
  </si>
  <si>
    <t>KHALID MEHMOOD KAHLON</t>
  </si>
  <si>
    <t>GHS AV MODERN PEOPLES COLONY 1 FSD</t>
  </si>
  <si>
    <t>PEOPLES COLONY # 1</t>
  </si>
  <si>
    <t>PEOPLES COLONY</t>
  </si>
  <si>
    <t>AZMAT SIDDIQUE</t>
  </si>
  <si>
    <t>GHS AWAMI COLONY CHUNGI AMER SIDHU LAHORE</t>
  </si>
  <si>
    <t>Awami colony</t>
  </si>
  <si>
    <t>Awami Colony Behind General Hospital</t>
  </si>
  <si>
    <t>Chungi Amar Sidhu Lahore</t>
  </si>
  <si>
    <t>GHS AWAMI SATRAH</t>
  </si>
  <si>
    <t>SATRAH</t>
  </si>
  <si>
    <t>VPO SATRAH</t>
  </si>
  <si>
    <t>MUHAMMAD ZAFARULLAH</t>
  </si>
  <si>
    <t>ELECTRIC PUMP (03-HAND PUMP)</t>
  </si>
  <si>
    <t>GHS AWAN SHARIF</t>
  </si>
  <si>
    <t>GHS Awan Sharif</t>
  </si>
  <si>
    <t>Village and post office Awan Sharif, tehsil and distt.GUJRAT</t>
  </si>
  <si>
    <t>SHAFNAN NAZAR</t>
  </si>
  <si>
    <t>GHS AWAN TOWN</t>
  </si>
  <si>
    <t>Ahmad Block Awan Town</t>
  </si>
  <si>
    <t>Mustafa Park</t>
  </si>
  <si>
    <t>GHS AWANAN WALA</t>
  </si>
  <si>
    <t>govt.high school awanan wala isa khel</t>
  </si>
  <si>
    <t>Awanan wala</t>
  </si>
  <si>
    <t>kallur</t>
  </si>
  <si>
    <t>Muhammad ismail</t>
  </si>
  <si>
    <t>GHS AZEEM ABAD BUREWALA</t>
  </si>
  <si>
    <t>azeemabad Burewala</t>
  </si>
  <si>
    <t>GOVT. HIGH SCHOOL AZEEMABAD BUREWALA DISTT. VEHARI</t>
  </si>
  <si>
    <t>SATTELITE TOWN BUREWALA</t>
  </si>
  <si>
    <t>RO Water Treatment Plant</t>
  </si>
  <si>
    <t>GHS AZIZ E MILLAT BWN</t>
  </si>
  <si>
    <t>HAROON ABAD ROAD</t>
  </si>
  <si>
    <t>muhammad Yousaf</t>
  </si>
  <si>
    <t>GHS AZIZ NATIONAL</t>
  </si>
  <si>
    <t>LANE NO.7, RAJA AKRAM COLONY JHAWARA KAMALABAD RAWALPINDI</t>
  </si>
  <si>
    <t>Raja Akram colony Rawalpindi</t>
  </si>
  <si>
    <t>GHS BABAKWAL</t>
  </si>
  <si>
    <t>Babakwal. Kala khatai road ferozwala</t>
  </si>
  <si>
    <t>Bakhtiar Ahmad</t>
  </si>
  <si>
    <t>GHS BABBAR</t>
  </si>
  <si>
    <t>VPO BABBAR TEHSIL NOSHERA VIRKAN  (GRW)</t>
  </si>
  <si>
    <t>Shafqat Mahmood</t>
  </si>
  <si>
    <t>GHS BADDO</t>
  </si>
  <si>
    <t>Baddo</t>
  </si>
  <si>
    <t>village Baddo P.O. Behalola tehsil and district Jhelum</t>
  </si>
  <si>
    <t>GHS BADDO RATTA</t>
  </si>
  <si>
    <t>GHS Baddo Ratta, Nowshehra Virkan Gujranwala</t>
  </si>
  <si>
    <t>Obed Akhtar Gill</t>
  </si>
  <si>
    <t>GHS BADH RAJBANA</t>
  </si>
  <si>
    <t>badhrajbana</t>
  </si>
  <si>
    <t>muaza badhrajbana pattan road shorkot city</t>
  </si>
  <si>
    <t>Muhammad Zia Ul Ameen</t>
  </si>
  <si>
    <t>GHS BADHOKE GOSAIYAN</t>
  </si>
  <si>
    <t>Baddoki Gossaian Tehsil&amp; District Gujranwala</t>
  </si>
  <si>
    <t>Baddoki Gossaian</t>
  </si>
  <si>
    <t>Ghulam Shabbir Ahmad</t>
  </si>
  <si>
    <t>GHS BADIANA</t>
  </si>
  <si>
    <t>badiana</t>
  </si>
  <si>
    <t>govt. high school badiana</t>
  </si>
  <si>
    <t>amjad ali</t>
  </si>
  <si>
    <t>GHS BADLAY WALA</t>
  </si>
  <si>
    <t>GHS Badlawala, Mouza Sultan Khar, Muzaffargarh</t>
  </si>
  <si>
    <t>Badlay Wala</t>
  </si>
  <si>
    <t>Riaz Hussain Qammar</t>
  </si>
  <si>
    <t>GHS BADLI SHARIF</t>
  </si>
  <si>
    <t>badli sharif</t>
  </si>
  <si>
    <t>badli sharif rahim yar khan</t>
  </si>
  <si>
    <t>IMRAN UR REHMAN</t>
  </si>
  <si>
    <t>GHS BADOKAY CHEEMA</t>
  </si>
  <si>
    <t>Baddoke Cheema Tehsil Sambrial</t>
  </si>
  <si>
    <t>NASIR MAHMOOD CHEEMA</t>
  </si>
  <si>
    <t>GHS BAGH JAMERI</t>
  </si>
  <si>
    <t>GHS bagh jameri</t>
  </si>
  <si>
    <t>Raja KHALID MEHMOOD</t>
  </si>
  <si>
    <t>GHS BAGH WALA</t>
  </si>
  <si>
    <t>Sargani Thal</t>
  </si>
  <si>
    <t>BAGH WALA, AAMIR CHAOK, Tehsil Karor, Distt. Layyah</t>
  </si>
  <si>
    <t>GHS BAGHBAN PURA</t>
  </si>
  <si>
    <t>BAGHBANPURA</t>
  </si>
  <si>
    <t>GHS BAGHBANPURA</t>
  </si>
  <si>
    <t>Muhammad Akram Sajid</t>
  </si>
  <si>
    <t>GHS BAGHIANA KALAN</t>
  </si>
  <si>
    <t>baghiana kalan</t>
  </si>
  <si>
    <t>govt high school baghiana kalan</t>
  </si>
  <si>
    <t>MIAN SHAFQAT HABIB</t>
  </si>
  <si>
    <t>GHS BAGH-O-BAHAR</t>
  </si>
  <si>
    <t>Hasso Wala</t>
  </si>
  <si>
    <t>GBHS BAGH O BAHAR KHANPUR</t>
  </si>
  <si>
    <t>Bagh Bahar</t>
  </si>
  <si>
    <t>GHS BAGRAIN V/P BAGRIAN TEH. SHUJABAD</t>
  </si>
  <si>
    <t>BAGRAIN</t>
  </si>
  <si>
    <t>P/O Bagrain, Tehsil Shujabad, District Multan.</t>
  </si>
  <si>
    <t>GHS BAGRIAN GREEN TOWN</t>
  </si>
  <si>
    <t>bagrian</t>
  </si>
  <si>
    <t>bagrian green town lahore</t>
  </si>
  <si>
    <t>Rashid Ahmad Bhatti</t>
  </si>
  <si>
    <t>GHS BAHADUR NAGAR FARM</t>
  </si>
  <si>
    <t>BAHADUR NAGAR FARM</t>
  </si>
  <si>
    <t>GHS BAHADUR NAGAR FARM OKARA</t>
  </si>
  <si>
    <t>ZAKIR HUSSAIN</t>
  </si>
  <si>
    <t>GHS BAHARWAL</t>
  </si>
  <si>
    <t>KASHMIR COLONY BAHARWAL</t>
  </si>
  <si>
    <t>VPO Baharwal, Tehsil Kharian District Gujrat</t>
  </si>
  <si>
    <t>BAHARWAL</t>
  </si>
  <si>
    <t>Mobasher Ahmed</t>
  </si>
  <si>
    <t>GHS BAHAWAL BHAND WALA</t>
  </si>
  <si>
    <t>bhand nasheb</t>
  </si>
  <si>
    <t>basti bhand wala p/O shah pur tehsil and district layyah</t>
  </si>
  <si>
    <t>bhand wala</t>
  </si>
  <si>
    <t>shadu khan</t>
  </si>
  <si>
    <t>GHS BAHAWAL GARH</t>
  </si>
  <si>
    <t>Bahawalgarh Garh</t>
  </si>
  <si>
    <t>GHS BAHAWALGARH. Tensile keyword pacca</t>
  </si>
  <si>
    <t>Mukhtar Ahmad Khan</t>
  </si>
  <si>
    <t>GHS BAHAWAL KOT</t>
  </si>
  <si>
    <t>Govt High School Bahawalkot Nanakana Sahib</t>
  </si>
  <si>
    <t>Bahawalkot</t>
  </si>
  <si>
    <t>Muhammad Naeem Akhtar Salahry</t>
  </si>
  <si>
    <t>GHS BAHAWALPUR CANTT.</t>
  </si>
  <si>
    <t>bahawalpur</t>
  </si>
  <si>
    <t>ghs bahawalpur cantt</t>
  </si>
  <si>
    <t>city bahawalpur</t>
  </si>
  <si>
    <t>Muhammad Ismail Durrani</t>
  </si>
  <si>
    <t>GHS BAHROKE CHEEMA</t>
  </si>
  <si>
    <t>Bharoke cheema</t>
  </si>
  <si>
    <t>Basit Ali</t>
  </si>
  <si>
    <t>GHS BAHTAR</t>
  </si>
  <si>
    <t>vill and p/o bahtar ,tehsil fateh jang, district attock</t>
  </si>
  <si>
    <t>Shoukat Baig</t>
  </si>
  <si>
    <t>GHS BAIR BAND</t>
  </si>
  <si>
    <t>mouza Bair band tehsil jatoi</t>
  </si>
  <si>
    <t>GHS BAISA KALAN</t>
  </si>
  <si>
    <t>Vill. &amp; P.O. Baisa Kalan Teh. Sarai Alamgir Dist Gujratt</t>
  </si>
  <si>
    <t>Baisa Kalan</t>
  </si>
  <si>
    <t>Farkh Zubair</t>
  </si>
  <si>
    <t>GHS BAKHAR WAH</t>
  </si>
  <si>
    <t>P/O ASLAM ABAD BAKHAR WAH TEHSIL KOT CHUTTA DISTRICT D.G.KHAN</t>
  </si>
  <si>
    <t>HABIB UR RAHMAN</t>
  </si>
  <si>
    <t>GHS BAKHARI AHAMD KHAN</t>
  </si>
  <si>
    <t>Basti Bakhri Ahmad Khan,Mouza Bait Dabli,P/O kot Sultan,Tehsil &amp; District Layyah</t>
  </si>
  <si>
    <t>Bakhri Ahmad khan</t>
  </si>
  <si>
    <t>GHS BAKHOO WALA</t>
  </si>
  <si>
    <t>Bakhoo Wala</t>
  </si>
  <si>
    <t>Kotmomin road, Bakhoowala, Teh. Kotmoman, Dist. Sargodha</t>
  </si>
  <si>
    <t>Muhammad Asim Ud din</t>
  </si>
  <si>
    <t>GHS BAKHRI WALI</t>
  </si>
  <si>
    <t>village bhakrewali, p/o  daulat nagar,district gujrat</t>
  </si>
  <si>
    <t>dhuma malka</t>
  </si>
  <si>
    <t>GHS BAKHSH ABAD</t>
  </si>
  <si>
    <t>Govt Boys High School Bakhsh Abad kotla Jafar Laal  P/O Bhong Sadiq Abad</t>
  </si>
  <si>
    <t>Kotla jafar laal</t>
  </si>
  <si>
    <t>Gharhi Dhudhu</t>
  </si>
  <si>
    <t>GHS BAKHSHU</t>
  </si>
  <si>
    <t>Moza Bakhshu PO Jabooka Teh &amp; Dist Okara</t>
  </si>
  <si>
    <t>Rai Muhammad Imran</t>
  </si>
  <si>
    <t>GHS BAKRALA</t>
  </si>
  <si>
    <t>vpo bakrala sohawa</t>
  </si>
  <si>
    <t>GHS BALA</t>
  </si>
  <si>
    <t>VILLAGE BALA TEHSIL PIPLAN DISTRICT MIANWALI</t>
  </si>
  <si>
    <t>VICHVEEN</t>
  </si>
  <si>
    <t>MUHAMMAD SAJID KHAN</t>
  </si>
  <si>
    <t>GHS BALA ARIAN</t>
  </si>
  <si>
    <t>Bala Arain</t>
  </si>
  <si>
    <t>chalk Bala Arain Tehsil Bahawalnagar</t>
  </si>
  <si>
    <t>Malk Pura</t>
  </si>
  <si>
    <t>Jamshaid Ahmed</t>
  </si>
  <si>
    <t>GHS BALAN WALA</t>
  </si>
  <si>
    <t>Ballanwala Sialkot</t>
  </si>
  <si>
    <t>govt high school ballanwala</t>
  </si>
  <si>
    <t>raj kumar rana</t>
  </si>
  <si>
    <t>GHS BALHERKE SHEIKHUPURA</t>
  </si>
  <si>
    <t>Balherke</t>
  </si>
  <si>
    <t>village balherke tehsil and distt. balherke, sheikhupura</t>
  </si>
  <si>
    <t>MUHAMMAD AJMAL</t>
  </si>
  <si>
    <t>GHS BALKASSAR</t>
  </si>
  <si>
    <t>BALKASSAR</t>
  </si>
  <si>
    <t>VILLAGE AND POST OFFICE BALKASSAR TEHSIL AND DISTRICT CHAKWAL</t>
  </si>
  <si>
    <t>CH Amir Afzal</t>
  </si>
  <si>
    <t>GHS BALLEY WALA</t>
  </si>
  <si>
    <t>V.P.O BALLEY WALA TEHSIL AND DISTT. GUJRANWALA</t>
  </si>
  <si>
    <t>JALAL BLUGAN</t>
  </si>
  <si>
    <t>SOHAIL MASOOD</t>
  </si>
  <si>
    <t>GHS BALLOKI</t>
  </si>
  <si>
    <t>BALLOKI POST OFFICE PHOOL NAGAR TEHSIL PATTOKI DISTRICT KASUR</t>
  </si>
  <si>
    <t>Balloki</t>
  </si>
  <si>
    <t>Haroon Ali</t>
  </si>
  <si>
    <t>GHS BAMBAN WALA</t>
  </si>
  <si>
    <t>Village and Post Office Bambanwala</t>
  </si>
  <si>
    <t>rIAZ aHMED</t>
  </si>
  <si>
    <t>GHS BAMBOOL</t>
  </si>
  <si>
    <t>VPO Bambool Tehsil Noor Pur Thal</t>
  </si>
  <si>
    <t>Malik Khizar Hayat Saggu</t>
  </si>
  <si>
    <t>GHS BAN SHAHEED</t>
  </si>
  <si>
    <t>BANSHAHEED</t>
  </si>
  <si>
    <t>GOVT HIGH SCHOOL BANSHAHEED JHELUM</t>
  </si>
  <si>
    <t>BADLOT</t>
  </si>
  <si>
    <t>ALLAH Ditta</t>
  </si>
  <si>
    <t>GHS BAND ALI PUR</t>
  </si>
  <si>
    <t>Basti and mouza Band Ali Pur Tehsil and District Lodhran</t>
  </si>
  <si>
    <t>GHS BANDAH</t>
  </si>
  <si>
    <t>Village and Post Office Banda, Tehsil and District Rawalpindi.</t>
  </si>
  <si>
    <t>TANVEER AHMED</t>
  </si>
  <si>
    <t>Local Tube Well</t>
  </si>
  <si>
    <t>GHS BANDEKI JAGIR</t>
  </si>
  <si>
    <t>Bandeki Jageer</t>
  </si>
  <si>
    <t>bandeki jageer teh. and dist. nankana sahib</t>
  </si>
  <si>
    <t>Muhammad siddique</t>
  </si>
  <si>
    <t>GHS BANDIAL</t>
  </si>
  <si>
    <t>VPO Bandial</t>
  </si>
  <si>
    <t>Bandial South</t>
  </si>
  <si>
    <t>GHS BANDIAN WALA PUL CHUNGI AMER SIDHU</t>
  </si>
  <si>
    <t>pul Bandianwala, Near Niazi Chowk Chungi Amar Sidhu Lahore.</t>
  </si>
  <si>
    <t>Pul Bandianwala</t>
  </si>
  <si>
    <t>Noor Ahmad Rao</t>
  </si>
  <si>
    <t>GHS BANDWANI</t>
  </si>
  <si>
    <t>P/O MAMOORI, D.G.KHAN</t>
  </si>
  <si>
    <t>BANDOANI</t>
  </si>
  <si>
    <t>ABDUL WAHEED QAISRANI</t>
  </si>
  <si>
    <t>Drinking water Filtraton plant near school</t>
  </si>
  <si>
    <t>GHS BANGALA P.O GARDEZPUR TEH.SHUJABAD</t>
  </si>
  <si>
    <t>BASTI BANGALA P/O GARDAIZ PUR SHUJABAD</t>
  </si>
  <si>
    <t>BASTI BANGALA</t>
  </si>
  <si>
    <t>GHS BANGLA ICHHA</t>
  </si>
  <si>
    <t>Kacha Mian a Wali No 2</t>
  </si>
  <si>
    <t>bangla ichha</t>
  </si>
  <si>
    <t>Bangla Iccha</t>
  </si>
  <si>
    <t>Kachamianawali</t>
  </si>
  <si>
    <t>Muhammad  Afzal Khan</t>
  </si>
  <si>
    <t>GHS BANGUL WALI</t>
  </si>
  <si>
    <t>Mahal  Khakhi Shumali</t>
  </si>
  <si>
    <t>p/o banguwali</t>
  </si>
  <si>
    <t>Banguwali</t>
  </si>
  <si>
    <t>Saif Ullah Khan</t>
  </si>
  <si>
    <t>GHS BANHAL</t>
  </si>
  <si>
    <t>Banahal</t>
  </si>
  <si>
    <t>GHS banahal</t>
  </si>
  <si>
    <t>Manianda</t>
  </si>
  <si>
    <t>Zahid Masood Qasmi</t>
  </si>
  <si>
    <t>GHS BANN</t>
  </si>
  <si>
    <t>GHS BANN MURREE RWP</t>
  </si>
  <si>
    <t>BANN</t>
  </si>
  <si>
    <t>Hafiz Ahmad Jawad</t>
  </si>
  <si>
    <t>GHS BAQIR PUR</t>
  </si>
  <si>
    <t>BAQIRPUR</t>
  </si>
  <si>
    <t>BAQIRPUR KABIRWALA</t>
  </si>
  <si>
    <t>ABDUL Tawab</t>
  </si>
  <si>
    <t>GHS BAR MUSA</t>
  </si>
  <si>
    <t>BAR MUSA</t>
  </si>
  <si>
    <t>V &amp; PO BAR MUSA,TEHSIL MALAKWAL DISTT. M.B.DIN</t>
  </si>
  <si>
    <t>SAJID MEHMOOD</t>
  </si>
  <si>
    <t>GHS BARA</t>
  </si>
  <si>
    <t>Basti Bara P/O Murad Pur Janubi Tehsil Ali Pur District Muzaffargarh</t>
  </si>
  <si>
    <t>GHS BARA GOWAH</t>
  </si>
  <si>
    <t>GHS Baragowah Sohawa Jhelum</t>
  </si>
  <si>
    <t>JAMIL ASIF</t>
  </si>
  <si>
    <t>GHS BARA PIND</t>
  </si>
  <si>
    <t>Vpo barapind</t>
  </si>
  <si>
    <t>GHS BARANA</t>
  </si>
  <si>
    <t>Barana Tehsil Lalian District Chiniot</t>
  </si>
  <si>
    <t>GHS BARAZAI</t>
  </si>
  <si>
    <t>vpobarazai</t>
  </si>
  <si>
    <t>Malakmala</t>
  </si>
  <si>
    <t>Muhammad  Afsar</t>
  </si>
  <si>
    <t>GHS BARILA SHARIF</t>
  </si>
  <si>
    <t>barila</t>
  </si>
  <si>
    <t>barila sharif po tanda teh and dist gujrat</t>
  </si>
  <si>
    <t>Muhammad Nawaz Haq</t>
  </si>
  <si>
    <t>GHS BARKI</t>
  </si>
  <si>
    <t>ghs barki p/o barki lhr cantt</t>
  </si>
  <si>
    <t>GHS BAROHI</t>
  </si>
  <si>
    <t>P o barohi teh kahuta distt rawalpindi</t>
  </si>
  <si>
    <t>GHS BARRANGA</t>
  </si>
  <si>
    <t>BARRANGA</t>
  </si>
  <si>
    <t>GHS Barranga, p/o Dulle wala, Darya Khan, Bhakkar</t>
  </si>
  <si>
    <t>GHS BARTHI</t>
  </si>
  <si>
    <t>Barthi South</t>
  </si>
  <si>
    <t>p/o barthi tribal area DGK</t>
  </si>
  <si>
    <t>GHS BARU</t>
  </si>
  <si>
    <t>baru</t>
  </si>
  <si>
    <t>village baru p.o karianwala teh. &amp; distt. gujrat</t>
  </si>
  <si>
    <t>muhammad Munir</t>
  </si>
  <si>
    <t>GHS BARWALA</t>
  </si>
  <si>
    <t>barwala</t>
  </si>
  <si>
    <t>vpo barwala jand attock</t>
  </si>
  <si>
    <t>tarap</t>
  </si>
  <si>
    <t>Danish Niaz Malik</t>
  </si>
  <si>
    <t>GHS BASAL</t>
  </si>
  <si>
    <t>ghs basal</t>
  </si>
  <si>
    <t>Rashid Mushtaq</t>
  </si>
  <si>
    <t>GHS BASHERA</t>
  </si>
  <si>
    <t>GHS Mouza Bashera Sahiwal</t>
  </si>
  <si>
    <t>Bahadur Shah</t>
  </si>
  <si>
    <t>GHS BASIR PUR TOWN</t>
  </si>
  <si>
    <t>Basir Pur Town</t>
  </si>
  <si>
    <t>Main Bazar</t>
  </si>
  <si>
    <t>Muhammad Jawad Aftab Ahmad Ch</t>
  </si>
  <si>
    <t>GHS BASIRA</t>
  </si>
  <si>
    <t>DG Khan Road, Basira, Muzaffargarh</t>
  </si>
  <si>
    <t>abdul razzaq chouhan</t>
  </si>
  <si>
    <t>GHS BASTI AZIM SHAH</t>
  </si>
  <si>
    <t>azim shah</t>
  </si>
  <si>
    <t>Nawan KOt Road Near Bukhari Filling Station Basti Azim Shah KPR</t>
  </si>
  <si>
    <t>azim Shah</t>
  </si>
  <si>
    <t>GHS BASTI BUZDAR</t>
  </si>
  <si>
    <t>Basti Buzdar Tehsil Taunsa Distt. D.G. Khan</t>
  </si>
  <si>
    <t>SHAHBAZ MUHAMMAD</t>
  </si>
  <si>
    <t>GHS BASTI CHAWAN</t>
  </si>
  <si>
    <t>CHAWAN</t>
  </si>
  <si>
    <t>BASTI CHAWAN P/O DERA BAKHA TEHSIL CITY DISTRICT BAHAWALPUR</t>
  </si>
  <si>
    <t>Jhangiwala</t>
  </si>
  <si>
    <t>Muhammad alamgir</t>
  </si>
  <si>
    <t>GHS BASTI CHEENA</t>
  </si>
  <si>
    <t>basti cheena</t>
  </si>
  <si>
    <t>GHS BASTI DRIGH</t>
  </si>
  <si>
    <t>Traff Masso</t>
  </si>
  <si>
    <t>Govt High school Basti Drigh Ali Pur Road Khan garh</t>
  </si>
  <si>
    <t>RANA FARZAND ALI</t>
  </si>
  <si>
    <t>GHS BASTI HAJO</t>
  </si>
  <si>
    <t>Hajo</t>
  </si>
  <si>
    <t>Basti Hajo,post office Dajal, tehsil jampur , district Rajanpur</t>
  </si>
  <si>
    <t>Basti Hajo</t>
  </si>
  <si>
    <t>wah Lashari</t>
  </si>
  <si>
    <t>GHS BASTI ISLAM PUR</t>
  </si>
  <si>
    <t>basti islampur tehsil dunyapur district lodhran</t>
  </si>
  <si>
    <t>Housing Scheme Dunyapur</t>
  </si>
  <si>
    <t>GHS BASTI JALEEL MULTAN</t>
  </si>
  <si>
    <t>Jaleel</t>
  </si>
  <si>
    <t>Basti Jaleel multan</t>
  </si>
  <si>
    <t>GHS BASTI LAR JANUBI</t>
  </si>
  <si>
    <t>basti lar janubi jppw multan</t>
  </si>
  <si>
    <t>Basti Lar Janubi</t>
  </si>
  <si>
    <t>GHS BASTI MAHARAN</t>
  </si>
  <si>
    <t>LUTKRAN</t>
  </si>
  <si>
    <t>OLD MONDKA ROAD MUZAFFARGARH</t>
  </si>
  <si>
    <t>m.c muzaffar garh</t>
  </si>
  <si>
    <t>MUHAMMAD FAROOQ AKBER LEGHARI</t>
  </si>
  <si>
    <t>GHS BASTI MALOOK MULTAN</t>
  </si>
  <si>
    <t>12 FAIZ</t>
  </si>
  <si>
    <t>12 F basti malook</t>
  </si>
  <si>
    <t>BASTI MALOOK</t>
  </si>
  <si>
    <t>MALIK SAJJAD HUSSAIN</t>
  </si>
  <si>
    <t>GHS BASTI MIAN PUNJA</t>
  </si>
  <si>
    <t>P/O BASTI MIAN PUNJA</t>
  </si>
  <si>
    <t>BASTI MIAN PUNJA</t>
  </si>
  <si>
    <t>Farhat Abbas Khan</t>
  </si>
  <si>
    <t>GHS BASTI MITHU BASTI MITHU GHARBI</t>
  </si>
  <si>
    <t>GHS Basti Mithu, Basti Mithu Garbi Tehsil SHUJABAD</t>
  </si>
  <si>
    <t>Syed Ali Hasnain Shah</t>
  </si>
  <si>
    <t>GHS BASTI NAU MULTAN</t>
  </si>
  <si>
    <t>Govt High School Basti Nau near Nawabpur Road</t>
  </si>
  <si>
    <t>Wahid Iqbal</t>
  </si>
  <si>
    <t>GHS BASTI NAZIR KHAN</t>
  </si>
  <si>
    <t>Chack No.119/NP</t>
  </si>
  <si>
    <t>Chack No. 119/NP Basti Nazir Khan Tehsil Liaquat Pur</t>
  </si>
  <si>
    <t>Basti Nazir Khan</t>
  </si>
  <si>
    <t>Rana abdul Ghaffar</t>
  </si>
  <si>
    <t>GHS BASTI QAZI</t>
  </si>
  <si>
    <t>sanjh isra</t>
  </si>
  <si>
    <t>p/o basti qazi tehsil karor district layyah</t>
  </si>
  <si>
    <t>basti qazi</t>
  </si>
  <si>
    <t>GHS BASTI SAHOO</t>
  </si>
  <si>
    <t>BASTI SAHOO MULTAN</t>
  </si>
  <si>
    <t>Ghulam Mustafa Bhutta</t>
  </si>
  <si>
    <t>GHS BASTI SHADU KHAN</t>
  </si>
  <si>
    <t>Moza Basti shadu khan po shah pur teh distt. Layyah</t>
  </si>
  <si>
    <t>Muhammad Zulfiqar Ali</t>
  </si>
  <si>
    <t>GHS BASTI SIBANI CHAK NO 108 TDA</t>
  </si>
  <si>
    <t>108tda</t>
  </si>
  <si>
    <t>ghs basti sibani 108tda</t>
  </si>
  <si>
    <t>Basti Sibani</t>
  </si>
  <si>
    <t>nizam ul din</t>
  </si>
  <si>
    <t>GHS BASTI SIDDIQUE ABAD (NIHALAY WALA) MULTAN</t>
  </si>
  <si>
    <t>GATH BRABAR</t>
  </si>
  <si>
    <t>Basti Sadique Abad, Nihalay Wala Chowk Bosan Road Multan.</t>
  </si>
  <si>
    <t>BASTI SADIQUE ABAD</t>
  </si>
  <si>
    <t>Saleh Mahay</t>
  </si>
  <si>
    <t>Umair Nissar</t>
  </si>
  <si>
    <t>Water Purification Plan (UV and Arsenik)</t>
  </si>
  <si>
    <t>GHS BASTI UNRAN</t>
  </si>
  <si>
    <t>Imam Bux Unar</t>
  </si>
  <si>
    <t>Basti unran p/o shahid abad tehsil liaquat pur</t>
  </si>
  <si>
    <t>Basti Unran</t>
  </si>
  <si>
    <t>Dufli Kabeer Khan</t>
  </si>
  <si>
    <t>Muhammad Iqbal Raza</t>
  </si>
  <si>
    <t>GHS BATALA</t>
  </si>
  <si>
    <t>village batala post and tehsil kahuta district Rawalpindi</t>
  </si>
  <si>
    <t>DOBERAN KHURD</t>
  </si>
  <si>
    <t>asif ismail</t>
  </si>
  <si>
    <t>GHS BATALA MUSLIM SAHIWAL</t>
  </si>
  <si>
    <t>Old Civil Line</t>
  </si>
  <si>
    <t>Government Batala Muslim High School Sahiwal</t>
  </si>
  <si>
    <t>Muhammad Naeem Ullah</t>
  </si>
  <si>
    <t>GHS BATHAN WALA</t>
  </si>
  <si>
    <t>village bathanwala (narowal)</t>
  </si>
  <si>
    <t>Muhammad Waqas Aslam</t>
  </si>
  <si>
    <t>GHS BATHI</t>
  </si>
  <si>
    <t>VILLAGE BATHI P/O JHOKE BODO TEHSIL TAUNSA (TRIBAL AREA) DISTRICT D.G.KHAN</t>
  </si>
  <si>
    <t>ILYAS AHMAD</t>
  </si>
  <si>
    <t>WATER SUPPLY NATURAL FLOW</t>
  </si>
  <si>
    <t>GHS BEDIAN</t>
  </si>
  <si>
    <t>Bedian</t>
  </si>
  <si>
    <t>Village bedian po same tehsil and District kasur</t>
  </si>
  <si>
    <t>Ghulam Rasul</t>
  </si>
  <si>
    <t>GHS BEGO WALA</t>
  </si>
  <si>
    <t>VPO Begowala Tehsil Sambrial District Sialkot</t>
  </si>
  <si>
    <t>LIlyas Ahmad</t>
  </si>
  <si>
    <t>GHS BEHAL BHAKKAR</t>
  </si>
  <si>
    <t>BEHAL</t>
  </si>
  <si>
    <t>GHS BEHAL YOUSAF SHAH ROAD BEHAL</t>
  </si>
  <si>
    <t>GHS BEHARI PUR NANKANA SAHIB</t>
  </si>
  <si>
    <t>GHS BEHARI PUR TEHSIL &amp; DISTT: NANKANA SAHIB P/O MANDI FAIZABAD</t>
  </si>
  <si>
    <t>BHACHOW KE PAR</t>
  </si>
  <si>
    <t>zahoor qadir</t>
  </si>
  <si>
    <t>GHS BEHERWAL KALAN</t>
  </si>
  <si>
    <t>GHS Beherwal Kalan</t>
  </si>
  <si>
    <t>jamil ahmad</t>
  </si>
  <si>
    <t>GHS BEHLI</t>
  </si>
  <si>
    <t>Basti behli mouza behli</t>
  </si>
  <si>
    <t>Syed Ghulam Abbas</t>
  </si>
  <si>
    <t>GHS BEHLOLPUR</t>
  </si>
  <si>
    <t>Village Behlolpur P/O Tanda Teh. and Distt. Gujrat</t>
  </si>
  <si>
    <t>GHS BELAY WALA</t>
  </si>
  <si>
    <t>P/O BELAY WALA TEHSIL JATOI DISTRICT MUZAFFAR GARH</t>
  </si>
  <si>
    <t>DILBAR ALI</t>
  </si>
  <si>
    <t>GHS BEOR</t>
  </si>
  <si>
    <t>vpo beor</t>
  </si>
  <si>
    <t>AAMAR HUSSAIN KHAWAR</t>
  </si>
  <si>
    <t>GHS BHADANA</t>
  </si>
  <si>
    <t>village bhadana p.o bhadana tehsil gujar Khan district rawalpidni</t>
  </si>
  <si>
    <t>jahangir afzal</t>
  </si>
  <si>
    <t>GHS BHADDAR</t>
  </si>
  <si>
    <t>vpo bhaddar district gujrat tehsil kharian</t>
  </si>
  <si>
    <t>SHAHZAD AHMAD</t>
  </si>
  <si>
    <t>GHS BHADROO MINARA (SKP)</t>
  </si>
  <si>
    <t>village Bhadru minara sheikhupura</t>
  </si>
  <si>
    <t>Rakh Hirn Minara</t>
  </si>
  <si>
    <t>GHS BHADUR KHAN</t>
  </si>
  <si>
    <t>Village Bahadur Khan, PO Moosa, Tehsil Hazro, Distt. attock</t>
  </si>
  <si>
    <t>MUHAMMAD ANWAR UD DIN</t>
  </si>
  <si>
    <t>GHS BHAG NAGAR</t>
  </si>
  <si>
    <t>BHAG NAGAR</t>
  </si>
  <si>
    <t>VPO BHAG NAGAR TEHSIL SARAI ALAM GIR DISTT GIRARD</t>
  </si>
  <si>
    <t>m javed iqbal</t>
  </si>
  <si>
    <t>GHS BHAGAT PUR</t>
  </si>
  <si>
    <t>Bhagatpur</t>
  </si>
  <si>
    <t>bhagatpur tehsil daska district sialkot</t>
  </si>
  <si>
    <t>MUHAMMAD ARIF JAJJA</t>
  </si>
  <si>
    <t>GHS BHAGIARI</t>
  </si>
  <si>
    <t>bhagiari</t>
  </si>
  <si>
    <t>bhagiari p.o kingra tehsil pasrur distt. sialkot</t>
  </si>
  <si>
    <t>Abbas Ali</t>
  </si>
  <si>
    <t>GHS BHAGOR KALAN</t>
  </si>
  <si>
    <t>Bhagore kalan</t>
  </si>
  <si>
    <t>villages Bhagore kalan p/o Darman TEH: Zafarwal District Narowal</t>
  </si>
  <si>
    <t>Denga Nurainpur</t>
  </si>
  <si>
    <t>Muhammad Shahbaz  Sarwar</t>
  </si>
  <si>
    <t>GHS BHAGOWAL</t>
  </si>
  <si>
    <t>Village Bhagowal post office same tensile and District sialkot</t>
  </si>
  <si>
    <t>GHS BHAGOWAL KHURD</t>
  </si>
  <si>
    <t>Bhagowal Khurd P.O Jalal Pur Jattan Tehsil &amp; District Gujrat</t>
  </si>
  <si>
    <t>GHS BHAGSAR</t>
  </si>
  <si>
    <t>Bhagsar</t>
  </si>
  <si>
    <t>bhagsar p/o umarkot district rajanpur</t>
  </si>
  <si>
    <t>Sabzani</t>
  </si>
  <si>
    <t>Muhammad Iqbal Rais</t>
  </si>
  <si>
    <t>GHS BHAGTAL</t>
  </si>
  <si>
    <t>VPO Bhagtal Tehsil Talangang District Chakwal</t>
  </si>
  <si>
    <t>Pera Fatehhal</t>
  </si>
  <si>
    <t>ABDUR REHMAN</t>
  </si>
  <si>
    <t>GHS BHAGTANWALA (DE-GRADE)</t>
  </si>
  <si>
    <t>BHAGTANWALA</t>
  </si>
  <si>
    <t>BHAGTANWALA SARGODHA</t>
  </si>
  <si>
    <t>MUHAMMAD ABDUL KHALIQ</t>
  </si>
  <si>
    <t>GHS BHAGWAL</t>
  </si>
  <si>
    <t>VPO Bhagwal (Via Sehna) Teh.Kharian Distt.Gujrat</t>
  </si>
  <si>
    <t>Zahid Rafique</t>
  </si>
  <si>
    <t>GHS BHAIR KALYAL</t>
  </si>
  <si>
    <t>VPO  Bhairkalyal Teh Gujarkhan Dist Rawalpindi</t>
  </si>
  <si>
    <t>Bhair Kalyal</t>
  </si>
  <si>
    <t>GHS BHAJNA</t>
  </si>
  <si>
    <t>Bhajana</t>
  </si>
  <si>
    <t>GHS  Bhajna</t>
  </si>
  <si>
    <t>PERVAIZ IQBAL</t>
  </si>
  <si>
    <t>GHS BHAKHAR BAR</t>
  </si>
  <si>
    <t>Bakhar bar</t>
  </si>
  <si>
    <t>bakhar bar, teh. shahpur, distt. sargodha</t>
  </si>
  <si>
    <t>GHS BHAKHRAL</t>
  </si>
  <si>
    <t>BHAKRAL</t>
  </si>
  <si>
    <t>P.O- CHOWKPINDORI  TEHSIL- KALLARS YEDAN, DISTT. RAWALPINDI</t>
  </si>
  <si>
    <t>GUFF</t>
  </si>
  <si>
    <t>ABDUL QAYYUM</t>
  </si>
  <si>
    <t>GHS BHALAKHAR</t>
  </si>
  <si>
    <t>Village bhalakhar tehsil kallar Syedan District rawalpindi</t>
  </si>
  <si>
    <t>Ayaz Mahmood Amer</t>
  </si>
  <si>
    <t>GHS BHALAR JOGI</t>
  </si>
  <si>
    <t>BHALLAR JOGI</t>
  </si>
  <si>
    <t>GHS BHALLAR JOGI</t>
  </si>
  <si>
    <t>ANIS-UR-RAHMAN</t>
  </si>
  <si>
    <t>GHS BHALIKAY</t>
  </si>
  <si>
    <t>BHALIKE</t>
  </si>
  <si>
    <t>BHALIKE STATION</t>
  </si>
  <si>
    <t>HAROON ALI SANDHU</t>
  </si>
  <si>
    <t>GHS BHALL</t>
  </si>
  <si>
    <t>BHAAL</t>
  </si>
  <si>
    <t>VILLAGE &amp; PO BHAAL TEH. &amp; DIST. RAWALPINDI</t>
  </si>
  <si>
    <t>syed haider abbass naqvi</t>
  </si>
  <si>
    <t>GHS BHALLARTOP</t>
  </si>
  <si>
    <t>GHS BHALLARTOP TAXILA</t>
  </si>
  <si>
    <t>Bhallar Top Taxila</t>
  </si>
  <si>
    <t>Mazhar Ejaz</t>
  </si>
  <si>
    <t>GHS BHALWAL</t>
  </si>
  <si>
    <t>Gov't High Schoo Bhalwal</t>
  </si>
  <si>
    <t>Aftab Iqbal</t>
  </si>
  <si>
    <t>GHS BHAN SULTAN WALA KHUSHAB</t>
  </si>
  <si>
    <t>Golewali</t>
  </si>
  <si>
    <t>VPO Golewali Quaidabad District Khushab</t>
  </si>
  <si>
    <t>Muhammad Junaid Ali</t>
  </si>
  <si>
    <t>GHS BHANATTI</t>
  </si>
  <si>
    <t>village and post office bhanatti via sub office tret uc angoori tehsil murree distt Rawalpindi</t>
  </si>
  <si>
    <t>Ghulam Mehdi</t>
  </si>
  <si>
    <t>GHS BHANBHAN</t>
  </si>
  <si>
    <t>BANBHAN</t>
  </si>
  <si>
    <t>GHS BANBHAN</t>
  </si>
  <si>
    <t>NARRI Janoobi</t>
  </si>
  <si>
    <t>JAVAID AHMAD</t>
  </si>
  <si>
    <t>GHS BHANGOO</t>
  </si>
  <si>
    <t>Govt high school Bhangoo basti mujahidabad moza Bhangoo tehsil Shorkot district jhajg</t>
  </si>
  <si>
    <t>Basti Mujahidabad</t>
  </si>
  <si>
    <t>Taqi Abbas</t>
  </si>
  <si>
    <t>GHS BHARMI NAWAB</t>
  </si>
  <si>
    <t>Bharmi NAWAB</t>
  </si>
  <si>
    <t>GHS BHARMI NAWAB (BHAKKAR)</t>
  </si>
  <si>
    <t>BHARMI NAWAB</t>
  </si>
  <si>
    <t>Humon Wali</t>
  </si>
  <si>
    <t>GHS BHAROIA CHAK NO. 36/RB</t>
  </si>
  <si>
    <t>Baroia Chak No 36</t>
  </si>
  <si>
    <t>BAROIA CHAK NO. 36 / R.B TEHSIL SANGLA HILL DISTT. NANKANA SAHIB</t>
  </si>
  <si>
    <t>BAROIA CHAK NO. 36 / R.B TEHSIL SANGLA HILL DISTT.</t>
  </si>
  <si>
    <t>BADO MALHI</t>
  </si>
  <si>
    <t>Muhammad Naeem Khan</t>
  </si>
  <si>
    <t>GHS BHARTH</t>
  </si>
  <si>
    <t>Bharth Sialkot</t>
  </si>
  <si>
    <t>GHS BHASIN LAHORE CANTT</t>
  </si>
  <si>
    <t>village bhasin P/o batapur lahore</t>
  </si>
  <si>
    <t>Ali Faran</t>
  </si>
  <si>
    <t>GHS BHATIOT</t>
  </si>
  <si>
    <t>v&amp;po Bhatiot Tehsil jand District Attok</t>
  </si>
  <si>
    <t>Noman Qadeer</t>
  </si>
  <si>
    <t>GHS BHATTA</t>
  </si>
  <si>
    <t>bhata</t>
  </si>
  <si>
    <t>v &amp; p/o bhata teh gujar khan</t>
  </si>
  <si>
    <t>noor dolal</t>
  </si>
  <si>
    <t>tariq Masood</t>
  </si>
  <si>
    <t>GHS BHATTAY KALAN</t>
  </si>
  <si>
    <t>GHS Bhattay Kalan, Sialkot</t>
  </si>
  <si>
    <t>Langriwali</t>
  </si>
  <si>
    <t>Rashid Javaid</t>
  </si>
  <si>
    <t>GHS BHATTI BHANGO</t>
  </si>
  <si>
    <t>v.p.o bhatti bhango gujranwala</t>
  </si>
  <si>
    <t>bhatti Bhango</t>
  </si>
  <si>
    <t>bhatti bhango</t>
  </si>
  <si>
    <t>ASIF SAEED</t>
  </si>
  <si>
    <t>GHS BHATTI GUJJAR</t>
  </si>
  <si>
    <t>Bhatti Gujjar</t>
  </si>
  <si>
    <t>VPO Bhatti Gujjar tehsil kallar kahar district chakwal</t>
  </si>
  <si>
    <t>Haroon Mujtaba</t>
  </si>
  <si>
    <t>GHS BHATTLI</t>
  </si>
  <si>
    <t>BHATTLI</t>
  </si>
  <si>
    <t>GHS BHATLI,P/O MAKHWAL,TEH.ZAFARWAL,DISTRICT NAROWAL</t>
  </si>
  <si>
    <t>NAGWAL</t>
  </si>
  <si>
    <t>Muhammad Siddique S/O   Sultan Ali</t>
  </si>
  <si>
    <t>GHS BHEEN</t>
  </si>
  <si>
    <t>vpo Bheen Tehsil  and District  Chakwal</t>
  </si>
  <si>
    <t>MUHAMMAD RASHEED</t>
  </si>
  <si>
    <t>GHS BHELA GULAB SINGH</t>
  </si>
  <si>
    <t>bheela gulab singh p/o mandi Ahmad abad okara</t>
  </si>
  <si>
    <t>GHS BHERA</t>
  </si>
  <si>
    <t>GHS BHERA , TEHSIL BHERA,DISTRICT SRGODHA</t>
  </si>
  <si>
    <t>Shaikh Sikandar Hayat</t>
  </si>
  <si>
    <t>GHS BHEROWAL</t>
  </si>
  <si>
    <t>village and post office bherowal tehsil phalia district m.B.Din</t>
  </si>
  <si>
    <t>bherowal</t>
  </si>
  <si>
    <t>Kamran Ahmad Haral</t>
  </si>
  <si>
    <t>GHS BHIKEY SHEIKHUPURA</t>
  </si>
  <si>
    <t>village bhikhi</t>
  </si>
  <si>
    <t>mian muhammad siddique</t>
  </si>
  <si>
    <t>GHS BHILO MAHAR</t>
  </si>
  <si>
    <t>Bhilo Mahar</t>
  </si>
  <si>
    <t>Bhilo Mahar, P/O Jamke Cheema, Tehsil Daska, Distt. Sialkor</t>
  </si>
  <si>
    <t>FAZAL UR REHMAN</t>
  </si>
  <si>
    <t>GHS BHILOMAR</t>
  </si>
  <si>
    <t>Vpo bhilomar</t>
  </si>
  <si>
    <t>Bhil0mar</t>
  </si>
  <si>
    <t>AAMIR IJAZ</t>
  </si>
  <si>
    <t>GHS BHIRI KHURD</t>
  </si>
  <si>
    <t>Bhiri Khud</t>
  </si>
  <si>
    <t>Bhiri Khurd Tehsil NOshehra Virkan Distt.  Gujranwala</t>
  </si>
  <si>
    <t>GHS BHOA HASAN</t>
  </si>
  <si>
    <t>BHOA HASSAN</t>
  </si>
  <si>
    <t>GHS BHOA HASSAN</t>
  </si>
  <si>
    <t>Muhammad Asif Cheema</t>
  </si>
  <si>
    <t>GHS BHOE ASAL</t>
  </si>
  <si>
    <t>bhoe asal</t>
  </si>
  <si>
    <t>GHS BHOI GHAR</t>
  </si>
  <si>
    <t>govt high school bhoigar Tehsil hassanabdal district attock</t>
  </si>
  <si>
    <t>Bhoigar</t>
  </si>
  <si>
    <t>Irfan Aslam</t>
  </si>
  <si>
    <t>GHS BHOKAN</t>
  </si>
  <si>
    <t>BHOOKAN</t>
  </si>
  <si>
    <t>GHS BHOOKAN DEPALPUR OKARA</t>
  </si>
  <si>
    <t>PHULAR WAN WAZEER KAY</t>
  </si>
  <si>
    <t>ehsan ul haq Zaheer</t>
  </si>
  <si>
    <t>GHS BHONG</t>
  </si>
  <si>
    <t>MUHAMMAD HASSAN SARDAR</t>
  </si>
  <si>
    <t>GHS BHOPAL WALA</t>
  </si>
  <si>
    <t>bhopalwala</t>
  </si>
  <si>
    <t>MUHAMMAD NAWAZ WARRAICH</t>
  </si>
  <si>
    <t>GHS BHOPE WAL CHAK NO.23</t>
  </si>
  <si>
    <t>bhopewal chak no.23</t>
  </si>
  <si>
    <t>Bhopewal Chak No.23 pattoki (kasur)</t>
  </si>
  <si>
    <t>Bhopewal Chak No.23</t>
  </si>
  <si>
    <t>nasir mehmood</t>
  </si>
  <si>
    <t>GHS BHORANI</t>
  </si>
  <si>
    <t>Bhorani</t>
  </si>
  <si>
    <t>village Bhorani tehsil Lalian District chiniot</t>
  </si>
  <si>
    <t>Asmat Ullah</t>
  </si>
  <si>
    <t>GHS BHORU CHAK 18 RB</t>
  </si>
  <si>
    <t>bhoru chak 18/RB, NNS</t>
  </si>
  <si>
    <t>GHS BHOTA</t>
  </si>
  <si>
    <t>VPO: BHOTA  TEHSIL : KHARIAN DISTRICT : GUJRAT</t>
  </si>
  <si>
    <t>GHS BHOUN</t>
  </si>
  <si>
    <t>BHAUN</t>
  </si>
  <si>
    <t>VPO BHAUN</t>
  </si>
  <si>
    <t>BHAUN/MOHALLA MAIDAN</t>
  </si>
  <si>
    <t>MC BHAUN</t>
  </si>
  <si>
    <t>Muhammad Shafiq Akhtar</t>
  </si>
  <si>
    <t>GHS BHUCHOKEY MAJHA</t>
  </si>
  <si>
    <t>village Bhuchoki Mahja Raiwind lahore</t>
  </si>
  <si>
    <t>"M.IBRAHIM S/O CHANDARBHAN"</t>
  </si>
  <si>
    <t>GHS BHULLAIR 119 RB</t>
  </si>
  <si>
    <t>bhulair chak # 119/RB</t>
  </si>
  <si>
    <t>Bhulair 11/rB</t>
  </si>
  <si>
    <t>Bhulair 119/RB</t>
  </si>
  <si>
    <t>TAHIR GHAFOOR</t>
  </si>
  <si>
    <t>GHS BHUMAN SHAH</t>
  </si>
  <si>
    <t>bhuman shah</t>
  </si>
  <si>
    <t>muhammad khalil</t>
  </si>
  <si>
    <t>GHS BHUSI PINDI, TULAMBA</t>
  </si>
  <si>
    <t>bhussi pindi</t>
  </si>
  <si>
    <t>GHS Bhussi Pindi, tehsil mian channu, district khanewal</t>
  </si>
  <si>
    <t>Muhammad Qayyum</t>
  </si>
  <si>
    <t>GHS BHUTTA MOHABAT</t>
  </si>
  <si>
    <t>BHUTTA MOHABAT</t>
  </si>
  <si>
    <t>MUHAMMAD MUNEER</t>
  </si>
  <si>
    <t>GHS BHUTTA PUR</t>
  </si>
  <si>
    <t>Govt High School Bhutta Pur Muzaffar Garh</t>
  </si>
  <si>
    <t>Ward No. 27 MC Muzaffar Garh</t>
  </si>
  <si>
    <t>Malik Allah Bakhsh</t>
  </si>
  <si>
    <t>GHS BHUTTA WAHAN</t>
  </si>
  <si>
    <t>more bhutta wahan</t>
  </si>
  <si>
    <t>Muhammad akhtar hussain</t>
  </si>
  <si>
    <t>GHS BHUTTAY WALA</t>
  </si>
  <si>
    <t>Sohanrawasawa</t>
  </si>
  <si>
    <t>bhuttaywala</t>
  </si>
  <si>
    <t>Bhuttay Wala</t>
  </si>
  <si>
    <t>GHS BIAGA</t>
  </si>
  <si>
    <t>biaga kotli sattian rwp</t>
  </si>
  <si>
    <t>Naveed Ahmed</t>
  </si>
  <si>
    <t>GHS BIJAR</t>
  </si>
  <si>
    <t>Bijar, distt. Khushab</t>
  </si>
  <si>
    <t>Muhammad Aziz</t>
  </si>
  <si>
    <t>GHS BIKHARI KALAN</t>
  </si>
  <si>
    <t>Bikhari Kalaan</t>
  </si>
  <si>
    <t>Mustabeen Abdullah</t>
  </si>
  <si>
    <t>GHS BILAL ABAD</t>
  </si>
  <si>
    <t>VPO BILALABAD</t>
  </si>
  <si>
    <t>GHULAM ASGHAR</t>
  </si>
  <si>
    <t>GHS BILAND</t>
  </si>
  <si>
    <t>vpo biland tehsil noorpur thal district khushab</t>
  </si>
  <si>
    <t>GHS BINDA ISHAQ</t>
  </si>
  <si>
    <t>binda ishaq</t>
  </si>
  <si>
    <t>Mouza and p/o binda ishaq tehsil jatoi district muzaffar garh</t>
  </si>
  <si>
    <t>Ghulam Nazik Malik</t>
  </si>
  <si>
    <t>GHS BINDORE ABBASIAN</t>
  </si>
  <si>
    <t>Bindore abbasian</t>
  </si>
  <si>
    <t>Village Bindore abbasian tehsil sadik abad</t>
  </si>
  <si>
    <t>faiz ullah faiz</t>
  </si>
  <si>
    <t>GHS BINDU</t>
  </si>
  <si>
    <t>hamoon wala</t>
  </si>
  <si>
    <t>ghs bindoo Bhakkar</t>
  </si>
  <si>
    <t>basti bindu</t>
  </si>
  <si>
    <t>hamoon  wala</t>
  </si>
  <si>
    <t>GHS BIRBAL SHARIF</t>
  </si>
  <si>
    <t>birbal sharif teh. Shah pur distt sargodha</t>
  </si>
  <si>
    <t>GHS BIROT</t>
  </si>
  <si>
    <t>Birot Mandwani Tribal Area</t>
  </si>
  <si>
    <t>ABDUL SATTAR ADNAN</t>
  </si>
  <si>
    <t>GHS BISMILLAH PUR</t>
  </si>
  <si>
    <t>BISMILLAH PUR</t>
  </si>
  <si>
    <t>P/O BISMILLAH PUR</t>
  </si>
  <si>
    <t>BEHISHTI</t>
  </si>
  <si>
    <t>GHS BITTA</t>
  </si>
  <si>
    <t>BITTA</t>
  </si>
  <si>
    <t>VPO BITTA DISTRICT KHUSHAB</t>
  </si>
  <si>
    <t>OKHLI MOHLA MOHLA</t>
  </si>
  <si>
    <t>MASROOR AHMAD</t>
  </si>
  <si>
    <t>GHS BLOCK NO. 6 KHANPUR</t>
  </si>
  <si>
    <t>Ghareeb Abad Khanpur</t>
  </si>
  <si>
    <t>MUHAMMAD ARSHAD HASHMI</t>
  </si>
  <si>
    <t>GHS BLOCK NO.1</t>
  </si>
  <si>
    <t>near police station city muhala islam pura sadiq abad</t>
  </si>
  <si>
    <t>MUHALA ISLAM PURA</t>
  </si>
  <si>
    <t>muhammad ashiq</t>
  </si>
  <si>
    <t>GHS BLOCK NO.13 TOWNSHIP</t>
  </si>
  <si>
    <t>Ghs block no 13 Township Lahore</t>
  </si>
  <si>
    <t>GHS BOGRAY</t>
  </si>
  <si>
    <t>vill&amp; P/O Bogray Tehsil Daska District Sialkot</t>
  </si>
  <si>
    <t>zafar masih gill</t>
  </si>
  <si>
    <t>GHS BOHAR</t>
  </si>
  <si>
    <t>GHS BOHAR MULTAN</t>
  </si>
  <si>
    <t>govt. high school bohar, multan</t>
  </si>
  <si>
    <t>kirpal pur</t>
  </si>
  <si>
    <t>GHS BOLA BAJWA</t>
  </si>
  <si>
    <t>VILLAGE BOLA BAJWA  P/O KHAS BOLA BAJWA TEH &amp; DISTT NAROWAL.</t>
  </si>
  <si>
    <t>MUHAMMAD AZEEM</t>
  </si>
  <si>
    <t>GHS BOLIAN WAL</t>
  </si>
  <si>
    <t>village bolianwal Teh &amp; Distt Attiock</t>
  </si>
  <si>
    <t>Bollianwal</t>
  </si>
  <si>
    <t>syed taqi abbas</t>
  </si>
  <si>
    <t>GHS BOONGA MINHAS</t>
  </si>
  <si>
    <t>Boonga Minhas</t>
  </si>
  <si>
    <t>Boonga minhas</t>
  </si>
  <si>
    <t>GHS BOOTA</t>
  </si>
  <si>
    <t>VPO Boota, Tehsil &amp; Distt. Attock</t>
  </si>
  <si>
    <t>muhammad naeem akhtar</t>
  </si>
  <si>
    <t>GHS BORANA WALA</t>
  </si>
  <si>
    <t>BORANA WALA</t>
  </si>
  <si>
    <t>VPO BORANA  tehsil Noor Pur district Khushab</t>
  </si>
  <si>
    <t>Khatwnan</t>
  </si>
  <si>
    <t>GHS BORH KHOI</t>
  </si>
  <si>
    <t>Poss Bangi Khel Sharqi</t>
  </si>
  <si>
    <t>Borh Khoi P.O Kalabagh</t>
  </si>
  <si>
    <t>Borh Khoi</t>
  </si>
  <si>
    <t>Rafi Ullah Amin</t>
  </si>
  <si>
    <t>GHS BOTALA JHANDA SINGH</t>
  </si>
  <si>
    <t>BOTALA JHANDA SINGH</t>
  </si>
  <si>
    <t>VILLAGE AND PO BOX BOTALA JHANDA SINGH GUJRANWALA</t>
  </si>
  <si>
    <t>M. Rafique  Anjum</t>
  </si>
  <si>
    <t>GHS BOTALA SHRAM SINGH</t>
  </si>
  <si>
    <t>ghs botala sharam singh</t>
  </si>
  <si>
    <t>Sana Ullah Virk</t>
  </si>
  <si>
    <t>GHS BOYLE GANJ</t>
  </si>
  <si>
    <t>BOYLE GUNJ</t>
  </si>
  <si>
    <t>CHAK BOYLE GUNJ, P.O SAME, TEHSIL &amp; DISTT. PAKPATTAN</t>
  </si>
  <si>
    <t>JAMSHED IQBAL MASOOD</t>
  </si>
  <si>
    <t>GHS BRAHAM WALI</t>
  </si>
  <si>
    <t>IBRAHIM WALI</t>
  </si>
  <si>
    <t>P/O BRAHIMWALI TEHSIL AND DISTRICT MUZAFFARGARH</t>
  </si>
  <si>
    <t>GHS BRIG. DR. MUHAMMAD AKRAM SAEELA</t>
  </si>
  <si>
    <t>Saeela Jhelum</t>
  </si>
  <si>
    <t>ASHFAQ AHMED</t>
  </si>
  <si>
    <t>GHS BTM BUREWALA</t>
  </si>
  <si>
    <t>burewala</t>
  </si>
  <si>
    <t>Daud Abad, Burewala</t>
  </si>
  <si>
    <t>GHS BUBAK MARALI</t>
  </si>
  <si>
    <t>village Bubak Marali, Tehsil &amp; District Narowal</t>
  </si>
  <si>
    <t>muhammad ameen sindhu</t>
  </si>
  <si>
    <t>GHS BUCHA CHATTA</t>
  </si>
  <si>
    <t>GHS BUCHA CHATHA, P/O: ALIPUR CHATHA, TEH: WAZIRABAD, DISTT: GUJRANWALA</t>
  </si>
  <si>
    <t>BUCHA CHATHA</t>
  </si>
  <si>
    <t>Shahid Iqbal Warraich</t>
  </si>
  <si>
    <t>GHS BUCHA KALAN</t>
  </si>
  <si>
    <t>BUCHA KALAN</t>
  </si>
  <si>
    <t>BUCHA KALAN, TEHSIL KOTMOMIN, DISTRICT SARGODHA</t>
  </si>
  <si>
    <t>GHS BUCHAL KALAN</t>
  </si>
  <si>
    <t>VPO Buchal Kalan</t>
  </si>
  <si>
    <t>Shakeel ahmad</t>
  </si>
  <si>
    <t>GHS BUCHAL KHURD</t>
  </si>
  <si>
    <t>khalid mehmood</t>
  </si>
  <si>
    <t>GHS BUCHEKI NANKANA SAHIB</t>
  </si>
  <si>
    <t>GHS Bucheki</t>
  </si>
  <si>
    <t>muhammad asghar khan</t>
  </si>
  <si>
    <t>GHS BUCHI WALA</t>
  </si>
  <si>
    <t>Buchi Wala</t>
  </si>
  <si>
    <t>GHS buchi wala tehsil Karor layyah</t>
  </si>
  <si>
    <t>khalid mahboob</t>
  </si>
  <si>
    <t>GHS BUDHA GORAYA</t>
  </si>
  <si>
    <t>Budha Goraya Tehsil Daska District sialkot</t>
  </si>
  <si>
    <t>AZAM ALI</t>
  </si>
  <si>
    <t>GHS BUDHOKI</t>
  </si>
  <si>
    <t>village buddhoki thesil chunian distt. kasur</t>
  </si>
  <si>
    <t>Buddhoki</t>
  </si>
  <si>
    <t>Rana Sajid Ali</t>
  </si>
  <si>
    <t>GHS BUKHARI PUBLIC WILAYAT ABAD NO.2 MULTAN</t>
  </si>
  <si>
    <t>willayatabad # 2 multan.</t>
  </si>
  <si>
    <t>willayatabad</t>
  </si>
  <si>
    <t>AZMAT KAMAL BABUR</t>
  </si>
  <si>
    <t>GHS BUKKAN</t>
  </si>
  <si>
    <t>VPO Bukkan Tehsil Malakwal District M.B.Din</t>
  </si>
  <si>
    <t>MAJID SOHAIL</t>
  </si>
  <si>
    <t>GHS BULAND PUR</t>
  </si>
  <si>
    <t>GOVT. HIGH SCHOOL BULAND PUR</t>
  </si>
  <si>
    <t>ASHIQ ALI</t>
  </si>
  <si>
    <t>GHS BULANI</t>
  </si>
  <si>
    <t>v &amp; po;Bulani</t>
  </si>
  <si>
    <t>Usman Ali</t>
  </si>
  <si>
    <t>GHS BULLO</t>
  </si>
  <si>
    <t>bullo p/o bullo 18 hazari jhang</t>
  </si>
  <si>
    <t>Dilbar Khan</t>
  </si>
  <si>
    <t>GHS BUMB  JALALPUR PIRWALA</t>
  </si>
  <si>
    <t>Basti Bumb, mouza karam Ali Wala Tehsil Jalal pur peer Wala, District Multan.</t>
  </si>
  <si>
    <t>Basti Bumb</t>
  </si>
  <si>
    <t>GHS BUN BAJWA</t>
  </si>
  <si>
    <t>BAN BAJWA</t>
  </si>
  <si>
    <t>ADDA BAN BAJWA</t>
  </si>
  <si>
    <t>Muhammad Hamid Saeed</t>
  </si>
  <si>
    <t>GHS BURAJ MAHALAM CHAK NO.35</t>
  </si>
  <si>
    <t>Burjmahalm Christmas 35</t>
  </si>
  <si>
    <t>Burjmahalam chak. 35 Teh.Pattoki District. kasur</t>
  </si>
  <si>
    <t>Burjmahalam Chak 35</t>
  </si>
  <si>
    <t>SHoukat ali</t>
  </si>
  <si>
    <t>GHS BURHAN</t>
  </si>
  <si>
    <t>v.p.o burhan teh. hassan abdal attock</t>
  </si>
  <si>
    <t>GHS BURJ</t>
  </si>
  <si>
    <t>vpo burj tehsil fateh Jang district attock</t>
  </si>
  <si>
    <t>Shara E Sadullah</t>
  </si>
  <si>
    <t>GHS BURJ ATTARI FEROZWALA</t>
  </si>
  <si>
    <t>Burj Attari Tehsil Ferozwala district Sheikhupura</t>
  </si>
  <si>
    <t>GHS BURJ DARA</t>
  </si>
  <si>
    <t>Village Burj Dara Tehsil &amp; Distt Hafizabad</t>
  </si>
  <si>
    <t>Nanona</t>
  </si>
  <si>
    <t>Muhammad Sajid Mahmood -ul-Hassan</t>
  </si>
  <si>
    <t>GHS BURJ JIWAY KHAN</t>
  </si>
  <si>
    <t>BURJ Jeeway KHAN</t>
  </si>
  <si>
    <t>BURJ JEEWAY KHAN OKARA</t>
  </si>
  <si>
    <t>Burj jeeway khan</t>
  </si>
  <si>
    <t>BURJ JEEWAY KHAN</t>
  </si>
  <si>
    <t>KANWAR SHAHID FAROOQ</t>
  </si>
  <si>
    <t>GHS BUTTAR</t>
  </si>
  <si>
    <t>buttar District sheikhupura</t>
  </si>
  <si>
    <t>Muhammad Quadeer</t>
  </si>
  <si>
    <t>GHS CANAL COLONY</t>
  </si>
  <si>
    <t>Kachi Jamaal</t>
  </si>
  <si>
    <t>Anhar Colony</t>
  </si>
  <si>
    <t>Ward No 28</t>
  </si>
  <si>
    <t>GHS CANAL COLONY BAHAWALNAGAR</t>
  </si>
  <si>
    <t>KOTHIAN</t>
  </si>
  <si>
    <t>DC OFFICE ROAD BAHAWALNAGAR</t>
  </si>
  <si>
    <t>CANAL COLONY BWN</t>
  </si>
  <si>
    <t>KHADIMABAD COLONY</t>
  </si>
  <si>
    <t>ASGHAR ALI</t>
  </si>
  <si>
    <t>GHS CANAL COLONY BAHAWALPUR</t>
  </si>
  <si>
    <t>Canal colony near kalli puli bwp</t>
  </si>
  <si>
    <t>BWP city</t>
  </si>
  <si>
    <t>Muhammad Attique</t>
  </si>
  <si>
    <t>GHS CANAL COLONY FAROOQ ABAD</t>
  </si>
  <si>
    <t>canal colony farooqabad tehsil &amp; district sheikhupura</t>
  </si>
  <si>
    <t>mian adnan jamil</t>
  </si>
  <si>
    <t>GHS CANAL HAROON ABAD</t>
  </si>
  <si>
    <t>Govt.Canal High School Haroonabd</t>
  </si>
  <si>
    <t>MC HAROONABAD</t>
  </si>
  <si>
    <t>GHS CDG 4-D-II GREEN TOWN</t>
  </si>
  <si>
    <t>4-D-II, GREEN TOWN, LAHORE</t>
  </si>
  <si>
    <t>GREEN TOWN</t>
  </si>
  <si>
    <t>KEER KALAN</t>
  </si>
  <si>
    <t>GHS CDG AMER SIDHU</t>
  </si>
  <si>
    <t>Amer Sidhu Lahore</t>
  </si>
  <si>
    <t>opposite PEL factory ferozpur road Lahore</t>
  </si>
  <si>
    <t>NAEEM UL HASSAN AYYAZ</t>
  </si>
  <si>
    <t>mazile pump</t>
  </si>
  <si>
    <t>GHS CDG BABU SABU KOT KAMBOH</t>
  </si>
  <si>
    <t>CDG Boys High School Kot Kamboh Babu sabu Lahore</t>
  </si>
  <si>
    <t>babu sabu</t>
  </si>
  <si>
    <t>Dr. Ghulam Abbas</t>
  </si>
  <si>
    <t>GHS CDG BEGUM KOT SHAHDARA</t>
  </si>
  <si>
    <t>Begum Kot</t>
  </si>
  <si>
    <t>Begum kot</t>
  </si>
  <si>
    <t>Muhammad Tayyab Nazir</t>
  </si>
  <si>
    <t>GHS CDG CHOTA VILLAGE ISLAM PURA</t>
  </si>
  <si>
    <t>ISLAM POURA</t>
  </si>
  <si>
    <t>ISLAM POURA MATCH FACTURY SHAHDARA LAHORE</t>
  </si>
  <si>
    <t>CHHOTA GAON</t>
  </si>
  <si>
    <t>ISLAM POURA SHAHDARA</t>
  </si>
  <si>
    <t>SYED ZAMAN HUSSAIN</t>
  </si>
  <si>
    <t>GHS CDG ENGIN SHED HOPE ROAD</t>
  </si>
  <si>
    <t>garhi shahu</t>
  </si>
  <si>
    <t>ENGINE SHED GARHI SHAHU LAHORE</t>
  </si>
  <si>
    <t>ENGINE SHED</t>
  </si>
  <si>
    <t>SIGNAL SHOP</t>
  </si>
  <si>
    <t>GHS CDG FACTORY AREA SHAHDARA</t>
  </si>
  <si>
    <t>main g.t road shahdara</t>
  </si>
  <si>
    <t>GHS CDG G.T. ROAD BAGHBAN PURA</t>
  </si>
  <si>
    <t>GT Road</t>
  </si>
  <si>
    <t>GT Road baghanpura lahore</t>
  </si>
  <si>
    <t>Baghanpura</t>
  </si>
  <si>
    <t>usman abdullah</t>
  </si>
  <si>
    <t>GHS CDG GHAZI ABAD</t>
  </si>
  <si>
    <t>Gunj</t>
  </si>
  <si>
    <t>taj pura road ghaziabad lahore</t>
  </si>
  <si>
    <t>Nabi Nagar</t>
  </si>
  <si>
    <t>Qari Dost Muhammad</t>
  </si>
  <si>
    <t>GHS CDG GOWALMANDI</t>
  </si>
  <si>
    <t>Gowalmandi Lahore</t>
  </si>
  <si>
    <t>Muhammad Tanvir Akbar</t>
  </si>
  <si>
    <t>GHS CDG GUJAR COLONY JORAY PULL</t>
  </si>
  <si>
    <t>Jora Pul</t>
  </si>
  <si>
    <t>Gujjar Colony, Joray Pul, Zarar Shaheed Road Lahore Cantt</t>
  </si>
  <si>
    <t>Ranger Headquarter</t>
  </si>
  <si>
    <t>GHS CDG GULISTAN COLONY MUSTAFA ABAD</t>
  </si>
  <si>
    <t>cdg boys high school gulistan colony mustafa Abad lhr</t>
  </si>
  <si>
    <t>Madni Muhala  Mustafa Abad</t>
  </si>
  <si>
    <t>GHS CDG GUNJ MUGHAL PURA</t>
  </si>
  <si>
    <t>CDG BHS Gunj Bazar Mughalpura Lahore</t>
  </si>
  <si>
    <t>gunj Bazar</t>
  </si>
  <si>
    <t>ALLAH RAKHA</t>
  </si>
  <si>
    <t>GHS CDG HAJI KOT</t>
  </si>
  <si>
    <t>Haji Kot</t>
  </si>
  <si>
    <t>kala khatai road shahdara Lahore</t>
  </si>
  <si>
    <t>Javaid Park</t>
  </si>
  <si>
    <t>shakil anwar</t>
  </si>
  <si>
    <t>GHS CDG HANIF PARK</t>
  </si>
  <si>
    <t>Badami bagh</t>
  </si>
  <si>
    <t>CDG Boys High school Hanif Park Badami bagh Lahore</t>
  </si>
  <si>
    <t>hanif Park</t>
  </si>
  <si>
    <t>muhammad Azam amin</t>
  </si>
  <si>
    <t>GHS CDG HARBANS PURA</t>
  </si>
  <si>
    <t>harbanpura Mir lhr</t>
  </si>
  <si>
    <t>hafiz muhammad ishaq</t>
  </si>
  <si>
    <t>GHS CDG ISLAM NAGAR SHAHDARA</t>
  </si>
  <si>
    <t>Sir Shahab Park</t>
  </si>
  <si>
    <t>islam nagar Shahdara</t>
  </si>
  <si>
    <t>Sir shahab park</t>
  </si>
  <si>
    <t>Abdul Shakoor Akhtar</t>
  </si>
  <si>
    <t>GHS CDG ISLAM PURA KRISHAN NAGAR</t>
  </si>
  <si>
    <t>CDG Boys High School Islampura Krishan Nagar Lahore</t>
  </si>
  <si>
    <t>JAVID ALI</t>
  </si>
  <si>
    <t>GHS CDG JAHANGIR ABAD MISRI SHAH LAHORE</t>
  </si>
  <si>
    <t>CDG Boys High School Jahangir Abad Misri Shah Lhr</t>
  </si>
  <si>
    <t>Faiz Bagh</t>
  </si>
  <si>
    <t>Syed Raza Muhammad Shah</t>
  </si>
  <si>
    <t>GHS CDG KOT KHAWAJA SAEED</t>
  </si>
  <si>
    <t>kot khawaja saeed</t>
  </si>
  <si>
    <t>nizamabad</t>
  </si>
  <si>
    <t>sarfraz colony</t>
  </si>
  <si>
    <t>MUHAMMAD ABID BUTT</t>
  </si>
  <si>
    <t>GHS CDG MASTER GHULAM MUHAMMAD JIA MUSA SHAHDARA</t>
  </si>
  <si>
    <t>Kot Muhbu</t>
  </si>
  <si>
    <t>MAIN BAZAR JIAMUSA SHAHDARA LAHORE</t>
  </si>
  <si>
    <t>SHAHDARA</t>
  </si>
  <si>
    <t>KOT KAMBOH</t>
  </si>
  <si>
    <t>ABBAS RAZA</t>
  </si>
  <si>
    <t>GHS CDG MUJAHID ABAD RAM GHAR</t>
  </si>
  <si>
    <t>main bazar mujahiabad</t>
  </si>
  <si>
    <t>khursheed anwar</t>
  </si>
  <si>
    <t>GHS CDG NAWAB PURA</t>
  </si>
  <si>
    <t>Near Fast Cable Factory Nawabpura Harbanspura Lahore</t>
  </si>
  <si>
    <t>GHS CDG NIM PIR SHALIMAR TOWN</t>
  </si>
  <si>
    <t>Daroghawala</t>
  </si>
  <si>
    <t>CDG Boys High School Shalimar town Lahore</t>
  </si>
  <si>
    <t>afzal mehmood</t>
  </si>
  <si>
    <t>GHS CDG PINDI RAJPUTAN KOT LAKHPAT</t>
  </si>
  <si>
    <t>GHS CDG BHS PINDI RAJPUTAN KOT LAKHPAT LAHORE</t>
  </si>
  <si>
    <t>Pindi Rajputan</t>
  </si>
  <si>
    <t>PINDI RAJPUTAN</t>
  </si>
  <si>
    <t>Hafiz Nisar Ahmad</t>
  </si>
  <si>
    <t>GHS CDG QILA LACHMAN SINGH</t>
  </si>
  <si>
    <t>Qila Lachlan Singh</t>
  </si>
  <si>
    <t>CDG BOYS HIGH SCHOOL QILA LACHMAN SINGH RAVI ROAD LHR</t>
  </si>
  <si>
    <t>TARIQ AHMED</t>
  </si>
  <si>
    <t>GHS CDG RAILWAY PAKKAY QUARTERS MUGHAL PURA</t>
  </si>
  <si>
    <t>Daras Baray Mian, Mughalpura, Lahore</t>
  </si>
  <si>
    <t>Daras Narayan Mian</t>
  </si>
  <si>
    <t>GHS CDG REHMAN PURA</t>
  </si>
  <si>
    <t>Rehmanpura ichra</t>
  </si>
  <si>
    <t>GHS CDG SAIDAN SHAH COLONY UPPER MALL</t>
  </si>
  <si>
    <t>Basti Saidan Shah</t>
  </si>
  <si>
    <t>CDG Boys H/S Basti Saidan Shah upper mall LHR</t>
  </si>
  <si>
    <t>ashfaq Ahmed</t>
  </si>
  <si>
    <t>GHS CDG SALAMAT PURA</t>
  </si>
  <si>
    <t>Salamatpura</t>
  </si>
  <si>
    <t>Takia Salamatpura</t>
  </si>
  <si>
    <t>Shaukat Rashid</t>
  </si>
  <si>
    <t>GHS CDG SANDA KALAN</t>
  </si>
  <si>
    <t>Main Bazar Near Chandni Chowk Sanda Kalan Lahore</t>
  </si>
  <si>
    <t>Main Bazar Sanda Kalan</t>
  </si>
  <si>
    <t>Masood Akhtar</t>
  </si>
  <si>
    <t>GHS CDG SHAHDARA TOWN</t>
  </si>
  <si>
    <t>shahdara</t>
  </si>
  <si>
    <t>Near Bus Stop Shahdara Town Lahore</t>
  </si>
  <si>
    <t>Ladhy Shah</t>
  </si>
  <si>
    <t>SYED AZHAR HUSSAIN</t>
  </si>
  <si>
    <t>GHS CDG SHISH MEHAL BILAL GUNJ</t>
  </si>
  <si>
    <t>kareemia road Bilal gunj Lahore</t>
  </si>
  <si>
    <t>Mian Shanas Ud Din Park</t>
  </si>
  <si>
    <t>GHS CDG TAKIA LEHRI SHAH</t>
  </si>
  <si>
    <t>CDG boys High School Takia Lehri Shah Ichra Lahore</t>
  </si>
  <si>
    <t>Lahore Cant</t>
  </si>
  <si>
    <t>Taj Ali Shazad</t>
  </si>
  <si>
    <t>GHS CDG TEZAB AHATA</t>
  </si>
  <si>
    <t>Tezab Ahata</t>
  </si>
  <si>
    <t>City District Govt. Boys High School, Tezab Ahata, Lahore</t>
  </si>
  <si>
    <t>Raza Haider</t>
  </si>
  <si>
    <t>GHS CDG TOWNSHIP</t>
  </si>
  <si>
    <t>CDG BOYS HIGH SCHOOL 15-B-1 TOWNSHIP LAHORE</t>
  </si>
  <si>
    <t>CITY (tOWNSHIP)</t>
  </si>
  <si>
    <t>Maqsood Ahmad Tahir</t>
  </si>
  <si>
    <t>GHS CDG WAHDAT COLONY</t>
  </si>
  <si>
    <t>G block wahdat colony Lahore</t>
  </si>
  <si>
    <t>GHS CDG WALTON AIRPORT GOPAL NAGAR</t>
  </si>
  <si>
    <t>Gopal Naghar</t>
  </si>
  <si>
    <t>Gopal Naghar Walton Airport gulberg 3 Lahore</t>
  </si>
  <si>
    <t>Naseer abad</t>
  </si>
  <si>
    <t>Muhammad</t>
  </si>
  <si>
    <t>GHS CDG WASAN PURA SCHEME NO. 2</t>
  </si>
  <si>
    <t>bela basti ram</t>
  </si>
  <si>
    <t>CDG BOYS H/S NEW WASSANPURA SCHEM#2 LAHORE</t>
  </si>
  <si>
    <t>HUSSAIN PARK</t>
  </si>
  <si>
    <t>MUJAHID ALI KOKAB</t>
  </si>
  <si>
    <t>GHS CENTRAL MODEL MIANWALI</t>
  </si>
  <si>
    <t>mianwali city</t>
  </si>
  <si>
    <t>MC Mianwali</t>
  </si>
  <si>
    <t>GHS CENTRAL MODEL SAMANABAD LAHORE</t>
  </si>
  <si>
    <t>ghazali road samanabad</t>
  </si>
  <si>
    <t>GHS CH. MUHAMMAD ALTAF HUSSAIN CIVIL LINES JHELUM</t>
  </si>
  <si>
    <t>Civil Lines Jhelum</t>
  </si>
  <si>
    <t>Jhelum-IV</t>
  </si>
  <si>
    <t>Waheed Javed</t>
  </si>
  <si>
    <t>GHS CHABBA SINDWAN</t>
  </si>
  <si>
    <t>CHABBA SINDHWAN SIDNHWAN</t>
  </si>
  <si>
    <t>VILLAGE AND POST OFFICE KHAS CHABBA SINDHWAN</t>
  </si>
  <si>
    <t>NEAR UNION COUNCIL MOHALLA KOT JAN  MUHAMMAD</t>
  </si>
  <si>
    <t>KOT LADHA</t>
  </si>
  <si>
    <t>NASEEM MEHMOOD</t>
  </si>
  <si>
    <t>GHS CHABRI BALA</t>
  </si>
  <si>
    <t>Chabri Bala Dera Ghazi Khan</t>
  </si>
  <si>
    <t>chabri Bala</t>
  </si>
  <si>
    <t>Hameedullah Khosa</t>
  </si>
  <si>
    <t>GHS CHACHRAN SHARIF</t>
  </si>
  <si>
    <t>lari adda chachran sharif</t>
  </si>
  <si>
    <t>GHS CHACK NO 160/WB</t>
  </si>
  <si>
    <t>chak No. 160WB</t>
  </si>
  <si>
    <t>GHS 160WB Tehsil Mailsi District Vehari</t>
  </si>
  <si>
    <t>Chak No. 160WB</t>
  </si>
  <si>
    <t>69-335WB</t>
  </si>
  <si>
    <t>basharat ali</t>
  </si>
  <si>
    <t>GHS CHAH HUSSAIN WALA</t>
  </si>
  <si>
    <t>ghs hussain wala mianwali</t>
  </si>
  <si>
    <t>Yarukhel Paka</t>
  </si>
  <si>
    <t>Mian Parvez Akhter Shah</t>
  </si>
  <si>
    <t>GHS CHAH SULEMAN SHAH</t>
  </si>
  <si>
    <t>HAMAITIAN</t>
  </si>
  <si>
    <t>GOVT.HIGH SCHOOL CHAH SULEMAN SHAH TIBBA BADAR SHER BAHAWALPUR CITY</t>
  </si>
  <si>
    <t>TIBBA BADAR SHER</t>
  </si>
  <si>
    <t>JHANGI WALI BAHAWLPUR</t>
  </si>
  <si>
    <t>muhammad naseer</t>
  </si>
  <si>
    <t>GHS CHAHAL KALAN</t>
  </si>
  <si>
    <t>Chahal kalan post office chahal kalan gujranwala</t>
  </si>
  <si>
    <t>GHS CHAHAN RAWALPINDI</t>
  </si>
  <si>
    <t>CHAHAN</t>
  </si>
  <si>
    <t>GHS CHAHAN, RAWALPINDI</t>
  </si>
  <si>
    <t>GHS CHAJOKE</t>
  </si>
  <si>
    <t>CHISHTIA ABAD (CHAJJOKE)</t>
  </si>
  <si>
    <t>GHS CHISHTIA ABAD (CAHJJOKE), KAMOKE</t>
  </si>
  <si>
    <t>GHANIA</t>
  </si>
  <si>
    <t>MUHAMMAD SHAFQAT</t>
  </si>
  <si>
    <t>GHS CHAK 1/P JETHA BHUTTA</t>
  </si>
  <si>
    <t>chak 1 p</t>
  </si>
  <si>
    <t>chak no. 1P jeatha bhutta teh. khanpur</t>
  </si>
  <si>
    <t>chak 1p</t>
  </si>
  <si>
    <t>chak no. 1P</t>
  </si>
  <si>
    <t>FARHAN ALI</t>
  </si>
  <si>
    <t>GHS CHAK 103 JB BARNALA FSD</t>
  </si>
  <si>
    <t>Chak no 103 JB Barnala Teh jhumra Distt. Faisalabad</t>
  </si>
  <si>
    <t>Barnala</t>
  </si>
  <si>
    <t>102/JB BurjMandi</t>
  </si>
  <si>
    <t>MUHAMMAD ARIF ASKARI</t>
  </si>
  <si>
    <t>GHS CHAK 103/1-L</t>
  </si>
  <si>
    <t>CHAK NO 103/1L</t>
  </si>
  <si>
    <t>BAGH-O-BAHAR</t>
  </si>
  <si>
    <t>SHAHZAD MEHMOOD</t>
  </si>
  <si>
    <t>GHS CHAK 111 JB FSD</t>
  </si>
  <si>
    <t>111JB</t>
  </si>
  <si>
    <t>CHAK NO.111JB FAISALABAD</t>
  </si>
  <si>
    <t>cHKAK NO.111 JB FSD</t>
  </si>
  <si>
    <t>CHAK NO.113 JB FSD</t>
  </si>
  <si>
    <t>GHS CHAK 111 NP</t>
  </si>
  <si>
    <t>CHAK 111 /NP</t>
  </si>
  <si>
    <t>CHAK 111 /NP TEHSIL. KHANPUR</t>
  </si>
  <si>
    <t>AZEEM SHAH</t>
  </si>
  <si>
    <t>SARFRAZ AHMAD</t>
  </si>
  <si>
    <t>GHS CHAK 112 MURAD</t>
  </si>
  <si>
    <t>chak no. 112/M</t>
  </si>
  <si>
    <t>YOUSAF ALI SIDHU</t>
  </si>
  <si>
    <t>GHS CHAK 114/P</t>
  </si>
  <si>
    <t>Chak No. 114/P</t>
  </si>
  <si>
    <t>P.O.Box 114/P Chak No. 114/P Manthar Road  R.Y.Khan</t>
  </si>
  <si>
    <t>ASGHAR ALI TABASSUM</t>
  </si>
  <si>
    <t>GHS CHAK 115 JB DIAL GARH FSD</t>
  </si>
  <si>
    <t>GHS 115 JB</t>
  </si>
  <si>
    <t>Chak No 115 JB</t>
  </si>
  <si>
    <t>Deyal Garh</t>
  </si>
  <si>
    <t>Muhammad Abdur Rehman Yazdani</t>
  </si>
  <si>
    <t>GHS CHAK 117 JB DHANOLA FSD</t>
  </si>
  <si>
    <t>village and p/o chak no 117/JB Dhanola teh &amp; distt Faisalabad</t>
  </si>
  <si>
    <t>chak no 117/JB Faisalabad</t>
  </si>
  <si>
    <t>GHS CHAK 119 JB SAMANA LAYALPUR TOWN NO.1</t>
  </si>
  <si>
    <t>Chak No.119/JB, Samana</t>
  </si>
  <si>
    <t>Chak No.119/JB</t>
  </si>
  <si>
    <t>Adris Ahmad</t>
  </si>
  <si>
    <t>GHS CHAK 12 GD</t>
  </si>
  <si>
    <t>12/GD TEHSIL &amp; DISTRICT OKARA</t>
  </si>
  <si>
    <t>RANA MADAD ALI</t>
  </si>
  <si>
    <t>GHS CHAK 124 RB FSD</t>
  </si>
  <si>
    <t>124 rb</t>
  </si>
  <si>
    <t>chak no 124 rB FSd</t>
  </si>
  <si>
    <t>propian</t>
  </si>
  <si>
    <t>ghammi</t>
  </si>
  <si>
    <t>javeed masih</t>
  </si>
  <si>
    <t>GHS CHAK 127 RB CHAK JHUMRA FSD</t>
  </si>
  <si>
    <t>127 RB</t>
  </si>
  <si>
    <t>GHS 127 RB BAHLOL PUR TEHSIL CHAK JHUMRA DISTT FAISALABAD</t>
  </si>
  <si>
    <t>BAHLOL PUR</t>
  </si>
  <si>
    <t>SHAHID ALI</t>
  </si>
  <si>
    <t>GHS CHAK 135 GB PO IFFAT ABAD SAMUNDRI FSD</t>
  </si>
  <si>
    <t>135GB</t>
  </si>
  <si>
    <t>CHAK NO: 135GB TEH SAMUNDRI DISTT FAISALABAD</t>
  </si>
  <si>
    <t>CHAK NO 138GB</t>
  </si>
  <si>
    <t>ABDUL WAHEED NASIR</t>
  </si>
  <si>
    <t>GHS CHAK 135 RB CHAK JHUMRA FSD</t>
  </si>
  <si>
    <t>Kanan Sian</t>
  </si>
  <si>
    <t>135rbfsd</t>
  </si>
  <si>
    <t>135rb</t>
  </si>
  <si>
    <t>136rb</t>
  </si>
  <si>
    <t>Muhammad Zahoor Ul Hassan Shah</t>
  </si>
  <si>
    <t>GHS CHAK 143 GB SAMUNDRI FSD</t>
  </si>
  <si>
    <t>ghs 143 gb samundri faisalabad</t>
  </si>
  <si>
    <t>chak no 143 gb</t>
  </si>
  <si>
    <t>mc samundri</t>
  </si>
  <si>
    <t>FAQEER HUSSAIN</t>
  </si>
  <si>
    <t>GHS CHAK 144 RB CHAK JHUMRA FSD</t>
  </si>
  <si>
    <t>GHARTAL</t>
  </si>
  <si>
    <t>CHAK NO.144 R.B FAISALABAD</t>
  </si>
  <si>
    <t>CHAK NO. 144 RB GHARTAL</t>
  </si>
  <si>
    <t>CHAK NO.136 R.B</t>
  </si>
  <si>
    <t>IFFAT MEHMOOD</t>
  </si>
  <si>
    <t>GHS CHAK 146/6R</t>
  </si>
  <si>
    <t>CHAK NO 146/6R HAROONABAD</t>
  </si>
  <si>
    <t>CHAK No. 146/6.R TEH. HAROONABAD</t>
  </si>
  <si>
    <t>CHAK NO 146/6R</t>
  </si>
  <si>
    <t>CHAK NO. 98/6.R</t>
  </si>
  <si>
    <t>MUHAMMAD ISHTIAQ AKHTAR</t>
  </si>
  <si>
    <t>GHS CHAK 147 RB CHAK JHUMRA FSD</t>
  </si>
  <si>
    <t>chak no .147 rB</t>
  </si>
  <si>
    <t>Govt High School Chak No.147 rB</t>
  </si>
  <si>
    <t>chak no.147 RB</t>
  </si>
  <si>
    <t>chak no.146 rB</t>
  </si>
  <si>
    <t>muhammad babar mumtaz</t>
  </si>
  <si>
    <t>GHS CHAK 148 GB</t>
  </si>
  <si>
    <t>CHAK NO 148 GB</t>
  </si>
  <si>
    <t>CHAK NO. 148 GB, POST OFFICE SAME, TEHSIL AND DISTRICT TOBA TEK SINGH.</t>
  </si>
  <si>
    <t>CHAK 151 GB</t>
  </si>
  <si>
    <t>GHS CHAK 148/A</t>
  </si>
  <si>
    <t>Chak no 148/5R</t>
  </si>
  <si>
    <t>Chak no. 148/5R</t>
  </si>
  <si>
    <t>M Rafique</t>
  </si>
  <si>
    <t>GHS CHAK 156 RB CHAK JHUMRA FSD</t>
  </si>
  <si>
    <t>CHAK NO 156 RB</t>
  </si>
  <si>
    <t>CHAK NO 156 RB CHAK JHUMRA FAISALABAD</t>
  </si>
  <si>
    <t>DHAR</t>
  </si>
  <si>
    <t>maqbool ahmad</t>
  </si>
  <si>
    <t>GHS CHAK 157 GB CHATHAY</t>
  </si>
  <si>
    <t>Chak No. 157/GB</t>
  </si>
  <si>
    <t>Chak No. 157/GB, Tehsil Gojra, Distt. T.T.Singh</t>
  </si>
  <si>
    <t>Chak No 157 GB</t>
  </si>
  <si>
    <t>Chak No. 158/GB</t>
  </si>
  <si>
    <t>Muhammad Sardar Ahmad</t>
  </si>
  <si>
    <t>GHS CHAK 160 EB VEHARI</t>
  </si>
  <si>
    <t>chak 160/e.b</t>
  </si>
  <si>
    <t>GHS CHAK 160/E.B VEHARI</t>
  </si>
  <si>
    <t>chak 160/e.b vehari</t>
  </si>
  <si>
    <t>CHAK 166/E.B VEHARI</t>
  </si>
  <si>
    <t>GHS CHAK 160 GB</t>
  </si>
  <si>
    <t>Chak No. 160 GB</t>
  </si>
  <si>
    <t>Chak No. 154 GB</t>
  </si>
  <si>
    <t>MUHAMMAD IRSHAD HUSSAIN</t>
  </si>
  <si>
    <t>GHS CHAK 164 GB SHEIKHAN</t>
  </si>
  <si>
    <t>CHAK #164 GB SHEIKHAN</t>
  </si>
  <si>
    <t>CHAK # 164 GB SHEIKHAN, TEHSIL; GOJRA, DISTRICT; TOBA TEK SIGH</t>
  </si>
  <si>
    <t>CHAK # 161 GB</t>
  </si>
  <si>
    <t>GHS CHAK 164 RB CHAK JHUMRA FSD</t>
  </si>
  <si>
    <t>Mahais</t>
  </si>
  <si>
    <t>GHS164RB TEHSIL CKJ FSD</t>
  </si>
  <si>
    <t>164 RB</t>
  </si>
  <si>
    <t>156 RB</t>
  </si>
  <si>
    <t>AHMED IRFAN BAJWA</t>
  </si>
  <si>
    <t>GHS CHAK 165/7R</t>
  </si>
  <si>
    <t>Rafiqueabad</t>
  </si>
  <si>
    <t>chak 165/7r fortabbas</t>
  </si>
  <si>
    <t>165/7r</t>
  </si>
  <si>
    <t>GHULAM MURTAZA NAEEM</t>
  </si>
  <si>
    <t>GHS CHAK 168 GB SAMUNDRI FSD</t>
  </si>
  <si>
    <t>ghs 168 gb</t>
  </si>
  <si>
    <t>Chak 166 GB Melu</t>
  </si>
  <si>
    <t>AZIR LUKE GILL</t>
  </si>
  <si>
    <t>GHS CHAK 170 GB SAMUNDRI FSD</t>
  </si>
  <si>
    <t>170 GB</t>
  </si>
  <si>
    <t>CHAK NO 170 GB SAMUNDRI FAISALABAD</t>
  </si>
  <si>
    <t>QUTROWAL</t>
  </si>
  <si>
    <t>CHAK NO 170 GB</t>
  </si>
  <si>
    <t>GHS CHAK 172 GB SAMUNDRI FSD</t>
  </si>
  <si>
    <t>chak No 172 GB Faisalabad</t>
  </si>
  <si>
    <t>Chak No172GB</t>
  </si>
  <si>
    <t>Chak No170GB</t>
  </si>
  <si>
    <t>Tahir Mushtaq</t>
  </si>
  <si>
    <t>GHS CHAK 173/P</t>
  </si>
  <si>
    <t>Gh
HS Chak No. 173P Sadiqabad</t>
  </si>
  <si>
    <t>Chak No 173P</t>
  </si>
  <si>
    <t>GHS CHAK 178 GB GHOUGHA</t>
  </si>
  <si>
    <t>Chak No 178 GB Gojra</t>
  </si>
  <si>
    <t>Chak No. 178 GB Gojra</t>
  </si>
  <si>
    <t>178 GB Gojra</t>
  </si>
  <si>
    <t>Muhammad Azhar  Saeed</t>
  </si>
  <si>
    <t>GHS CHAK 181 GB ARIAN WALI</t>
  </si>
  <si>
    <t>181gb</t>
  </si>
  <si>
    <t>chak 181gb gojra</t>
  </si>
  <si>
    <t>Chak#245gb</t>
  </si>
  <si>
    <t>Rock Masih</t>
  </si>
  <si>
    <t>GHS CHAK 181-A/1-L</t>
  </si>
  <si>
    <t>Chak 181/1-L</t>
  </si>
  <si>
    <t>Chak 181/1-L Tehsil Liaquat Pur</t>
  </si>
  <si>
    <t>Chak 178/7-R</t>
  </si>
  <si>
    <t>GHS CHAK 184 GB</t>
  </si>
  <si>
    <t>CHAK 184 G.B. TEHSIL  DISTRICT TOBA TEK SINGH</t>
  </si>
  <si>
    <t>Muhammad Yasir Rasheed Rasheed</t>
  </si>
  <si>
    <t>GHS CHAK 185/7R</t>
  </si>
  <si>
    <t>ChakNo.185/7R</t>
  </si>
  <si>
    <t>Chak No185/7R</t>
  </si>
  <si>
    <t>Chan No185/7R</t>
  </si>
  <si>
    <t>MAQBOOL HUSSAIN SHAH</t>
  </si>
  <si>
    <t>GHS CHAK 186/P</t>
  </si>
  <si>
    <t>chak no 186/P sadiq abad</t>
  </si>
  <si>
    <t>Chk No 186/P</t>
  </si>
  <si>
    <t>Muhammad Adnan Mushtaq</t>
  </si>
  <si>
    <t>GHS CHAK 188 GB</t>
  </si>
  <si>
    <t>188Kalan</t>
  </si>
  <si>
    <t>Chak No.188 GB T.T.Singh</t>
  </si>
  <si>
    <t>Chak No.188 GB</t>
  </si>
  <si>
    <t>M SAFDAR NAZEER</t>
  </si>
  <si>
    <t>GHS CHAK 188 RB CHAK JHUMRA FSD</t>
  </si>
  <si>
    <t>nalawala</t>
  </si>
  <si>
    <t>GHS 188RB CHAK JHUMARA FSD</t>
  </si>
  <si>
    <t>chak no 188rb nalawala</t>
  </si>
  <si>
    <t>CHAK NO 189RB</t>
  </si>
  <si>
    <t>shahid iqbal</t>
  </si>
  <si>
    <t>GHS CHAK 189 RB FSD</t>
  </si>
  <si>
    <t>RASOOLPUR</t>
  </si>
  <si>
    <t>CHAK NO. 189 RB RASOOLPUR CHAK JHUMRA</t>
  </si>
  <si>
    <t>CHAK NO. 189 RB</t>
  </si>
  <si>
    <t>CHAK NO.189 RB</t>
  </si>
  <si>
    <t>FILTER PLANT</t>
  </si>
  <si>
    <t>GHS CHAK 192 RB</t>
  </si>
  <si>
    <t>Chak NO 192 Rb</t>
  </si>
  <si>
    <t>Chak NO 192 Rb Rasool Nagar Fsd</t>
  </si>
  <si>
    <t>RIAZ AHMAD</t>
  </si>
  <si>
    <t>GHS CHAK 193 GB SHUMALI SAMUNDRI FSD</t>
  </si>
  <si>
    <t>chak 193 gb north</t>
  </si>
  <si>
    <t>Chak 193 Gb North</t>
  </si>
  <si>
    <t>Chak 193 Gb South</t>
  </si>
  <si>
    <t>ATHAR ALI MAHMOOD</t>
  </si>
  <si>
    <t>GHS CHAK 195 RB FSD</t>
  </si>
  <si>
    <t>JANDAWALA 195 RB</t>
  </si>
  <si>
    <t>CHAK NO 195 RB JANDAWALA FAISALABAD</t>
  </si>
  <si>
    <t>JANDAWALA</t>
  </si>
  <si>
    <t>muhammad yasin nadeem</t>
  </si>
  <si>
    <t>GHS CHAK 196/HB</t>
  </si>
  <si>
    <t>chak 196 /HB</t>
  </si>
  <si>
    <t>chak 196 / HB</t>
  </si>
  <si>
    <t>chak 204</t>
  </si>
  <si>
    <t>GHS CHAK 198 RB FSD</t>
  </si>
  <si>
    <t>CHAK 198 RB FSD</t>
  </si>
  <si>
    <t>198 rb</t>
  </si>
  <si>
    <t>CHAK NO 198 R.B.FSD</t>
  </si>
  <si>
    <t>GATWALA</t>
  </si>
  <si>
    <t>AFTAB ALAM</t>
  </si>
  <si>
    <t>GHS CHAK 199 GB KHIDARWALA SAMUNDRI FSD</t>
  </si>
  <si>
    <t>SOTHARI</t>
  </si>
  <si>
    <t>CHAK NO. 199 GB.TEHSIL SAMUNDRI,FAISALABAD.</t>
  </si>
  <si>
    <t>CHAK NO.199 GB</t>
  </si>
  <si>
    <t>CHAK NO.196 GB</t>
  </si>
  <si>
    <t>KHALID HUSSAIN</t>
  </si>
  <si>
    <t>GHS CHAK 199 RB</t>
  </si>
  <si>
    <t>199 RB</t>
  </si>
  <si>
    <t>GHS Chak No 199 RB Gattwala</t>
  </si>
  <si>
    <t>Gattwala</t>
  </si>
  <si>
    <t>Musaddiq Ali</t>
  </si>
  <si>
    <t>GHS CHAK 199/8R</t>
  </si>
  <si>
    <t>chak no.199 /8r</t>
  </si>
  <si>
    <t>Chak No199/8r</t>
  </si>
  <si>
    <t>Husnain Ahmad Nasir</t>
  </si>
  <si>
    <t>GHS CHAK 2 JB RAM DEVALI FSD</t>
  </si>
  <si>
    <t>Ghs Chak No 2 Jb</t>
  </si>
  <si>
    <t>GHS CHAK 204 RB</t>
  </si>
  <si>
    <t>chak no. 204 rb fsd</t>
  </si>
  <si>
    <t>CHAK NO. 204 RB</t>
  </si>
  <si>
    <t>Muhammad Zahid Javid</t>
  </si>
  <si>
    <t>GHS CHAK 206 GB SAMUNDRI FSD</t>
  </si>
  <si>
    <t>206 gb</t>
  </si>
  <si>
    <t>chak no. 206 gb</t>
  </si>
  <si>
    <t>chak 205 gb</t>
  </si>
  <si>
    <t>Nematullah</t>
  </si>
  <si>
    <t>GHS CHAK 210 GB SAMUNDRI FSD</t>
  </si>
  <si>
    <t>210 Lakhan</t>
  </si>
  <si>
    <t>chak no 210 gb</t>
  </si>
  <si>
    <t>210gb</t>
  </si>
  <si>
    <t>211/GB</t>
  </si>
  <si>
    <t>khalid Zubair</t>
  </si>
  <si>
    <t>GHS CHAK 213/9-R</t>
  </si>
  <si>
    <t>Chak no 213/9R Fort Abbas</t>
  </si>
  <si>
    <t>Chack No 213/9R</t>
  </si>
  <si>
    <t>Chak No 213/9R Abbas</t>
  </si>
  <si>
    <t>Mr MUHAMMAD AFZAL</t>
  </si>
  <si>
    <t>GHS CHAK 215 GB PO SAME SAMUNDRI FSD</t>
  </si>
  <si>
    <t>Dahood Hamza</t>
  </si>
  <si>
    <t>chak no. 215 gb</t>
  </si>
  <si>
    <t>215 Gb</t>
  </si>
  <si>
    <t>Chak No 214 Gb</t>
  </si>
  <si>
    <t>GHS CHAK 215 RB KAKUANA</t>
  </si>
  <si>
    <t>kakuana</t>
  </si>
  <si>
    <t>chak no. 215 r.b jaranwala road faisalabad</t>
  </si>
  <si>
    <t>215 r.b faisalabad</t>
  </si>
  <si>
    <t>215 r.b bajla</t>
  </si>
  <si>
    <t>mANZOOR HUSSAIN</t>
  </si>
  <si>
    <t>GHS CHAK 22 GB PO 22 GB JARANWALA</t>
  </si>
  <si>
    <t>CHAK NO 22 GB</t>
  </si>
  <si>
    <t>chak no 22 gb</t>
  </si>
  <si>
    <t>GHS CHAK 222 GB SAMUNDRI FSD</t>
  </si>
  <si>
    <t>CHAK NO 222/GB</t>
  </si>
  <si>
    <t>CHAK NO 222/GB TEH .SAMUNDRI DISTT.FAISALABAD</t>
  </si>
  <si>
    <t>CHAK NO 225/GB</t>
  </si>
  <si>
    <t>GHS CHAK 227/9-R</t>
  </si>
  <si>
    <t>227-9r</t>
  </si>
  <si>
    <t>chak no.227/9-R P/o 227/9-r tehsil fortabbas distt bahawaln gar</t>
  </si>
  <si>
    <t>227/9-R</t>
  </si>
  <si>
    <t>226/9-r</t>
  </si>
  <si>
    <t>abdul ghaffar asif</t>
  </si>
  <si>
    <t>GHS CHAK 228 GB SAMUNDRI FSD</t>
  </si>
  <si>
    <t>Chak No 228 GB tehsil Samundri</t>
  </si>
  <si>
    <t>Chak No 228 GB</t>
  </si>
  <si>
    <t>GHS CHAK 231/9-R</t>
  </si>
  <si>
    <t>CHAK 231-9R</t>
  </si>
  <si>
    <t>GHS CHAK 231-9R, POST OFFICE SAME</t>
  </si>
  <si>
    <t>CHAK 209-9R</t>
  </si>
  <si>
    <t>GHS CHAK 24 JB CHAK JHUMRA FSD</t>
  </si>
  <si>
    <t>24 jb</t>
  </si>
  <si>
    <t>GHS 24 JB FSD</t>
  </si>
  <si>
    <t>24jb</t>
  </si>
  <si>
    <t>20 jb</t>
  </si>
  <si>
    <t>Khalid Saleem</t>
  </si>
  <si>
    <t>GHS CHAK 240/HL</t>
  </si>
  <si>
    <t>GHS 240/HL Tehsil Fort Abbas Dist Bahawalnagar</t>
  </si>
  <si>
    <t>240/HL</t>
  </si>
  <si>
    <t>Mohammad Sohail Asghar</t>
  </si>
  <si>
    <t>GHS CHAK 243 GB KALYAN PUR</t>
  </si>
  <si>
    <t>243 GB</t>
  </si>
  <si>
    <t>243 GB Gojra</t>
  </si>
  <si>
    <t>Mushtaq Masih</t>
  </si>
  <si>
    <t>GHS CHAK 247 RB FSD</t>
  </si>
  <si>
    <t>247 Rb Miani</t>
  </si>
  <si>
    <t>247 r b miani</t>
  </si>
  <si>
    <t>Sikandar zulqarnain</t>
  </si>
  <si>
    <t>GHS CHAK 248 GB</t>
  </si>
  <si>
    <t>chak no 248 gb</t>
  </si>
  <si>
    <t>chak no 248 gb tehsil gojra distric toba tek singh</t>
  </si>
  <si>
    <t>245 gb no 15</t>
  </si>
  <si>
    <t>M Fahim Anwar</t>
  </si>
  <si>
    <t>GHS CHAK 252 RB FSD</t>
  </si>
  <si>
    <t>KANGKALAN FSD</t>
  </si>
  <si>
    <t>CHAK NO. 252 RB FSD</t>
  </si>
  <si>
    <t>KANGKALAN</t>
  </si>
  <si>
    <t>CHAK NO.253 JAHANGIR KALAN FSD</t>
  </si>
  <si>
    <t>GHS CHAK 253 RB FSD</t>
  </si>
  <si>
    <t>jahangir Kalan 253/rb</t>
  </si>
  <si>
    <t>Chak No. 253/RB Faisalabad.</t>
  </si>
  <si>
    <t>Jahangir Kalan 253/rb</t>
  </si>
  <si>
    <t>Chak No. 253/RB Jahangir Kalan</t>
  </si>
  <si>
    <t>Hafiz muhammad javed</t>
  </si>
  <si>
    <t>GHS CHAK 254 GB SOUNDH</t>
  </si>
  <si>
    <t>Chak No 254 GB</t>
  </si>
  <si>
    <t>Muhammad Rashid Mirza</t>
  </si>
  <si>
    <t>GHS CHAK 256 GB</t>
  </si>
  <si>
    <t>Chak No. 256 G.B., Tehsil &amp; District Toba Tek Singh</t>
  </si>
  <si>
    <t>GHS CHAK 257 RB FSD</t>
  </si>
  <si>
    <t>257/RB</t>
  </si>
  <si>
    <t>chak no.257/RB,Faisalabad</t>
  </si>
  <si>
    <t>GHS CHAK 258 RB FAISALABAD</t>
  </si>
  <si>
    <t>Lamanpind</t>
  </si>
  <si>
    <t>CHAK NO 258 RB Lamanpind Faisalabad</t>
  </si>
  <si>
    <t>Chak No 258RB</t>
  </si>
  <si>
    <t>Dr Muhammad Saeed</t>
  </si>
  <si>
    <t>GHS CHAK 259 RB FSD</t>
  </si>
  <si>
    <t>CHAK NO 259 RB GURUSAR</t>
  </si>
  <si>
    <t>CHAK NO.259 RB GURUSAR</t>
  </si>
  <si>
    <t>CHAK NO 260 RB WAHILA KALAN</t>
  </si>
  <si>
    <t>IRSHAD AHMAD</t>
  </si>
  <si>
    <t>GHS CHAK 26 JB FSD</t>
  </si>
  <si>
    <t>26 JB HARGOBIND PUR</t>
  </si>
  <si>
    <t>CHAK NO. 26 J.B. (N) FAISALABAD</t>
  </si>
  <si>
    <t>CHAK NO. 27 J.B. FSD</t>
  </si>
  <si>
    <t>MUHAMMAD ABBAS ANJUM</t>
  </si>
  <si>
    <t>GHS CHAK 264 GB</t>
  </si>
  <si>
    <t>264 gB</t>
  </si>
  <si>
    <t>CHAK NO. 264 GB</t>
  </si>
  <si>
    <t>CHAK NO. 262 GB</t>
  </si>
  <si>
    <t>MUHAMMAD WAQAS BOOTA</t>
  </si>
  <si>
    <t>GHS CHAK 269 GB</t>
  </si>
  <si>
    <t>Kot Khatran</t>
  </si>
  <si>
    <t>chak no 269 GB</t>
  </si>
  <si>
    <t>Abid Hanif</t>
  </si>
  <si>
    <t>GHS CHAK 275 JB FSD</t>
  </si>
  <si>
    <t>chak 275 jb pansera</t>
  </si>
  <si>
    <t>chak no. 275 jb painsera</t>
  </si>
  <si>
    <t>painsera</t>
  </si>
  <si>
    <t>MUHAMMAD SARWAR KHAN</t>
  </si>
  <si>
    <t>GHS CHAK 275 RB FSD</t>
  </si>
  <si>
    <t>KARTARPUR</t>
  </si>
  <si>
    <t>CHAK NO 275/RB KARTARPUR</t>
  </si>
  <si>
    <t>CHAK NO 275/RB</t>
  </si>
  <si>
    <t>GHS CHAK 278 JB USMAN KOT</t>
  </si>
  <si>
    <t>CHAK NO. 278 JB USMAN KOT , TEHSIL GOJRA , DISTICT T.T.SINGH.</t>
  </si>
  <si>
    <t>Samsoon TOMAS</t>
  </si>
  <si>
    <t>GHS CHAK 279 RB KHURD FSD</t>
  </si>
  <si>
    <t>Govt Shuhada-E-APS Memorial H/S 279 RB faisalabad</t>
  </si>
  <si>
    <t>Kaleem Shaheed coony</t>
  </si>
  <si>
    <t>SAGHIR AHMAD</t>
  </si>
  <si>
    <t>GHS CHAK 279/HR</t>
  </si>
  <si>
    <t>279/hR</t>
  </si>
  <si>
    <t>CHAK NO 279/H.R</t>
  </si>
  <si>
    <t>279/h.r</t>
  </si>
  <si>
    <t>CHAK NO 281/H.R</t>
  </si>
  <si>
    <t>GHS CHAK 281 JB DAWAKHARY</t>
  </si>
  <si>
    <t>Chak  281 JB,Gojra</t>
  </si>
  <si>
    <t>Chak  281 JB</t>
  </si>
  <si>
    <t>Ghulam Jillani</t>
  </si>
  <si>
    <t>GHS CHAK 288 GB</t>
  </si>
  <si>
    <t>CHAK NO.288 GB TOBA TEK SINGH</t>
  </si>
  <si>
    <t>CHAK 288 GB</t>
  </si>
  <si>
    <t>CHAK 290 GB</t>
  </si>
  <si>
    <t>NAVEED DILDAR</t>
  </si>
  <si>
    <t>GHS CHAK 289 JB MODEL</t>
  </si>
  <si>
    <t>289 JB</t>
  </si>
  <si>
    <t>Govt. Islamia Model High School 289 JB, Toba Tek Singh</t>
  </si>
  <si>
    <t>chando Batala</t>
  </si>
  <si>
    <t>521 JB</t>
  </si>
  <si>
    <t>GHS CHAK 29 GB SATIANA FSD</t>
  </si>
  <si>
    <t>Chak No. 29 G.B.</t>
  </si>
  <si>
    <t>29 gb</t>
  </si>
  <si>
    <t>35 Gb</t>
  </si>
  <si>
    <t>GHS CHAK 293 GB</t>
  </si>
  <si>
    <t>chak No. 293 GB, Tehsil &amp; District Toba Tek Singh</t>
  </si>
  <si>
    <t>sheroon</t>
  </si>
  <si>
    <t>Chak No. 295 GB Bairian Wala</t>
  </si>
  <si>
    <t>muhammad Shahzad sadiq</t>
  </si>
  <si>
    <t>GHS CHAK 293/HR</t>
  </si>
  <si>
    <t>Chak No 293/hr</t>
  </si>
  <si>
    <t>chak no.293/hr tehsil fortabbas distt. bahawalnagar</t>
  </si>
  <si>
    <t>chak No 293/hr</t>
  </si>
  <si>
    <t>chak No 289/hr</t>
  </si>
  <si>
    <t>IQBAL HUSSAIN ASIF</t>
  </si>
  <si>
    <t>GHS CHAK 30/3R</t>
  </si>
  <si>
    <t>Govt. High School 30/3R</t>
  </si>
  <si>
    <t>Chak NO 30/3R</t>
  </si>
  <si>
    <t>water suppy</t>
  </si>
  <si>
    <t>GHS CHAK 301 GB</t>
  </si>
  <si>
    <t>CHAK NO 301 G.B</t>
  </si>
  <si>
    <t>CHAK NO 301 G.B TOBA TEK SINGH</t>
  </si>
  <si>
    <t>MUNIR AHMAD NAEEM</t>
  </si>
  <si>
    <t>GHS CHAK 301 JB</t>
  </si>
  <si>
    <t>Chak No. 301 JB Tehsil Gojra Dist. Toba Tek Singh</t>
  </si>
  <si>
    <t>Chak No 301 JB</t>
  </si>
  <si>
    <t>GHS CHAK 303 JB GOJRA</t>
  </si>
  <si>
    <t>KATHOR KALAN</t>
  </si>
  <si>
    <t>CHAK NO 303 JB KATHOR KALAN TEHSIL GOJRA</t>
  </si>
  <si>
    <t>CHAK NO 303 JB KATHOR KALAN</t>
  </si>
  <si>
    <t>Chak no 354 jb qadar Abad</t>
  </si>
  <si>
    <t>Ejaz Ahmed Javed</t>
  </si>
  <si>
    <t>GHS CHAK 303/HR</t>
  </si>
  <si>
    <t>303/HR</t>
  </si>
  <si>
    <t>chak No.303-HR</t>
  </si>
  <si>
    <t>303 / HR</t>
  </si>
  <si>
    <t>Chak 304 /HR</t>
  </si>
  <si>
    <t>GHS CHAK 31 2L</t>
  </si>
  <si>
    <t>CHAK No 31/2L</t>
  </si>
  <si>
    <t>Chak No 31/2L</t>
  </si>
  <si>
    <t>GHS CHAK 310 JB</t>
  </si>
  <si>
    <t>310jb</t>
  </si>
  <si>
    <t>310jb,gojra</t>
  </si>
  <si>
    <t>Chak No 360jb Bobak</t>
  </si>
  <si>
    <t>Muhammad Ashraf Javaid</t>
  </si>
  <si>
    <t>GHS CHAK 313 GB</t>
  </si>
  <si>
    <t>Chak 313 GB Tehsil pirmahal district Toba. Tek Singh</t>
  </si>
  <si>
    <t>Chak 313 GB</t>
  </si>
  <si>
    <t>Chak 327 GB</t>
  </si>
  <si>
    <t>Saif ur Rehman</t>
  </si>
  <si>
    <t>water supply chak 313 gb</t>
  </si>
  <si>
    <t>GHS CHAK 316 GB</t>
  </si>
  <si>
    <t>chak no. 316GB, toba tek singh</t>
  </si>
  <si>
    <t>chak no. 316GB</t>
  </si>
  <si>
    <t>chak no. 316gb</t>
  </si>
  <si>
    <t>Liaquat Ali Rashad</t>
  </si>
  <si>
    <t>GHS CHAK 319/HR</t>
  </si>
  <si>
    <t>Marot</t>
  </si>
  <si>
    <t>HIGHWAY ROAD MAROT</t>
  </si>
  <si>
    <t>CHAK 319/H.R</t>
  </si>
  <si>
    <t>Rana Muhammad Amjid</t>
  </si>
  <si>
    <t>GHS CHAK 320 GB</t>
  </si>
  <si>
    <t>Hobbo Wal</t>
  </si>
  <si>
    <t>govt. high school 320 gb</t>
  </si>
  <si>
    <t>chak no. 320 gb</t>
  </si>
  <si>
    <t>chak no. 319 gb</t>
  </si>
  <si>
    <t>GHS CHAK 328 GB</t>
  </si>
  <si>
    <t>CHAK NO.328 G.B. TEHSIL PIRMAHAL DISTRICT TOBA TEK SINGH</t>
  </si>
  <si>
    <t>chak No.328 G.B.</t>
  </si>
  <si>
    <t>CHAK NO.327 G.B.</t>
  </si>
  <si>
    <t>Favad Farasat Rehman</t>
  </si>
  <si>
    <t>GHS CHAK 331/HR</t>
  </si>
  <si>
    <t>GHs 331/HR maroot Tehsile Fortabbas</t>
  </si>
  <si>
    <t>Chak no 330/HR</t>
  </si>
  <si>
    <t>MUHAMMAD Umar Farooq</t>
  </si>
  <si>
    <t>GHS CHAK 336 GB SARABHA</t>
  </si>
  <si>
    <t>Chak no 336 gb</t>
  </si>
  <si>
    <t>Chak No 336 Gb</t>
  </si>
  <si>
    <t>Chak No 517gb</t>
  </si>
  <si>
    <t>GHS CHAK 336 JB CHARAG ABAD</t>
  </si>
  <si>
    <t>Charaghabad</t>
  </si>
  <si>
    <t>chak# 336/JB Charaghabad Gojra T. T. Singh</t>
  </si>
  <si>
    <t>Chak# 336/JB</t>
  </si>
  <si>
    <t>Chak# 334/JB</t>
  </si>
  <si>
    <t>Mohammad Inayat Ullah</t>
  </si>
  <si>
    <t>GHS CHAK 34 GB SATIANA FSD</t>
  </si>
  <si>
    <t>Chak No 34 gb</t>
  </si>
  <si>
    <t>chak no 34 GB jaranwala fsd</t>
  </si>
  <si>
    <t>Chak No 34gb</t>
  </si>
  <si>
    <t>Chak No 35 Gb</t>
  </si>
  <si>
    <t>GHS CHAK 343 GB</t>
  </si>
  <si>
    <t>CHAK NO 343 GB</t>
  </si>
  <si>
    <t>CHAK NO 343 GB, TEHSIL &amp; DISTRICT TOBA TEK SINGH.</t>
  </si>
  <si>
    <t>CHAK NO 342 GB.</t>
  </si>
  <si>
    <t>GHS CHAK 346 GB</t>
  </si>
  <si>
    <t>Chak No 346 Gb</t>
  </si>
  <si>
    <t>chakno 346 gb</t>
  </si>
  <si>
    <t>Chak 346 Gb</t>
  </si>
  <si>
    <t>Chak 350 Gb</t>
  </si>
  <si>
    <t>MUHAMMAD NAUMAN RASHEED</t>
  </si>
  <si>
    <t>GHS CHAK 348 JB</t>
  </si>
  <si>
    <t>Maqbool Pur</t>
  </si>
  <si>
    <t>chak no 348jb gojra</t>
  </si>
  <si>
    <t>Cha348jb</t>
  </si>
  <si>
    <t>GHS CHAK 35 JB FSD</t>
  </si>
  <si>
    <t>35 JB</t>
  </si>
  <si>
    <t>ghs 35 JB Faisalabad Chak no 35 JB FSD</t>
  </si>
  <si>
    <t>chak no 35 JB FSD</t>
  </si>
  <si>
    <t>chak no 38 JB Dabora</t>
  </si>
  <si>
    <t>muhammad ishaq</t>
  </si>
  <si>
    <t>GHS CHAK 350 GB</t>
  </si>
  <si>
    <t>350 Gb</t>
  </si>
  <si>
    <t>Chak No.350gb Toba Tek Singh</t>
  </si>
  <si>
    <t>Chak No 350gb</t>
  </si>
  <si>
    <t>Chak No350gb</t>
  </si>
  <si>
    <t>MUHAMMAD RAFIQUE</t>
  </si>
  <si>
    <t>GHS CHAK 353 JB MEHNDI ABAD</t>
  </si>
  <si>
    <t>GOVT.HIGH SCHOOL 353JB TEHSIL GOJRA DISTRICT TOBA TEK SINGH</t>
  </si>
  <si>
    <t>CHKA NO 349JB</t>
  </si>
  <si>
    <t>Sajid Niaz</t>
  </si>
  <si>
    <t>GHS CHAK 361 GB</t>
  </si>
  <si>
    <t>Chak No 361 G B</t>
  </si>
  <si>
    <t>ghs 361 gb toba tek singh</t>
  </si>
  <si>
    <t>Muhammad zahid Nadeem</t>
  </si>
  <si>
    <t>GHS CHAK 361 JB</t>
  </si>
  <si>
    <t>CHAK NO 361 JB, GOJRA</t>
  </si>
  <si>
    <t>Chak NO 361 JB GOJRA</t>
  </si>
  <si>
    <t>Subedarwala 363 JB</t>
  </si>
  <si>
    <t>SHAHEEN NASIR</t>
  </si>
  <si>
    <t>GHS CHAK 364 GB SATIANA FSD</t>
  </si>
  <si>
    <t>chak no. 364GB Tehsil Jaranwala District Faisalabad</t>
  </si>
  <si>
    <t>Chak NO 364 GB</t>
  </si>
  <si>
    <t>Chak 364GB</t>
  </si>
  <si>
    <t>MUHAMMAD MUBASHAR UR REHMAN</t>
  </si>
  <si>
    <t>GHS CHAK 369 JB</t>
  </si>
  <si>
    <t>johda nagri</t>
  </si>
  <si>
    <t>Ck no 369 jb,gojra</t>
  </si>
  <si>
    <t>Johda Nagri</t>
  </si>
  <si>
    <t>Khakain</t>
  </si>
  <si>
    <t>GHS CHAK 37 SP</t>
  </si>
  <si>
    <t>Chak No 37/SP Pakpattan</t>
  </si>
  <si>
    <t>Chak No 37/SP</t>
  </si>
  <si>
    <t>Akhtar Ali Khan</t>
  </si>
  <si>
    <t>GHS CHAK 37/4-L</t>
  </si>
  <si>
    <t>37/4L okara</t>
  </si>
  <si>
    <t>GHS CHAK 374 GB</t>
  </si>
  <si>
    <t>Arkana Waseeran</t>
  </si>
  <si>
    <t>CHAK NO.374 GB.ARKANA WASEERAN POSTOFFICE SAME TEHSIL JARANWALA  DISTRICT FAISALABAD</t>
  </si>
  <si>
    <t>CHAK NO.374 GB GB.ARKANA WASEERAN</t>
  </si>
  <si>
    <t>CHAK NO.357 GB.</t>
  </si>
  <si>
    <t>MUHAMMAD SIDDIQUE IQBAL</t>
  </si>
  <si>
    <t>GHS CHAK 375 JB</t>
  </si>
  <si>
    <t>chak 375 Jb tts</t>
  </si>
  <si>
    <t>Chak No 375 Jb Tts</t>
  </si>
  <si>
    <t>Chak No 375 Jb</t>
  </si>
  <si>
    <t>MUHAMMAD JAVAID</t>
  </si>
  <si>
    <t>GHS CHAK 376 GB</t>
  </si>
  <si>
    <t>CHAK NO 376 GB</t>
  </si>
  <si>
    <t>chong watwaan</t>
  </si>
  <si>
    <t>CHAK 357 GB</t>
  </si>
  <si>
    <t>MUHAMMAD.MAHBOOB.ELAHI</t>
  </si>
  <si>
    <t>GHS CHAK 38/3R</t>
  </si>
  <si>
    <t>38/3-R</t>
  </si>
  <si>
    <t>GOVT. HIGH SCHOOL 38/3-R HAROONABAD</t>
  </si>
  <si>
    <t>38/3-r</t>
  </si>
  <si>
    <t>CHACK NO 42/3-R HAROONABAD</t>
  </si>
  <si>
    <t>GHS CHAK 384/W.B</t>
  </si>
  <si>
    <t>CHAK 384/W.B</t>
  </si>
  <si>
    <t>CHAK NO.384/W.B</t>
  </si>
  <si>
    <t>mubashar munir</t>
  </si>
  <si>
    <t>GHS CHAK 387 JB BARA ALAHAR</t>
  </si>
  <si>
    <t>CHAK NO. 387 JB</t>
  </si>
  <si>
    <t>GOVT. HIGH SCHOOL 387 JB CHAK NO. 387 JB TOBA TEK SINGH</t>
  </si>
  <si>
    <t>CHAK NO.384 JB TOBA TEK SINGH</t>
  </si>
  <si>
    <t>Gohar Mumtaz</t>
  </si>
  <si>
    <t>GHS CHAK 388 GB SAMUNDRI FSD</t>
  </si>
  <si>
    <t>388 gb</t>
  </si>
  <si>
    <t>CHAK NO 388 GB TEHSIL SAMUNDRI DISTRICT FAISALABAD</t>
  </si>
  <si>
    <t>388 gB</t>
  </si>
  <si>
    <t>388 GB</t>
  </si>
  <si>
    <t>GHS CHAK 38-D KALAN</t>
  </si>
  <si>
    <t>Arian filling station depalput</t>
  </si>
  <si>
    <t>MUHAMMAD YASIN ZAFAR</t>
  </si>
  <si>
    <t>GHS CHAK 390 GB SAMUNDRI FSD</t>
  </si>
  <si>
    <t>390GB</t>
  </si>
  <si>
    <t>Teh Samundri Distt Faisalabad</t>
  </si>
  <si>
    <t>390Gb</t>
  </si>
  <si>
    <t>138 Gb</t>
  </si>
  <si>
    <t>Nadeem Ahmad Shahid</t>
  </si>
  <si>
    <t>GHS CHAK 391 JB</t>
  </si>
  <si>
    <t>CHAK No 391/JB</t>
  </si>
  <si>
    <t>GHS 391/JB, CHAK No 391/JB, TOBA TEK SINGH.</t>
  </si>
  <si>
    <t>MUHAMMAD JAVAID ISLAM</t>
  </si>
  <si>
    <t>GHS CHAK 394 JB JAJA</t>
  </si>
  <si>
    <t>Jaja</t>
  </si>
  <si>
    <t>Chak No.394 JB T.T.S</t>
  </si>
  <si>
    <t>Chak No 394 JB</t>
  </si>
  <si>
    <t>GHS CHAK 4 FAIZ MULTAN</t>
  </si>
  <si>
    <t>4/Faiz</t>
  </si>
  <si>
    <t>Chak No.4.Faiz P/O Lar  Tehsil &amp; District Multan</t>
  </si>
  <si>
    <t>Chak  No 5/F</t>
  </si>
  <si>
    <t>FAIZ ABBAS</t>
  </si>
  <si>
    <t>GHS CHAK 400 GB TANDLIANWALA FSD</t>
  </si>
  <si>
    <t>chak 400gb</t>
  </si>
  <si>
    <t>chak 400gb Tehsil Tandlianwala faisalabad</t>
  </si>
  <si>
    <t>chak 400gb Musrera chak</t>
  </si>
  <si>
    <t>Azhar Walyat</t>
  </si>
  <si>
    <t>GHS CHAK 408 JB SUBHANIA</t>
  </si>
  <si>
    <t>Chak No. 408 JB</t>
  </si>
  <si>
    <t>Chak No. 314 GB</t>
  </si>
  <si>
    <t>MANZOOR ALI</t>
  </si>
  <si>
    <t>GHS CHAK 417 JB</t>
  </si>
  <si>
    <t>Seowal Nawaday</t>
  </si>
  <si>
    <t>chak no 417 j.b, tehsilgojra</t>
  </si>
  <si>
    <t>417 JB</t>
  </si>
  <si>
    <t>417 Jb</t>
  </si>
  <si>
    <t>MUHAMMAD SHAHBAZ HUSSAIN</t>
  </si>
  <si>
    <t>GHS CHAK 42 A</t>
  </si>
  <si>
    <t>chak 42/a</t>
  </si>
  <si>
    <t>GBHS chak No. 42/A Tehsil liaquatpur District Rahim yar khan</t>
  </si>
  <si>
    <t>MUHAMMAD ABBAS</t>
  </si>
  <si>
    <t>GHS CHAK 423 JB ADA</t>
  </si>
  <si>
    <t>Chak No. 423 JB</t>
  </si>
  <si>
    <t>GHS CHAK 433 GB SATIANA FSD</t>
  </si>
  <si>
    <t>jhok Ditta</t>
  </si>
  <si>
    <t>chak no.  433 GB jhok Ditta</t>
  </si>
  <si>
    <t>Chak  no. 433 GB</t>
  </si>
  <si>
    <t>chak no. 434 Gb</t>
  </si>
  <si>
    <t>muhammad skhawat zia</t>
  </si>
  <si>
    <t>GHS CHAK 44/3-R</t>
  </si>
  <si>
    <t>gASHKORI</t>
  </si>
  <si>
    <t>44/3R OKARA</t>
  </si>
  <si>
    <t>42/3R SACHANWALA</t>
  </si>
  <si>
    <t>ABDUL RAHMAN</t>
  </si>
  <si>
    <t>GHS CHAK 440 GB SAMUNDRI FSD</t>
  </si>
  <si>
    <t>440 GB</t>
  </si>
  <si>
    <t>CHAK NO 440 GB</t>
  </si>
  <si>
    <t>FAIZPUR</t>
  </si>
  <si>
    <t>CHAK NO 441 GB</t>
  </si>
  <si>
    <t>QUTAB ALI</t>
  </si>
  <si>
    <t>BRING IN CANS</t>
  </si>
  <si>
    <t>GHS CHAK 442 GB SAMUNDRI FSD</t>
  </si>
  <si>
    <t>chak No.442 GB</t>
  </si>
  <si>
    <t>Chak No 442 G.B</t>
  </si>
  <si>
    <t>chak no 442 GB</t>
  </si>
  <si>
    <t>Nasir Iqbal</t>
  </si>
  <si>
    <t>GHS CHAK 447 GB SAMUNDRI FSD</t>
  </si>
  <si>
    <t>CHAK NO 447 G.B</t>
  </si>
  <si>
    <t>CHAK NO 447 GB</t>
  </si>
  <si>
    <t>CHAK NO 448 G.B</t>
  </si>
  <si>
    <t>MUHAMMAD ASHRAF SALEH</t>
  </si>
  <si>
    <t>GHS CHAK 449 GB TANDLIANWALA FSD</t>
  </si>
  <si>
    <t>449 gb</t>
  </si>
  <si>
    <t>chak no 449 gb  tehsil tadlianwala</t>
  </si>
  <si>
    <t>chak no 449 gb</t>
  </si>
  <si>
    <t>Khalid Hameed</t>
  </si>
  <si>
    <t>GHS CHAK 45 GB SAMUNDRI FSD</t>
  </si>
  <si>
    <t>chak no 45 gB</t>
  </si>
  <si>
    <t>chak no 45 GB samundri Faisalabad</t>
  </si>
  <si>
    <t>chak no 45 GB</t>
  </si>
  <si>
    <t>MUHAMAMD ASLAM</t>
  </si>
  <si>
    <t>GHS CHAK 455 GB TANDLIANWALA FSD</t>
  </si>
  <si>
    <t>Govt High School 455 GB</t>
  </si>
  <si>
    <t>Muhammad iqbal khan</t>
  </si>
  <si>
    <t>GHS CHAK 463 GB SAMUNDRI FSD</t>
  </si>
  <si>
    <t>CHAK NO.463 GB</t>
  </si>
  <si>
    <t>GOVT. HIGH SCHOOL 463 GB SAMUNDRI</t>
  </si>
  <si>
    <t>463 GB</t>
  </si>
  <si>
    <t>FAQIR MUHAMMAD</t>
  </si>
  <si>
    <t>GHS CHAK 469 GB SAMUNDRI</t>
  </si>
  <si>
    <t>Grewal</t>
  </si>
  <si>
    <t>Chak No 469 GB Grewal Samundri</t>
  </si>
  <si>
    <t>Muhammad Asif Tahseen</t>
  </si>
  <si>
    <t>GHS CHAK 47 GB SAMUNDRI FSD</t>
  </si>
  <si>
    <t>Chak no 47 GB Thesil Samundri</t>
  </si>
  <si>
    <t>Chak 47 GB</t>
  </si>
  <si>
    <t>Chak 43 GB</t>
  </si>
  <si>
    <t>GHS CHAK 476 GB SAMUNDRI FSD</t>
  </si>
  <si>
    <t>bazurgwal</t>
  </si>
  <si>
    <t>CHAK NO. 476 GB TEHSIL SAMUNDARI DISTT.FAISALABAD</t>
  </si>
  <si>
    <t>chak no. 476 gb</t>
  </si>
  <si>
    <t>chak no.475 gb</t>
  </si>
  <si>
    <t>Muhammad Shahid Iqbal</t>
  </si>
  <si>
    <t>GHS CHAK 479 GB SAMUNDRI</t>
  </si>
  <si>
    <t>CHAK NO 479 GB TEHSIL SAMUNDRI DISTRICT FAISALABAD</t>
  </si>
  <si>
    <t>SURTAPUR</t>
  </si>
  <si>
    <t>TAHIR MEHMOOD</t>
  </si>
  <si>
    <t>GHS CHAK 48 3R</t>
  </si>
  <si>
    <t>Chak No. 48/3-R Okara</t>
  </si>
  <si>
    <t>Chak No. 48/3-R</t>
  </si>
  <si>
    <t>Akram Raza</t>
  </si>
  <si>
    <t>GHS CHAK 485 GB SAMUNDRI FSD</t>
  </si>
  <si>
    <t>Chak No. 485 GB</t>
  </si>
  <si>
    <t>Chak No 485 GB Boys</t>
  </si>
  <si>
    <t>Samuana Chatala</t>
  </si>
  <si>
    <t>Chak No. 484 GB</t>
  </si>
  <si>
    <t>MUHAMMAD HIZBULLAH</t>
  </si>
  <si>
    <t>GHS CHAK 49 JB FSD</t>
  </si>
  <si>
    <t>49jb Bath</t>
  </si>
  <si>
    <t>chak no 49jb bath fsd</t>
  </si>
  <si>
    <t>Ghs49b</t>
  </si>
  <si>
    <t>50jb Boraywall</t>
  </si>
  <si>
    <t>khuram zaheer</t>
  </si>
  <si>
    <t>GHS CHAK 491 GB TANDLIANWLA</t>
  </si>
  <si>
    <t>chak no 491 gb mamun kanjan</t>
  </si>
  <si>
    <t>chak 491 gb</t>
  </si>
  <si>
    <t>chak 490 gb</t>
  </si>
  <si>
    <t>GHS CHAK 492 GB TANDLIANWALA FSD</t>
  </si>
  <si>
    <t>KONIK PUR</t>
  </si>
  <si>
    <t>CHAK NO. 492 GB</t>
  </si>
  <si>
    <t>CHAK NO 492 GB</t>
  </si>
  <si>
    <t>CHAK NO. 490 GB</t>
  </si>
  <si>
    <t>Muhammad Riaz Ahmad</t>
  </si>
  <si>
    <t>GHS CHAK 5/MR P.O. MAKHDOOM RASHID MULTAN</t>
  </si>
  <si>
    <t>CHAK 5-MR , MAKHDOOM RASHEED(mULTAN)</t>
  </si>
  <si>
    <t>Chak No. 5-MR (Multan)</t>
  </si>
  <si>
    <t>2/MR</t>
  </si>
  <si>
    <t>Mussart Hasnain Shah</t>
  </si>
  <si>
    <t>GHS CHAK 505 GB TANDLIANWALA FSD</t>
  </si>
  <si>
    <t>CHAK NO 505 GB</t>
  </si>
  <si>
    <t>CHAK NO 505 GB, TEHSIL TANDLIANWALA, DISTRICT FAISALABAD</t>
  </si>
  <si>
    <t>CHAK 498 GB</t>
  </si>
  <si>
    <t>NOOR HASAN</t>
  </si>
  <si>
    <t>GHS CHAK 507 GB TANDLIANWALA</t>
  </si>
  <si>
    <t>Ratan Garh</t>
  </si>
  <si>
    <t>GHS CHAK 508 GB TANDLIANWALA FSD</t>
  </si>
  <si>
    <t>Chak 508 GB</t>
  </si>
  <si>
    <t>CHAK NO. 508 GB</t>
  </si>
  <si>
    <t>CHAK NO. 514 GB</t>
  </si>
  <si>
    <t>GHS CHAK 509 GB MAMUNKANJAN FSD</t>
  </si>
  <si>
    <t>Chak No. 509 GB, Mamunkanjan, Tehsil Tandlianwala, District Faisalabad</t>
  </si>
  <si>
    <t>Chak No. 509 G.B</t>
  </si>
  <si>
    <t>MC Mamunkanjan</t>
  </si>
  <si>
    <t>zahid ur rehman</t>
  </si>
  <si>
    <t>GHS CHAK 519 GB</t>
  </si>
  <si>
    <t>Chak No 519 Gb</t>
  </si>
  <si>
    <t>Ghs519 gb toba tek singh</t>
  </si>
  <si>
    <t>Muhammad ITEEQ Anjam</t>
  </si>
  <si>
    <t>GHS CHAK 52 JB MULLANPUR FSD</t>
  </si>
  <si>
    <t>chak No. 52/JB Mullanpur, Fsd</t>
  </si>
  <si>
    <t>52 Jb</t>
  </si>
  <si>
    <t>58/JB</t>
  </si>
  <si>
    <t>Syed Muhammad Tahir Kazmi</t>
  </si>
  <si>
    <t>GHS CHAK 521 GB</t>
  </si>
  <si>
    <t>521gb</t>
  </si>
  <si>
    <t>chack no 521 gb Toba Tek Singh</t>
  </si>
  <si>
    <t>521 GB</t>
  </si>
  <si>
    <t>Nanaksar</t>
  </si>
  <si>
    <t>Muhammad Talat Jamil</t>
  </si>
  <si>
    <t>GHS CHAK 527 GB SAMUNDRI FSD</t>
  </si>
  <si>
    <t>Chak No.527 GB Sidham pura</t>
  </si>
  <si>
    <t>Chak no.527 GB Post Office Dijkot Tehsil Samundri District Faisalabad</t>
  </si>
  <si>
    <t>Chak no.527 GB</t>
  </si>
  <si>
    <t>Chak No.527 GB</t>
  </si>
  <si>
    <t>GHS CHAK 53/2 GB TANDLIANWALA</t>
  </si>
  <si>
    <t>CHAK NO. 53/2 TUKRA P/O DARBAR PIR SALAH DIN</t>
  </si>
  <si>
    <t>CHAK 53/2 TUKRA</t>
  </si>
  <si>
    <t>CHAK NO. 53/3 TUKRA DARBAR PIR SALAH DIN</t>
  </si>
  <si>
    <t>GHS CHAK 535 GB FSD</t>
  </si>
  <si>
    <t>chak no 535 gb</t>
  </si>
  <si>
    <t>Chak No 535 Gb</t>
  </si>
  <si>
    <t>659 GB</t>
  </si>
  <si>
    <t>khan asim iqbal</t>
  </si>
  <si>
    <t>GHS CHAK 550 GB TANDLIANWALA FSD</t>
  </si>
  <si>
    <t>Chak No 550 GB</t>
  </si>
  <si>
    <t>Abdul aziz azhar</t>
  </si>
  <si>
    <t>GHS CHAK 58 RB KHURRIANWALA FSD</t>
  </si>
  <si>
    <t>CHAK NO. 58 RB</t>
  </si>
  <si>
    <t>SAJJAD ALI</t>
  </si>
  <si>
    <t>GHS CHAK 58/4-R</t>
  </si>
  <si>
    <t>Chak NO. 58/4R Tehsil Haroonabad</t>
  </si>
  <si>
    <t>Ahmed Raza</t>
  </si>
  <si>
    <t>GHS CHAK 583 GB</t>
  </si>
  <si>
    <t>chak no 583 Gb jaranwala faisalabad</t>
  </si>
  <si>
    <t>Chak No 583 Gb</t>
  </si>
  <si>
    <t>ALLAH YAR TAQI</t>
  </si>
  <si>
    <t>GHS CHAK 60 JB FSD</t>
  </si>
  <si>
    <t>60 JB</t>
  </si>
  <si>
    <t>Chak No  60 JB Shahbazpur Faisalabad</t>
  </si>
  <si>
    <t>Chak No 60 JB</t>
  </si>
  <si>
    <t>59 JB Chaladaywali</t>
  </si>
  <si>
    <t>GHS CHAK 61 JB FSD</t>
  </si>
  <si>
    <t>chak no 61 jb</t>
  </si>
  <si>
    <t>athar kamran gulzar</t>
  </si>
  <si>
    <t>GHS CHAK 615 GB TANDLIANWALA FSD</t>
  </si>
  <si>
    <t>CHAK NO 615 GB</t>
  </si>
  <si>
    <t>CHAK 615 GB</t>
  </si>
  <si>
    <t>DOST ALI</t>
  </si>
  <si>
    <t>GHS CHAK 64/4-R</t>
  </si>
  <si>
    <t>Chak No.64/4R HAROONABAD</t>
  </si>
  <si>
    <t>64/4r</t>
  </si>
  <si>
    <t>Muhammad Khalid Iqbal</t>
  </si>
  <si>
    <t>GHS CHAK 664/5 GB</t>
  </si>
  <si>
    <t>664/5 Gb</t>
  </si>
  <si>
    <t>Muhammad Manzoor</t>
  </si>
  <si>
    <t>GHS CHAK 67 JB FSD</t>
  </si>
  <si>
    <t>chak no 67 jb</t>
  </si>
  <si>
    <t>sadhar</t>
  </si>
  <si>
    <t>muhammad younas</t>
  </si>
  <si>
    <t>GHS CHAK 670/11 GB</t>
  </si>
  <si>
    <t>Chak No 670/11 GB TEHSIL PIR MAHAL DISTT.T.T.SINGH</t>
  </si>
  <si>
    <t>Muhammad  Hanif</t>
  </si>
  <si>
    <t>GHS CHAK 68/4-R</t>
  </si>
  <si>
    <t>CHAK NO 68/4R TEHSIL HAROONABAD</t>
  </si>
  <si>
    <t>CHAK NO 68/4R</t>
  </si>
  <si>
    <t>MUHAMMAD AKHTAR ZIA</t>
  </si>
  <si>
    <t>GHS CHAK 681/22 GB</t>
  </si>
  <si>
    <t>GHS 681/22 GB. TEHSIL PIRMAHAL .DISTT TOBA TEK SINGH</t>
  </si>
  <si>
    <t>chak no 681/22 gb.</t>
  </si>
  <si>
    <t>Chak No 681/22 Gb.</t>
  </si>
  <si>
    <t>GHS CHAK 683/24 GB</t>
  </si>
  <si>
    <t>683/24 GB</t>
  </si>
  <si>
    <t>chak 683/24 gb</t>
  </si>
  <si>
    <t>Dilbagh Singh</t>
  </si>
  <si>
    <t>Muhamamd Azam Zia</t>
  </si>
  <si>
    <t>GHS CHAK 685/26 GB</t>
  </si>
  <si>
    <t>Chak 685/26 GB</t>
  </si>
  <si>
    <t>CHak 685/26 GB, Pir Mahal</t>
  </si>
  <si>
    <t>Muhammad Farooq Chaudhary</t>
  </si>
  <si>
    <t>GHS CHAK 689/31 GB</t>
  </si>
  <si>
    <t>GHS Chak No 689/31 GB</t>
  </si>
  <si>
    <t>chak no 689/31 gb</t>
  </si>
  <si>
    <t>Shahid Waheed</t>
  </si>
  <si>
    <t>GHS CHAK 69 JB FSD</t>
  </si>
  <si>
    <t>Chak No 69 Jb</t>
  </si>
  <si>
    <t>Ghs 69 JB chak no 69 jb</t>
  </si>
  <si>
    <t>Chak No 70 Jb</t>
  </si>
  <si>
    <t>GHS CHAK 69 RB</t>
  </si>
  <si>
    <t>69 RB</t>
  </si>
  <si>
    <t>CHAK NO 69 RB TEHSIL JARANWALA DISTRICT FAISALABAD.</t>
  </si>
  <si>
    <t>70 RB GUJJAR SINGH WALA</t>
  </si>
  <si>
    <t>Asim Rasheed</t>
  </si>
  <si>
    <t>GHS CHAK 694/36 GB</t>
  </si>
  <si>
    <t>Chak No694/36</t>
  </si>
  <si>
    <t>CHAK 694/36 GB TEHSIL PIRMAHAL TT SINGH</t>
  </si>
  <si>
    <t>CHAK 694/36 GB</t>
  </si>
  <si>
    <t>Muhammad Zawar</t>
  </si>
  <si>
    <t>GHS CHAK 7 T MULTAN</t>
  </si>
  <si>
    <t>Chak 7/T</t>
  </si>
  <si>
    <t>Rana Saeed</t>
  </si>
  <si>
    <t>GHS CHAK 715 GB</t>
  </si>
  <si>
    <t>chak no 715 gb kamalia distt. toba tek singh</t>
  </si>
  <si>
    <t>Chak No 715 Gb</t>
  </si>
  <si>
    <t>GHS CHAK 720 GB</t>
  </si>
  <si>
    <t>Chak No 720 GB</t>
  </si>
  <si>
    <t>Chak No 681/22 GB</t>
  </si>
  <si>
    <t>GHS CHAK 736 GB</t>
  </si>
  <si>
    <t>chak no.736gb.</t>
  </si>
  <si>
    <t>Chak No 736 Gb</t>
  </si>
  <si>
    <t>zia-u-allah</t>
  </si>
  <si>
    <t>GHS CHAK 739 GB JAKHAR</t>
  </si>
  <si>
    <t>Chak No. 739 GB Jakhar</t>
  </si>
  <si>
    <t>GHS CHAK 742 GB</t>
  </si>
  <si>
    <t>Chak no 742 gb</t>
  </si>
  <si>
    <t>Chak no 742 gb kamalia</t>
  </si>
  <si>
    <t>Chak 742 GB</t>
  </si>
  <si>
    <t>GHS CHAK 746 GB</t>
  </si>
  <si>
    <t>746 GB</t>
  </si>
  <si>
    <t>GHS 746 GB,TEH KAMALIA,T.T SINGH</t>
  </si>
  <si>
    <t>CHAK NO 746 G.B</t>
  </si>
  <si>
    <t>CHAK NO 722 G.B</t>
  </si>
  <si>
    <t>Rauf Bashir</t>
  </si>
  <si>
    <t>GHS CHAK 761 GB</t>
  </si>
  <si>
    <t>chak no 761 g.b</t>
  </si>
  <si>
    <t>Chak No 761 G.B</t>
  </si>
  <si>
    <t>GHS CHAK 77 RB</t>
  </si>
  <si>
    <t>LOHKY</t>
  </si>
  <si>
    <t>CHAK NO 77 RB TEHSIL JARANWALA</t>
  </si>
  <si>
    <t>CHAK NO 77 RB</t>
  </si>
  <si>
    <t>CHAK NO 106 RB</t>
  </si>
  <si>
    <t>MUHAMMAD ZAHID ARSHAD</t>
  </si>
  <si>
    <t>GHS CHAK 8 JB FSD</t>
  </si>
  <si>
    <t>Punjgarain</t>
  </si>
  <si>
    <t>Govt High School 8JB Fsd</t>
  </si>
  <si>
    <t>8JB</t>
  </si>
  <si>
    <t>6JB</t>
  </si>
  <si>
    <t>Mohammad Riaz</t>
  </si>
  <si>
    <t>GHS CHAK 8/1-L</t>
  </si>
  <si>
    <t>8/1-L</t>
  </si>
  <si>
    <t>Chak No. 8/1-L Tehsil Renala Khurd District Okara</t>
  </si>
  <si>
    <t>chak No. 8/1-L Okara</t>
  </si>
  <si>
    <t>10/1-L</t>
  </si>
  <si>
    <t>Mehmood Ahmad</t>
  </si>
  <si>
    <t>GHS CHAK 83 JB FSD</t>
  </si>
  <si>
    <t>83 Jb (Gill) Faisalabad</t>
  </si>
  <si>
    <t>83 jb (Gill) Faisalabad</t>
  </si>
  <si>
    <t>82 Jb  jagat Pur</t>
  </si>
  <si>
    <t>AYAZ UR REHMAN</t>
  </si>
  <si>
    <t>GHS CHAK 84 JB FAISALABAD</t>
  </si>
  <si>
    <t>sarshmeer</t>
  </si>
  <si>
    <t>chak no 84 jb sarshameer</t>
  </si>
  <si>
    <t>84 jb</t>
  </si>
  <si>
    <t>IJAZ FEROZE KHAN</t>
  </si>
  <si>
    <t>GHS CHAK 91 GB FSD</t>
  </si>
  <si>
    <t>Jagetpur</t>
  </si>
  <si>
    <t>GOVT'HIGGH 91 GB</t>
  </si>
  <si>
    <t>chak no 91 gB</t>
  </si>
  <si>
    <t>JAGETPUR</t>
  </si>
  <si>
    <t>MUHAMMAD ISHAQ Bajwa</t>
  </si>
  <si>
    <t>GHS CHAK 96/P</t>
  </si>
  <si>
    <t>Sadar  A</t>
  </si>
  <si>
    <t>chak no.96/p</t>
  </si>
  <si>
    <t>Chak No 96/p</t>
  </si>
  <si>
    <t>Chak No 93/p</t>
  </si>
  <si>
    <t>GHS CHAK 97 JB</t>
  </si>
  <si>
    <t>Chak No 97 Jb</t>
  </si>
  <si>
    <t>chak no 97 jb gojra distt t.t singh</t>
  </si>
  <si>
    <t>chak no 97 jb gojra</t>
  </si>
  <si>
    <t>Chak No 97 Jb Gojra</t>
  </si>
  <si>
    <t>GHS CHAK ABDULLAH</t>
  </si>
  <si>
    <t>Mari Shok Elahi</t>
  </si>
  <si>
    <t>Govt High schoolChak Abdullah</t>
  </si>
  <si>
    <t>Chak Abdullh</t>
  </si>
  <si>
    <t>Mari Shoq Shah</t>
  </si>
  <si>
    <t>GHS CHAK AMRAL</t>
  </si>
  <si>
    <t>Chak Amral</t>
  </si>
  <si>
    <t>village&amp;post chak amral</t>
  </si>
  <si>
    <t>Javed Iqbal Awan</t>
  </si>
  <si>
    <t>GHS CHAK AZMAT</t>
  </si>
  <si>
    <t>Azmat</t>
  </si>
  <si>
    <t>chak azmat</t>
  </si>
  <si>
    <t>SYED IMTIAZ HUSSAIN SHAH</t>
  </si>
  <si>
    <t>GHS CHAK BAIG</t>
  </si>
  <si>
    <t>Dhaunkal</t>
  </si>
  <si>
    <t>Muhammad Amjad khan</t>
  </si>
  <si>
    <t>GHS CHAK BASAWA</t>
  </si>
  <si>
    <t>Chak basawa</t>
  </si>
  <si>
    <t>vpo chak Basawa</t>
  </si>
  <si>
    <t>GHS CHAK BELI KHAN</t>
  </si>
  <si>
    <t>VPO CHAK Beli Khan Tehsil &amp; District Rawalpindi</t>
  </si>
  <si>
    <t>MASOOD AKHTER MALIK</t>
  </si>
  <si>
    <t>GHS CHAK BHATTI</t>
  </si>
  <si>
    <t>village &amp; pO: chak bhatti, tehsil: pindi bhattian</t>
  </si>
  <si>
    <t>asif ali tarar</t>
  </si>
  <si>
    <t>GHS CHAK DAULAT</t>
  </si>
  <si>
    <t>Post Office Chak Daulat Jhelum</t>
  </si>
  <si>
    <t>GHS CHAK FATEH SHAH</t>
  </si>
  <si>
    <t>VPO Chak Fateh Shah Teh &amp; Distt M B Din</t>
  </si>
  <si>
    <t>GHS CHAK GANDA SINGH</t>
  </si>
  <si>
    <t>chak Ganda Singh OKARA</t>
  </si>
  <si>
    <t>Chak Ganda Singh</t>
  </si>
  <si>
    <t>Rai Muhammad Shahzad</t>
  </si>
  <si>
    <t>GHS CHAK GHUMANA</t>
  </si>
  <si>
    <t>govt. high school chak ghumana bahawalnagar</t>
  </si>
  <si>
    <t>chak ghumana</t>
  </si>
  <si>
    <t>MALIK PURA</t>
  </si>
  <si>
    <t>GHS CHAK HAIDER ABAD, NAWAN SHEHR</t>
  </si>
  <si>
    <t>CHAK Hyderabad HAIDERABAD</t>
  </si>
  <si>
    <t>GHS CHAK HAIDERABAD NAWAN SHEHAR , TEHSIL KABIRWALA</t>
  </si>
  <si>
    <t>ZAFAR IQBAL JAVID</t>
  </si>
  <si>
    <t>GHS CHAK HIMTA</t>
  </si>
  <si>
    <t>GHS Chak Himta near Adda Shahnal Multan Road District Lodhran</t>
  </si>
  <si>
    <t>Mashkoor Ahmad</t>
  </si>
  <si>
    <t>GHS CHAK JANO KALAN</t>
  </si>
  <si>
    <t>chak Jano kalan teh phalia distt M.B.Din</t>
  </si>
  <si>
    <t>GHS CHAK JHALLAR SHUJABAD</t>
  </si>
  <si>
    <t>WAHI SAWAYA</t>
  </si>
  <si>
    <t>CHAK JHALLAR</t>
  </si>
  <si>
    <t>MARI NOON</t>
  </si>
  <si>
    <t>MUHAMMAD IQBAL YOUSAFI</t>
  </si>
  <si>
    <t>GHS CHAK JINDO SHAH</t>
  </si>
  <si>
    <t>Chowk Zohrani Haji pur Road Raja Pur</t>
  </si>
  <si>
    <t>GHS CHAK KAMALA</t>
  </si>
  <si>
    <t>chak kamala</t>
  </si>
  <si>
    <t>govt high school chak kamala gujrat</t>
  </si>
  <si>
    <t>syed walayat ullah shah</t>
  </si>
  <si>
    <t>GHS CHAK LOHARAN</t>
  </si>
  <si>
    <t>chak nourang</t>
  </si>
  <si>
    <t>BASTI CHAK LOHARAN VIA MUBARAK PUR, TEHSIL AHMADPUR EAST</t>
  </si>
  <si>
    <t>NOUSHEHR JADEED</t>
  </si>
  <si>
    <t>muhammad muneer alvi</t>
  </si>
  <si>
    <t>GHS CHAK MALOOK</t>
  </si>
  <si>
    <t>Village &amp; Post Office Chakmalook Tehsil &amp; District Chakwal.</t>
  </si>
  <si>
    <t>Muhammad Imran Munir</t>
  </si>
  <si>
    <t>GHS CHAK MEHMEDA</t>
  </si>
  <si>
    <t>CHAK MEHMNDA</t>
  </si>
  <si>
    <t>VPO: CHAK MEHMDA, TEH &amp; DISTT. JHELUM</t>
  </si>
  <si>
    <t>GHS CHAK MERIS</t>
  </si>
  <si>
    <t>GSS Chak Maris</t>
  </si>
  <si>
    <t>Chak Maris</t>
  </si>
  <si>
    <t>GHS CHAK MIANA BHERGRAN</t>
  </si>
  <si>
    <t>CHAK MIANA BHERGRAN</t>
  </si>
  <si>
    <t>Chak miana bhergran.</t>
  </si>
  <si>
    <t>BHAU GHASEET PUR</t>
  </si>
  <si>
    <t>Saqib Sohail</t>
  </si>
  <si>
    <t>GHS CHAK MUBARAK (RAMDAS)</t>
  </si>
  <si>
    <t>V &amp; PO Chak Mubarak, Tehsil Bhera, Distt. Sargodha</t>
  </si>
  <si>
    <t>muhammad sarfraz</t>
  </si>
  <si>
    <t>GHS CHAK NAURANG</t>
  </si>
  <si>
    <t>VPO Chak naurang</t>
  </si>
  <si>
    <t>har Char Dhab</t>
  </si>
  <si>
    <t>GHS CHAK NO 101 GB PAULIANI</t>
  </si>
  <si>
    <t>101 Gb</t>
  </si>
  <si>
    <t>chak 101 gB jaranwala</t>
  </si>
  <si>
    <t>Ali Pur Banglow</t>
  </si>
  <si>
    <t>Chak # 101 GB</t>
  </si>
  <si>
    <t>GHS CHAK NO 105 GB FSD</t>
  </si>
  <si>
    <t>Bangay</t>
  </si>
  <si>
    <t>ckak mo 105 gb</t>
  </si>
  <si>
    <t>MUHAMMAD Wala</t>
  </si>
  <si>
    <t>Hafeez Ullah Hafeez</t>
  </si>
  <si>
    <t>GHS CHAK NO 108 GB FSD</t>
  </si>
  <si>
    <t>Chak No. 108/GB</t>
  </si>
  <si>
    <t>GHS 108/GB</t>
  </si>
  <si>
    <t>Chak No.106/GB</t>
  </si>
  <si>
    <t>GHS CHAK NO 11 JB</t>
  </si>
  <si>
    <t>11jb</t>
  </si>
  <si>
    <t>Chak No. 11JB Chiniot</t>
  </si>
  <si>
    <t>KASHIF IMRAN KOLI</t>
  </si>
  <si>
    <t>GHS CHAK NO 110 TDA</t>
  </si>
  <si>
    <t>CHAK NO 110 TDA P/O 110 TDA TEHSIL KAROR DISTT.LAYYAH</t>
  </si>
  <si>
    <t>CHAK NO 110 TDA</t>
  </si>
  <si>
    <t>IRFAN SHAHID</t>
  </si>
  <si>
    <t>GHS CHAK NO 110 WB</t>
  </si>
  <si>
    <t>CHAK No 110WB</t>
  </si>
  <si>
    <t>CHAK NO 110 WB</t>
  </si>
  <si>
    <t>Zaheer Abad  shaheed</t>
  </si>
  <si>
    <t>Shahid  Ali</t>
  </si>
  <si>
    <t>GHS CHAK NO 113 GB</t>
  </si>
  <si>
    <t>Chak 113 GB</t>
  </si>
  <si>
    <t>CHAK NO 113 GB</t>
  </si>
  <si>
    <t>ASHAR ALLAH DITTA</t>
  </si>
  <si>
    <t>Water Cane</t>
  </si>
  <si>
    <t>GHS CHAK NO 118 GB</t>
  </si>
  <si>
    <t>Sfaid Poshaan</t>
  </si>
  <si>
    <t>GHS 118 GB</t>
  </si>
  <si>
    <t>Chak No 118 gb</t>
  </si>
  <si>
    <t>SAJID RAFIQ</t>
  </si>
  <si>
    <t>GHS CHAK NO 125 JB</t>
  </si>
  <si>
    <t>chak no 125 jb jappay tehsil and district chiniot</t>
  </si>
  <si>
    <t>chak no. 125 jb jappay</t>
  </si>
  <si>
    <t>chak no 125 jappay</t>
  </si>
  <si>
    <t>SAQIB TANVEER</t>
  </si>
  <si>
    <t>GHS CHAK NO 125 P</t>
  </si>
  <si>
    <t>chak NO.125/P</t>
  </si>
  <si>
    <t>chak NO.125/P rahim yar khan</t>
  </si>
  <si>
    <t>waha kona</t>
  </si>
  <si>
    <t>wATER SUPPLY</t>
  </si>
  <si>
    <t>GHS CHAK NO 128 A TDA</t>
  </si>
  <si>
    <t>Summra Thal</t>
  </si>
  <si>
    <t>GHS Chak No. 128-A/TDA Layyah</t>
  </si>
  <si>
    <t>128-A/TDA</t>
  </si>
  <si>
    <t>GHS CHAK NO 128 JB</t>
  </si>
  <si>
    <t>Chak 128 Jb Chiniot</t>
  </si>
  <si>
    <t>Govt High School Chak no 128 JB</t>
  </si>
  <si>
    <t>Chak No 128 JB</t>
  </si>
  <si>
    <t>GHS CHAK NO 128/1-L</t>
  </si>
  <si>
    <t>Chak No.128/1-L Tehsil Khanpur District Rahim Yar Khan</t>
  </si>
  <si>
    <t>Chak No 128/1L</t>
  </si>
  <si>
    <t>Muhammad Arif Shaheen</t>
  </si>
  <si>
    <t>GHS CHAK NO 13 UCC</t>
  </si>
  <si>
    <t>CHAK NO 13 UCC P/O Marh Bhangwan Tehsil Sharaqpur District Sheikhupura</t>
  </si>
  <si>
    <t>CHAK NO 13 UCC</t>
  </si>
  <si>
    <t>Muhammad Nauman</t>
  </si>
  <si>
    <t>Water Cooler</t>
  </si>
  <si>
    <t>GHS CHAK NO 133 SB</t>
  </si>
  <si>
    <t>Chak No 133 SB</t>
  </si>
  <si>
    <t>Chak No.133 SB</t>
  </si>
  <si>
    <t>Chak No 132 SB</t>
  </si>
  <si>
    <t>GHS CHAK NO 138 JB</t>
  </si>
  <si>
    <t>CHAK NO.138JB</t>
  </si>
  <si>
    <t>GHS CHAK NO.138JB CHINIOT</t>
  </si>
  <si>
    <t>CHAK NO.138JB CHINIOT</t>
  </si>
  <si>
    <t>CHAK NO.133JB</t>
  </si>
  <si>
    <t>ZULFIQAR ALI KHAN</t>
  </si>
  <si>
    <t>GHS CHAK NO 138 TDA</t>
  </si>
  <si>
    <t>Chak No 138/TDA Layyah</t>
  </si>
  <si>
    <t>GHS CHAK NO 14 JB</t>
  </si>
  <si>
    <t>Chak no 14jb</t>
  </si>
  <si>
    <t>GHS CHAK NO 140/P R.Y.KHAN</t>
  </si>
  <si>
    <t>140P</t>
  </si>
  <si>
    <t>GBHS 140-P RYK</t>
  </si>
  <si>
    <t>139P</t>
  </si>
  <si>
    <t>muhammad asghar</t>
  </si>
  <si>
    <t>GHS CHAK NO 146/DNB</t>
  </si>
  <si>
    <t>146 Dnb</t>
  </si>
  <si>
    <t>chak 146dnb Tehsil Yazman bahawalpur</t>
  </si>
  <si>
    <t>Meerana</t>
  </si>
  <si>
    <t>Muhammad Abu Ubaid</t>
  </si>
  <si>
    <t>GHS CHAK NO 147 JB</t>
  </si>
  <si>
    <t>CHAK NO 147 JB PHATNIKA , TEH &amp; DIST CHINIOT</t>
  </si>
  <si>
    <t>CHAK NO 147 jB PHATNIKA</t>
  </si>
  <si>
    <t>CKAK NO 146 JB</t>
  </si>
  <si>
    <t>zawar hussain</t>
  </si>
  <si>
    <t>GHS CHAK NO 152 JB</t>
  </si>
  <si>
    <t>chak No. 152 JB District Chiniot</t>
  </si>
  <si>
    <t>Chak no. 152  JB</t>
  </si>
  <si>
    <t>ChAK no. 153 JB</t>
  </si>
  <si>
    <t>GHS CHAK NO 159 JB</t>
  </si>
  <si>
    <t>chak NO.159JB, JHANG</t>
  </si>
  <si>
    <t>chak ver sipra</t>
  </si>
  <si>
    <t>CHAK VER SIPRA</t>
  </si>
  <si>
    <t>ASIF NADEEM</t>
  </si>
  <si>
    <t>GHS CHAK NO 170 JB JHANG</t>
  </si>
  <si>
    <t>170/JB</t>
  </si>
  <si>
    <t>Chak No. 170/JB, Jhang</t>
  </si>
  <si>
    <t>Chak No. 169/JB Garwah Jhang</t>
  </si>
  <si>
    <t>Motor With Water Cooler(Filter) and hand Pump</t>
  </si>
  <si>
    <t>GHS CHAK NO 172 TDA</t>
  </si>
  <si>
    <t>Chak No.172/TDA</t>
  </si>
  <si>
    <t>Chak No.172/TDA Tehsil &amp; District Layyah</t>
  </si>
  <si>
    <t>GHS CHAK NO 174 TDA</t>
  </si>
  <si>
    <t>Chak No 174/TDA</t>
  </si>
  <si>
    <t>Chak No 174/TDA Tehsil &amp; District Layyah</t>
  </si>
  <si>
    <t>Muhammad Farooque</t>
  </si>
  <si>
    <t>GHS CHAK NO 175 JB</t>
  </si>
  <si>
    <t>Chak175/Jb</t>
  </si>
  <si>
    <t>chak175/JB jhang</t>
  </si>
  <si>
    <t>Chak 175/Jb</t>
  </si>
  <si>
    <t>muhammad rashid</t>
  </si>
  <si>
    <t>GHS CHAK NO 183 TDA</t>
  </si>
  <si>
    <t>Chak No 183-184 tDA</t>
  </si>
  <si>
    <t>Chak No 183 TDA tehsil &amp; District Bhakkar</t>
  </si>
  <si>
    <t>chak No 183 tda Bhakkar</t>
  </si>
  <si>
    <t>Chak No 183-184 TDA</t>
  </si>
  <si>
    <t>Dr Muhammad  Akram  Aziz</t>
  </si>
  <si>
    <t>GHS CHAK NO 185 JB</t>
  </si>
  <si>
    <t>CHAK NO 185/JB</t>
  </si>
  <si>
    <t>CHAK NO 185/JB TEHSIL BHOWANA DISTRICT CHINIOT</t>
  </si>
  <si>
    <t>CHAK NO 184/JB</t>
  </si>
  <si>
    <t>AMANAT ALI</t>
  </si>
  <si>
    <t>GHS CHAK NO 195 JB</t>
  </si>
  <si>
    <t>Chak No 195</t>
  </si>
  <si>
    <t>Chak No 195 Tehsil Bhowana, district Chiniot</t>
  </si>
  <si>
    <t>Asad Ullah</t>
  </si>
  <si>
    <t>GHS CHAK NO 200 JB</t>
  </si>
  <si>
    <t>Chak No. 200 JB NASRANA</t>
  </si>
  <si>
    <t>Chak No 200 Nasrana</t>
  </si>
  <si>
    <t>Khawar Abbas</t>
  </si>
  <si>
    <t>GHS CHAK NO 20-1AL</t>
  </si>
  <si>
    <t>CHAK.NO.20/1.A.L.RENALA KHURD OKARA</t>
  </si>
  <si>
    <t>GOVT HIGH SCHOOL CHAK.NO.20/1.A.L.RENALA KHURD OKARA</t>
  </si>
  <si>
    <t>CHAK.NO.25/1A.L</t>
  </si>
  <si>
    <t>GHS CHAK NO 203 JB</t>
  </si>
  <si>
    <t>Chak No.203/J.b Chiniot</t>
  </si>
  <si>
    <t>Chak No.203/J.B Chiniot</t>
  </si>
  <si>
    <t>Chak No.203/J.B</t>
  </si>
  <si>
    <t>Muhammad Imran Saleem</t>
  </si>
  <si>
    <t>GHS CHAK NO 205 JB</t>
  </si>
  <si>
    <t>chak.no.205/jb p/o same tehsil bhowana distt.chiniot</t>
  </si>
  <si>
    <t>glotranwali</t>
  </si>
  <si>
    <t>chak.no.210/jb tarar</t>
  </si>
  <si>
    <t>GHS CHAK NO 210 JB TARRAR</t>
  </si>
  <si>
    <t>CHAK NO. 210 JB TARAR</t>
  </si>
  <si>
    <t>GHS CHAK NO. 210 JB TARAR</t>
  </si>
  <si>
    <t>GHS CHAK NO 214/ JB</t>
  </si>
  <si>
    <t>GHS CHAK NO. 214 JB MOCHIWALA JHANG</t>
  </si>
  <si>
    <t>CHAK NO 214 JB</t>
  </si>
  <si>
    <t>CHAK NO 182 MOCHIWALA</t>
  </si>
  <si>
    <t>MUHAMMAD TARIQ</t>
  </si>
  <si>
    <t>GHS CHAK NO 216 JB</t>
  </si>
  <si>
    <t>CHAK NO. 216/JB</t>
  </si>
  <si>
    <t>CHAK NO. 216/JB P/O CHAK NO. 214/JB JHANG</t>
  </si>
  <si>
    <t>SEMA WALI JHOK</t>
  </si>
  <si>
    <t>CHAK NO. 215</t>
  </si>
  <si>
    <t>MUHAMMAD SIDDIQUE ATEEQ</t>
  </si>
  <si>
    <t>GHS CHAK NO 219</t>
  </si>
  <si>
    <t>Chak # 219/JB Faisalabad Road Jhang</t>
  </si>
  <si>
    <t>Chak # 219/JB</t>
  </si>
  <si>
    <t>Chak # 265/JB</t>
  </si>
  <si>
    <t>GHS CHAK NO 221 JB DHOGHRA</t>
  </si>
  <si>
    <t>chak no. 221 jb</t>
  </si>
  <si>
    <t>Chak No. 221 JB Teh. Bhawana Distt. Chiniot</t>
  </si>
  <si>
    <t>Doghra</t>
  </si>
  <si>
    <t>Mohammad Shahid Afzaal</t>
  </si>
  <si>
    <t>GHS CHAK NO 223 JB</t>
  </si>
  <si>
    <t>Chak No.223/JB Tehsil Bhowana District Chiniot</t>
  </si>
  <si>
    <t>Chak No 223/JB</t>
  </si>
  <si>
    <t>190 /JBArbiwala</t>
  </si>
  <si>
    <t>sanaullah khan</t>
  </si>
  <si>
    <t>GHS CHAK NO 229 RB FSD</t>
  </si>
  <si>
    <t>Chak # 229 Rb Makuana</t>
  </si>
  <si>
    <t>muhammad ikram ul haq</t>
  </si>
  <si>
    <t>GHS CHAK NO 236 TDA</t>
  </si>
  <si>
    <t>CHAK NO.236/TDA</t>
  </si>
  <si>
    <t>GHS CHAK NO.236/TDA TEHSIL KAROR LAYYAH</t>
  </si>
  <si>
    <t>SHAOKAT ABAD</t>
  </si>
  <si>
    <t>IJAZ HUSSAIN</t>
  </si>
  <si>
    <t>GHS CHAK NO 237 JB</t>
  </si>
  <si>
    <t>Chak No 237 JB Lungrana District Chiniot</t>
  </si>
  <si>
    <t>lungrana</t>
  </si>
  <si>
    <t>Chak No 184 JB</t>
  </si>
  <si>
    <t>NASIR ALI</t>
  </si>
  <si>
    <t>GHS CHAK NO 24 GB</t>
  </si>
  <si>
    <t>FATEH PUR SOHORAN</t>
  </si>
  <si>
    <t>CHAK NO 24 GB JARANWALA</t>
  </si>
  <si>
    <t>CHAK NO. 24 GB</t>
  </si>
  <si>
    <t>Muhammad Ramzan Adil</t>
  </si>
  <si>
    <t>GHS CHAK NO 241 JB</t>
  </si>
  <si>
    <t>chak 241jb</t>
  </si>
  <si>
    <t>Iftikhar Aziz Danish</t>
  </si>
  <si>
    <t>GHS CHAK NO 247 JB</t>
  </si>
  <si>
    <t>CHAK NO 247 JB BARAL TEHSIL BHOWANA DISTRICT CHINIOT</t>
  </si>
  <si>
    <t>CHAK NO 247 JB BARAL</t>
  </si>
  <si>
    <t>CHAK NO 203 JB BALOANA</t>
  </si>
  <si>
    <t>UMAR HAYAT KHALID</t>
  </si>
  <si>
    <t>GHS CHAK NO 259 JB</t>
  </si>
  <si>
    <t>Pakra Sultan</t>
  </si>
  <si>
    <t>GHS chak 259 jb jhang</t>
  </si>
  <si>
    <t>Chak 259jb</t>
  </si>
  <si>
    <t>GHS CHAK NO 263 JB</t>
  </si>
  <si>
    <t>chak no.263/JB Jhang</t>
  </si>
  <si>
    <t>Chak No.263 Patoana</t>
  </si>
  <si>
    <t>Chak No.265/JB</t>
  </si>
  <si>
    <t>GHS CHAK NO 275 GB</t>
  </si>
  <si>
    <t>Madoana</t>
  </si>
  <si>
    <t>chak No 275 GB</t>
  </si>
  <si>
    <t>Chak No 275 GB</t>
  </si>
  <si>
    <t>Chak No 277 GB</t>
  </si>
  <si>
    <t>KHALID MAHMOOD</t>
  </si>
  <si>
    <t>GHS CHAK NO 282 GB</t>
  </si>
  <si>
    <t>CHAK NO 282 GB JARANWALA</t>
  </si>
  <si>
    <t>CHAK NO 282 GB</t>
  </si>
  <si>
    <t>GHS CHAK NO 291 EB</t>
  </si>
  <si>
    <t>CHAK NO 291 EB</t>
  </si>
  <si>
    <t>amjad pervaiz</t>
  </si>
  <si>
    <t>GHS CHAK NO 306 TDA</t>
  </si>
  <si>
    <t>Chak no.306/TDA Tehsil Karor</t>
  </si>
  <si>
    <t>GHS CHAK NO 33 GB</t>
  </si>
  <si>
    <t>CHAK NO 32 GB</t>
  </si>
  <si>
    <t>GOVT HIGH SCHOOL CHAK NO 33 GB FSD.</t>
  </si>
  <si>
    <t>CHAK NO 33 GB</t>
  </si>
  <si>
    <t>MUHAMMAD ASLAM SHAHZAD</t>
  </si>
  <si>
    <t>GHS CHAK NO 35 DB</t>
  </si>
  <si>
    <t>Quaiabad</t>
  </si>
  <si>
    <t>GHS. 35DB</t>
  </si>
  <si>
    <t>35DB</t>
  </si>
  <si>
    <t>GHS CHAK NO 353 GB</t>
  </si>
  <si>
    <t>Chak No. 353 GB</t>
  </si>
  <si>
    <t>MUHAMMAD FIAZ AKHTER</t>
  </si>
  <si>
    <t>GHS CHAK NO 363 GB</t>
  </si>
  <si>
    <t>chak no 363 gb . Tehsil Jaranwala Dist. Faisalabad</t>
  </si>
  <si>
    <t>Chak No 363 Gb</t>
  </si>
  <si>
    <t>Chak 363 Gb</t>
  </si>
  <si>
    <t>GHS CHAK NO 378 GB</t>
  </si>
  <si>
    <t>CHAK NO 378 GB, TEHSIL JARANWALA DISTRICT FAISALABAD</t>
  </si>
  <si>
    <t>HAMAND KA CHAK</t>
  </si>
  <si>
    <t>CHAK NO 378 GB</t>
  </si>
  <si>
    <t>Riaz Ahmad Shahid</t>
  </si>
  <si>
    <t>GHS CHAK NO 383 GB</t>
  </si>
  <si>
    <t>GHS 383 GB jaranwala faisal abad</t>
  </si>
  <si>
    <t>chak no 383 gb</t>
  </si>
  <si>
    <t>GHS CHAK NO 42-43 TDA</t>
  </si>
  <si>
    <t>Chak No.42-43/tda bhakkar</t>
  </si>
  <si>
    <t>Chak No 42-43</t>
  </si>
  <si>
    <t>Muhammad Intazar</t>
  </si>
  <si>
    <t>GHS CHAK NO 446 JB</t>
  </si>
  <si>
    <t>chak no 446 /jb jhang</t>
  </si>
  <si>
    <t>Chak No 446 /Jb  p/o Same Teshil &amp; District Jhang</t>
  </si>
  <si>
    <t>Chak No 446 /Jb Jhang</t>
  </si>
  <si>
    <t>Chak No 446 /Jb</t>
  </si>
  <si>
    <t>Mukhtar Hussain Shah</t>
  </si>
  <si>
    <t>GHS CHAK NO 455 JB</t>
  </si>
  <si>
    <t>kotlakhnana</t>
  </si>
  <si>
    <t>chak no. 455 kotlaknana jhang</t>
  </si>
  <si>
    <t>chak no 455</t>
  </si>
  <si>
    <t>chak no 446</t>
  </si>
  <si>
    <t>Muhammad Asad Imran</t>
  </si>
  <si>
    <t>GHS CHAK NO 464 TDA</t>
  </si>
  <si>
    <t>Chak No 464/TDA</t>
  </si>
  <si>
    <t>464/TDA</t>
  </si>
  <si>
    <t>MUHAMMAD NAEEM AHMAD</t>
  </si>
  <si>
    <t>GHS CHAK NO 47 TDA</t>
  </si>
  <si>
    <t>CHAK 47TDA</t>
  </si>
  <si>
    <t>CHAK 47TDA PO CHAK 47TDA BHAKKAR</t>
  </si>
  <si>
    <t>CHAK 45TDA</t>
  </si>
  <si>
    <t>GHS CHAK NO 478 JB</t>
  </si>
  <si>
    <t>GOVT HIGH SCHOOL CHAK NO.478/JB.</t>
  </si>
  <si>
    <t>chak no.478/JB.</t>
  </si>
  <si>
    <t>CHAK NO.478/JB.</t>
  </si>
  <si>
    <t>ASHIQ HUSSAIN</t>
  </si>
  <si>
    <t>GHS CHAK NO 493 JB</t>
  </si>
  <si>
    <t>Chak No 493 Jb Tehsil Shorkot</t>
  </si>
  <si>
    <t>Chak No 493 Jb</t>
  </si>
  <si>
    <t>Chak 493 Jb</t>
  </si>
  <si>
    <t>GHS CHAK NO 50/A</t>
  </si>
  <si>
    <t>Chak 50A</t>
  </si>
  <si>
    <t>Chak No. 50/A Liaquat Pur</t>
  </si>
  <si>
    <t>Chak No.25/A Liaquat Pur</t>
  </si>
  <si>
    <t>GHS CHAK NO 51 P</t>
  </si>
  <si>
    <t>CHAK NO 51 P, RAHIM YAR KHAN</t>
  </si>
  <si>
    <t>CHAK NO 51 P</t>
  </si>
  <si>
    <t>TAPL</t>
  </si>
  <si>
    <t>GHS CHAK NO 566 GB</t>
  </si>
  <si>
    <t>NAMDARWALA</t>
  </si>
  <si>
    <t>CHAK NO.566GB TEHSIL JARANWALA DISTRICT FAISALABAD</t>
  </si>
  <si>
    <t>CHAK NO.566GB</t>
  </si>
  <si>
    <t>GHS CHAK NO 569 GB</t>
  </si>
  <si>
    <t>CHAK NO 569 GB</t>
  </si>
  <si>
    <t>CHAK NO 569 GB BAHADAR KHANWALA</t>
  </si>
  <si>
    <t>CHAK NO 569 GB BAHADAR KHAN WALA</t>
  </si>
  <si>
    <t>GHS CHAK NO 59 TDA</t>
  </si>
  <si>
    <t>Chak No.59/TDA Tehsil &amp; District Bhakkar</t>
  </si>
  <si>
    <t>Chak No.58/TDA</t>
  </si>
  <si>
    <t>GHAFFAR ALI KHAN</t>
  </si>
  <si>
    <t>GHS CHAK NO 6/3-L</t>
  </si>
  <si>
    <t>Kasowana</t>
  </si>
  <si>
    <t>Chak No 6/3L</t>
  </si>
  <si>
    <t>Chak No 6 /3L</t>
  </si>
  <si>
    <t>GHS CHAK NO 61 GB FSD</t>
  </si>
  <si>
    <t>Chak No 61 GB</t>
  </si>
  <si>
    <t>chak no 61 g b jaranwala</t>
  </si>
  <si>
    <t>61/GB</t>
  </si>
  <si>
    <t>Allah Ditta Najmi</t>
  </si>
  <si>
    <t>GHS CHAK NO 630 GB</t>
  </si>
  <si>
    <t>Chak No 630 GB</t>
  </si>
  <si>
    <t>Chak No 630 G.B</t>
  </si>
  <si>
    <t>Chak No 631 GB</t>
  </si>
  <si>
    <t>muhammad nadeem ahmed</t>
  </si>
  <si>
    <t>GHS CHAK NO 653/4 GB</t>
  </si>
  <si>
    <t>653/4GB</t>
  </si>
  <si>
    <t>Chak No. 653/4 GB, Jaranwala</t>
  </si>
  <si>
    <t>Chak 653/4GB</t>
  </si>
  <si>
    <t>Kot Balkram 647</t>
  </si>
  <si>
    <t>ABDUL SAMAD</t>
  </si>
  <si>
    <t>GHS CHAK NO 657/8 GB</t>
  </si>
  <si>
    <t>657/ 8 G B Kot Hassan Kan</t>
  </si>
  <si>
    <t>Chak  No 657/ 8 G. B Kot Hassan Khan jaranwala faisalabad</t>
  </si>
  <si>
    <t>Chak No 657/ 8 G B</t>
  </si>
  <si>
    <t>Muhammad Shahbaz Zafar</t>
  </si>
  <si>
    <t>GHS CHAK NO 69-M JALALPUR PIR WALA</t>
  </si>
  <si>
    <t>Chand 69m</t>
  </si>
  <si>
    <t>Muhammad Akmal Hussain</t>
  </si>
  <si>
    <t>GHS CHAK NO 7 UCC</t>
  </si>
  <si>
    <t>Chak No 7 Ucc</t>
  </si>
  <si>
    <t>Chak no 7 ucc skp</t>
  </si>
  <si>
    <t>Chak No 7 Ucc Skp</t>
  </si>
  <si>
    <t>Muhammad ishaq rehmain</t>
  </si>
  <si>
    <t>GHS CHAK NO 7/P KHANPUR</t>
  </si>
  <si>
    <t>CHAK 7/P</t>
  </si>
  <si>
    <t>CHAK 7/P TEHSIL KHANPUR DISTRICT RAHIM YAR KHAN</t>
  </si>
  <si>
    <t>muhammad mushtaq</t>
  </si>
  <si>
    <t>GHS CHAK NO 73 TDA</t>
  </si>
  <si>
    <t>Chak No.73/TDA</t>
  </si>
  <si>
    <t>Chak No.73/TDA P/O Same Tehsil and District Bhakkar</t>
  </si>
  <si>
    <t>Chak No.60-61/ML</t>
  </si>
  <si>
    <t>GHS CHAK NO 8 MR MAKHDOOM RASHID (MULTAN)</t>
  </si>
  <si>
    <t>8MR</t>
  </si>
  <si>
    <t>chak no 8mr makhdoom rasheed multan</t>
  </si>
  <si>
    <t>8 MR</t>
  </si>
  <si>
    <t>khan pur marra</t>
  </si>
  <si>
    <t>fazal hussain shah</t>
  </si>
  <si>
    <t>GHS CHAK NO 91 RB FSD</t>
  </si>
  <si>
    <t>91/rb</t>
  </si>
  <si>
    <t>Chak No.91/RB Jaranwala Faisalabad</t>
  </si>
  <si>
    <t>GHS CHAK NO 94 NP</t>
  </si>
  <si>
    <t>CHAK 94/NP, KHANPUR</t>
  </si>
  <si>
    <t>CHAK 94/NP</t>
  </si>
  <si>
    <t>UMER RAZA</t>
  </si>
  <si>
    <t>GHS CHAK NO 96 RB FSD</t>
  </si>
  <si>
    <t>chak no 96 rb</t>
  </si>
  <si>
    <t>Chak No 96rb</t>
  </si>
  <si>
    <t>Safdar Ali</t>
  </si>
  <si>
    <t>GHS CHAK NO 98 ML</t>
  </si>
  <si>
    <t>CHAK NO. 98 ML</t>
  </si>
  <si>
    <t>ALI ASGHAR</t>
  </si>
  <si>
    <t>hand pump  water pump</t>
  </si>
  <si>
    <t>GHS CHAK NO. 1/4-L</t>
  </si>
  <si>
    <t>chak no 1/4L okata</t>
  </si>
  <si>
    <t>Chak No 1/4L</t>
  </si>
  <si>
    <t>Akhtar Hussain Javaid</t>
  </si>
  <si>
    <t>GHS CHAK NO. 1/MR  P/O KHAS MULTAN</t>
  </si>
  <si>
    <t>GHS 1-MR Multan</t>
  </si>
  <si>
    <t>2MR</t>
  </si>
  <si>
    <t>GHS CHAK NO. 10 THAL COLONY NO. 1</t>
  </si>
  <si>
    <t>CHAK 10/1 THAL</t>
  </si>
  <si>
    <t>COLONY NO. 1, CHAK 10 THAL</t>
  </si>
  <si>
    <t>COLONY NO. 1 CHAK 10 THAL</t>
  </si>
  <si>
    <t>UCH GUL IMAM</t>
  </si>
  <si>
    <t>M Siddique</t>
  </si>
  <si>
    <t>GHS CHAK NO. 10 UCC</t>
  </si>
  <si>
    <t>chak 10 ucc sharqpur</t>
  </si>
  <si>
    <t>Chak 10 Ucc</t>
  </si>
  <si>
    <t>mohammad mobeen</t>
  </si>
  <si>
    <t>GHS CHAK NO. 10/FW</t>
  </si>
  <si>
    <t>10/F.W</t>
  </si>
  <si>
    <t>Chak 10/F.W, P/O Same, Tehsil Chishtian</t>
  </si>
  <si>
    <t>Chak 10/F.W</t>
  </si>
  <si>
    <t>GHS CHAK NO. 100/6-R</t>
  </si>
  <si>
    <t>GOVT. HIGH SCHOOL 100/6.R</t>
  </si>
  <si>
    <t>CHAK No 100/6R</t>
  </si>
  <si>
    <t>chak 101/6.R</t>
  </si>
  <si>
    <t>GHS CHAK NO. 100/P</t>
  </si>
  <si>
    <t>KOT QAHANDARA SINGH</t>
  </si>
  <si>
    <t>GBHS CHAK # 100 P R.Y.KHAN</t>
  </si>
  <si>
    <t>CHAK NO. 100 P</t>
  </si>
  <si>
    <t>aziz ahmed</t>
  </si>
  <si>
    <t>GHS CHAK NO. 103/6-R</t>
  </si>
  <si>
    <t>103/6-R</t>
  </si>
  <si>
    <t>chak No. 103/6-R</t>
  </si>
  <si>
    <t>chak No. 109/6-R</t>
  </si>
  <si>
    <t>MUHAMMAD TAHIR ARSHAD</t>
  </si>
  <si>
    <t>GHS CHAK NO. 103/F</t>
  </si>
  <si>
    <t>103f</t>
  </si>
  <si>
    <t>chak # 103f chishtian</t>
  </si>
  <si>
    <t>GHS CHAK NO. 107/6-R</t>
  </si>
  <si>
    <t>Chak 107/6R</t>
  </si>
  <si>
    <t>Govt. H/S Chak No 107/6R Haroonabad</t>
  </si>
  <si>
    <t>GHS CHAK NO. 109/1-L</t>
  </si>
  <si>
    <t>Chak No 109/1-L</t>
  </si>
  <si>
    <t>Chak No.109/1-L Tehsil Khanpur Distt:Rahim Yar khan</t>
  </si>
  <si>
    <t>109/1-L</t>
  </si>
  <si>
    <t>Chak 45/p</t>
  </si>
  <si>
    <t>SHAHID SALEEM</t>
  </si>
  <si>
    <t>GHS CHAK NO. 109/F</t>
  </si>
  <si>
    <t>Azafi109/f</t>
  </si>
  <si>
    <t>chak 109/f chishtian</t>
  </si>
  <si>
    <t>Chak 109/f</t>
  </si>
  <si>
    <t>Chak 35/F</t>
  </si>
  <si>
    <t>GHS CHAK NO. 110/6-R</t>
  </si>
  <si>
    <t>CHAK NO 110/6R</t>
  </si>
  <si>
    <t>CHAK NO 109/6R</t>
  </si>
  <si>
    <t>MUHAMMAD AKRAM IJAZ</t>
  </si>
  <si>
    <t>GHS CHAK NO. 110/7-R</t>
  </si>
  <si>
    <t>chak no 110/7-R Tehsil chichawatni Distt Sahiwal</t>
  </si>
  <si>
    <t>110 / 7-R</t>
  </si>
  <si>
    <t>Chak No 110/7-R</t>
  </si>
  <si>
    <t>QAZI IFTIKHAR AHMAD</t>
  </si>
  <si>
    <t>GHS CHAK NO. 121 MURAD</t>
  </si>
  <si>
    <t>Chak No 121 Murad</t>
  </si>
  <si>
    <t>Chak No 121 Murad Tehsil 
CHISHTIAN</t>
  </si>
  <si>
    <t>Chak 118 Murad</t>
  </si>
  <si>
    <t>GHS CHAK NO. 125/ WB</t>
  </si>
  <si>
    <t>chak no125wb</t>
  </si>
  <si>
    <t>chak no 125wb p/o mitroo tehsil mailsi disstrict vehari</t>
  </si>
  <si>
    <t>muhammad aslam qazi</t>
  </si>
  <si>
    <t>GHS CHAK NO. 129/M</t>
  </si>
  <si>
    <t>129/m</t>
  </si>
  <si>
    <t>chak no 129/m</t>
  </si>
  <si>
    <t>SHAHZAD ALI</t>
  </si>
  <si>
    <t>GHS CHAK NO. 132 JB</t>
  </si>
  <si>
    <t>Dhamraie</t>
  </si>
  <si>
    <t>Chak No 132 JB Dhamraie Chiniot</t>
  </si>
  <si>
    <t>Chak No 132 JB Dhamraie</t>
  </si>
  <si>
    <t>Thattian</t>
  </si>
  <si>
    <t>GHS CHAK NO. 132/6R</t>
  </si>
  <si>
    <t>chak no.132-6r Tehsil:Haroonabad</t>
  </si>
  <si>
    <t>132-6r</t>
  </si>
  <si>
    <t>GHS CHAK NO. 133/1-L</t>
  </si>
  <si>
    <t>Chak 133/1L</t>
  </si>
  <si>
    <t>CHAK NO 133/1.L</t>
  </si>
  <si>
    <t>chak 133/1.L</t>
  </si>
  <si>
    <t>BHATHA SHEIKHAN</t>
  </si>
  <si>
    <t>Shakeel Ahmed</t>
  </si>
  <si>
    <t>GHS CHAK NO. 135 MURD</t>
  </si>
  <si>
    <t>DAHRANWALA</t>
  </si>
  <si>
    <t>CHAK NO. 135 mURAD P/O 134 MURAD</t>
  </si>
  <si>
    <t>CHAK NO 135/m</t>
  </si>
  <si>
    <t>ARSHAD ALI TABASSUM</t>
  </si>
  <si>
    <t>water Supply connection</t>
  </si>
  <si>
    <t>GHS CHAK NO. 1-4/DB P.O. 4/DB</t>
  </si>
  <si>
    <t>CHAK 4DB</t>
  </si>
  <si>
    <t>Govt High School CHAK 1-4DB PO 4DBTehsil  Pipaln  Mianwali</t>
  </si>
  <si>
    <t>CHAK 1-4DB</t>
  </si>
  <si>
    <t>ATTIQ-UR-RAZAQ SHAH</t>
  </si>
  <si>
    <t>GHS CHAK NO. 140 MURAD</t>
  </si>
  <si>
    <t>140/M</t>
  </si>
  <si>
    <t>Chak no 140/M tehsil Chishtian bahawalnagar</t>
  </si>
  <si>
    <t>Chak No 140/M</t>
  </si>
  <si>
    <t>Muhammad Imran Shahid</t>
  </si>
  <si>
    <t>GHS CHAK NO. 141 P</t>
  </si>
  <si>
    <t>chak no. 141 p</t>
  </si>
  <si>
    <t>CHAK NO. 141 P</t>
  </si>
  <si>
    <t>139 p</t>
  </si>
  <si>
    <t>mazhar ali</t>
  </si>
  <si>
    <t>GHS CHAK NO. 142/6-R</t>
  </si>
  <si>
    <t>142 6r</t>
  </si>
  <si>
    <t>chak no.142 6r</t>
  </si>
  <si>
    <t>Chak No142 6r</t>
  </si>
  <si>
    <t>MUHAMMAD SADDIQUE</t>
  </si>
  <si>
    <t>GHS CHAK NO. 148/P</t>
  </si>
  <si>
    <t>LUNDA</t>
  </si>
  <si>
    <t>CHAK NO. 148/P SADIQABAD P/O  SAME</t>
  </si>
  <si>
    <t>CHAK NO.148/P</t>
  </si>
  <si>
    <t>MUHAMMAD JAVED  IQBAL</t>
  </si>
  <si>
    <t>GHS CHAK NO. 155/3L</t>
  </si>
  <si>
    <t>CHAK NO 155/3L,POST OFFICE FAQIRWALI TEHSIL HAROONABAD DISTRICT BAHAWALNAGAR</t>
  </si>
  <si>
    <t>GHS CHAK NO. 158/P</t>
  </si>
  <si>
    <t>Chak 158/p</t>
  </si>
  <si>
    <t>Govt Boys High School 158 /P Sadiqabad.</t>
  </si>
  <si>
    <t>Chak  158/P</t>
  </si>
  <si>
    <t>Chak  160/P</t>
  </si>
  <si>
    <t>GHS CHAK NO. 162 TDA</t>
  </si>
  <si>
    <t>chak no162/tad P/O kot sultan Disstt layyah</t>
  </si>
  <si>
    <t>chakno162</t>
  </si>
  <si>
    <t>164-a</t>
  </si>
  <si>
    <t>MUHAMMAD SHAFI</t>
  </si>
  <si>
    <t>GHS CHAK NO. 17 CHUNIAN</t>
  </si>
  <si>
    <t>GHS Chak 17</t>
  </si>
  <si>
    <t>Chak No. 17 Tehsil CHUNIAN DISTRICT Kasur</t>
  </si>
  <si>
    <t>Anwar Farooq</t>
  </si>
  <si>
    <t>GHS CHAK NO. 18/G.D</t>
  </si>
  <si>
    <t>18/gD</t>
  </si>
  <si>
    <t>CHAK 18/GD OKARA</t>
  </si>
  <si>
    <t>ATTA MUHAMMAD</t>
  </si>
  <si>
    <t>GHS CHAK NO. 188/P</t>
  </si>
  <si>
    <t>CHAK NO. 188/P</t>
  </si>
  <si>
    <t>CHAK NO. 188/P, P.O. BOX CHAK NO. 188/P SADIQ ABAD, RAHIM YAR KHAN</t>
  </si>
  <si>
    <t>CHAK NO. 160/P</t>
  </si>
  <si>
    <t>MUDASSIR KHAN</t>
  </si>
  <si>
    <t>GHS CHAK NO. 2 JANUBI</t>
  </si>
  <si>
    <t>CHAK NO. 02 JUNUBI</t>
  </si>
  <si>
    <t>CHAK NO. 02 JUNUBI, MANDI BAHAUD DIN</t>
  </si>
  <si>
    <t>CHAK Basawa</t>
  </si>
  <si>
    <t>GHS CHAK NO. 2/1-AL OKARA</t>
  </si>
  <si>
    <t>Chak No 2/1AL</t>
  </si>
  <si>
    <t>GHS Chak no.2/1.AL Tehsil Renala khurd District Okara</t>
  </si>
  <si>
    <t>Chak No 4/1AL klan</t>
  </si>
  <si>
    <t>ABID HUSSAIN ABID</t>
  </si>
  <si>
    <t>GHS CHAK NO. 20/EB ARIFWALA</t>
  </si>
  <si>
    <t>Chak No 20/EB Arifwala TEH,,ARIFWALA DISTT,PAKPATTAN</t>
  </si>
  <si>
    <t>Chak No 20/eb arifwala</t>
  </si>
  <si>
    <t>CHAK No 50/SP</t>
  </si>
  <si>
    <t>GHS CHAK NO. 201 MURAD</t>
  </si>
  <si>
    <t>Chak No 201/M</t>
  </si>
  <si>
    <t>Chak No. 201/M, P/O Chak No. 205/M, Tehsil Chishtian, District Bahawalnagar</t>
  </si>
  <si>
    <t>Chak No. 201/M</t>
  </si>
  <si>
    <t>GHS CHAK NO. 206 MURAD</t>
  </si>
  <si>
    <t>Chak No. 206/M Chishtian</t>
  </si>
  <si>
    <t>chak 206/M</t>
  </si>
  <si>
    <t>Muhammad Yousuf</t>
  </si>
  <si>
    <t>GHS CHAK NO. 21 GD OKARA</t>
  </si>
  <si>
    <t>saddar</t>
  </si>
  <si>
    <t>CHAK NO. 21 GD OKARA</t>
  </si>
  <si>
    <t>CHAK NO. 21 GD-OKARA</t>
  </si>
  <si>
    <t>chak no 32/2r okara</t>
  </si>
  <si>
    <t>JAVED SATTAR CH</t>
  </si>
  <si>
    <t>GHS CHAK NO. 211 WB</t>
  </si>
  <si>
    <t>CHAK NO  211/W.B   P/O  DOKTA  TEHSIL  MAILSI(VEHARI)</t>
  </si>
  <si>
    <t>CHAK  NO  211/WB</t>
  </si>
  <si>
    <t>CHAK  NO  151/W.B</t>
  </si>
  <si>
    <t>NASIR  ALI</t>
  </si>
  <si>
    <t>GHS CHAK No. 225/1-L Head Fareed</t>
  </si>
  <si>
    <t>225/1-L</t>
  </si>
  <si>
    <t>Chak no 225/1-L head fareed tehsil liaquatpur</t>
  </si>
  <si>
    <t>Zafar Iqbal Mirza</t>
  </si>
  <si>
    <t>GHS CHAK NO. 23/G</t>
  </si>
  <si>
    <t>Frid Kot</t>
  </si>
  <si>
    <t>GHS 23/G, Chishtian</t>
  </si>
  <si>
    <t>Chak No. 23/G</t>
  </si>
  <si>
    <t>GHS CHAK NO. 23/P</t>
  </si>
  <si>
    <t>Chak No 23/p</t>
  </si>
  <si>
    <t>CHAK NO 23/P P/O SAME</t>
  </si>
  <si>
    <t>CHAK NO 23/P</t>
  </si>
  <si>
    <t>MUD BHOURA</t>
  </si>
  <si>
    <t>AKHTAR ALI</t>
  </si>
  <si>
    <t>GHS CHAK NO. 231/EB</t>
  </si>
  <si>
    <t>chak no. 231/EB tehsil burewala distt. vehari</t>
  </si>
  <si>
    <t>Chak No 231/EB</t>
  </si>
  <si>
    <t>Chak No 223/EB</t>
  </si>
  <si>
    <t>GHS CHAK NO. 237 GB</t>
  </si>
  <si>
    <t>CHAK NO 237 GB</t>
  </si>
  <si>
    <t>Chak236gb</t>
  </si>
  <si>
    <t>muhammad arshad</t>
  </si>
  <si>
    <t>GHS CHAK NO. 241 TDA</t>
  </si>
  <si>
    <t>FATEHPUR RURAL</t>
  </si>
  <si>
    <t>Chak No 241 TDA</t>
  </si>
  <si>
    <t>Chak 241 TDA</t>
  </si>
  <si>
    <t>Fatehpur Rural</t>
  </si>
  <si>
    <t>GHS CHAK NO. 25/2-R</t>
  </si>
  <si>
    <t>ghs chak no 25/2r okara</t>
  </si>
  <si>
    <t>chak no 25/2r</t>
  </si>
  <si>
    <t>ABDUL SHAKOOR SAJID</t>
  </si>
  <si>
    <t>GHS CHAK NO. 254 JB</t>
  </si>
  <si>
    <t>Chak NO 254 JB</t>
  </si>
  <si>
    <t>Chak No. 254 J.B Tehsil &amp; District Jhang</t>
  </si>
  <si>
    <t>Chak No. 254J.B</t>
  </si>
  <si>
    <t>Chak No. 250 J.B</t>
  </si>
  <si>
    <t>Muhammad Irfan Haider Khan Aabdi</t>
  </si>
  <si>
    <t>GHS CHAK NO. 255 JB</t>
  </si>
  <si>
    <t>CHAK NO. 255 JB TEHSIL &amp; DISTT JHANG</t>
  </si>
  <si>
    <t>CHAK NO. 255 JB JHANG</t>
  </si>
  <si>
    <t>CHAK NO. 250 JB JHANG</t>
  </si>
  <si>
    <t>AFTAB RIAZ</t>
  </si>
  <si>
    <t>GHS CHAK NO. 26/MB</t>
  </si>
  <si>
    <t>Chak No 26MB</t>
  </si>
  <si>
    <t>chak #26MB Teh Quaidabad Distt Khushab</t>
  </si>
  <si>
    <t>Chak No 26 mb</t>
  </si>
  <si>
    <t>GHS CHAK NO. 261 TDA</t>
  </si>
  <si>
    <t>Noshera Thal Kalaan</t>
  </si>
  <si>
    <t>CHAK NO . 261/TDA, TEHSIL KAROR, DISTRICT LAYYAH</t>
  </si>
  <si>
    <t>CHAK NI261/TDA</t>
  </si>
  <si>
    <t>Ameer Hussain Khan</t>
  </si>
  <si>
    <t>GHS CHAK NO. 28/G</t>
  </si>
  <si>
    <t>chak no 28/G chishtian</t>
  </si>
  <si>
    <t>chak 28/G</t>
  </si>
  <si>
    <t>chak no 28/G</t>
  </si>
  <si>
    <t>latif ullah</t>
  </si>
  <si>
    <t>GHS CHAK NO. 287 TDA</t>
  </si>
  <si>
    <t>Chak No 287/TDA</t>
  </si>
  <si>
    <t>Chak No 287/TDA Tehsil &amp; Distt Layyah</t>
  </si>
  <si>
    <t>GHS CHAK NO. 3</t>
  </si>
  <si>
    <t>village &amp; post office chak no.3</t>
  </si>
  <si>
    <t>Chak No3</t>
  </si>
  <si>
    <t>GHS CHAK NO. 3/G</t>
  </si>
  <si>
    <t>Challenge November 3g</t>
  </si>
  <si>
    <t>Chak No. 3/G Tehsile Chishtain District Bahawalnagar</t>
  </si>
  <si>
    <t>Chak No. 3/G</t>
  </si>
  <si>
    <t>Chak No. 4/G</t>
  </si>
  <si>
    <t>muhammad Sagheer</t>
  </si>
  <si>
    <t>GHS CHAK NO. 3/SP OKARA</t>
  </si>
  <si>
    <t>3/SP</t>
  </si>
  <si>
    <t>Chak No. 3/SP P/O Haveli Lakha Tehsil Depalpur District Okara</t>
  </si>
  <si>
    <t>Muhammad Ameer Bhatti</t>
  </si>
  <si>
    <t>GHS CHAK NO. 30.31 ML</t>
  </si>
  <si>
    <t>30-31 ML</t>
  </si>
  <si>
    <t>chak no: 31 ML tehsil Kalor kot district Bhakkar</t>
  </si>
  <si>
    <t>31ml</t>
  </si>
  <si>
    <t>Ali Hasnain Khan</t>
  </si>
  <si>
    <t>GHS CHAK NO. 32 DB</t>
  </si>
  <si>
    <t>Chak no 32 db tehsil and district mianwali</t>
  </si>
  <si>
    <t>Chak No 32 Db</t>
  </si>
  <si>
    <t>muhammad tariq khalid</t>
  </si>
  <si>
    <t>GHS CHAK NO. 321 TDA</t>
  </si>
  <si>
    <t>Jamal chappri</t>
  </si>
  <si>
    <t>chak no. 321 tDA tehsil choubara district layyah</t>
  </si>
  <si>
    <t>321 TDA</t>
  </si>
  <si>
    <t>jamal chappri</t>
  </si>
  <si>
    <t>GHS CHAK NO. 335/WB</t>
  </si>
  <si>
    <t>CHAK NO.335/WB,Mailsi(Vehari)</t>
  </si>
  <si>
    <t>CHAK NO.335/WBMailsi</t>
  </si>
  <si>
    <t>GHS CHAK NO. 3-4 ML</t>
  </si>
  <si>
    <t>chak no 3.4 ml, piplan, mianwali</t>
  </si>
  <si>
    <t>3-4 mL</t>
  </si>
  <si>
    <t>MUHAMMAD ABDUL REHMAN</t>
  </si>
  <si>
    <t>GHS CHAK NO. 36/2-L</t>
  </si>
  <si>
    <t>36/2L</t>
  </si>
  <si>
    <t>chak no. 36/2L, Okara</t>
  </si>
  <si>
    <t>Alu Mahar 30/4L</t>
  </si>
  <si>
    <t>Fareed Ul Hassan</t>
  </si>
  <si>
    <t>GHS CHAK NO. 378/WB</t>
  </si>
  <si>
    <t>Chak No 378/wb p/o chak No 384 /Wb Tehsil dunyapur dist lodhran</t>
  </si>
  <si>
    <t>Chak No 378 /wb</t>
  </si>
  <si>
    <t>Chak No 384/wb</t>
  </si>
  <si>
    <t>Malik Muhammad Hussain Nasir</t>
  </si>
  <si>
    <t>GHS CHAK NO. 4 TDA</t>
  </si>
  <si>
    <t>CHAK NO. 4TDA</t>
  </si>
  <si>
    <t>CHAK NO. 4TDA TEHSIL QUAIDABAD DISTT KHUSHAB</t>
  </si>
  <si>
    <t>CHAK NO. 14 MB</t>
  </si>
  <si>
    <t>GHS CHAK NO. 4/1-RA</t>
  </si>
  <si>
    <t>4/1.RA</t>
  </si>
  <si>
    <t>Chak No. 4/1.RA</t>
  </si>
  <si>
    <t>Dr Muhammad Nadeem Iqbal</t>
  </si>
  <si>
    <t>GHS CHAK NO. 40 SB</t>
  </si>
  <si>
    <t>Chak No 40 SB Sargodha</t>
  </si>
  <si>
    <t>MUHAMMAD ASIF JAVID</t>
  </si>
  <si>
    <t>GHS CHAK NO. 402/GB TANDLIANWALA</t>
  </si>
  <si>
    <t>chak no 402gb Tandlanwal</t>
  </si>
  <si>
    <t>Chak 402</t>
  </si>
  <si>
    <t>Chak 400Gb</t>
  </si>
  <si>
    <t>Shahid Ul Hassan</t>
  </si>
  <si>
    <t>GHS CHAK NO. 409/EB</t>
  </si>
  <si>
    <t>409/eB</t>
  </si>
  <si>
    <t>cHAK nO. 409/eB, tEHSIL bUREWALA, dISTRICT vEHARI</t>
  </si>
  <si>
    <t>cHAK nO. 409/eB</t>
  </si>
  <si>
    <t>Chak No. 403/EB</t>
  </si>
  <si>
    <t>hafiz yasir arfat</t>
  </si>
  <si>
    <t>GHS CHAK NO. 40-D  DEPAL PUR</t>
  </si>
  <si>
    <t>CHAK NO 40D</t>
  </si>
  <si>
    <t>CHAK NO 40D TEHSIL DEPAL PUR OKARA</t>
  </si>
  <si>
    <t>Syed Toqeer Altaf</t>
  </si>
  <si>
    <t>GHS CHAK NO. 429/6-R</t>
  </si>
  <si>
    <t>govt.high school chak no.429/6r haroonabad bwn</t>
  </si>
  <si>
    <t>GHS CHAK NO. 43/F</t>
  </si>
  <si>
    <t>chak. 43f chishtian.</t>
  </si>
  <si>
    <t>Chak 43f</t>
  </si>
  <si>
    <t>42F</t>
  </si>
  <si>
    <t>GHS CHAK NO. 433/6-R</t>
  </si>
  <si>
    <t>CHAK NO.433/6R 433/6R</t>
  </si>
  <si>
    <t>CHAK NO. 433/6R PO SAME TEHSIL HAROON ABAD DISTRICT BAHAWALNAGAR</t>
  </si>
  <si>
    <t>chak no. 433/6R</t>
  </si>
  <si>
    <t>CHAK NO. 132/6R</t>
  </si>
  <si>
    <t>Shahid Farooq</t>
  </si>
  <si>
    <t>GHS CHAK NO. 44 /GD</t>
  </si>
  <si>
    <t>Chak 44/GD</t>
  </si>
  <si>
    <t>Chak no.44/gd t/d okara</t>
  </si>
  <si>
    <t>44/gd</t>
  </si>
  <si>
    <t>Zakhira gashkori</t>
  </si>
  <si>
    <t>GHS CHAK NO. 45 AMB</t>
  </si>
  <si>
    <t>CHAK 45 AMB</t>
  </si>
  <si>
    <t>RANA JAVAID IQBAL</t>
  </si>
  <si>
    <t>GHS CHAK NO. 47/MB</t>
  </si>
  <si>
    <t>47 MB</t>
  </si>
  <si>
    <t>Govt high School Chak No 47 MB</t>
  </si>
  <si>
    <t>51 MB</t>
  </si>
  <si>
    <t>fazal elahi</t>
  </si>
  <si>
    <t>GHS CHAK NO. 48/F</t>
  </si>
  <si>
    <t>CHAK NO.48/F CHISHTIAN</t>
  </si>
  <si>
    <t>CHAK NO.48/F</t>
  </si>
  <si>
    <t>CHAK NO.45/F</t>
  </si>
  <si>
    <t>MUHAMMAD AFZAAL FIRDOUSI</t>
  </si>
  <si>
    <t>GHS CHAK NO. 482 TDA LAYYAH</t>
  </si>
  <si>
    <t>shair garh</t>
  </si>
  <si>
    <t>chak no.482/TDA tehsil choubara district layyah</t>
  </si>
  <si>
    <t>chak no.482/tDA</t>
  </si>
  <si>
    <t>samsoon emanouel</t>
  </si>
  <si>
    <t>GHS CHAK NO. 5/M</t>
  </si>
  <si>
    <t>Chak No. 5/M Tehsil Dunyapur District Lodhran</t>
  </si>
  <si>
    <t>Chak No. 5/M</t>
  </si>
  <si>
    <t>Rana Jang  Sher Ali</t>
  </si>
  <si>
    <t>GHS CHAK NO. 52/2-L OKARA</t>
  </si>
  <si>
    <t>CHAK # 52/2-L POST OFFICE KHAS TEHSIL &amp; DISTRICT Okara</t>
  </si>
  <si>
    <t>CHAK # 52/2-L POST OFFICE KHAS TEHSIL &amp; DISTRICT O</t>
  </si>
  <si>
    <t>chak no 52/2-L</t>
  </si>
  <si>
    <t>GHS CHAK NO. 530/GB FSD</t>
  </si>
  <si>
    <t>NARANGWAL</t>
  </si>
  <si>
    <t>CHAK NO. 530 GB</t>
  </si>
  <si>
    <t>530 GB</t>
  </si>
  <si>
    <t>CHAK NO. 41 GB JAGDY</t>
  </si>
  <si>
    <t>GHS CHAK NO. 54/2-L</t>
  </si>
  <si>
    <t>54/2L</t>
  </si>
  <si>
    <t>Chak No 54/2L Okara</t>
  </si>
  <si>
    <t>GHS CHAK NO. 54/F</t>
  </si>
  <si>
    <t>CHAK NO 54F</t>
  </si>
  <si>
    <t>GOVT. HIGH SCHOOL 54/F, P/O BAKHSHAN KHAN, TEHSIL CHISHTIAN, DISTT: BAHAWALNAGAR</t>
  </si>
  <si>
    <t>CHAK NO. 54/F</t>
  </si>
  <si>
    <t>JAVAID ALAM</t>
  </si>
  <si>
    <t>GHS CHAK NO. 55/RB</t>
  </si>
  <si>
    <t>chak no.55 RB BURJ</t>
  </si>
  <si>
    <t>CHAK NO. 55 RB FSD</t>
  </si>
  <si>
    <t>55 RB BURJ</t>
  </si>
  <si>
    <t>54 SAR HALI</t>
  </si>
  <si>
    <t>Muhammad Arif Vaince</t>
  </si>
  <si>
    <t>GHS CHAK NO. 553/ EB</t>
  </si>
  <si>
    <t>CHAK NO 553/EB VEHARI</t>
  </si>
  <si>
    <t>553/EB VEHARI</t>
  </si>
  <si>
    <t>MUHAMMAD SALEEM ZAHEER</t>
  </si>
  <si>
    <t>GHS CHAK NO. 56 MB</t>
  </si>
  <si>
    <t>56MB</t>
  </si>
  <si>
    <t>CHAK NO.56MB</t>
  </si>
  <si>
    <t>MUHAMMAD KAMRAN</t>
  </si>
  <si>
    <t>GHS CHAK NO. 56/P</t>
  </si>
  <si>
    <t>Chak No.56/P</t>
  </si>
  <si>
    <t>Govt.High School Chak No.56/P,(T.A) Rahim Yar Khan</t>
  </si>
  <si>
    <t>Chak No.51/P</t>
  </si>
  <si>
    <t>AKHTAR HUSSAIN</t>
  </si>
  <si>
    <t>feching</t>
  </si>
  <si>
    <t>GHS CHAK NO. 56-57 DB</t>
  </si>
  <si>
    <t>CHAK NO. 56/57 DB</t>
  </si>
  <si>
    <t>GHS CHAK NO. 56-57 DB TEH. KALLUR KOT DISTT. BHAKKAR</t>
  </si>
  <si>
    <t>CHAK NO. 63 DB</t>
  </si>
  <si>
    <t>MUHAMMAD MEHARBAN ASIF</t>
  </si>
  <si>
    <t>GHS CHAK NO. 60/P KHANPUR</t>
  </si>
  <si>
    <t>chak No 60 P Tehsil Khan Pur district Rahim yar khan</t>
  </si>
  <si>
    <t>Chak 60 P</t>
  </si>
  <si>
    <t>ARIF AMIN</t>
  </si>
  <si>
    <t>GHS CHAK NO. 62/D</t>
  </si>
  <si>
    <t>Chak No 62/D</t>
  </si>
  <si>
    <t>chak no 62/D pakpattan</t>
  </si>
  <si>
    <t>Chak No 62/d</t>
  </si>
  <si>
    <t>bashir ahmad</t>
  </si>
  <si>
    <t>GHS CHAK NO. 7 NB</t>
  </si>
  <si>
    <t>CHAK NO 7 NB</t>
  </si>
  <si>
    <t>CHAK NO 7 NB BHALWAL</t>
  </si>
  <si>
    <t>CHAK NO 6SB</t>
  </si>
  <si>
    <t>Manzar Bashir</t>
  </si>
  <si>
    <t>GHS CHAK NO. 88/P</t>
  </si>
  <si>
    <t>WAH ATHATTAH</t>
  </si>
  <si>
    <t>GOVT. HIGHER SECONDARY SCHOOL 88/P RAHIM YAR KHAN</t>
  </si>
  <si>
    <t>ZAFAR IQBAL ANJUM</t>
  </si>
  <si>
    <t>GHS CHAK NO. 9/11-L</t>
  </si>
  <si>
    <t>Chak No 9/ 11L</t>
  </si>
  <si>
    <t>GOVT.HIGH SCHOOL CHAK NO.9/11-L</t>
  </si>
  <si>
    <t>CHAK NO.9/11-L</t>
  </si>
  <si>
    <t>CHAK NO.8/11-L</t>
  </si>
  <si>
    <t>SHABBIR HUSSAIN SHAHID</t>
  </si>
  <si>
    <t>GHS CHAK NO. 9/G</t>
  </si>
  <si>
    <t>govt. high school chak no.9/g chishtian</t>
  </si>
  <si>
    <t>chak no.9/g</t>
  </si>
  <si>
    <t>chak no.23/g</t>
  </si>
  <si>
    <t>saleem masih</t>
  </si>
  <si>
    <t>GHS CHAK NO. 90/9-L</t>
  </si>
  <si>
    <t>90/9-L Sahiwal</t>
  </si>
  <si>
    <t>GHS 90/9-L Sahiwal</t>
  </si>
  <si>
    <t>Asad Mahmood</t>
  </si>
  <si>
    <t>GHS CHAK NO. 94/ TDA</t>
  </si>
  <si>
    <t>Chak  No 94tda</t>
  </si>
  <si>
    <t>govt.high school chak no.94t tda teshsil karor district layyah</t>
  </si>
  <si>
    <t>chak no.94tda</t>
  </si>
  <si>
    <t>GHS CHAK NO. 95/F</t>
  </si>
  <si>
    <t>GHS Chak No 95/F</t>
  </si>
  <si>
    <t>Chak 95/F</t>
  </si>
  <si>
    <t>MUHAMMAD SHABBIR</t>
  </si>
  <si>
    <t>GHS CHAK NO. 96/D</t>
  </si>
  <si>
    <t>96/d</t>
  </si>
  <si>
    <t>Chak No 96/d</t>
  </si>
  <si>
    <t>muhammad mazhar iqbal</t>
  </si>
  <si>
    <t>GHS CHAK NO. 97 GB FSD</t>
  </si>
  <si>
    <t>Chak No 97 GB</t>
  </si>
  <si>
    <t>CHAK NO. 97 GB</t>
  </si>
  <si>
    <t>MUHAMMAD KASHIF RAZAQ</t>
  </si>
  <si>
    <t>GHS CHAK NO. 97/6-R</t>
  </si>
  <si>
    <t>97/6-R</t>
  </si>
  <si>
    <t>chak 97/6-R</t>
  </si>
  <si>
    <t>94/6-R</t>
  </si>
  <si>
    <t>GHS CHAK NO. 98/9-L</t>
  </si>
  <si>
    <t>98/9-L</t>
  </si>
  <si>
    <t>chak no 98/9L Sahiwal</t>
  </si>
  <si>
    <t>Chak No 98/9L Sahiwal</t>
  </si>
  <si>
    <t>Chak No 110/9L</t>
  </si>
  <si>
    <t>GHS CHAK NO. 99/F</t>
  </si>
  <si>
    <t>99/f</t>
  </si>
  <si>
    <t>Chak. no. 99/F Trail Chishtian district Bahawalnagar</t>
  </si>
  <si>
    <t>99/F</t>
  </si>
  <si>
    <t>Ajmal Nisar Shahzad</t>
  </si>
  <si>
    <t>GHS CHAK NO. 99/P</t>
  </si>
  <si>
    <t>CHAK NO 99/P, RYK</t>
  </si>
  <si>
    <t>CHAK NO 99/P</t>
  </si>
  <si>
    <t>CHAK 100/P</t>
  </si>
  <si>
    <t>muhammad tahir siddique</t>
  </si>
  <si>
    <t>GHS CHAK NO.1</t>
  </si>
  <si>
    <t>chak no.1</t>
  </si>
  <si>
    <t>Imran Tariq</t>
  </si>
  <si>
    <t>GHS CHAK NO.1 123/ML</t>
  </si>
  <si>
    <t>GHS chak no.123 ML chaubara</t>
  </si>
  <si>
    <t>Chak No123 ML</t>
  </si>
  <si>
    <t>MUHAMMAD ALI IMRAN</t>
  </si>
  <si>
    <t>GHS CHAK NO.10 ML</t>
  </si>
  <si>
    <t>Chak No. 10 ML</t>
  </si>
  <si>
    <t>Zafar Ahmad</t>
  </si>
  <si>
    <t>GHS CHAK NO.10/A</t>
  </si>
  <si>
    <t>chak no.10/a</t>
  </si>
  <si>
    <t>govt. secondary school chak no.10/a tehsil laiquat pur distt. r.y.k</t>
  </si>
  <si>
    <t>Chak No.10/A</t>
  </si>
  <si>
    <t>ABDUL RASHEED RAHI</t>
  </si>
  <si>
    <t>GHS CHAK NO.101 NB SGD</t>
  </si>
  <si>
    <t>Chak 101 NB</t>
  </si>
  <si>
    <t>Chak 101 NB Sargodha</t>
  </si>
  <si>
    <t>GHS CHAK NO.101 SB</t>
  </si>
  <si>
    <t>Chak No 101 Sb</t>
  </si>
  <si>
    <t>Chak no 101 sb</t>
  </si>
  <si>
    <t>100/SB</t>
  </si>
  <si>
    <t>Fahd Ul Hassan</t>
  </si>
  <si>
    <t>GHS CHAK NO.102/EB</t>
  </si>
  <si>
    <t>GOVT. HIGH SCHOOL 102/EB BUREWALA</t>
  </si>
  <si>
    <t>Chak No 102/EB</t>
  </si>
  <si>
    <t>CHAK No 124/EB</t>
  </si>
  <si>
    <t>GHS CHAK NO.104 SB</t>
  </si>
  <si>
    <t>chak no 104 sb sargodha</t>
  </si>
  <si>
    <t>104 Sb</t>
  </si>
  <si>
    <t>Muhammad Ijaz Qamar</t>
  </si>
  <si>
    <t>GHS CHAK NO.106/DB</t>
  </si>
  <si>
    <t>Chao No 106 DB Yazman</t>
  </si>
  <si>
    <t>the.yazman district Bahawalpur</t>
  </si>
  <si>
    <t>106 DB Yazman</t>
  </si>
  <si>
    <t>106 DB</t>
  </si>
  <si>
    <t>GHS CHAK NO.106/DNB</t>
  </si>
  <si>
    <t>Chak No. 106/DNB, YAZMAN, Bahawalpur</t>
  </si>
  <si>
    <t>Chak 106/DNB</t>
  </si>
  <si>
    <t>Chak 98/DNB</t>
  </si>
  <si>
    <t>GHS CHAK NO.107 SB</t>
  </si>
  <si>
    <t>Chak No. 107 SB Sargodha.</t>
  </si>
  <si>
    <t>Shafiq Anwar</t>
  </si>
  <si>
    <t>GHS CHAK NO.107/P</t>
  </si>
  <si>
    <t>Pattan Minara</t>
  </si>
  <si>
    <t>Chak No.107/P Rahim Yar Khan</t>
  </si>
  <si>
    <t>Chak 107/p</t>
  </si>
  <si>
    <t>Chak 105/P</t>
  </si>
  <si>
    <t>GHS CHAK NO.111 SB</t>
  </si>
  <si>
    <t>Chak 111 Sb</t>
  </si>
  <si>
    <t>chak 111 SB Sargodha</t>
  </si>
  <si>
    <t>Manzoor Raza</t>
  </si>
  <si>
    <t>GHS CHAK NO.111 WB</t>
  </si>
  <si>
    <t>Chak No 111/wb</t>
  </si>
  <si>
    <t>chak no 111/wb mailsi</t>
  </si>
  <si>
    <t>Chak 111/wb</t>
  </si>
  <si>
    <t>Chak 69/wb</t>
  </si>
  <si>
    <t>Aamir Mahmood Khan</t>
  </si>
  <si>
    <t>GHS CHAK NO.113 NB</t>
  </si>
  <si>
    <t>Chak No 113 Nb</t>
  </si>
  <si>
    <t>chak no 113 nb teh sillanwali distt sargodha</t>
  </si>
  <si>
    <t>113 NB</t>
  </si>
  <si>
    <t>Chak 111 N B</t>
  </si>
  <si>
    <t>Muhammad Munawar Hussain</t>
  </si>
  <si>
    <t>GHS CHAK NO.117/DB</t>
  </si>
  <si>
    <t>CHAK NO. 117/DB</t>
  </si>
  <si>
    <t>CHAK NO. 117/DB YAZMAN BAHAWALPUR</t>
  </si>
  <si>
    <t>M. Azhar Bukhari</t>
  </si>
  <si>
    <t>GHS CHAK NO.12/1-R</t>
  </si>
  <si>
    <t>chak  12/1-r okara</t>
  </si>
  <si>
    <t>chak # 12/1-r, okara</t>
  </si>
  <si>
    <t>chak 12/1-r okara</t>
  </si>
  <si>
    <t>15/1-r okara</t>
  </si>
  <si>
    <t>HAROON MASIH</t>
  </si>
  <si>
    <t>GHS CHAK NO.12/BC</t>
  </si>
  <si>
    <t>CHAK 12/BC</t>
  </si>
  <si>
    <t>GOVT HIGH SCHOOL 12/BC ADDA 13-SOLING BWP</t>
  </si>
  <si>
    <t>ADDA 13 SOLING CHAK 25/BC</t>
  </si>
  <si>
    <t>RANA MUHAMMAD AYUB TAHIR</t>
  </si>
  <si>
    <t>GHS CHAK NO.120 NB</t>
  </si>
  <si>
    <t>CHAK NO 120 NB</t>
  </si>
  <si>
    <t>CHAK NO 135 SB</t>
  </si>
  <si>
    <t>Tariq Hassan</t>
  </si>
  <si>
    <t>GHS CHAK NO.120 SB</t>
  </si>
  <si>
    <t>Chak No 120 SB</t>
  </si>
  <si>
    <t>Chak No 120 SB Sargodha</t>
  </si>
  <si>
    <t>Muhammad Adnan Akram</t>
  </si>
  <si>
    <t>GHS CHAK NO.121 SB</t>
  </si>
  <si>
    <t>Chak No 121/sb Sillanwali</t>
  </si>
  <si>
    <t>chak no.121 /sb sillanwali sargodha</t>
  </si>
  <si>
    <t>Chak No 121/ Sb Sillanwali</t>
  </si>
  <si>
    <t>Chak No111/ Nb Sillanwali</t>
  </si>
  <si>
    <t>GHS CHAK NO.122-A TDA</t>
  </si>
  <si>
    <t>122-A/TDA</t>
  </si>
  <si>
    <t>Chak No. 122-A/TDA Hafiz Abad Layyah</t>
  </si>
  <si>
    <t>Chak No. 122-A/TDA</t>
  </si>
  <si>
    <t>Muhammad Shakeel Anwar</t>
  </si>
  <si>
    <t>GHS CHAK NO.124 NB</t>
  </si>
  <si>
    <t>Chak NO 124 Nb</t>
  </si>
  <si>
    <t>CHAK NO 124 NB SILLANWALI SARGODHA</t>
  </si>
  <si>
    <t>CHAK NO 124 NB</t>
  </si>
  <si>
    <t>CHAK NO 118 NB</t>
  </si>
  <si>
    <t>KHURRAM SHEHZAD</t>
  </si>
  <si>
    <t>GHS CHAK NO.124 TDA</t>
  </si>
  <si>
    <t>THIND KHURD</t>
  </si>
  <si>
    <t>CHAK NO. 124/TDA LAYYAH</t>
  </si>
  <si>
    <t>124/TDA</t>
  </si>
  <si>
    <t>MUHAMMAD AYUB JAM</t>
  </si>
  <si>
    <t>GHS CHAK NO.125 SB</t>
  </si>
  <si>
    <t>MUHAMMAD AJMAL SADEEDI</t>
  </si>
  <si>
    <t>GHS CHAK NO.125-B/TDA</t>
  </si>
  <si>
    <t>GHS CHAK NO.125-B/TDA LAYYAH</t>
  </si>
  <si>
    <t>CHAK NO.125-B/TDA LAYYAH</t>
  </si>
  <si>
    <t>Naveed Ahmad Khan</t>
  </si>
  <si>
    <t>GHS CHAK NO.127 SB</t>
  </si>
  <si>
    <t>Chak 127 SB</t>
  </si>
  <si>
    <t>Muhammad Naseer</t>
  </si>
  <si>
    <t>GHS CHAK NO.130/EB</t>
  </si>
  <si>
    <t>GHS 130/EB</t>
  </si>
  <si>
    <t>CHAK NO 130/EB TEHSIL BUREWALA DISTRICT VEHARI.</t>
  </si>
  <si>
    <t>CHAK NO 130/EB</t>
  </si>
  <si>
    <t>CHAK NO 124/EB</t>
  </si>
  <si>
    <t>GHS CHAK NO.131 SB</t>
  </si>
  <si>
    <t>chak No 131sb</t>
  </si>
  <si>
    <t>131 SB</t>
  </si>
  <si>
    <t>Chak 126 Sb</t>
  </si>
  <si>
    <t>Hassan Raza Qureshi</t>
  </si>
  <si>
    <t>GHS CHAK NO.132 SB</t>
  </si>
  <si>
    <t>chak no 132 SB</t>
  </si>
  <si>
    <t>CHAK NO.132 SB TEHSIL SILLANWALI DISTRICT SARGODHA</t>
  </si>
  <si>
    <t>CHAK NO.132SB</t>
  </si>
  <si>
    <t>chak no.132 SB</t>
  </si>
  <si>
    <t>Allah Yar</t>
  </si>
  <si>
    <t>GHS CHAK NO.132/DNB MERANA</t>
  </si>
  <si>
    <t>Chak no 132/DNB. P/o Shahi wala</t>
  </si>
  <si>
    <t>132/DNB</t>
  </si>
  <si>
    <t>MERANA</t>
  </si>
  <si>
    <t>M YOUNAS SHAHID</t>
  </si>
  <si>
    <t>GHS CHAK NO.136 P</t>
  </si>
  <si>
    <t>Chak No 136/P</t>
  </si>
  <si>
    <t>Chak No.136/P RYK</t>
  </si>
  <si>
    <t>CHAK NO.136/P RYK</t>
  </si>
  <si>
    <t>Chak No.92/P</t>
  </si>
  <si>
    <t>WAZIR AHMAD AGHA</t>
  </si>
  <si>
    <t>GHS CHAK NO.137 TDA</t>
  </si>
  <si>
    <t>CHAK NO 137 TDA</t>
  </si>
  <si>
    <t>P.O HEERA MAINNER CHAK NO.137 TDA LAYYAH</t>
  </si>
  <si>
    <t>CHAK NO.137 TDA</t>
  </si>
  <si>
    <t>GHS CHAK NO.138/DB</t>
  </si>
  <si>
    <t>Chak No 138 Db</t>
  </si>
  <si>
    <t>CHAK no 138 DB TEHSIL YAZMAN DISTRICT bahawalpur</t>
  </si>
  <si>
    <t>CHAK No 138</t>
  </si>
  <si>
    <t>CHAK No 67 DB</t>
  </si>
  <si>
    <t>GHS CHAK NO.142 NB</t>
  </si>
  <si>
    <t>142 Nb</t>
  </si>
  <si>
    <t>chak no 142 nb tehsil sillanwali</t>
  </si>
  <si>
    <t>Chak No 142 Nb</t>
  </si>
  <si>
    <t>Muhammad Mukhtar</t>
  </si>
  <si>
    <t>GHS CHAK NO.147/148 NB</t>
  </si>
  <si>
    <t>Lakhuana</t>
  </si>
  <si>
    <t>chak no 147/148nb sillanwali sargodha</t>
  </si>
  <si>
    <t>Chak No147/148nb</t>
  </si>
  <si>
    <t>GHS CHAK NO.148/DB</t>
  </si>
  <si>
    <t>148/DB</t>
  </si>
  <si>
    <t>Govt. High School Chak 148/DB, Tehsil Yazman, Distt Bahawalpur</t>
  </si>
  <si>
    <t>Chak No 75/DB</t>
  </si>
  <si>
    <t>Ghulam Qader</t>
  </si>
  <si>
    <t>GHS CHAK NO.14-FAIZ MULTAN</t>
  </si>
  <si>
    <t>Chak No. 14 faiz</t>
  </si>
  <si>
    <t>Chak No. 14 Faiz, P.O Lar, Multan SADDAR</t>
  </si>
  <si>
    <t>Chak No. 14 Faiz</t>
  </si>
  <si>
    <t>cHAK NO. 1 FAIZ</t>
  </si>
  <si>
    <t>MUHAMMAD KHALID MAHMOOD</t>
  </si>
  <si>
    <t>GHS CHAK NO.15 SB</t>
  </si>
  <si>
    <t>Chak No 15/SB</t>
  </si>
  <si>
    <t>Chak No 15/ SB Tehsil Bhalwal District Sargodha</t>
  </si>
  <si>
    <t>GHS CHAK NO.151 WB</t>
  </si>
  <si>
    <t>151 WB</t>
  </si>
  <si>
    <t>chak No 151 W.B Mailsi</t>
  </si>
  <si>
    <t>GHS CHAK NO.152 NB</t>
  </si>
  <si>
    <t>chak no 152 nb</t>
  </si>
  <si>
    <t>chak no 152 nb p/o khas</t>
  </si>
  <si>
    <t>chak no 152</t>
  </si>
  <si>
    <t>GHS CHAK NO.153/M</t>
  </si>
  <si>
    <t>CHAK NO.153/M TEHSIL HASILPUR</t>
  </si>
  <si>
    <t>chak no.153/M</t>
  </si>
  <si>
    <t>CHAK NO.188/M</t>
  </si>
  <si>
    <t>GHS CHAK NO.156 NB</t>
  </si>
  <si>
    <t>Chak No 156 NB</t>
  </si>
  <si>
    <t>chak .156NB P/O Shahnikdar .Sargodha.</t>
  </si>
  <si>
    <t>Chak No 156NB</t>
  </si>
  <si>
    <t>Asif Sawar</t>
  </si>
  <si>
    <t>GHS CHAK NO.162/164 NB</t>
  </si>
  <si>
    <t>hisam bangla</t>
  </si>
  <si>
    <t>chak no 162/164 n.b</t>
  </si>
  <si>
    <t>chak 162/164 n.b</t>
  </si>
  <si>
    <t>chak 163 n.b</t>
  </si>
  <si>
    <t>GHS CHAK NO.168/171 NB</t>
  </si>
  <si>
    <t>CHAK NO 168/171 NB</t>
  </si>
  <si>
    <t>Chak no. 168/171 Nb</t>
  </si>
  <si>
    <t>Chak No 168/171 NB</t>
  </si>
  <si>
    <t>Chak No 169 NB</t>
  </si>
  <si>
    <t>MUHAMMAD ISHFAQ AHMED</t>
  </si>
  <si>
    <t>GHS Chak No.169 JB</t>
  </si>
  <si>
    <t>CHAK NO. 169 GARWAH</t>
  </si>
  <si>
    <t>GHS CHAK NO. 169 JB JHANG</t>
  </si>
  <si>
    <t>CHAK 169 garwah</t>
  </si>
  <si>
    <t>GHS CHAK NO.17 SB TANGOWALI</t>
  </si>
  <si>
    <t>Tangowali</t>
  </si>
  <si>
    <t>chak no.17 SB Tangowali sargodha</t>
  </si>
  <si>
    <t>Insar Abbas</t>
  </si>
  <si>
    <t>GHS CHAK NO.17/GB KARYAL</t>
  </si>
  <si>
    <t>chak no 17 G.B NANKANA SAHIB</t>
  </si>
  <si>
    <t>Chak No 17 GB Nankana Sahib</t>
  </si>
  <si>
    <t>Chak No 12 GB</t>
  </si>
  <si>
    <t>GHS CHAK NO.179/M</t>
  </si>
  <si>
    <t>Chak No. 179/M</t>
  </si>
  <si>
    <t>Chak No. 179/M Teh. Hasilpur Distt. Bahawalpur</t>
  </si>
  <si>
    <t>Chak No. 179/m</t>
  </si>
  <si>
    <t>Chak No 163/m</t>
  </si>
  <si>
    <t>MUHAMMAD SULEMAN SHAKIR</t>
  </si>
  <si>
    <t>GHS CHAK NO.181 EB</t>
  </si>
  <si>
    <t>chak No. 181/EB Tehsil Burewala District vehari</t>
  </si>
  <si>
    <t>chak no 181 EB</t>
  </si>
  <si>
    <t>chak no 173 eB</t>
  </si>
  <si>
    <t>GHS CHAK NO.186/M</t>
  </si>
  <si>
    <t>CHAK NO.186/M</t>
  </si>
  <si>
    <t>chak no.186/M  HASILPUR</t>
  </si>
  <si>
    <t>chak no.163/M</t>
  </si>
  <si>
    <t>Shafqat Mehmood</t>
  </si>
  <si>
    <t>GHS CHAK NO.187/WB</t>
  </si>
  <si>
    <t>187Wb</t>
  </si>
  <si>
    <t>chak 188wb mailsi</t>
  </si>
  <si>
    <t>Chak No 187Wb</t>
  </si>
  <si>
    <t>Lal Sagoo</t>
  </si>
  <si>
    <t>Shafi Muhammad</t>
  </si>
  <si>
    <t>GHS CHAK NO.188 NB</t>
  </si>
  <si>
    <t>Chak No 188 NB</t>
  </si>
  <si>
    <t>chak no 188 nb sgd</t>
  </si>
  <si>
    <t>GHS CHAK NO.19 SB</t>
  </si>
  <si>
    <t>19 SB</t>
  </si>
  <si>
    <t>VPO 19 SB TEHSIL KOTMOMIN DISTRICT SARGODHA</t>
  </si>
  <si>
    <t>. 19 SB</t>
  </si>
  <si>
    <t>MUHAMMAD SAFDAR</t>
  </si>
  <si>
    <t>GHS CHAK NO.19/DNB</t>
  </si>
  <si>
    <t>GHS CHAK NO 19/DNB TEHSIL YAZMAN</t>
  </si>
  <si>
    <t>Chak no Ninteen  Dnb</t>
  </si>
  <si>
    <t>Chak no ThirtyFive Dnb</t>
  </si>
  <si>
    <t>Dilshad Ahmad</t>
  </si>
  <si>
    <t>GHS CHAK NO.19/F.W</t>
  </si>
  <si>
    <t>CHAK NO 19/FW HASILPUR</t>
  </si>
  <si>
    <t>GOVT. HIGH SCHOOL CHAK NO 19/FW HASILPUR DISTT BAHAWALPUR</t>
  </si>
  <si>
    <t>GHS CHAK NO.194/M</t>
  </si>
  <si>
    <t>Chak 194/M, Tehsil Hasilpur</t>
  </si>
  <si>
    <t>Chak 194/M</t>
  </si>
  <si>
    <t>Chak 192/M</t>
  </si>
  <si>
    <t>GHS CHAK NO.197/EB</t>
  </si>
  <si>
    <t>GHS 197/E.B (Bhokal) Gaggoo Mandi Burewala</t>
  </si>
  <si>
    <t>Chak No 197/E.B Burewala</t>
  </si>
  <si>
    <t>Chak No 173/E.B</t>
  </si>
  <si>
    <t>Naeem Imran</t>
  </si>
  <si>
    <t>GHS CHAK NO.199/P SADIQABAD</t>
  </si>
  <si>
    <t>CHAK NO.199/P</t>
  </si>
  <si>
    <t>P/O CHAK NO.199/P SADIQ ABAD</t>
  </si>
  <si>
    <t>bindoor abbasian</t>
  </si>
  <si>
    <t>Mudasir Hussain</t>
  </si>
  <si>
    <t>GHS CHAK NO.22 NB</t>
  </si>
  <si>
    <t>Chak No 22 NB Tehsil Bhalwal District Sargodha</t>
  </si>
  <si>
    <t>Muhammad Shafqat  Hussain Shah</t>
  </si>
  <si>
    <t>GHS CHAK NO.247/EB</t>
  </si>
  <si>
    <t>chak No.247/EB</t>
  </si>
  <si>
    <t>MUHAMMAD KHALID</t>
  </si>
  <si>
    <t>GHS CHAK NO.251/EB</t>
  </si>
  <si>
    <t>Chak No 251/EB</t>
  </si>
  <si>
    <t>Chak No 251/EB Burewala</t>
  </si>
  <si>
    <t>Chak No 267/EB</t>
  </si>
  <si>
    <t>GHS CHAK NO.253 EB</t>
  </si>
  <si>
    <t>253-EB Tufailabad Burewala, District Vehari</t>
  </si>
  <si>
    <t>253-EB</t>
  </si>
  <si>
    <t>247-eB</t>
  </si>
  <si>
    <t>MUSHTAQ AHMAD SHAHEEN</t>
  </si>
  <si>
    <t>GHS CHAK NO.255/EB</t>
  </si>
  <si>
    <t>Chak No 255/EB Burewala</t>
  </si>
  <si>
    <t>Chak No 255</t>
  </si>
  <si>
    <t>GHS CHAK NO.26</t>
  </si>
  <si>
    <t>chak 26</t>
  </si>
  <si>
    <t>vpo chak26 malakwal mbdin</t>
  </si>
  <si>
    <t>chak26</t>
  </si>
  <si>
    <t>warryait</t>
  </si>
  <si>
    <t>attique-ur-Rehman Sandhoo</t>
  </si>
  <si>
    <t>GHS CHAK NO.26 NB</t>
  </si>
  <si>
    <t>CHAK NO. 26 NB</t>
  </si>
  <si>
    <t>CHAK NO. 26 NB, TEHSIL BHALWAL. DISTRICT SARGODHA</t>
  </si>
  <si>
    <t>CHAK NO. 15 SB</t>
  </si>
  <si>
    <t>Muhammad Shafi Malik</t>
  </si>
  <si>
    <t>GHS CHAK NO.269/EB</t>
  </si>
  <si>
    <t>269/EB Burewala</t>
  </si>
  <si>
    <t>269/EB</t>
  </si>
  <si>
    <t>265/EB</t>
  </si>
  <si>
    <t>FALAK SHER BHATTI</t>
  </si>
  <si>
    <t>GHS CHAK NO.28/2-L OKARA</t>
  </si>
  <si>
    <t>28/2-L</t>
  </si>
  <si>
    <t>Chak No. 28/2-L, Okara.</t>
  </si>
  <si>
    <t>GHS CHAK NO.30/A</t>
  </si>
  <si>
    <t>Govt High School Chak No.30/A Tehsil Liaquat Pur Distt Rahim Yar Khan</t>
  </si>
  <si>
    <t>Chak No 30/A</t>
  </si>
  <si>
    <t>HAROON UR RASHEED</t>
  </si>
  <si>
    <t>GHS CHAK NO.303/EB</t>
  </si>
  <si>
    <t>CHAK NO. 303EB, BUREWALA</t>
  </si>
  <si>
    <t>303/EB</t>
  </si>
  <si>
    <t>265EB</t>
  </si>
  <si>
    <t>FAIZ MUHAMMAD</t>
  </si>
  <si>
    <t>GHS CHAK NO.32/2-L</t>
  </si>
  <si>
    <t>CHAK NO 32.2L OKARA</t>
  </si>
  <si>
    <t>32.2L</t>
  </si>
  <si>
    <t>muhammad yaseen sajid</t>
  </si>
  <si>
    <t>GHS CHAK NO.32/BC</t>
  </si>
  <si>
    <t>CHAK NO 33/BC TIBBI SADIQ ABAD</t>
  </si>
  <si>
    <t>CHAK NO 33/BC</t>
  </si>
  <si>
    <t>CHAK NO 4/BC</t>
  </si>
  <si>
    <t>MUHAMMAD RAZA HASSAN</t>
  </si>
  <si>
    <t>GHS CHAK NO.327/EB</t>
  </si>
  <si>
    <t>327/EB BUREWALA</t>
  </si>
  <si>
    <t>Ghs327EBBurewala</t>
  </si>
  <si>
    <t>327eb</t>
  </si>
  <si>
    <t>327 E/B</t>
  </si>
  <si>
    <t>GHS CHAK NO.331/EB</t>
  </si>
  <si>
    <t>chak No 331/EB</t>
  </si>
  <si>
    <t>Chak No 331/EB</t>
  </si>
  <si>
    <t>Chak No 333/EB</t>
  </si>
  <si>
    <t>Water Coler</t>
  </si>
  <si>
    <t>GHS CHAK NO.34 SB.SGD.</t>
  </si>
  <si>
    <t>CHAK 34 SB</t>
  </si>
  <si>
    <t>CHAK NO.34 SB SARGODHA</t>
  </si>
  <si>
    <t>CHAK NO.34 SB</t>
  </si>
  <si>
    <t>CHAK NO.33 SB</t>
  </si>
  <si>
    <t>IMRAN ALI</t>
  </si>
  <si>
    <t>GHS CHAK NO.34/4-L</t>
  </si>
  <si>
    <t>34/4 L</t>
  </si>
  <si>
    <t>Chak # 34/ 4.L Okara</t>
  </si>
  <si>
    <t>MUHAMMAD USMAN ALI</t>
  </si>
  <si>
    <t>GHS CHAK NO.34/KB</t>
  </si>
  <si>
    <t>34 KB</t>
  </si>
  <si>
    <t>Chak no 34 kb tehsil arifwala district pakpattan</t>
  </si>
  <si>
    <t>MOEEN KOT</t>
  </si>
  <si>
    <t>MUHAMMAD KABIR KHAN</t>
  </si>
  <si>
    <t>GHS CHAK NO.36 SB TEH &amp; DIST</t>
  </si>
  <si>
    <t>chak 36 sb sgd</t>
  </si>
  <si>
    <t>Chak 36 Sb Sgd</t>
  </si>
  <si>
    <t>Chak 36 Sb</t>
  </si>
  <si>
    <t>Masoom Akhtar</t>
  </si>
  <si>
    <t>GHS CHAK NO.37/A</t>
  </si>
  <si>
    <t>chak 37/a</t>
  </si>
  <si>
    <t>chak n0 37/a liaquat pur</t>
  </si>
  <si>
    <t>chak 68/a</t>
  </si>
  <si>
    <t>khursheed Ahmad Abbasi</t>
  </si>
  <si>
    <t>GHS CHAK NO.399 TDA</t>
  </si>
  <si>
    <t>393/tDA</t>
  </si>
  <si>
    <t>399/TDA</t>
  </si>
  <si>
    <t>Muhammad younas raza</t>
  </si>
  <si>
    <t>GHS CHAK NO.403 TDA</t>
  </si>
  <si>
    <t>Chak No 403/tda</t>
  </si>
  <si>
    <t>Chak No. 403/tda tehsil Choubara District Layyah</t>
  </si>
  <si>
    <t>Chak NO 403/tda</t>
  </si>
  <si>
    <t>SARFARAZ AHMAD</t>
  </si>
  <si>
    <t>GHS CHAK NO.41/DB</t>
  </si>
  <si>
    <t>41db</t>
  </si>
  <si>
    <t>Govt.High School 41/D.B Tehsil Yazman District Bahawalpur</t>
  </si>
  <si>
    <t>41/D.B</t>
  </si>
  <si>
    <t>Chak No 44/D.B</t>
  </si>
  <si>
    <t>CH Abdul Haq</t>
  </si>
  <si>
    <t>GHS CHAK NO.42 NB GILL WALA</t>
  </si>
  <si>
    <t>Manzoor town</t>
  </si>
  <si>
    <t>GHS 42 NB GILLWALA SARGODHA</t>
  </si>
  <si>
    <t>42 NB</t>
  </si>
  <si>
    <t>Manzoor Town</t>
  </si>
  <si>
    <t>Muhammad Sarwar Gondal</t>
  </si>
  <si>
    <t>GHS CHAK NO.42 SB SGD</t>
  </si>
  <si>
    <t>Chak No 42 Sb</t>
  </si>
  <si>
    <t>Chak no 42 sb tehsil and district sargodha</t>
  </si>
  <si>
    <t>Fayyaz Ul Haq</t>
  </si>
  <si>
    <t>GHS CHAK NO.429/GB</t>
  </si>
  <si>
    <t>Talyara</t>
  </si>
  <si>
    <t>Chak No 429 GB</t>
  </si>
  <si>
    <t>GHS CHAK NO.44</t>
  </si>
  <si>
    <t>chak no 44 teh, phalia district mandi baha uddin</t>
  </si>
  <si>
    <t>chak no 44</t>
  </si>
  <si>
    <t>mumdana</t>
  </si>
  <si>
    <t>GHS CHAK NO.44 SB</t>
  </si>
  <si>
    <t>44 Sb</t>
  </si>
  <si>
    <t>chak no.44 sb sargodha</t>
  </si>
  <si>
    <t>chak no 44 sb</t>
  </si>
  <si>
    <t>chak no 55 sb</t>
  </si>
  <si>
    <t>Rameez Yaqoob</t>
  </si>
  <si>
    <t>GHS CHAK NO.44/DNB</t>
  </si>
  <si>
    <t>Govt.High School Chak No.44/DNB Tehsil Yazman Bahawalpur</t>
  </si>
  <si>
    <t>Chak No.44/DNB</t>
  </si>
  <si>
    <t>Chak No.47/DNB</t>
  </si>
  <si>
    <t>haq nawaz</t>
  </si>
  <si>
    <t>GHS CHAK NO.45 SB SGD</t>
  </si>
  <si>
    <t>Hafiz Abdul Jalil Tabassum</t>
  </si>
  <si>
    <t>GHS CHAK NO.45/DB</t>
  </si>
  <si>
    <t>Chak No. 45/DB Yazman</t>
  </si>
  <si>
    <t>P/O Chak 42/DB Chak No. 45/DB Yazman</t>
  </si>
  <si>
    <t>Chak 44/DB</t>
  </si>
  <si>
    <t>Riaz Ahmad Bhatti</t>
  </si>
  <si>
    <t>GHS CHAK NO.455/EB</t>
  </si>
  <si>
    <t>Chak No 455/EB</t>
  </si>
  <si>
    <t>Chak No. 455/EB Burewala District Vehari</t>
  </si>
  <si>
    <t>GHS CHAK NO.47 NB</t>
  </si>
  <si>
    <t>Chak No 47 NB</t>
  </si>
  <si>
    <t>CHak No 47 NB Sargodha</t>
  </si>
  <si>
    <t>Malik Zakir Latif Awan</t>
  </si>
  <si>
    <t>GHS CHAK NO.48 SB</t>
  </si>
  <si>
    <t>Chak 48 SB</t>
  </si>
  <si>
    <t>chak no 48 SB</t>
  </si>
  <si>
    <t>GHS CHAK NO.49/M</t>
  </si>
  <si>
    <t>chack 49m lodhran</t>
  </si>
  <si>
    <t>Ali Ahmad Qureshi</t>
  </si>
  <si>
    <t>GHS CHAK NO.495/EB</t>
  </si>
  <si>
    <t>495/e.b</t>
  </si>
  <si>
    <t>chak 495/e.b</t>
  </si>
  <si>
    <t>Chak 495/E.B</t>
  </si>
  <si>
    <t>RAO MUHAMMAD ANWAR</t>
  </si>
  <si>
    <t>GHS CHAK NO.50 WB</t>
  </si>
  <si>
    <t>chak no 50 wb</t>
  </si>
  <si>
    <t>50wb</t>
  </si>
  <si>
    <t>52wb</t>
  </si>
  <si>
    <t>SAEED Ahmad</t>
  </si>
  <si>
    <t>GHS CHAK NO.505/EB</t>
  </si>
  <si>
    <t>CHak No. 505-EB Burewala</t>
  </si>
  <si>
    <t>505/EB Burewala</t>
  </si>
  <si>
    <t>515-EB Burewala</t>
  </si>
  <si>
    <t>GHS CHAK NO.50-D</t>
  </si>
  <si>
    <t>Dolowale</t>
  </si>
  <si>
    <t>chak no 50/d teh.depal pur district okara</t>
  </si>
  <si>
    <t>50/d</t>
  </si>
  <si>
    <t>Muhammad Asim Khan</t>
  </si>
  <si>
    <t>GHS CHAK NO.515/EB</t>
  </si>
  <si>
    <t>Chak No. 515/EB Burewala</t>
  </si>
  <si>
    <t>Chak No 515/EB Burewala</t>
  </si>
  <si>
    <t>Chak No 435/EB Burewala</t>
  </si>
  <si>
    <t>Muhammad Anees Akram</t>
  </si>
  <si>
    <t>GHS CHAK NO.518 TDA</t>
  </si>
  <si>
    <t>chak no 518/TDA TEH:Kot addu</t>
  </si>
  <si>
    <t>irshad ahmad tarar</t>
  </si>
  <si>
    <t>GHS CHAK NO.52 A-NB</t>
  </si>
  <si>
    <t>Ludaywala</t>
  </si>
  <si>
    <t>chak no.52 ANB</t>
  </si>
  <si>
    <t>Chak No 52 ANB</t>
  </si>
  <si>
    <t>raja riaz nasir</t>
  </si>
  <si>
    <t>GHS CHAK NO.54 SB SGD</t>
  </si>
  <si>
    <t>chak no 54sb sargodha</t>
  </si>
  <si>
    <t>Chak 54sb</t>
  </si>
  <si>
    <t>Chak52sb</t>
  </si>
  <si>
    <t>Sajid Mehboob Khan</t>
  </si>
  <si>
    <t>GHS CHAK NO.55 NB</t>
  </si>
  <si>
    <t>Chak No. 55 NB</t>
  </si>
  <si>
    <t>Chak No. 55 NB Tehsil and District Sargodha</t>
  </si>
  <si>
    <t>GHS CHAK NO.55/DB</t>
  </si>
  <si>
    <t>chak no 55/dB</t>
  </si>
  <si>
    <t>GOVT. HIGH SCHOOL CHAK NO. 55/DB, YAZMAN</t>
  </si>
  <si>
    <t>chak no 55/DB</t>
  </si>
  <si>
    <t>CHAK NO 50/DB</t>
  </si>
  <si>
    <t>GHS CHAK NO.56 SB. SGD</t>
  </si>
  <si>
    <t>Pathan wala</t>
  </si>
  <si>
    <t>government high school chak no. 56 sb sargodha</t>
  </si>
  <si>
    <t>chak no. 56 sb</t>
  </si>
  <si>
    <t>55/SB</t>
  </si>
  <si>
    <t>SAJID GHAFFAR</t>
  </si>
  <si>
    <t>GHS CHAK NO.58/F</t>
  </si>
  <si>
    <t>Hasilpr</t>
  </si>
  <si>
    <t>chak no 58f</t>
  </si>
  <si>
    <t>Chak No 58f</t>
  </si>
  <si>
    <t>GHS CHAK NO.59/DB</t>
  </si>
  <si>
    <t>chak no 59 db tehsil yazman district bahawalpur</t>
  </si>
  <si>
    <t>Chak No 59 DB</t>
  </si>
  <si>
    <t>Chak No 50/DB</t>
  </si>
  <si>
    <t>usman asghar</t>
  </si>
  <si>
    <t>GHS CHAK NO.594/GB</t>
  </si>
  <si>
    <t>Abbasi Bhatyain</t>
  </si>
  <si>
    <t>Chak  no 594</t>
  </si>
  <si>
    <t>Chak No 594 GB</t>
  </si>
  <si>
    <t>GHAZANFAR ALI</t>
  </si>
  <si>
    <t>GHS CHAK NO.603/GB</t>
  </si>
  <si>
    <t>govt High School 603 GB</t>
  </si>
  <si>
    <t>saai ka</t>
  </si>
  <si>
    <t>MAZHAR UL HAQ</t>
  </si>
  <si>
    <t>GHS CHAK NO.63 SB</t>
  </si>
  <si>
    <t>63 SB</t>
  </si>
  <si>
    <t>Chak 63 SB  Tehsil Sillanwali District Sargodha</t>
  </si>
  <si>
    <t>Chak No 63 SB</t>
  </si>
  <si>
    <t>GHS CHAK NO.64/F</t>
  </si>
  <si>
    <t>Chak No 64F</t>
  </si>
  <si>
    <t>GOVT. HIGH SCHOOL CHAK NO.64/F</t>
  </si>
  <si>
    <t>CHAK NO.64/F</t>
  </si>
  <si>
    <t>GHS CHAK NO.65/RB</t>
  </si>
  <si>
    <t>Ranger Nangal</t>
  </si>
  <si>
    <t>GHS 65 RB FSD</t>
  </si>
  <si>
    <t>Chak 65 RB</t>
  </si>
  <si>
    <t>Chak 151RB</t>
  </si>
  <si>
    <t>ZAFAR ULLAH KHAN</t>
  </si>
  <si>
    <t>GHS CHAK NO.67 SB</t>
  </si>
  <si>
    <t>Chak67sb</t>
  </si>
  <si>
    <t>chak 67 sb</t>
  </si>
  <si>
    <t>Chak 67 Sb</t>
  </si>
  <si>
    <t>Adnan Ali</t>
  </si>
  <si>
    <t>GHS CHAK NO.7 TDA</t>
  </si>
  <si>
    <t>DAGAR YAR SHAH</t>
  </si>
  <si>
    <t>GHS CHAK NO 7/TDA.</t>
  </si>
  <si>
    <t>CHAK NO 7/TDA</t>
  </si>
  <si>
    <t>CHAK NO 6/TDA</t>
  </si>
  <si>
    <t>MUHAMMAD HAMID KHAN</t>
  </si>
  <si>
    <t>GHS CHAK NO.70-A/ML</t>
  </si>
  <si>
    <t>GHS CHAK NO.70-A/ML MANKERA BHAKKAR</t>
  </si>
  <si>
    <t>CHAK NO 70-A/ML</t>
  </si>
  <si>
    <t>CHAK NO 67 ML</t>
  </si>
  <si>
    <t>GHS CHAK NO.71 SB</t>
  </si>
  <si>
    <t>71 SB</t>
  </si>
  <si>
    <t>Chak 71 SB</t>
  </si>
  <si>
    <t>70/SB</t>
  </si>
  <si>
    <t>aaqib iftikhar</t>
  </si>
  <si>
    <t>GHS CHAK NO.71/F</t>
  </si>
  <si>
    <t>CHAK NO. 71/F</t>
  </si>
  <si>
    <t>CHAK NO. 71/F HASILPUR</t>
  </si>
  <si>
    <t>Ihsan Ul Haq</t>
  </si>
  <si>
    <t>GHS CHAK NO.72/DB</t>
  </si>
  <si>
    <t>72 DB</t>
  </si>
  <si>
    <t>chak no. 72 DB Yazman</t>
  </si>
  <si>
    <t>chak no. 68 DB</t>
  </si>
  <si>
    <t>syed manzoor ahmad</t>
  </si>
  <si>
    <t>GHS CHAK NO.72/ML</t>
  </si>
  <si>
    <t>72ml</t>
  </si>
  <si>
    <t>chak no 72ml markera bhakkar</t>
  </si>
  <si>
    <t>GHS CHAK NO.75 SB SGD</t>
  </si>
  <si>
    <t>CHAK NO.75-SB SARGODHA</t>
  </si>
  <si>
    <t>POST OFFICE CHAK NO.75-SB, SARGODHA</t>
  </si>
  <si>
    <t>CHOKERA</t>
  </si>
  <si>
    <t>GHS CHAK NO.75/DB</t>
  </si>
  <si>
    <t>Chak No 75db Cholistan</t>
  </si>
  <si>
    <t>GHS chak no 75db Cholistan</t>
  </si>
  <si>
    <t>Chak No 75/db Choulistan</t>
  </si>
  <si>
    <t>Chak No 75db</t>
  </si>
  <si>
    <t>Aamir Rasheed</t>
  </si>
  <si>
    <t>GHS CHAK NO.79 NB SARGODHA</t>
  </si>
  <si>
    <t>CHAK NO 79 NB</t>
  </si>
  <si>
    <t>CHAK NO 79 NB SARGODHA</t>
  </si>
  <si>
    <t>Chak No 79 NB</t>
  </si>
  <si>
    <t>CHAK NO 79 Nb</t>
  </si>
  <si>
    <t>MAHR SOHAIL AHMAD</t>
  </si>
  <si>
    <t>GHS CHAK NO.79 WB</t>
  </si>
  <si>
    <t>CHAK NO 79/WB VEHARI</t>
  </si>
  <si>
    <t>79/WB</t>
  </si>
  <si>
    <t>CHAK NO 75/WB</t>
  </si>
  <si>
    <t>MUHAMMAD SUFIAN LIAQAT</t>
  </si>
  <si>
    <t>GHS CHAK NO.83/DB</t>
  </si>
  <si>
    <t>Chak No83DB</t>
  </si>
  <si>
    <t>GHS 83/DB P/Office 90/DB Tehsil yazman district bahawal pur</t>
  </si>
  <si>
    <t>Chak No83/DB</t>
  </si>
  <si>
    <t>GHS CHAK NO.84 NB</t>
  </si>
  <si>
    <t>Chak No 84 NB</t>
  </si>
  <si>
    <t>Chak No 84 NB Sargodha</t>
  </si>
  <si>
    <t>Syed Muhammad Waheed-ud-Din</t>
  </si>
  <si>
    <t>GHS CHAK NO.87/A</t>
  </si>
  <si>
    <t>Chak 87//A</t>
  </si>
  <si>
    <t>Chak 87/A, liaquatpur</t>
  </si>
  <si>
    <t>GHS CHAK NO.88 NB</t>
  </si>
  <si>
    <t>CHAK NO 88 NB SARGODHA</t>
  </si>
  <si>
    <t>Chak No 88 Nb</t>
  </si>
  <si>
    <t>Chak No 100 NB</t>
  </si>
  <si>
    <t>Syed Ijaz Hussain Kazmi</t>
  </si>
  <si>
    <t>GHS CHAK NO.88 WB</t>
  </si>
  <si>
    <t>88/w.B</t>
  </si>
  <si>
    <t>GOVT HIGH SCHOOL 88/W.B TEH MAILSI DISTT. VEHARI</t>
  </si>
  <si>
    <t>CHAK NO 88/W.B</t>
  </si>
  <si>
    <t>MOBARIK ALI SHAH</t>
  </si>
  <si>
    <t>GHS CHAK NO.88/F</t>
  </si>
  <si>
    <t>CHAK NO. 88/F</t>
  </si>
  <si>
    <t>CHAK NO. 88/F tEHSIL HASILPUR DISTRICT BAHAWALPUR</t>
  </si>
  <si>
    <t>CHAK NO. 89/F</t>
  </si>
  <si>
    <t>JAVAID IQBAL</t>
  </si>
  <si>
    <t>GHS CHAK NO.90 NB</t>
  </si>
  <si>
    <t>Chak No 90 Nb</t>
  </si>
  <si>
    <t>GHS Chak No 90 Nb Sargodha</t>
  </si>
  <si>
    <t>FAZAL AHMAD RANJHA</t>
  </si>
  <si>
    <t>GHS CHAK NO.90 SB SGD</t>
  </si>
  <si>
    <t>Chak 90 SB Sargodha</t>
  </si>
  <si>
    <t>Haider Ali Kazmi</t>
  </si>
  <si>
    <t>GHS CHAK NO.90/ML</t>
  </si>
  <si>
    <t>CHAK NO.90/ML</t>
  </si>
  <si>
    <t>GHS CHAK NO. 90/ML KAROR (LAYYAH)</t>
  </si>
  <si>
    <t>CHAK NO. 90/ML</t>
  </si>
  <si>
    <t>MUHAMMAD LAL</t>
  </si>
  <si>
    <t>GHS CHAK NO.91/DB</t>
  </si>
  <si>
    <t>GOVT. HIGH SCHOOL 91/DB YAZMAN.</t>
  </si>
  <si>
    <t>chak no.91DB YAMAN</t>
  </si>
  <si>
    <t>CHAK NO.88DB YAZMAN</t>
  </si>
  <si>
    <t>GHS CHAK NO.95 SB</t>
  </si>
  <si>
    <t>CHAK NO 95 SB</t>
  </si>
  <si>
    <t>CHAK NO 96 SB</t>
  </si>
  <si>
    <t>Nasir Abbas</t>
  </si>
  <si>
    <t>GHS CHAK NO.99 NB</t>
  </si>
  <si>
    <t>CHAK NO 99 NB SARGODHA</t>
  </si>
  <si>
    <t>GHS CHAK 99 NB SARGODHA</t>
  </si>
  <si>
    <t>CHAK100 NB SARGODHA</t>
  </si>
  <si>
    <t>Naeem Umer</t>
  </si>
  <si>
    <t>GHS CHAK R S  SHUJABAD</t>
  </si>
  <si>
    <t>GHS Chak RS Shujabad Multan</t>
  </si>
  <si>
    <t>Hafiz Fayyaz Ahmad</t>
  </si>
  <si>
    <t>GHS CHAK SADA</t>
  </si>
  <si>
    <t>Village chak sada  post office Sheikhpur</t>
  </si>
  <si>
    <t>CHAK SADA</t>
  </si>
  <si>
    <t>Fakeer Hussain</t>
  </si>
  <si>
    <t>GHS CHAK SAIDA</t>
  </si>
  <si>
    <t>CHAK SAIDA</t>
  </si>
  <si>
    <t>Syed Zafar Abbas</t>
  </si>
  <si>
    <t>GHS CHAK SANDHAY KHAN</t>
  </si>
  <si>
    <t>GHS Sandhay khan distt. pakpattan</t>
  </si>
  <si>
    <t>Zafar Iqbal Fakhar Siddique</t>
  </si>
  <si>
    <t>GHS CHAK SARKARI</t>
  </si>
  <si>
    <t>CHAK SADIQ NAGAR</t>
  </si>
  <si>
    <t>CHAK SADIQ NAGAR (CHAK SARKARI) PO SAME TEHSIL AND DISTT BAHAWALNAGAR</t>
  </si>
  <si>
    <t>CHAK SADIQ NAGAR (CHAK SARKARI)</t>
  </si>
  <si>
    <t>ABDUS SALAM</t>
  </si>
  <si>
    <t>GHS CHAK SHAFI</t>
  </si>
  <si>
    <t>chak shafi</t>
  </si>
  <si>
    <t>chak shafi tehsil arifwala district pakpattan</t>
  </si>
  <si>
    <t>Naeem Rizwan</t>
  </si>
  <si>
    <t>GHS CHAK WAHI NO. 522</t>
  </si>
  <si>
    <t>Chak Wahi No 522</t>
  </si>
  <si>
    <t>Chak Wahi No 522 P/O Same Sheikhupura</t>
  </si>
  <si>
    <t>Kakkar Gil</t>
  </si>
  <si>
    <t>Syed Hassan Ali</t>
  </si>
  <si>
    <t>GHS CHAK WATTOWAN NO. 638/GB</t>
  </si>
  <si>
    <t>chak wattowan No.638 NNS</t>
  </si>
  <si>
    <t>Govt High School Chak Wattowan No.638 Nankana Sahib</t>
  </si>
  <si>
    <t>Chak Wattowan No.638</t>
  </si>
  <si>
    <t>Chak No.5</t>
  </si>
  <si>
    <t>ARSHAD HUSSAIN</t>
  </si>
  <si>
    <t>GHS CHAKKA BEGWAL</t>
  </si>
  <si>
    <t>Chakka Begwal</t>
  </si>
  <si>
    <t>Village chakka begwal murree</t>
  </si>
  <si>
    <t>M Amjad Abbas</t>
  </si>
  <si>
    <t>Supply line</t>
  </si>
  <si>
    <t>GHS CHAKKI</t>
  </si>
  <si>
    <t>CHAKKI</t>
  </si>
  <si>
    <t>VPO CHAKKI, TEHSIL PINDI GHEB</t>
  </si>
  <si>
    <t>GHS CHAKKI FAIQ</t>
  </si>
  <si>
    <t>Khalis Khurd</t>
  </si>
  <si>
    <t>chakifaiq</t>
  </si>
  <si>
    <t>Chaki Faiq</t>
  </si>
  <si>
    <t>Mari Abar Nehal</t>
  </si>
  <si>
    <t>Rana Muhammad Sajid</t>
  </si>
  <si>
    <t>GHS CHAKORA</t>
  </si>
  <si>
    <t>GHS CHAKORA COMPLEX CHAKWAL</t>
  </si>
  <si>
    <t>Odherwal</t>
  </si>
  <si>
    <t>Faisal Safdar</t>
  </si>
  <si>
    <t>GHS CHAKORI BHELOWAL</t>
  </si>
  <si>
    <t>VPO Chakori BHelowal Tehsil Kharian District Gujrat</t>
  </si>
  <si>
    <t>Sajjad masih</t>
  </si>
  <si>
    <t>GHS CHAKRAL</t>
  </si>
  <si>
    <t>CHAKRAL</t>
  </si>
  <si>
    <t>VILLEGE &amp; POST OFFICE CHAKRAL TEHSIL &amp; DISTT CHAKWAL</t>
  </si>
  <si>
    <t>CHAK MALOOK</t>
  </si>
  <si>
    <t>AHSAN ALI KHAN</t>
  </si>
  <si>
    <t>GHS CHAKRI</t>
  </si>
  <si>
    <t>CHAKRI</t>
  </si>
  <si>
    <t>VILLAGE AND POST OFFICE CHAKRI TEHSIL AND DISTRICT RAWALPINDI</t>
  </si>
  <si>
    <t>muhammad taj</t>
  </si>
  <si>
    <t>GHS CHALAWRA</t>
  </si>
  <si>
    <t>vill po chalawara kotlisattian</t>
  </si>
  <si>
    <t>Dhirkotsattain</t>
  </si>
  <si>
    <t>hamid masood</t>
  </si>
  <si>
    <t>GHS CHAMB KULYAR</t>
  </si>
  <si>
    <t>Chumb Kulyar</t>
  </si>
  <si>
    <t>Chumb Kulyar T/D Lodhran</t>
  </si>
  <si>
    <t>muhammad naeem qaisar</t>
  </si>
  <si>
    <t>GHS CHAMRA MANDI LAHORE</t>
  </si>
  <si>
    <t>Govt. High School Chamra Mandi Lahore</t>
  </si>
  <si>
    <t>Waseem Suhail butt</t>
  </si>
  <si>
    <t>GHS CHAMRU PUR</t>
  </si>
  <si>
    <t>Chamrupur</t>
  </si>
  <si>
    <t>village chamrupur raiwind road lahore</t>
  </si>
  <si>
    <t>Suleman C J Gill</t>
  </si>
  <si>
    <t>GHS CHAN</t>
  </si>
  <si>
    <t>VPO Chan Teh.Noorpur Thal Distt Khushab</t>
  </si>
  <si>
    <t>Kausar Iqbal</t>
  </si>
  <si>
    <t>GHS CHAN WALA</t>
  </si>
  <si>
    <t>chan wala</t>
  </si>
  <si>
    <t>basti almani p/o qasba gujrat tehsil kot adu</t>
  </si>
  <si>
    <t>ghazi ghat</t>
  </si>
  <si>
    <t>GHS CHANAM</t>
  </si>
  <si>
    <t>chanam</t>
  </si>
  <si>
    <t>VPO CHANAM, TEHSIL KALLAR SYEDAN, DISTRICT RAWALPINDI</t>
  </si>
  <si>
    <t>Qaiser Mehmood</t>
  </si>
  <si>
    <t>GHS CHANDAR NAGAR NANKANA SAHIB</t>
  </si>
  <si>
    <t>chandar nagar</t>
  </si>
  <si>
    <t>Govt High School Chandar Nagar Chak No 2 G.B Tehil &amp; Distt Nankana Sahib</t>
  </si>
  <si>
    <t>chak no 5 g.b kalan</t>
  </si>
  <si>
    <t>khalid mahmood rashad</t>
  </si>
  <si>
    <t>GHS CHANDERKE MONGOLEY</t>
  </si>
  <si>
    <t>Chanderke Mangoley</t>
  </si>
  <si>
    <t>village and post office chanderke mangoley, tehsil and district narowal</t>
  </si>
  <si>
    <t>Mangoley</t>
  </si>
  <si>
    <t>Ali Ahmad Basra</t>
  </si>
  <si>
    <t>GHS CHANDERKE RAJPUTAN</t>
  </si>
  <si>
    <t>p/o chanderke rajputan tehsil &amp; district narowal</t>
  </si>
  <si>
    <t>Chanderke RAJPUTAN</t>
  </si>
  <si>
    <t>MUHAMMAD SAGHIR</t>
  </si>
  <si>
    <t>GHS CHANDRAIN</t>
  </si>
  <si>
    <t>Basti Chandrain Chak 160 B/ TDA  P/O jaman shah</t>
  </si>
  <si>
    <t>Basti Chandrain</t>
  </si>
  <si>
    <t>Rahim Bakhsh</t>
  </si>
  <si>
    <t>GHS CHANDRAMI</t>
  </si>
  <si>
    <t>chandrami</t>
  </si>
  <si>
    <t>Government boys high school chandrami sadiq abad</t>
  </si>
  <si>
    <t>SULTAN UL HAQ</t>
  </si>
  <si>
    <t>GHS CHANGA MANGA</t>
  </si>
  <si>
    <t>Govt High School Changa Manga</t>
  </si>
  <si>
    <t>malik muhammad latif ajiz</t>
  </si>
  <si>
    <t>GHS CHANGA MIRA</t>
  </si>
  <si>
    <t>CHANGE MAIRA</t>
  </si>
  <si>
    <t>VPO  MALL AWAN</t>
  </si>
  <si>
    <t>GHS CHANGRAN WALA</t>
  </si>
  <si>
    <t>CHANGRANWALA</t>
  </si>
  <si>
    <t>VILLAGE CHANGRANWALA POST OFFICE LANGER MAKHDOOM TEHSIL LALIAN DISTRICT CHINIOT</t>
  </si>
  <si>
    <t>GHS CHANNAN PEER</t>
  </si>
  <si>
    <t>Channan peer yazman</t>
  </si>
  <si>
    <t>Asim Altaf</t>
  </si>
  <si>
    <t>GHS CHANU MOME</t>
  </si>
  <si>
    <t>CHANNU MOME</t>
  </si>
  <si>
    <t>CHANNU MOME, SIALKOT</t>
  </si>
  <si>
    <t>CHARIND</t>
  </si>
  <si>
    <t>GHS CHAP SANDI</t>
  </si>
  <si>
    <t>GOVT.HIGH SCHOOL CHAP SANDI</t>
  </si>
  <si>
    <t>GHS CHAPRAR</t>
  </si>
  <si>
    <t>chaprar sialkot</t>
  </si>
  <si>
    <t>chaprar</t>
  </si>
  <si>
    <t>GHS CHAPRI</t>
  </si>
  <si>
    <t>Chapri, Essa Khel, Mianwai</t>
  </si>
  <si>
    <t>AZIZ UR REHMAN</t>
  </si>
  <si>
    <t>GHS CHARHOAY WALA</t>
  </si>
  <si>
    <t>Chah Allah Ditta Wala Mouza Patti Talli Teh&amp; Distt DGK</t>
  </si>
  <si>
    <t>Chah Allah Ditta Wala</t>
  </si>
  <si>
    <t>Sattai</t>
  </si>
  <si>
    <t>Imran haider</t>
  </si>
  <si>
    <t>GHS CHARWAH</t>
  </si>
  <si>
    <t>VPO charwa tehsil pasrur distt sialkot</t>
  </si>
  <si>
    <t>muhammad akram</t>
  </si>
  <si>
    <t>GHS CHASHMA BARRAGE WAPDA COLONY</t>
  </si>
  <si>
    <t>govt high school wapda colony chashma barrage wapda colony</t>
  </si>
  <si>
    <t>wapda colony chashma barrage</t>
  </si>
  <si>
    <t>muhammad latif</t>
  </si>
  <si>
    <t>GHS CHASHTIA SARJIA CHAK 174 GB SAMUNDRI FSD</t>
  </si>
  <si>
    <t>174 GB</t>
  </si>
  <si>
    <t>Chak No. 174 GB Samundari Faisalabad</t>
  </si>
  <si>
    <t>Chak No 174 GB</t>
  </si>
  <si>
    <t>Chak No 175 Gb</t>
  </si>
  <si>
    <t>Supply</t>
  </si>
  <si>
    <t>GHS CHATIAN WALA</t>
  </si>
  <si>
    <t>CHATHIAN WALA</t>
  </si>
  <si>
    <t>govt. High School Chathian wala, Kasur.</t>
  </si>
  <si>
    <t>MUHAMMAD SHAHID SAEED</t>
  </si>
  <si>
    <t>GHS CHATRANA</t>
  </si>
  <si>
    <t>village chatrana tehsil shakargarh district narowal</t>
  </si>
  <si>
    <t>Ch. Talib Hussain</t>
  </si>
  <si>
    <t>GHS CHATTA</t>
  </si>
  <si>
    <t>chatta jhang</t>
  </si>
  <si>
    <t>SYED MUHAMMAD YASIR RAZA</t>
  </si>
  <si>
    <t>GHS CHAUKERA</t>
  </si>
  <si>
    <t>Govt high school chokera Sargodha</t>
  </si>
  <si>
    <t>Farhan Malik</t>
  </si>
  <si>
    <t>GHS CHAURASTA MIAN KHAN</t>
  </si>
  <si>
    <t>CHORASTA MIAN KHAN</t>
  </si>
  <si>
    <t>HAVELI ROAD , CHORASTA MIAN KHAN</t>
  </si>
  <si>
    <t>ARORA MIAN KHAN</t>
  </si>
  <si>
    <t>SAGHIR AHMAD JAVED</t>
  </si>
  <si>
    <t>GHS CHAWALI</t>
  </si>
  <si>
    <t>Chawli</t>
  </si>
  <si>
    <t>VPO Chawli chakwal</t>
  </si>
  <si>
    <t>GHS CHAWINDA</t>
  </si>
  <si>
    <t>Near Chowk shaheedan chawinda</t>
  </si>
  <si>
    <t>AAMIR SHAHZAD BAJWA</t>
  </si>
  <si>
    <t>GHS CHECHIAN</t>
  </si>
  <si>
    <t>v&amp;PO Chechian</t>
  </si>
  <si>
    <t>malik mudassar bashir</t>
  </si>
  <si>
    <t>GHS CHEENA OTTAR</t>
  </si>
  <si>
    <t>Chhina Ottar District Kasur</t>
  </si>
  <si>
    <t>Muhammad Naeem Aslam</t>
  </si>
  <si>
    <t>motor pump ,hand pump</t>
  </si>
  <si>
    <t>GHS CHELA JHANG</t>
  </si>
  <si>
    <t>chela</t>
  </si>
  <si>
    <t>Govt. High School Chela Jhang</t>
  </si>
  <si>
    <t>KHIZAR ABBAS</t>
  </si>
  <si>
    <t>GHS CHELIAN WALA</t>
  </si>
  <si>
    <t>CHELIANWALA</t>
  </si>
  <si>
    <t>VPO CHILLIANWALA GHS CHILlIANWALA</t>
  </si>
  <si>
    <t>GHS CHENAY WALA</t>
  </si>
  <si>
    <t>Lohanch Thal Kalan</t>
  </si>
  <si>
    <t>P.O Chowk Azam Chak. No. 397/TDA Cheenay Wala Tehsil &amp; District Layyah</t>
  </si>
  <si>
    <t>Cheenay Wala</t>
  </si>
  <si>
    <t>Chak No 393/TDA</t>
  </si>
  <si>
    <t>karam hussain</t>
  </si>
  <si>
    <t>GHS CHHAB</t>
  </si>
  <si>
    <t>vpo chhab, tehsil jand district Attock</t>
  </si>
  <si>
    <t>GHS CHHAMAL</t>
  </si>
  <si>
    <t>Govt. H/S Chhamal Tehsil Shakargarh Narowal</t>
  </si>
  <si>
    <t>Shah Pura Bhango</t>
  </si>
  <si>
    <t>Naveed Ahmad Anjum</t>
  </si>
  <si>
    <t>GHS CHHIDRU</t>
  </si>
  <si>
    <t>p.o chhidru distt. mianwali</t>
  </si>
  <si>
    <t>Chhiddu</t>
  </si>
  <si>
    <t>Sana Ullah khan</t>
  </si>
  <si>
    <t>GHS CHHINA</t>
  </si>
  <si>
    <t>CHHEENA DAGAR</t>
  </si>
  <si>
    <t>CHHEENA P/O CHHEENA</t>
  </si>
  <si>
    <t>CHHEENA</t>
  </si>
  <si>
    <t>PeerAshab</t>
  </si>
  <si>
    <t>HAFIZ MUHAMMAD YOUSAF</t>
  </si>
  <si>
    <t>GHS CHHOI BANGLA</t>
  </si>
  <si>
    <t>CHHOI GARYALA</t>
  </si>
  <si>
    <t>POST OFFICE CHHOI (KOT NAWAB KHAN), TEHSIL AND DISTRICT ATTOCK</t>
  </si>
  <si>
    <t>CHHOI</t>
  </si>
  <si>
    <t>SURAG SALAR</t>
  </si>
  <si>
    <t>GHS CHHOKAR KALAN</t>
  </si>
  <si>
    <t>Chhokar Kalan</t>
  </si>
  <si>
    <t>village &amp; p.o chhokar kalan, teh kharian , district gujrat</t>
  </si>
  <si>
    <t>GHS CHICHAWATANI VILLAGE</t>
  </si>
  <si>
    <t>OLD CHICHAWATNI</t>
  </si>
  <si>
    <t>GHS CCI VILLAGE</t>
  </si>
  <si>
    <t>VILLAGE</t>
  </si>
  <si>
    <t>CHAK NO 112/7-R</t>
  </si>
  <si>
    <t>zafar hussain</t>
  </si>
  <si>
    <t>GHS CHICHAWATNI CITY</t>
  </si>
  <si>
    <t>chichawatni</t>
  </si>
  <si>
    <t>govt high school burawala road chichawatni</t>
  </si>
  <si>
    <t>GHS CHICHER WALI</t>
  </si>
  <si>
    <t>Chicherwali Tehsil Pasrur District Sialkot</t>
  </si>
  <si>
    <t>GHS CHIMMON</t>
  </si>
  <si>
    <t>Chhimmon</t>
  </si>
  <si>
    <t>v.p.o. chhimon , tehsil and disst. m.b.din</t>
  </si>
  <si>
    <t>Sikandar Khan</t>
  </si>
  <si>
    <t>GHS CHINGA BANGIAL</t>
  </si>
  <si>
    <t>Changa Bangail</t>
  </si>
  <si>
    <t>changa bangial</t>
  </si>
  <si>
    <t>tariq Mehmood</t>
  </si>
  <si>
    <t>GHS CHINIOT</t>
  </si>
  <si>
    <t>NEAR GERNAL BUS STAND, SARGODHA ROAD, CHINIOT</t>
  </si>
  <si>
    <t>FATEH ABAD</t>
  </si>
  <si>
    <t>SALARY</t>
  </si>
  <si>
    <t>ghulam fareed</t>
  </si>
  <si>
    <t>GHS CHINNA PORA</t>
  </si>
  <si>
    <t>CHEENA PORA</t>
  </si>
  <si>
    <t>P/O TRAG TEHSIL ESAKHEL , DIST MIANWALI</t>
  </si>
  <si>
    <t>KHALID MEHMOOD</t>
  </si>
  <si>
    <t>GHS CHIPLI PUR</t>
  </si>
  <si>
    <t>GHS Chiplipur</t>
  </si>
  <si>
    <t>GHS CHIRAGH DIN WALA</t>
  </si>
  <si>
    <t>KALAY OTTAR</t>
  </si>
  <si>
    <t>chiragh din wala (kasur)</t>
  </si>
  <si>
    <t>CHIRAGH DIN WALA</t>
  </si>
  <si>
    <t>kotli ray abu baker</t>
  </si>
  <si>
    <t>IMTIAZ AHMAD KHAN</t>
  </si>
  <si>
    <t>GHS CHIRYA WALA</t>
  </si>
  <si>
    <t>chiryawala</t>
  </si>
  <si>
    <t>village &amp; post office chiryawala, tehsil kharian, district gujrat</t>
  </si>
  <si>
    <t>MUHAMAD SAJJAD</t>
  </si>
  <si>
    <t>GHS CHISHTIA ISLAM PURA LAHORE</t>
  </si>
  <si>
    <t>Govt.. Chishtia High School Islampura lahore</t>
  </si>
  <si>
    <t>Muhammad  Aslam</t>
  </si>
  <si>
    <t>GHS CHITTI SHAIKHAN</t>
  </si>
  <si>
    <t>Chitti sheikhan p.o gohadpur sialkot</t>
  </si>
  <si>
    <t>Chitti  sheikhan</t>
  </si>
  <si>
    <t>Mian Muhammad Munir</t>
  </si>
  <si>
    <t>GHS CHOBARA</t>
  </si>
  <si>
    <t>GHS CHOBURJI GARDENS</t>
  </si>
  <si>
    <t>GHS chauburji gardens Lahore</t>
  </si>
  <si>
    <t>Dr. Muhammad Iqbal Naeem</t>
  </si>
  <si>
    <t>GHS CHOHA SHARIF</t>
  </si>
  <si>
    <t>MUHAMMAD ASMAT ULLAH</t>
  </si>
  <si>
    <t>private Water Supply</t>
  </si>
  <si>
    <t>GHS CHOHAN</t>
  </si>
  <si>
    <t>Chak Patai</t>
  </si>
  <si>
    <t>Govt High school chhohan tehsil 18 hazari Distt jhang</t>
  </si>
  <si>
    <t>GHS CHOORA SHARIF</t>
  </si>
  <si>
    <t>GHS CHOOT DHEERAN</t>
  </si>
  <si>
    <t>chot dheeran</t>
  </si>
  <si>
    <t>Govt. H/S chot dheeran</t>
  </si>
  <si>
    <t>chak raib</t>
  </si>
  <si>
    <t>amanat ali</t>
  </si>
  <si>
    <t>GHS CHOROUND</t>
  </si>
  <si>
    <t>chorund</t>
  </si>
  <si>
    <t>vill &amp; p/o chorund teh &amp; distt mandi bahauddin</t>
  </si>
  <si>
    <t>GHS CHOTALA KHURD</t>
  </si>
  <si>
    <t>CHOTALA</t>
  </si>
  <si>
    <t>VPO CHOTALA</t>
  </si>
  <si>
    <t>MUHAMMAD KHALID MEHMOOD</t>
  </si>
  <si>
    <t>FILTRATION PLANT</t>
  </si>
  <si>
    <t>GHS CHOTI BALA</t>
  </si>
  <si>
    <t>ABDUL DAWOOD Khosa</t>
  </si>
  <si>
    <t>GHS CHOTI ZAREEN</t>
  </si>
  <si>
    <t>chak bakhar</t>
  </si>
  <si>
    <t>chak bakher</t>
  </si>
  <si>
    <t>External supply</t>
  </si>
  <si>
    <t>GHS CHOUBARA</t>
  </si>
  <si>
    <t>Choubara City</t>
  </si>
  <si>
    <t>Main Road Choubara</t>
  </si>
  <si>
    <t>MALIK KHALID MEHMOOD</t>
  </si>
  <si>
    <t>GHS CHOWK AZAM</t>
  </si>
  <si>
    <t>GHS WARD NO.3 CHOWK AZAM</t>
  </si>
  <si>
    <t>WARD NO.3 CHOWK AZAM</t>
  </si>
  <si>
    <t>FAZAL MUHAMMAD</t>
  </si>
  <si>
    <t>GHS CHOWK PERMAT</t>
  </si>
  <si>
    <t>chowk Nasser Abad tehsil jatoi district muzaffargarh</t>
  </si>
  <si>
    <t>Nasser Abad</t>
  </si>
  <si>
    <t>KHALIL AHMAD</t>
  </si>
  <si>
    <t>GHS CHOWKHANDI</t>
  </si>
  <si>
    <t>chowkhandi</t>
  </si>
  <si>
    <t>asif mehmood</t>
  </si>
  <si>
    <t>GHS CHOWKI MASTI KHAN</t>
  </si>
  <si>
    <t>GHS Chowki Masti Khan</t>
  </si>
  <si>
    <t>GHS CHRISTIAN DASKA</t>
  </si>
  <si>
    <t>CITY DASKA</t>
  </si>
  <si>
    <t>Kuchehri road daska</t>
  </si>
  <si>
    <t>City Daska</t>
  </si>
  <si>
    <t>Haq Pura</t>
  </si>
  <si>
    <t>IFTIKHAR JAVID AHMED CHEEMA</t>
  </si>
  <si>
    <t>GHS CHRISTIAN GUJRAT</t>
  </si>
  <si>
    <t>GHS CHRISTIAN KABLI GATE GUJRAT</t>
  </si>
  <si>
    <t>GUJRAT CITY</t>
  </si>
  <si>
    <t>zahid nasim</t>
  </si>
  <si>
    <t>GHS CHRISTIAN SIALKOT CITY</t>
  </si>
  <si>
    <t>sialkot city</t>
  </si>
  <si>
    <t>purani gandum mandi sialkot</t>
  </si>
  <si>
    <t>imam sahib</t>
  </si>
  <si>
    <t>GHS CHRISTIAN WAZIRABAD</t>
  </si>
  <si>
    <t>moti bazar wazirabad</t>
  </si>
  <si>
    <t>moti bazar</t>
  </si>
  <si>
    <t>shafiq ahmad</t>
  </si>
  <si>
    <t>GHS CHUCHAK</t>
  </si>
  <si>
    <t>CHUCHAK</t>
  </si>
  <si>
    <t>BAZIDA</t>
  </si>
  <si>
    <t>MIRZA IMDAD HUSSAIN</t>
  </si>
  <si>
    <t>GHS CHUND BHARWANA</t>
  </si>
  <si>
    <t>Chund Bharwana, Jhang</t>
  </si>
  <si>
    <t>GHS CHUNG KHURD</t>
  </si>
  <si>
    <t>Chung khurd defence Lahore cantt</t>
  </si>
  <si>
    <t>Wcb</t>
  </si>
  <si>
    <t>tALLAT SARDAR</t>
  </si>
  <si>
    <t>GHS CHUNG MULTAN ROAD</t>
  </si>
  <si>
    <t>CHUNG</t>
  </si>
  <si>
    <t>GOVT.HIGH SCHOOL CHUNG MULTAN ROAD LAHORE</t>
  </si>
  <si>
    <t>GHS CHUNGI NO. 22 RAWALPINDI</t>
  </si>
  <si>
    <t>tench bhatta near hbl qasai chowk rwp</t>
  </si>
  <si>
    <t>Qasai Chowk</t>
  </si>
  <si>
    <t>GHS CHUNIAN</t>
  </si>
  <si>
    <t>Near Cardic center main road chunian</t>
  </si>
  <si>
    <t>Main road</t>
  </si>
  <si>
    <t>City-1 chunian</t>
  </si>
  <si>
    <t>malik allah dad</t>
  </si>
  <si>
    <t>GHS CHUNJAN</t>
  </si>
  <si>
    <t>Govt. High School Chanjan Tehsil Alipur District Muzaffargarh</t>
  </si>
  <si>
    <t>Chanjan</t>
  </si>
  <si>
    <t>GHS CHURATHA PACHADH</t>
  </si>
  <si>
    <t>Churhatta pachadh near pull Kalairi D.G.Khan</t>
  </si>
  <si>
    <t>Pull Kalairi Dgk</t>
  </si>
  <si>
    <t>Mohammad Saleem</t>
  </si>
  <si>
    <t>GHS CHURKIN</t>
  </si>
  <si>
    <t>churkin</t>
  </si>
  <si>
    <t>Mmuhammad Lateef Dahar</t>
  </si>
  <si>
    <t>GHS CITY BAHAWALNAGAR</t>
  </si>
  <si>
    <t>muslim colony</t>
  </si>
  <si>
    <t>gHS CITY BAHAWALNAGAR  JAIL ROAD CITY CHOWK bAHAWALNAGAR</t>
  </si>
  <si>
    <t>MUSLIM COLONY</t>
  </si>
  <si>
    <t>MUHAMMAD AKHTAR ALI</t>
  </si>
  <si>
    <t>GHS CITY BLOCK 10</t>
  </si>
  <si>
    <t>block no 10</t>
  </si>
  <si>
    <t>ubran no 14</t>
  </si>
  <si>
    <t>arang water</t>
  </si>
  <si>
    <t>GHS CITY JAMPUR</t>
  </si>
  <si>
    <t>Near Dera Chungi DG Khan road jampur</t>
  </si>
  <si>
    <t>GHS CITY MUSLIM LEAGUE SAID MITHA BAZAR</t>
  </si>
  <si>
    <t>said mitha bazar</t>
  </si>
  <si>
    <t>Texali Gate</t>
  </si>
  <si>
    <t>GHS CM CHAK 462 GB SAMUNDRI FSD</t>
  </si>
  <si>
    <t>CHAK NO 462 GB FSD</t>
  </si>
  <si>
    <t>CHAK NO 462 GB SAMUNDRI FSD</t>
  </si>
  <si>
    <t>CHAK NO 463 GB FSD</t>
  </si>
  <si>
    <t>AKRAM UL HAQ</t>
  </si>
  <si>
    <t>GHS CMR OKARA</t>
  </si>
  <si>
    <t>opposite press club okara</t>
  </si>
  <si>
    <t>Malik Ghulam Fareed</t>
  </si>
  <si>
    <t>GHS COLLEGE ROAD JHANG</t>
  </si>
  <si>
    <t>NEAR GOVT. POST GRADUATE COLLEGE JHANG</t>
  </si>
  <si>
    <t>ADHIWAL</t>
  </si>
  <si>
    <t>MUMTAZ HUSSAIN KHAN</t>
  </si>
  <si>
    <t>GHS COLLEGE ROAD SHAHKOT</t>
  </si>
  <si>
    <t>GHS COLLEGE ROAD SHAHKOT DISTT. NANKANA sAHIB</t>
  </si>
  <si>
    <t>MOHALLA GHOSIA</t>
  </si>
  <si>
    <t>HAFIZ MUHAMMAD HASSAN RAZA</t>
  </si>
  <si>
    <t>GHS COLONY AREA PAKPATTAN</t>
  </si>
  <si>
    <t>GHS Colony Area Near Education Office (DEA) Pakpattan</t>
  </si>
  <si>
    <t>Muhammad Shaban Raza</t>
  </si>
  <si>
    <t>GHS COLONY RAHIM YAR KHAN</t>
  </si>
  <si>
    <t>GOVT COLONY HIGH SCHOOL RAHIM YAR KHAN</t>
  </si>
  <si>
    <t>bhutto nagar</t>
  </si>
  <si>
    <t>qamar ud din khan</t>
  </si>
  <si>
    <t>GHS COLONY ROAD MAILSI</t>
  </si>
  <si>
    <t>mailsi</t>
  </si>
  <si>
    <t>COLONY ROAD MAILSI</t>
  </si>
  <si>
    <t>MOHALLAH PETWARIAN MAILSI</t>
  </si>
  <si>
    <t>east mailsi</t>
  </si>
  <si>
    <t>MIAN SARDAR AHMAD</t>
  </si>
  <si>
    <t>GHS COMMUNITY MOZANG BEGUM ROAD</t>
  </si>
  <si>
    <t>noor SHAH road mozang lahore</t>
  </si>
  <si>
    <t>Nasir Abbas Bukhari</t>
  </si>
  <si>
    <t>GHS COMPREHENSIVE</t>
  </si>
  <si>
    <t>dera gharbi</t>
  </si>
  <si>
    <t>block # z dera ghazi khan</t>
  </si>
  <si>
    <t>dera ghazi khan</t>
  </si>
  <si>
    <t>churhatta</t>
  </si>
  <si>
    <t>abdul aziz</t>
  </si>
  <si>
    <t>GHS COMPREHENSIVE BAHAWALNAGAR</t>
  </si>
  <si>
    <t>Jalwala Road Bahawal Nagar</t>
  </si>
  <si>
    <t>GHS COMPREHENSIVE GUJRANWALA</t>
  </si>
  <si>
    <t>mODEL TOWN</t>
  </si>
  <si>
    <t>Model Town Gujranwala</t>
  </si>
  <si>
    <t>khalid hussain Goraya</t>
  </si>
  <si>
    <t>GHS COMPREHENSIVE GUJRAT</t>
  </si>
  <si>
    <t>service Moor G.T Road Gujrat</t>
  </si>
  <si>
    <t>IKRAMULLAH SAFDER</t>
  </si>
  <si>
    <t>GHS COMPREHENSIVE JHELUM</t>
  </si>
  <si>
    <t>Old GT Road Jhelum</t>
  </si>
  <si>
    <t>GHS COMPREHENSIVE MIANWALI</t>
  </si>
  <si>
    <t>near gpo chowk MIANWALI</t>
  </si>
  <si>
    <t>FAIZ MUHAMMAD KHOSA</t>
  </si>
  <si>
    <t>GHS COMPREHENSIVE MODEL SATTELITE TOWN</t>
  </si>
  <si>
    <t>Satellite Town Jhang</t>
  </si>
  <si>
    <t>syed hassan</t>
  </si>
  <si>
    <t>GHS COMPREHENSIVE MUZAFFARGARH</t>
  </si>
  <si>
    <t>Jhang Morgan D G Khan Road Muzaffargarh</t>
  </si>
  <si>
    <t>Jhang Morgan D G Khan Road M Garh</t>
  </si>
  <si>
    <t>GHS COMPREHENSIVE OFFICERS COLONY R.Y.KHAN</t>
  </si>
  <si>
    <t>officers colony Rahim Yar khan</t>
  </si>
  <si>
    <t>MCRYK</t>
  </si>
  <si>
    <t>GHS COMPREHENSIVE RAWALPINDI</t>
  </si>
  <si>
    <t>Farooq e Azam Road Dhoke Kashmirian Rwp</t>
  </si>
  <si>
    <t>mirza akhlaq ahmed baig</t>
  </si>
  <si>
    <t>GHS COMPREHENSIVE SAHIWAL</t>
  </si>
  <si>
    <t>Freed To wn</t>
  </si>
  <si>
    <t>Government Comprehensive School Sahiwal</t>
  </si>
  <si>
    <t>Farid Town Sahiwal</t>
  </si>
  <si>
    <t>SHAHID IRSHAD</t>
  </si>
  <si>
    <t>GHS COMPREHENSIVE SARGODHA</t>
  </si>
  <si>
    <t>govt. COMPREHENSIVE BOYS HIGH SCHOOL SATELLITE TOWN BLOCK A SARGODHA</t>
  </si>
  <si>
    <t>block a</t>
  </si>
  <si>
    <t>SHAMSHER TOWN</t>
  </si>
  <si>
    <t>Sajid Hameed</t>
  </si>
  <si>
    <t>GHS COMPREHENSIVE SIALKOT</t>
  </si>
  <si>
    <t>jammu road sialkot</t>
  </si>
  <si>
    <t>MUMTAZ AHMED</t>
  </si>
  <si>
    <t>GHS CO-OPERATIVE BUDHA GORAYA</t>
  </si>
  <si>
    <t>budha goraya tehsil nowshera virkan district gujranwala</t>
  </si>
  <si>
    <t>budha Goraya</t>
  </si>
  <si>
    <t>KHALID MASOOD CHISHTI</t>
  </si>
  <si>
    <t>GHS CTTM BHAKKAR MANDI TOWN</t>
  </si>
  <si>
    <t>mandi town bhakkar</t>
  </si>
  <si>
    <t>MC BHAKKAR</t>
  </si>
  <si>
    <t>MUNIR AHMAD</t>
  </si>
  <si>
    <t>GHS D.D.PANAH</t>
  </si>
  <si>
    <t>GT Road Daira Din Panah</t>
  </si>
  <si>
    <t>Abdul Aziz Nadir</t>
  </si>
  <si>
    <t>GHS DAB KALAN</t>
  </si>
  <si>
    <t>DAB KALAN</t>
  </si>
  <si>
    <t>GHS DAB KALAN TESHIL SHORKOT DISTRICT JHANG</t>
  </si>
  <si>
    <t>GHS DABB</t>
  </si>
  <si>
    <t>Muhammad Sami Ullah Malik</t>
  </si>
  <si>
    <t>GHS DAD JAMLERA</t>
  </si>
  <si>
    <t>basti Dad jamlera</t>
  </si>
  <si>
    <t>abdul khaliq</t>
  </si>
  <si>
    <t>GHS DADRA BALA</t>
  </si>
  <si>
    <t>Dadra Bala Via Harappa city</t>
  </si>
  <si>
    <t>GHULAM MUSTAFA  KANWAL</t>
  </si>
  <si>
    <t>GHS DAGGAR SHADA</t>
  </si>
  <si>
    <t>daggar shada</t>
  </si>
  <si>
    <t>daggar shada teh. &amp; distt. bhakkar</t>
  </si>
  <si>
    <t>MUHAMMAD DAUD</t>
  </si>
  <si>
    <t>GHS DAGGAR WAGWARA ANAR SHAH</t>
  </si>
  <si>
    <t>Daggar Wagwarah</t>
  </si>
  <si>
    <t>Ada Anar Shah main drya dulley wala road</t>
  </si>
  <si>
    <t>ANAR SHAH</t>
  </si>
  <si>
    <t>Daggar Wagwarh</t>
  </si>
  <si>
    <t>MUHAMMAD AZHAR SOHAIL KHAN</t>
  </si>
  <si>
    <t>GHS DAGREE EAST</t>
  </si>
  <si>
    <t>Dagree</t>
  </si>
  <si>
    <t>Moza Dagree Tahsil Ahmad Pur Sial District Jhang</t>
  </si>
  <si>
    <t>Fateh Pur Piratti</t>
  </si>
  <si>
    <t>SHAHID WASEEM ABBAS</t>
  </si>
  <si>
    <t>GHS DAILY NAMDAR</t>
  </si>
  <si>
    <t>GHS DAILY NAMDAR TEHSIL KALLLUR KOT DISTRICT BHAKKAR</t>
  </si>
  <si>
    <t>Sana Ullah Khan</t>
  </si>
  <si>
    <t>GHS DAIWAL</t>
  </si>
  <si>
    <t>daiwal</t>
  </si>
  <si>
    <t>GHS DAJAL</t>
  </si>
  <si>
    <t>Govt.Higher secondary School Dajal Bhakkar</t>
  </si>
  <si>
    <t>Kachi shahani</t>
  </si>
  <si>
    <t>Ihsan Ullah Tahir</t>
  </si>
  <si>
    <t>GHS DAK CHIBBAN</t>
  </si>
  <si>
    <t>vpo dak chibban tehsil sarai alamgir district gujrat</t>
  </si>
  <si>
    <t>Muddassar Hussain</t>
  </si>
  <si>
    <t>GHS DAKHALI</t>
  </si>
  <si>
    <t>gbhs dakhali VPO Dakhali tehsil kahuta</t>
  </si>
  <si>
    <t>SYED MUNIR HUSSAIN  SHAH</t>
  </si>
  <si>
    <t>GHS DAKHNAIR (ATTOCK)</t>
  </si>
  <si>
    <t>v.p.o Dakhnair Tehsil &amp; Distt Attock</t>
  </si>
  <si>
    <t>Zia Ul Hassan</t>
  </si>
  <si>
    <t>GHS DAKHNAIR (JAND)</t>
  </si>
  <si>
    <t>VPO DAKHNAIR TEH.JAND DISTT. ATTOCK</t>
  </si>
  <si>
    <t>GHS DALA NANGAL NO. 83/RB</t>
  </si>
  <si>
    <t>Dalla Nangal 83 RB</t>
  </si>
  <si>
    <t>Govt. High School Dalla Nangal Chak No 83/ RB Shahkot District Nankana Sahib</t>
  </si>
  <si>
    <t>Dalla Nangal 83 RB Tehsil Shahkot</t>
  </si>
  <si>
    <t>Rasoolpur ariyan Chak No. 82/RB</t>
  </si>
  <si>
    <t>MASUOOD ARSHAD</t>
  </si>
  <si>
    <t>GHS DALELPUR</t>
  </si>
  <si>
    <t>GHS Dalail Pur tehsil Choa SaidenShah Distt chakwal</t>
  </si>
  <si>
    <t>Sultan Mumtaz</t>
  </si>
  <si>
    <t>GHS DALILI WALA</t>
  </si>
  <si>
    <t>dalili wala</t>
  </si>
  <si>
    <t>Syed Muhammad Najeeb Shah</t>
  </si>
  <si>
    <t>GHS DALLA MIR WALA</t>
  </si>
  <si>
    <t>Dala Mir Wala</t>
  </si>
  <si>
    <t>village dila mir wala po kamar tehsil isa khel district mianwali</t>
  </si>
  <si>
    <t>Pakka Kamar Mishani</t>
  </si>
  <si>
    <t>muhammad shakeel khan</t>
  </si>
  <si>
    <t>GHS DALOWALI</t>
  </si>
  <si>
    <t>viilage and po dalowali</t>
  </si>
  <si>
    <t>ARSHAD JAVED</t>
  </si>
  <si>
    <t>GHS DALWAL</t>
  </si>
  <si>
    <t>DALWAL</t>
  </si>
  <si>
    <t>vpo.dalwal Teh.Choa saidan shah district Chakwal</t>
  </si>
  <si>
    <t>Raja Saleem Afzal</t>
  </si>
  <si>
    <t>GHS DAMMER WALA SHUMALI</t>
  </si>
  <si>
    <t>Dammar Wala Shumali Jatoi M. Garh</t>
  </si>
  <si>
    <t>JAM ALLAH YAR</t>
  </si>
  <si>
    <t>GHS DANDI TALAGANG</t>
  </si>
  <si>
    <t>Ghsdandi@yahoo.c dandi</t>
  </si>
  <si>
    <t>Jabbing Shah Dilawar</t>
  </si>
  <si>
    <t>MUHAMMAD DIN</t>
  </si>
  <si>
    <t>GHS DANDIAN GUJRANWALA</t>
  </si>
  <si>
    <t>dandian</t>
  </si>
  <si>
    <t>vpo dandian teh. kamoke distt gujranwala</t>
  </si>
  <si>
    <t>sohawa dhilwan</t>
  </si>
  <si>
    <t>MUHAMMAD YAQOOB</t>
  </si>
  <si>
    <t>GHS DANDOOT</t>
  </si>
  <si>
    <t>GHS Dandot, VPO Dandot,Tehsil Choa Saiden Shah, District  Chakwal</t>
  </si>
  <si>
    <t>Raja Muhammad Latif</t>
  </si>
  <si>
    <t>GHS DANWRAN</t>
  </si>
  <si>
    <t>DANWRAN</t>
  </si>
  <si>
    <t>GOVT. H/S DANWRAN (LODHRAN)</t>
  </si>
  <si>
    <t>ALI HASSAN SHAD</t>
  </si>
  <si>
    <t>GHS DAOKAY KALAN</t>
  </si>
  <si>
    <t>DAOKAY KALAN</t>
  </si>
  <si>
    <t>DAOKAY KALAN P/O USMAN WALA TEHSIL CHUNIAN DISTRICT KASUR</t>
  </si>
  <si>
    <t>DAOKAY KHINIANA</t>
  </si>
  <si>
    <t>WAHEED ANWAR</t>
  </si>
  <si>
    <t>GHS DARA KIAL</t>
  </si>
  <si>
    <t>Dara Kial</t>
  </si>
  <si>
    <t>VPO Dara Kial Tehsil Gujar Khan District Rawalpindi</t>
  </si>
  <si>
    <t>Yasir Mehmood</t>
  </si>
  <si>
    <t>GHS DARAPUR</t>
  </si>
  <si>
    <t>darapur jhelum</t>
  </si>
  <si>
    <t>Muhammad Sajeel Khan</t>
  </si>
  <si>
    <t>GHS DARBAR DHONDAY SHAH</t>
  </si>
  <si>
    <t>SULEMAN</t>
  </si>
  <si>
    <t>GHS DARBAR DHUNDAY SHAH, MOUZA SULEMAN, P/O SAME, TEHSIL BHOWANA, DISTRICT CHINIOT.</t>
  </si>
  <si>
    <t>DARBAR DHUNDAY SHAH</t>
  </si>
  <si>
    <t>GHS DARBULA</t>
  </si>
  <si>
    <t>Darbula,P/O Haider abad Thal tehsil Mankera ,distt:Bhakkar</t>
  </si>
  <si>
    <t>Amanullah Khan</t>
  </si>
  <si>
    <t>GHS DARI AZEEM KHAN</t>
  </si>
  <si>
    <t>Dari Azim khan p/o tranda Swaye khan Tehsil and district Ryk</t>
  </si>
  <si>
    <t>Abdul Sammi</t>
  </si>
  <si>
    <t>GHS DARKALA</t>
  </si>
  <si>
    <t>Vpo Darkala Teh. Gujar Khan distt. Rawalpindi</t>
  </si>
  <si>
    <t>sajid jalil</t>
  </si>
  <si>
    <t>GHS DARKALI KHURD</t>
  </si>
  <si>
    <t>DARKALI</t>
  </si>
  <si>
    <t>GHS DARKALI KHURD TEHSIL GUJAR KHAN DISTRICT RAWALPINDI.</t>
  </si>
  <si>
    <t>DARKALI KHURD</t>
  </si>
  <si>
    <t>SHAFAQAT Hameed</t>
  </si>
  <si>
    <t>GHS DARKALI SHER SHAHI</t>
  </si>
  <si>
    <t>darkali Sher shahi</t>
  </si>
  <si>
    <t>Ghulam Gilani</t>
  </si>
  <si>
    <t>GHS DARMAN</t>
  </si>
  <si>
    <t>Govt High School Darman Narowal</t>
  </si>
  <si>
    <t>BASHRAT ALI SHAHID</t>
  </si>
  <si>
    <t>GHS DAR-UL-ALOOM KABIRWALA</t>
  </si>
  <si>
    <t>Canal Road Near Eid Ghah</t>
  </si>
  <si>
    <t>Eidghah</t>
  </si>
  <si>
    <t>City Kabirwala</t>
  </si>
  <si>
    <t>GHS DAR-UL-FURQAN BEGUM PURA</t>
  </si>
  <si>
    <t>BEGUMPURA</t>
  </si>
  <si>
    <t>GOVT.DAR UL FURQAN H/S BEGUM PURA LAHORE</t>
  </si>
  <si>
    <t>BEGUM PURA</t>
  </si>
  <si>
    <t>WASA WATER SUPPLY</t>
  </si>
  <si>
    <t>GHS DARYA GALI</t>
  </si>
  <si>
    <t>government boys high school darya gali murree</t>
  </si>
  <si>
    <t>Azhar Hussain Virk</t>
  </si>
  <si>
    <t>GHS DARYA KHAN</t>
  </si>
  <si>
    <t>OLD BHAKKAR ROAD</t>
  </si>
  <si>
    <t>GHS DARYALA SEIGON</t>
  </si>
  <si>
    <t>daryala segon</t>
  </si>
  <si>
    <t>village &amp; p/O daryala segon tehsil gujjar khan dist rawalpindi</t>
  </si>
  <si>
    <t>Raqeeb Ahmed</t>
  </si>
  <si>
    <t>GHS DASKA</t>
  </si>
  <si>
    <t>NISBAT ROAD DASKA</t>
  </si>
  <si>
    <t>DASKA KALAN</t>
  </si>
  <si>
    <t>CH. IJAZ UL HAQ</t>
  </si>
  <si>
    <t>water Filtration plant</t>
  </si>
  <si>
    <t>GHS DASKA KALAN</t>
  </si>
  <si>
    <t>MUNIR ULLAH KHAN</t>
  </si>
  <si>
    <t>GHS DASKA KOT</t>
  </si>
  <si>
    <t>OLD KCHAHRY ROAD DASKA</t>
  </si>
  <si>
    <t>REHMAT ALI</t>
  </si>
  <si>
    <t>GHS DAULAT NAGAR</t>
  </si>
  <si>
    <t>VPO Daulat Nagar Gujrat</t>
  </si>
  <si>
    <t>narasab ali</t>
  </si>
  <si>
    <t>GHS DAULTALA</t>
  </si>
  <si>
    <t>GHS Daultala Tehsil.Gujar khan District. Rawalpindi</t>
  </si>
  <si>
    <t>Daultala-I</t>
  </si>
  <si>
    <t>saghir hussain</t>
  </si>
  <si>
    <t>GHS DAV COLLEGE ROAD</t>
  </si>
  <si>
    <t>DAV COLLEGE ROAD</t>
  </si>
  <si>
    <t>GBHS DAV COLLEGE ROAD RWP</t>
  </si>
  <si>
    <t>SHAUAKAT ALI NASEER</t>
  </si>
  <si>
    <t>GHS DAYA CHOKHA</t>
  </si>
  <si>
    <t>Daya Chokha Gharbi</t>
  </si>
  <si>
    <t>Govt. High School Daya Chokha P/O Sinawan</t>
  </si>
  <si>
    <t>GHS DAYA MURAD</t>
  </si>
  <si>
    <t>Dagger Aulakh</t>
  </si>
  <si>
    <t>Daya Murad Tehsil &amp; Distt Bhakkar</t>
  </si>
  <si>
    <t>GHS DEGHADHI MEHR SHAHANA TANDLIANWALA</t>
  </si>
  <si>
    <t>deghadi mahr shahana</t>
  </si>
  <si>
    <t>abadi khungran moza degadhi mehr shahana</t>
  </si>
  <si>
    <t>khungran</t>
  </si>
  <si>
    <t>chak no 615 gb</t>
  </si>
  <si>
    <t>mUHAMMAD zAHID aZIZ</t>
  </si>
  <si>
    <t>GHS DEHLA CHATHA</t>
  </si>
  <si>
    <t>Dehla Chatha</t>
  </si>
  <si>
    <t>Bhomah Batth</t>
  </si>
  <si>
    <t>Mohsan Tufail</t>
  </si>
  <si>
    <t>GHS DEHLRA</t>
  </si>
  <si>
    <t>LIAQAT ALI CH</t>
  </si>
  <si>
    <t>GHS DELMAN GUNJ OKARA</t>
  </si>
  <si>
    <t>DELMAN GUNJ</t>
  </si>
  <si>
    <t>SHAH NAWAZ KHAN WALA</t>
  </si>
  <si>
    <t>Muhammad Shafique Safdar</t>
  </si>
  <si>
    <t>GHS DEOWAL</t>
  </si>
  <si>
    <t>deowal Tehsil Bhalwal District Sargodha</t>
  </si>
  <si>
    <t>Zakaullah</t>
  </si>
  <si>
    <t>GHS DEPALPUR</t>
  </si>
  <si>
    <t>BASIRPUR ROAD DEPALPUR</t>
  </si>
  <si>
    <t>MC DEPALPUR</t>
  </si>
  <si>
    <t>MUNAWAR ALI</t>
  </si>
  <si>
    <t>GHS DEPALPUR TOWN</t>
  </si>
  <si>
    <t>STREET NO. 2, ABDULLAH TOWN DEPALPUR</t>
  </si>
  <si>
    <t>SYED RASHID ALI ZAIDI</t>
  </si>
  <si>
    <t>GHS DERA BAKHA</t>
  </si>
  <si>
    <t>SAnjar</t>
  </si>
  <si>
    <t>GHS Dera Bakha</t>
  </si>
  <si>
    <t>GHS DERA IZZAT</t>
  </si>
  <si>
    <t>Dera Izzar</t>
  </si>
  <si>
    <t>SYED SAJJAD HUSSAIN BUKHARI</t>
  </si>
  <si>
    <t>GHS DERA KHALSA</t>
  </si>
  <si>
    <t>Village&amp; p/o Dera khalsa, Tehsil kallar syedan, Rawalpindi</t>
  </si>
  <si>
    <t>GHS DERA MAT</t>
  </si>
  <si>
    <t>Chak Mat 1</t>
  </si>
  <si>
    <t>chak mat no 1 rojhan</t>
  </si>
  <si>
    <t>Jam Allah Ditta</t>
  </si>
  <si>
    <t>MUHAMMAD NAWAZ MAZARI</t>
  </si>
  <si>
    <t>away from 3km</t>
  </si>
  <si>
    <t>GHS DERA MUSLIM</t>
  </si>
  <si>
    <t>Dera Muslim</t>
  </si>
  <si>
    <t>village and Post office Dera Muslim gujar khan Rawalpindi</t>
  </si>
  <si>
    <t>Arslan Zahid</t>
  </si>
  <si>
    <t>GHS DERA SHAMAS</t>
  </si>
  <si>
    <t>dera Shamas</t>
  </si>
  <si>
    <t>KLP Road Near Iqbal abad</t>
  </si>
  <si>
    <t>Muhammad Mansoor Ahmed</t>
  </si>
  <si>
    <t>GHS DERIAN WALA</t>
  </si>
  <si>
    <t>HEADMASTER GOVT. HIGH SCHOOL. DERIANWALA DISTRICT NAROWAL</t>
  </si>
  <si>
    <t>PEJOWALI</t>
  </si>
  <si>
    <t>GHS DERNOIAN</t>
  </si>
  <si>
    <t>GBHS Darnoian kotli sattian</t>
  </si>
  <si>
    <t>Anwar Ul-Haq</t>
  </si>
  <si>
    <t>Chashma</t>
  </si>
  <si>
    <t>GHS DEVA SINGH</t>
  </si>
  <si>
    <t>qila dewa singh</t>
  </si>
  <si>
    <t>MUHAMMAD Asghar</t>
  </si>
  <si>
    <t>GHS DEWALA</t>
  </si>
  <si>
    <t>basti moza dewala p/o dewala m.garh</t>
  </si>
  <si>
    <t>Rao Khalid Mahmood</t>
  </si>
  <si>
    <t>GHS DEWAN HAZOORI (BISHANDAUR)</t>
  </si>
  <si>
    <t>Dewan E Hazoori</t>
  </si>
  <si>
    <t>G.H.S Dewan e Hazoori</t>
  </si>
  <si>
    <t>aziz anwar raja</t>
  </si>
  <si>
    <t>GHS DHABLI WALA</t>
  </si>
  <si>
    <t>Vill. &amp; P/O Dhabliwala Tehsil &amp; District Narowal</t>
  </si>
  <si>
    <t>Muhammad Farid</t>
  </si>
  <si>
    <t>GHS DHABOOLA</t>
  </si>
  <si>
    <t>VPO DHABOOLA TEHSIL PINDIGHEB DISTT. ATTOCK</t>
  </si>
  <si>
    <t>GHS DHADHUMBER</t>
  </si>
  <si>
    <t>Village And Post Office Dhadhumber Teh And Distt Rawalpindi</t>
  </si>
  <si>
    <t>GHS DHAKRAN WALI</t>
  </si>
  <si>
    <t>DHAKRANWALI</t>
  </si>
  <si>
    <t>VILL DHAKRANWALI TEHSIL KHARIAN DISTRICT GUJRAT</t>
  </si>
  <si>
    <t>CHAKORI BHELOWAL</t>
  </si>
  <si>
    <t>GHS DHAKWAN</t>
  </si>
  <si>
    <t>ghs dhakwan tehsil shahpur district sargodha</t>
  </si>
  <si>
    <t>Khawajaabad</t>
  </si>
  <si>
    <t>Muhammad Zahir Qamar</t>
  </si>
  <si>
    <t>GHS DHALLA</t>
  </si>
  <si>
    <t>dhalla</t>
  </si>
  <si>
    <t>dhalla tehsil and distt rawalpindi</t>
  </si>
  <si>
    <t>GHS DHAMALI</t>
  </si>
  <si>
    <t>village post office dhamali Tehsil Kallar Syeda Distt. Rawalpindi.</t>
  </si>
  <si>
    <t>HAMAYAUN QURESHI</t>
  </si>
  <si>
    <t>GHS DHAMAN SYEDAN</t>
  </si>
  <si>
    <t>Dhaman Syedan</t>
  </si>
  <si>
    <t>g.B.H.S DHAMAN SYEDAN, ALI TOWN ADIALA ROAD, RWP</t>
  </si>
  <si>
    <t>Naweed Hussain Ch</t>
  </si>
  <si>
    <t>GHS DHAMIAL</t>
  </si>
  <si>
    <t>DHAMIAL</t>
  </si>
  <si>
    <t>DHAMIAL P.O DHAMIAL CAMP DHAMIAL ROAD RAWALPINDI</t>
  </si>
  <si>
    <t>MUHAMMAD AKSAR</t>
  </si>
  <si>
    <t>GHS DHAMTHAL</t>
  </si>
  <si>
    <t>Vill.Dhamthal     PO.Dhamthal     Teh.Zafarwal  Dist.Narowal</t>
  </si>
  <si>
    <t>Mian M  Aslam</t>
  </si>
  <si>
    <t>GHS DHANAN WALI</t>
  </si>
  <si>
    <t>Dhananwali</t>
  </si>
  <si>
    <t>Govt. High School Dhananwali, Tehsil Sambrial</t>
  </si>
  <si>
    <t>MAHMOOD AHMED</t>
  </si>
  <si>
    <t>GHS DHANDA</t>
  </si>
  <si>
    <t>village and p.o dhanda teh and district rawalpindi</t>
  </si>
  <si>
    <t>Mehmood Akhtar</t>
  </si>
  <si>
    <t>GHS DHANI MAIN RAM</t>
  </si>
  <si>
    <t>Govt. High School Dhani Mani Ram</t>
  </si>
  <si>
    <t>GHS DHANOTE</t>
  </si>
  <si>
    <t>Dhanote</t>
  </si>
  <si>
    <t>Kehror Pacca Lodhran Road Dhanote</t>
  </si>
  <si>
    <t>Rafiq Ahmad Siddiqui</t>
  </si>
  <si>
    <t>GHS DHAPPAI</t>
  </si>
  <si>
    <t>DHAPAI</t>
  </si>
  <si>
    <t>GHS DHAPAI</t>
  </si>
  <si>
    <t>FATEH MUHAMMAD</t>
  </si>
  <si>
    <t>GHS DHARABI</t>
  </si>
  <si>
    <t>VPO Dharabi, Tehsil and District Chakwal</t>
  </si>
  <si>
    <t>Muhammad Afsar</t>
  </si>
  <si>
    <t>GHS DHARAG MIANA</t>
  </si>
  <si>
    <t>mirak pur</t>
  </si>
  <si>
    <t>mirak pur tehsil and district narowal</t>
  </si>
  <si>
    <t>dharag miana</t>
  </si>
  <si>
    <t>Major Zulfiqar Ali</t>
  </si>
  <si>
    <t>GHS DHARAM PUR</t>
  </si>
  <si>
    <t>Basti Islam Nager P/O Sanawan</t>
  </si>
  <si>
    <t>Islamnager</t>
  </si>
  <si>
    <t>GHS DHARAM PURA</t>
  </si>
  <si>
    <t>dharampura chak #11 , tensil safdarabad, district sheikhupura</t>
  </si>
  <si>
    <t>GHS DHAREKAN KALAN</t>
  </si>
  <si>
    <t>DHAREKAN KALAN</t>
  </si>
  <si>
    <t>V.P.O DHAREKAN KALAN TEHSIL PHALIA DISTT. M.B.DIN</t>
  </si>
  <si>
    <t>DHAREKANKALAN</t>
  </si>
  <si>
    <t>ZAFAR IQBAL SAHI</t>
  </si>
  <si>
    <t>GHS DHARIYALA KAHOON</t>
  </si>
  <si>
    <t>DHARYALA KAHOON</t>
  </si>
  <si>
    <t>VPO DHARYALA KAHOON, TEHSIL CHOA SAIDEN SHAH, DISTRICT CHAKWAL</t>
  </si>
  <si>
    <t>GHS DHARMAY WALA</t>
  </si>
  <si>
    <t>dharmaywala</t>
  </si>
  <si>
    <t>dharmaywala tehsil depal pur okara</t>
  </si>
  <si>
    <t>Muhammad  Arshad Nadeem</t>
  </si>
  <si>
    <t>GHS DHARNAKKA</t>
  </si>
  <si>
    <t>Dhibba Karial</t>
  </si>
  <si>
    <t>V.P.O DHURNAKA MARKAZ CHAKRALA TEHSIL AND DISTRICT MIANWALI</t>
  </si>
  <si>
    <t>Dhurnaka</t>
  </si>
  <si>
    <t>Muhammad Noman Khan</t>
  </si>
  <si>
    <t>GHS DHAROWALI NO. 33 RB</t>
  </si>
  <si>
    <t>dharowali</t>
  </si>
  <si>
    <t>Dharowali Chak No 33/R.B Tehsil Shahkot , District Nankana Sahib.</t>
  </si>
  <si>
    <t>Dharowali 33/R.B</t>
  </si>
  <si>
    <t>Nazam Pura</t>
  </si>
  <si>
    <t>GHS DHARYALA JALIB</t>
  </si>
  <si>
    <t>GHS Dharyala Jalip.</t>
  </si>
  <si>
    <t>akhtar mehmood</t>
  </si>
  <si>
    <t>wATER SUPPLY DHARYALA JALIP</t>
  </si>
  <si>
    <t>GHS DHAULAR</t>
  </si>
  <si>
    <t>DHAULAR</t>
  </si>
  <si>
    <t>VPO DHAULAR</t>
  </si>
  <si>
    <t>GHS DHAUNKAL</t>
  </si>
  <si>
    <t>dhaunkal</t>
  </si>
  <si>
    <t>CH. IHSAN ALI CHEEMA</t>
  </si>
  <si>
    <t>GHS DHEERNKE MIRDADKE</t>
  </si>
  <si>
    <t>Dherenke</t>
  </si>
  <si>
    <t>Village  Dherenke  Mirdadke Hafizabad</t>
  </si>
  <si>
    <t>Dherenke  Mirdadke</t>
  </si>
  <si>
    <t>AMAN ULLAH</t>
  </si>
  <si>
    <t>GHS DHENSAR PAEEN</t>
  </si>
  <si>
    <t>village Dhensar paeen P.O same Tehsil Kamoke District Gujranwala</t>
  </si>
  <si>
    <t>MUHAMMAD ARSHID HINJRA</t>
  </si>
  <si>
    <t>GHS DHERMOND</t>
  </si>
  <si>
    <t>Muhammad Asif Yaqoob</t>
  </si>
  <si>
    <t>GHS DHEROWAL</t>
  </si>
  <si>
    <t>Govt. High School Dherowal, Tehsil Sahiwal, District Sargodha.</t>
  </si>
  <si>
    <t>GHS DHIBBA KARSIAL</t>
  </si>
  <si>
    <t>Ghs dhibba karsial</t>
  </si>
  <si>
    <t>GHULAM MUHAMMAD</t>
  </si>
  <si>
    <t>GHS DHILLAM BALAGAN</t>
  </si>
  <si>
    <t>Dhillam Dhillam DhillamBallaggan</t>
  </si>
  <si>
    <t>village &amp; pro dhillam ballaggan tehsil sambrial distt. sialkot</t>
  </si>
  <si>
    <t>GHS DHING</t>
  </si>
  <si>
    <t>DHING</t>
  </si>
  <si>
    <t>VILLAGE DHING PO LAMMAY TEHSIL KHARIAN DISTT GUJRAT</t>
  </si>
  <si>
    <t>GHS DHING SHAH</t>
  </si>
  <si>
    <t>Village Dhing Shah Tehsil &amp; Distt. Kasur</t>
  </si>
  <si>
    <t>Ch. Muhammad Saeed Iqbal</t>
  </si>
  <si>
    <t>GHS DHINGANA</t>
  </si>
  <si>
    <t>P/O DHINGANA</t>
  </si>
  <si>
    <t>MUKHTAR AHMAD MALIK</t>
  </si>
  <si>
    <t>GHS DHIR KOT SATTIAN</t>
  </si>
  <si>
    <t>dhirkot sattian</t>
  </si>
  <si>
    <t>village and post office dhirkot sattian</t>
  </si>
  <si>
    <t>Syed Aamir Kamal</t>
  </si>
  <si>
    <t>natural reservoir</t>
  </si>
  <si>
    <t>GHS DHODHA</t>
  </si>
  <si>
    <t>VPO Dhoda Tehsil Pasrur District Sialkot</t>
  </si>
  <si>
    <t>RANA TAHIR MEHMOOD</t>
  </si>
  <si>
    <t>GHS DHOK ALI KHAN</t>
  </si>
  <si>
    <t>vpo dhoke ali khan</t>
  </si>
  <si>
    <t>DHOKE ALI KHAN</t>
  </si>
  <si>
    <t>KHALIL UR REHMAN</t>
  </si>
  <si>
    <t>GHS DHOK CHARAG DIN</t>
  </si>
  <si>
    <t>chaklala Cantt</t>
  </si>
  <si>
    <t>GBHS Dhoke Chiragh Din Chaklal Cantt RWP</t>
  </si>
  <si>
    <t>Dhoke Chiragh Din</t>
  </si>
  <si>
    <t>Chaklala Cantt</t>
  </si>
  <si>
    <t>WALEED AZIZ</t>
  </si>
  <si>
    <t>GHS DHOK DERA</t>
  </si>
  <si>
    <t>Dk Dera</t>
  </si>
  <si>
    <t>village dk Dera  tehsil pindigheb dist attock</t>
  </si>
  <si>
    <t>arshad mahmood</t>
  </si>
  <si>
    <t>have to buy from outside</t>
  </si>
  <si>
    <t>GHS DHOK GIRJA</t>
  </si>
  <si>
    <t>girja</t>
  </si>
  <si>
    <t>Govt Boys High School Girja Rawalpindi</t>
  </si>
  <si>
    <t>GHS DHOK LAHAM</t>
  </si>
  <si>
    <t>KHARPA</t>
  </si>
  <si>
    <t>GHS DHOK LOONA</t>
  </si>
  <si>
    <t>ghs dhoke loona</t>
  </si>
  <si>
    <t>muhammad saeed akhter</t>
  </si>
  <si>
    <t>GHS DHOK MIANI</t>
  </si>
  <si>
    <t>dhoke miani tehsil district mianwali</t>
  </si>
  <si>
    <t>Dhoke Miani</t>
  </si>
  <si>
    <t>Muhammad Shoaib Ameer Shah</t>
  </si>
  <si>
    <t>GHS DHOK MUSAHIB</t>
  </si>
  <si>
    <t>Dhoke Musahib</t>
  </si>
  <si>
    <t>Vpo Dhoke musahib</t>
  </si>
  <si>
    <t>GHS DHOK NOWSEHRI</t>
  </si>
  <si>
    <t>dhoke noshehri, khichian,tehsil talagang, distt. chakwal</t>
  </si>
  <si>
    <t>Noshehri</t>
  </si>
  <si>
    <t>Hassan Imran</t>
  </si>
  <si>
    <t>GHS DHOK PANAH</t>
  </si>
  <si>
    <t>DHOKE PANAH</t>
  </si>
  <si>
    <t>VPO DHOKE PANAH, TEHSIL GUJARKHAN DISTRICT RAWALPINDI</t>
  </si>
  <si>
    <t>DEVI</t>
  </si>
  <si>
    <t>GHS DHOK TAHLIAN</t>
  </si>
  <si>
    <t>Ghs dhoke Tahlian teh&amp;,distt.chakwal</t>
  </si>
  <si>
    <t>Dhoke Tahlian</t>
  </si>
  <si>
    <t>GHS DHOLAN CHAK NO.7</t>
  </si>
  <si>
    <t>Dholan Chak No 7</t>
  </si>
  <si>
    <t>Dholan Chak No 7  Tehsil Pattoki Distt. Kasur</t>
  </si>
  <si>
    <t>Dholan Chak No.7</t>
  </si>
  <si>
    <t>Kothiwala Chak no.7</t>
  </si>
  <si>
    <t>Mohsin Abbas</t>
  </si>
  <si>
    <t>GHS DHOLAN HITHAR</t>
  </si>
  <si>
    <t>Dholan Hithar p/o same Distt Kasur</t>
  </si>
  <si>
    <t>GHS DHOLLAN CHAK NO.27</t>
  </si>
  <si>
    <t>dholan Chak 27</t>
  </si>
  <si>
    <t>zahoor ahmad</t>
  </si>
  <si>
    <t>GHS DHONG</t>
  </si>
  <si>
    <t>Dhoong</t>
  </si>
  <si>
    <t>vpo dhoong tehsil gujar khan</t>
  </si>
  <si>
    <t>BABAR SAEED</t>
  </si>
  <si>
    <t>GHS DHOOL KADHI</t>
  </si>
  <si>
    <t>ghs Dhool Kadhi teh sahiwal sargodha</t>
  </si>
  <si>
    <t>GHS DHOOR KOT</t>
  </si>
  <si>
    <t>Govt. high School Dhoorkot P/O Uch Sharif Tehsil Ahmad Pur east</t>
  </si>
  <si>
    <t>M Aamir Fareed</t>
  </si>
  <si>
    <t>GHS DHORI</t>
  </si>
  <si>
    <t>Dhori tehsil bhalwal District. Sargodha</t>
  </si>
  <si>
    <t>Rana Zafar Iqbal</t>
  </si>
  <si>
    <t>GHS DHULIANA</t>
  </si>
  <si>
    <t>Dhuliana</t>
  </si>
  <si>
    <t>Moza Dhuliana Tehsil Depalpur District Okara</t>
  </si>
  <si>
    <t>Ejaz Ahmad</t>
  </si>
  <si>
    <t>GHS DHULLAY</t>
  </si>
  <si>
    <t>Jinnah Road, Dhullay, Gujranwala</t>
  </si>
  <si>
    <t>dr.masood akhter</t>
  </si>
  <si>
    <t>GHS DHULLI</t>
  </si>
  <si>
    <t>dhulli</t>
  </si>
  <si>
    <t>bidher</t>
  </si>
  <si>
    <t>muhammad farooq</t>
  </si>
  <si>
    <t>GHS DHUNNI</t>
  </si>
  <si>
    <t>VPO DHUNNI TEH kharian DISTT gujrat</t>
  </si>
  <si>
    <t>MUHAMMAD AKBAR ALI</t>
  </si>
  <si>
    <t>GHS DHUNNI KALAN</t>
  </si>
  <si>
    <t>Dhunni Klan</t>
  </si>
  <si>
    <t>GHS Dhunni Klan Tehsil Phalia Distt. Mandi Bahauddin</t>
  </si>
  <si>
    <t>SALEEM ULLAH JUNDRAN</t>
  </si>
  <si>
    <t>GHS DHURNAL CHAKWAL</t>
  </si>
  <si>
    <t>VILLAGE AND POST OFFICE DHURNAL TEHSIL LAWA DISTT: CHAKWAL</t>
  </si>
  <si>
    <t>AMJAD SHAHZAD</t>
  </si>
  <si>
    <t>GHS DIAL</t>
  </si>
  <si>
    <t>dial</t>
  </si>
  <si>
    <t>vill &amp; p/o dial</t>
  </si>
  <si>
    <t>GHS DILAWAR CHEEMA</t>
  </si>
  <si>
    <t>DILAWARCHEEMA</t>
  </si>
  <si>
    <t>PO DILAWAR CHEEMA, wazirabad, gujranwala.</t>
  </si>
  <si>
    <t>DILAWAR CHEEMA</t>
  </si>
  <si>
    <t>GHS DILAWAR PUR</t>
  </si>
  <si>
    <t>DILAWARPUR</t>
  </si>
  <si>
    <t>VPO DILAWARPUR TEHSIL KHARIAN DIST. GUJRAT</t>
  </si>
  <si>
    <t>Naseer ahmed</t>
  </si>
  <si>
    <t>GHS DILLANWALI</t>
  </si>
  <si>
    <t>dhillanwali</t>
  </si>
  <si>
    <t>dhllanwali</t>
  </si>
  <si>
    <t>abdul majeed qadri</t>
  </si>
  <si>
    <t>GHS DILLEWALI</t>
  </si>
  <si>
    <t>GHIS DILLE WALI MIANWALI</t>
  </si>
  <si>
    <t>DILLE WALI</t>
  </si>
  <si>
    <t>SHAFA ULLAH KHAN</t>
  </si>
  <si>
    <t>GHS DIN PUR</t>
  </si>
  <si>
    <t>Dinpur</t>
  </si>
  <si>
    <t>Govt High School Dinur</t>
  </si>
  <si>
    <t>Samtiah</t>
  </si>
  <si>
    <t>abid hussain</t>
  </si>
  <si>
    <t>GHS DINA</t>
  </si>
  <si>
    <t>Miana Mohallah Dina</t>
  </si>
  <si>
    <t>Miana Mohallah</t>
  </si>
  <si>
    <t>UC-II</t>
  </si>
  <si>
    <t>MIAN MUHAMMAD  ASHFAQ</t>
  </si>
  <si>
    <t>GHS DINGA</t>
  </si>
  <si>
    <t>Railway road Dinga</t>
  </si>
  <si>
    <t>Railway Road</t>
  </si>
  <si>
    <t>mc dinga</t>
  </si>
  <si>
    <t>MIAN MUHAMMAD ARIF</t>
  </si>
  <si>
    <t>GHS DIST PBL BANGLOW NARWALA FSD</t>
  </si>
  <si>
    <t>59 JB</t>
  </si>
  <si>
    <t>chak # 59 JB Faisalabad</t>
  </si>
  <si>
    <t>CHAK 59 JB</t>
  </si>
  <si>
    <t>AFZAL MAHMOOD</t>
  </si>
  <si>
    <t>GHS DITTEWAL</t>
  </si>
  <si>
    <t>vpo dittewal tehsil and district gujrat</t>
  </si>
  <si>
    <t>KHALID MEHMOOD QURESHI</t>
  </si>
  <si>
    <t>GHS DOABA</t>
  </si>
  <si>
    <t>DOABA</t>
  </si>
  <si>
    <t>NEAR UC DOABA</t>
  </si>
  <si>
    <t>MUHAMMAD AMEER</t>
  </si>
  <si>
    <t>GHS DOBERAN KALAN</t>
  </si>
  <si>
    <t>doberan kalan</t>
  </si>
  <si>
    <t>maroof hussain</t>
  </si>
  <si>
    <t>GHS DOBERAN KHURD</t>
  </si>
  <si>
    <t>GBHS DOBERAN KHURD, TEHSIL KAHUTA, DISTT. RAWALPINDI</t>
  </si>
  <si>
    <t>GHS DODHA</t>
  </si>
  <si>
    <t>DODAH</t>
  </si>
  <si>
    <t>VILLAGE &amp; PO DODAH TEHSIL KOTMOMAN DISTRICT SARGODHA</t>
  </si>
  <si>
    <t>GHS DOGRAN WALA</t>
  </si>
  <si>
    <t>Govt. high school dogranwala gujranwala</t>
  </si>
  <si>
    <t>GHS DOKOTA</t>
  </si>
  <si>
    <t>LAL SAGOO</t>
  </si>
  <si>
    <t>KOT MALIK DOKOTA</t>
  </si>
  <si>
    <t>KOT MALIK</t>
  </si>
  <si>
    <t>MUHAMMAD RIAZ QAZI</t>
  </si>
  <si>
    <t>GHS DOLLA ARIAN</t>
  </si>
  <si>
    <t>Dolla Arain</t>
  </si>
  <si>
    <t>355/WB</t>
  </si>
  <si>
    <t>Saleem Sohail</t>
  </si>
  <si>
    <t>GHS DOMALA</t>
  </si>
  <si>
    <t>domala</t>
  </si>
  <si>
    <t>VPO DOMALA TEHSIL AND DISTT. NAROWAL</t>
  </si>
  <si>
    <t>DOMALA</t>
  </si>
  <si>
    <t>Arshad ali Buttar</t>
  </si>
  <si>
    <t>GHS DORA BUDHAL</t>
  </si>
  <si>
    <t>Dora Budhal</t>
  </si>
  <si>
    <t>VPO Dora Budhal Tensil Gujar Khan</t>
  </si>
  <si>
    <t>NASIR MEHMOOD</t>
  </si>
  <si>
    <t>GHS DORATTA CHAK NO.116 TDA</t>
  </si>
  <si>
    <t>Chak no 116-A/TDA Doratta Layyah</t>
  </si>
  <si>
    <t>Chak No 116-A/TDA</t>
  </si>
  <si>
    <t>GHS DOREY</t>
  </si>
  <si>
    <t>Dorey</t>
  </si>
  <si>
    <t>Village &amp; P.O.:Dorey, Tehsil &amp; District Chakwal</t>
  </si>
  <si>
    <t>GHS DOST ALI WALA</t>
  </si>
  <si>
    <t>Daya Chokha Sherqi</t>
  </si>
  <si>
    <t>Dost Ali Wala .P.O Sanawan teh Kot Addu</t>
  </si>
  <si>
    <t>Dost Ali Wala</t>
  </si>
  <si>
    <t>Patti daya Chokha</t>
  </si>
  <si>
    <t>NAZEER AHMAD KHADIM</t>
  </si>
  <si>
    <t>GHS DOULAT PUR</t>
  </si>
  <si>
    <t>Doulatpur p/o abadpur ryk</t>
  </si>
  <si>
    <t>GHS DROHAR WAHIN</t>
  </si>
  <si>
    <t>ghs drohar wahin mailsi</t>
  </si>
  <si>
    <t>GHS DULL</t>
  </si>
  <si>
    <t>DULL</t>
  </si>
  <si>
    <t>TEHSIL AHMAD PUR SIAL (JHANG)</t>
  </si>
  <si>
    <t>HAZRAT SULTAN BAHOO</t>
  </si>
  <si>
    <t>TALIB HUISSAIN ZAHID</t>
  </si>
  <si>
    <t>GHS DULLAH</t>
  </si>
  <si>
    <t>vpo dullah</t>
  </si>
  <si>
    <t>Ubaid Ur Rehman</t>
  </si>
  <si>
    <t>GHS DULLE WALA</t>
  </si>
  <si>
    <t>Dulleywala</t>
  </si>
  <si>
    <t>R/o P/O dulleywala teh datya khan distt bhakkar</t>
  </si>
  <si>
    <t>Mc Dulleywala</t>
  </si>
  <si>
    <t>Muhammad Qayyum Khan</t>
  </si>
  <si>
    <t>GHS DULLO MULTANI P/O BATH KALAN</t>
  </si>
  <si>
    <t>Dullu Multani Tehsil Pattoki District Kasur</t>
  </si>
  <si>
    <t>Muhammad Rizwan Hyder</t>
  </si>
  <si>
    <t>GHS DULMIAL</t>
  </si>
  <si>
    <t>VPO Dulmial, Choa Saidan Shah, Chakwal</t>
  </si>
  <si>
    <t>GHS DUNYA PUR</t>
  </si>
  <si>
    <t>govt high school dunyapur</t>
  </si>
  <si>
    <t>Muhammad Mumtaz Marral</t>
  </si>
  <si>
    <t>GHS DURAN WALA</t>
  </si>
  <si>
    <t>Doranwala</t>
  </si>
  <si>
    <t>basti qazi wala moza doran wala</t>
  </si>
  <si>
    <t>Altaf Ur Rehman</t>
  </si>
  <si>
    <t>GHS EASSON</t>
  </si>
  <si>
    <t>Village easson P/O Mandi faizabad, tehsil : Sharaqpur, District : Sheikhupura</t>
  </si>
  <si>
    <t>GHS E-BLOCK SABZAZAR LAHORE (NEW)</t>
  </si>
  <si>
    <t>Sabzazar</t>
  </si>
  <si>
    <t>Govt. High School E Block Sabzazar Lahore</t>
  </si>
  <si>
    <t>K Block</t>
  </si>
  <si>
    <t>Muhammad Saleem Minhas</t>
  </si>
  <si>
    <t>GHS ELLAH ABAD</t>
  </si>
  <si>
    <t>ELLAHABAD</t>
  </si>
  <si>
    <t>KANGAN PUR ROAD ELLAHABAD TEHSIL CHUNIAN DISTRICT KASUR</t>
  </si>
  <si>
    <t>ABDUL RAHIM</t>
  </si>
  <si>
    <t>GHS ELLIOT MORGAH</t>
  </si>
  <si>
    <t>Sadar Baroni</t>
  </si>
  <si>
    <t>Govt. Elliott High School, Morgah, Rwp</t>
  </si>
  <si>
    <t>iftikhar Ahmad malik</t>
  </si>
  <si>
    <t>ARL company</t>
  </si>
  <si>
    <t>GHS ESA WALA</t>
  </si>
  <si>
    <t>moza essa wala</t>
  </si>
  <si>
    <t>govt high school essa wala</t>
  </si>
  <si>
    <t>bangla yasmin</t>
  </si>
  <si>
    <t>GHS F.C. ISLAMIA GUJRANWALA</t>
  </si>
  <si>
    <t>STREET# 1, MOH. NOOR BAWA, KHARADANA WALA BAZAR GRW</t>
  </si>
  <si>
    <t>NOOR BAWA</t>
  </si>
  <si>
    <t>S M HAMID</t>
  </si>
  <si>
    <t>GHS F.D. MODEL GARDEN TOWN</t>
  </si>
  <si>
    <t>45/A, Tipu Block Garden Town Lahore</t>
  </si>
  <si>
    <t>Dr Irfan Ul Haq</t>
  </si>
  <si>
    <t>GHS F.D. MODEL GUJRANWALA</t>
  </si>
  <si>
    <t>Fattomand</t>
  </si>
  <si>
    <t>kacha fattomand road imran colony Gujranwala</t>
  </si>
  <si>
    <t>Imran Colony fattomand</t>
  </si>
  <si>
    <t>GHS FAIZ ABAD CHAK NO.550/TDA</t>
  </si>
  <si>
    <t>CHAK NO 550 TDA</t>
  </si>
  <si>
    <t>CHAK NO 550 TDA TEH KOT ADU DISTT M GARH</t>
  </si>
  <si>
    <t>CHAK NO 567 TDA</t>
  </si>
  <si>
    <t>Muhammad Faisal Jabbar</t>
  </si>
  <si>
    <t>GHS FAIZ PUR KALAN</t>
  </si>
  <si>
    <t>GHS Faizpur Kalan</t>
  </si>
  <si>
    <t>NASEER AHMAD KHAN</t>
  </si>
  <si>
    <t>GHS FAIZ UL ISLAM NO. 2 NEW SHAKRIAL</t>
  </si>
  <si>
    <t>sHAKRIAL</t>
  </si>
  <si>
    <t>ANWAR COLONY sHAKRIAL RWP</t>
  </si>
  <si>
    <t>SHAKRIAL</t>
  </si>
  <si>
    <t>Alia Bibi</t>
  </si>
  <si>
    <t>GHS FAIZ-UL-ISLAM NO. 1</t>
  </si>
  <si>
    <t>B210,216 Trunk Bazar Rawalpindi</t>
  </si>
  <si>
    <t>Trunk Bazar</t>
  </si>
  <si>
    <t>Nia Muhalla</t>
  </si>
  <si>
    <t>hafiz muhammad umair tariq</t>
  </si>
  <si>
    <t>GHS FAKHAR-E-ISLAM KATHORE KALAN</t>
  </si>
  <si>
    <t>KATHORE KALAN</t>
  </si>
  <si>
    <t>KATHORE KALAN TEHSIL.WAZIRABAD DISTT.GUJRANWALA</t>
  </si>
  <si>
    <t>MANSOORWALI</t>
  </si>
  <si>
    <t>GHS FAQIR ABAD</t>
  </si>
  <si>
    <t>GHS FAQIRABAD  ATTOCK</t>
  </si>
  <si>
    <t>GHULAM SABBIR</t>
  </si>
  <si>
    <t>GHS FAREED MAHMOOD KATHIA</t>
  </si>
  <si>
    <t>Fareed Mehmood Kathia</t>
  </si>
  <si>
    <t>colony Qasam abad Moza Fareed Mehmood Kathia tehsil shorkot</t>
  </si>
  <si>
    <t>GHS FAREED NAGAR</t>
  </si>
  <si>
    <t>basti Fareed nagar mouza Lalo wala tehsil khan pur distt. RY Khan</t>
  </si>
  <si>
    <t>Fareed Nagar</t>
  </si>
  <si>
    <t>GHS FARID KASSAR</t>
  </si>
  <si>
    <t>FARID KASSAR</t>
  </si>
  <si>
    <t>GHS FARID PUR, SARAI SIDHU</t>
  </si>
  <si>
    <t>FAREED PUR</t>
  </si>
  <si>
    <t>MOUZA FAREED PUR P/O MOHRI PUR TEHSIL KABIRWALA</t>
  </si>
  <si>
    <t>HASHMAT MIRALI</t>
  </si>
  <si>
    <t>GHS FARIDIA FAIZ E AAM  MURDANI</t>
  </si>
  <si>
    <t>ghs faridia faiz e amm murdani</t>
  </si>
  <si>
    <t>Saleem Ka</t>
  </si>
  <si>
    <t>GHS FAROOKA</t>
  </si>
  <si>
    <t>FAROOKA</t>
  </si>
  <si>
    <t>GHS Farooka Tehsil Sahiwal Distt Sargodha</t>
  </si>
  <si>
    <t>GHS FAROOQ ABAD</t>
  </si>
  <si>
    <t>saifan shoriya farooq abad tehsil kot chutta district d g khan</t>
  </si>
  <si>
    <t>GHULAM FARID</t>
  </si>
  <si>
    <t>GHS FAROOQ ABAD GAON</t>
  </si>
  <si>
    <t>farooqabad gaon</t>
  </si>
  <si>
    <t>MUHAMMAD  RAFIQUE ANJUM</t>
  </si>
  <si>
    <t>GHS FAROOQ ABAD SALDERA</t>
  </si>
  <si>
    <t>saldera</t>
  </si>
  <si>
    <t>Farooqabad(saldera)Burewala</t>
  </si>
  <si>
    <t>rashid zia haider</t>
  </si>
  <si>
    <t>GHS FAROOQ SHEIKH COLONY FSD</t>
  </si>
  <si>
    <t>ghs Farooq  sheikh Colony Fsd</t>
  </si>
  <si>
    <t>liaqat Abad</t>
  </si>
  <si>
    <t>ABDUR RAUF</t>
  </si>
  <si>
    <t>GHS FAROOQI ISLAMIA BAGHBAN PURA</t>
  </si>
  <si>
    <t>Govt. Farooqi Islamia High School Baghbanpura Lahore</t>
  </si>
  <si>
    <t>shalimar Lahore</t>
  </si>
  <si>
    <t>Madholal Hussain</t>
  </si>
  <si>
    <t>GHS FATEH JANG NO.1</t>
  </si>
  <si>
    <t>PINDI ROAD NEAR PANI WALI TANKI FATEH JANG</t>
  </si>
  <si>
    <t>MOH. HIGH SCHOOL NO. 1 FATEH JANG</t>
  </si>
  <si>
    <t>mc fateh jang</t>
  </si>
  <si>
    <t>Ajmal Baig</t>
  </si>
  <si>
    <t>GHS FATEH JANG NO.2</t>
  </si>
  <si>
    <t>Mohallah Sunblan fateh jang</t>
  </si>
  <si>
    <t>mohallah sunblan</t>
  </si>
  <si>
    <t>sharqi fateh jang</t>
  </si>
  <si>
    <t>muhammad miskeen</t>
  </si>
  <si>
    <t>GHS FATEH PUR KAMAL</t>
  </si>
  <si>
    <t>klp road fateh Pur Kamal tehsil Khan pur</t>
  </si>
  <si>
    <t>Hassan Mahmood  Shaheen</t>
  </si>
  <si>
    <t>GHS FATTOO WALI</t>
  </si>
  <si>
    <t>FATTOOWALI</t>
  </si>
  <si>
    <t>Chowck fattoowali sammasatta Road bwp.</t>
  </si>
  <si>
    <t>Khanowali</t>
  </si>
  <si>
    <t>Muhammad Shakil</t>
  </si>
  <si>
    <t>GHS FAZIL</t>
  </si>
  <si>
    <t>FAZIL</t>
  </si>
  <si>
    <t>GHS FAZIL AHMADPUR EAST</t>
  </si>
  <si>
    <t>GOVT. FAZIL HIGH SCHOOL. AMADPUR EAST.</t>
  </si>
  <si>
    <t>MUHALLA SHIKARI. APE</t>
  </si>
  <si>
    <t>APE CITY</t>
  </si>
  <si>
    <t>GHS FAZIL GUMANI</t>
  </si>
  <si>
    <t>Moza Gumani</t>
  </si>
  <si>
    <t>moza gumani tehsil ahmad pur east</t>
  </si>
  <si>
    <t>Gumani</t>
  </si>
  <si>
    <t>SadiqAbad</t>
  </si>
  <si>
    <t>MUHAMMAD AMJAD RAHI</t>
  </si>
  <si>
    <t>GHS FAZIL KHAIRPUR TAMEWALI (DE-GRADE)</t>
  </si>
  <si>
    <t>Khirpur Tamewali</t>
  </si>
  <si>
    <t>Main circular road near eid gah khairpur tamewali</t>
  </si>
  <si>
    <t>SYED JAVAID AKHTAR</t>
  </si>
  <si>
    <t>GHS FAZIL SHAH, P/O SARDAR PUR, SARAI SIDHU</t>
  </si>
  <si>
    <t>fazil shah</t>
  </si>
  <si>
    <t>fazil shah P/O sardar pur Tehsil Kabirwala District Khanewal</t>
  </si>
  <si>
    <t>SARDAR PUR</t>
  </si>
  <si>
    <t>Syed Alamdar Hussain Shah</t>
  </si>
  <si>
    <t>GHS FAZIL WALA</t>
  </si>
  <si>
    <t>fazil wala</t>
  </si>
  <si>
    <t>basti dhana mouza fazil wala tehsil and district lodhran</t>
  </si>
  <si>
    <t>kundi</t>
  </si>
  <si>
    <t>GHS FAZLA KATCHH</t>
  </si>
  <si>
    <t>Fazla Kuch</t>
  </si>
  <si>
    <t>HS Fazla kach Tribal Area DG khan</t>
  </si>
  <si>
    <t>Mir Taimoor Khan Buzdar</t>
  </si>
  <si>
    <t>GHS F-BLOCK GULBERG-II LAHORE</t>
  </si>
  <si>
    <t>Main market gulberg 2 lahore</t>
  </si>
  <si>
    <t>Muhammad Rasheed tahir</t>
  </si>
  <si>
    <t>GHS FEROZ PUR MOUZA FEROZEPUR P/O SKINDRA ABAD TEH. &amp; DISTT. MULTAN</t>
  </si>
  <si>
    <t>FEROZE PUR</t>
  </si>
  <si>
    <t>GHS FEROZE PUR P/O SIKANDAR ABAD MULTAN SADDAR,</t>
  </si>
  <si>
    <t>ZIA UN NABI</t>
  </si>
  <si>
    <t>GHS FEROZ WATTOWAN</t>
  </si>
  <si>
    <t>Muhammad Iqbal Malik</t>
  </si>
  <si>
    <t>GHS FEROZE ABAD</t>
  </si>
  <si>
    <t>amin Abad</t>
  </si>
  <si>
    <t>amin abad gujrat</t>
  </si>
  <si>
    <t>Daswandhi Pura</t>
  </si>
  <si>
    <t>Syed Hussnain Haider Zaidi</t>
  </si>
  <si>
    <t>GHS FEROZPUR CHISHTIAN</t>
  </si>
  <si>
    <t>FEROZPUR CHISHTIAN</t>
  </si>
  <si>
    <t>CHAK FEROZPUR CHISHTIAN P/O KALYANA</t>
  </si>
  <si>
    <t>hamid ullah chishti</t>
  </si>
  <si>
    <t>GHS FIDAI SHAH</t>
  </si>
  <si>
    <t>FIDAI SHAH</t>
  </si>
  <si>
    <t>MOUZA FIDAI SHAH, CHAK FIDAI SHAH MINCHIN ABAD</t>
  </si>
  <si>
    <t>fidayee shah</t>
  </si>
  <si>
    <t>Hafiz Muhammad Sajid</t>
  </si>
  <si>
    <t>carry from water Filtration plant</t>
  </si>
  <si>
    <t>GHS FIM KASSAR</t>
  </si>
  <si>
    <t>ghs fim kassar</t>
  </si>
  <si>
    <t>Sultan Tahir Abbas</t>
  </si>
  <si>
    <t>GHS FORMULI</t>
  </si>
  <si>
    <t>formuli</t>
  </si>
  <si>
    <t>village and post office formuli</t>
  </si>
  <si>
    <t>GHS FORT ABBAS</t>
  </si>
  <si>
    <t>Govt. Model High School fortabbas</t>
  </si>
  <si>
    <t>M.C Fortabbas</t>
  </si>
  <si>
    <t>RANA HAMID AKHTAR</t>
  </si>
  <si>
    <t>GHS GADAI</t>
  </si>
  <si>
    <t>govt boys high school gadai dera ghazi khan</t>
  </si>
  <si>
    <t>urban 6</t>
  </si>
  <si>
    <t>Shair Baz</t>
  </si>
  <si>
    <t>GHS GADOLA</t>
  </si>
  <si>
    <t>GADOLA DAGGAR</t>
  </si>
  <si>
    <t>Near U.C Gadola Bhakkar</t>
  </si>
  <si>
    <t>GADOLA</t>
  </si>
  <si>
    <t>ZAKA ULLAH KHAN NIAZI</t>
  </si>
  <si>
    <t>GHS GAGAN HATTA 100 M</t>
  </si>
  <si>
    <t>100/m</t>
  </si>
  <si>
    <t>100/m lodhran</t>
  </si>
  <si>
    <t>mC LODHRAN</t>
  </si>
  <si>
    <t>MUHAMMAD IQBAL MALIK</t>
  </si>
  <si>
    <t>GHS GAH</t>
  </si>
  <si>
    <t>GAH</t>
  </si>
  <si>
    <t>VPO GAH TEH AND DISTT CHAKWAL</t>
  </si>
  <si>
    <t>BEGAL</t>
  </si>
  <si>
    <t>GHS GAHI MUMMAR</t>
  </si>
  <si>
    <t>Gahi  Mummar</t>
  </si>
  <si>
    <t>Gahi Mumar</t>
  </si>
  <si>
    <t>GHS GAJU MATTA</t>
  </si>
  <si>
    <t>gajjumatta</t>
  </si>
  <si>
    <t>hwaily gajjumatta lahore</t>
  </si>
  <si>
    <t>muhammad zubair khan</t>
  </si>
  <si>
    <t>GHS GAJUJI</t>
  </si>
  <si>
    <t>CHABRI BALA</t>
  </si>
  <si>
    <t>POST OFFICE CHABRI BALA, DGKHAN</t>
  </si>
  <si>
    <t>GAJOOJI</t>
  </si>
  <si>
    <t>MAZHAR HUSSAIN</t>
  </si>
  <si>
    <t>GHS GAKHAR ADMAL</t>
  </si>
  <si>
    <t>Gakhar Admal</t>
  </si>
  <si>
    <t>vpo gakhar admal</t>
  </si>
  <si>
    <t>Ehtsham Afzal</t>
  </si>
  <si>
    <t>GHS GAKHRA KALAN</t>
  </si>
  <si>
    <t>GAKHRA KALAN</t>
  </si>
  <si>
    <t>GHS 5GAKHRA KALAN</t>
  </si>
  <si>
    <t>ihsan ullah</t>
  </si>
  <si>
    <t>GHS GALI JAGEER</t>
  </si>
  <si>
    <t>Village Gali Jageer, Tehsil Fateh Jang, District Attock.</t>
  </si>
  <si>
    <t>amjad mehmood</t>
  </si>
  <si>
    <t>Water Tanker</t>
  </si>
  <si>
    <t>GHS GANDA KASS</t>
  </si>
  <si>
    <t>Ganda Kass</t>
  </si>
  <si>
    <t>Vpo. ganda kass</t>
  </si>
  <si>
    <t>ASMAT IQBAL</t>
  </si>
  <si>
    <t>GHS GANDRA KALAN</t>
  </si>
  <si>
    <t>Gandra Kalan p/o Daulat Nagar Gujrat</t>
  </si>
  <si>
    <t>Gandra kalan</t>
  </si>
  <si>
    <t>Muhammad Aqdas Mahmood Batth</t>
  </si>
  <si>
    <t>GHS GANGAL GULZAR-E-QUAID RAWALPINDI</t>
  </si>
  <si>
    <t>gangal gulzar e quaid rwp</t>
  </si>
  <si>
    <t>gangal</t>
  </si>
  <si>
    <t>DR SAJID REHMAN</t>
  </si>
  <si>
    <t>GHS GANGAN WALA</t>
  </si>
  <si>
    <t>GHS.GANGANWALA TEHSIL AND DISTRICT RAWALPINDI</t>
  </si>
  <si>
    <t>MUHAMMAD AWAIS</t>
  </si>
  <si>
    <t>GHS GANGRAN</t>
  </si>
  <si>
    <t>govt. high school gungran</t>
  </si>
  <si>
    <t>GHS GANJA</t>
  </si>
  <si>
    <t>GANJA</t>
  </si>
  <si>
    <t>V.P.O. GANJA TEHSIL KHARIAN DISTRICT GUJRAT</t>
  </si>
  <si>
    <t>AZEEM NAIMAT</t>
  </si>
  <si>
    <t>GHS GARH MORE</t>
  </si>
  <si>
    <t>Chak 4/3-L</t>
  </si>
  <si>
    <t>Chak 4/3-L Garh More</t>
  </si>
  <si>
    <t>Kupori</t>
  </si>
  <si>
    <t>GHS GARHI AFGHANAN</t>
  </si>
  <si>
    <t>Gbhs Garhi afghanan</t>
  </si>
  <si>
    <t>Zaheer ud din</t>
  </si>
  <si>
    <t>GHS GARHI IKHTIAR KHAN</t>
  </si>
  <si>
    <t>ghari ikhtiar khan</t>
  </si>
  <si>
    <t>Ghari Ikhtiar Khan</t>
  </si>
  <si>
    <t>malik muhammad aamir</t>
  </si>
  <si>
    <t>GHS GARYALA</t>
  </si>
  <si>
    <t>GARYALA</t>
  </si>
  <si>
    <t>GBHS GARYALA TEHSIL AND DISTRICT ATTOCK</t>
  </si>
  <si>
    <t>GHS GATTAL TEN TALAGANG</t>
  </si>
  <si>
    <t>v p o gattal tehsil lawa district chakwal</t>
  </si>
  <si>
    <t>GHS GATTAR</t>
  </si>
  <si>
    <t>ghs gattar teh. sohawa,distt jhelum</t>
  </si>
  <si>
    <t>water pum</t>
  </si>
  <si>
    <t>GHS GAWAIN  MOZA GANWEN TEH. SHUJABAD</t>
  </si>
  <si>
    <t>govt high school Gawain shujabad</t>
  </si>
  <si>
    <t>GHS GEELANI MODEL WAH CANTT</t>
  </si>
  <si>
    <t>Liaq Ali Chowk Wah Cantt</t>
  </si>
  <si>
    <t>GHS GEHL</t>
  </si>
  <si>
    <t>GHEL</t>
  </si>
  <si>
    <t>GHS GHEL MURREE</t>
  </si>
  <si>
    <t>Muhammad Mansoor Ali</t>
  </si>
  <si>
    <t>GHS GEHLAN HITHAR</t>
  </si>
  <si>
    <t>USMAN GHANI</t>
  </si>
  <si>
    <t>GHS GHAFOOR WAH</t>
  </si>
  <si>
    <t>GHAFOORWAH</t>
  </si>
  <si>
    <t>GOVT. HIGH SCHOOL GHAFOORWAH P/O GHAFOORWAH</t>
  </si>
  <si>
    <t>GHAFOORWAH Burewala</t>
  </si>
  <si>
    <t>Anjum saeed</t>
  </si>
  <si>
    <t>GHS GHANG SHEIKHUPURA</t>
  </si>
  <si>
    <t>Ghang</t>
  </si>
  <si>
    <t>GHS GHANGWAL</t>
  </si>
  <si>
    <t>GHANGWAL</t>
  </si>
  <si>
    <t>GHS GHANGWAL TEHSIL SHAHPUR DISTRICT SARGODHA</t>
  </si>
  <si>
    <t>GHS GHANIAN</t>
  </si>
  <si>
    <t>VPO Ghanian teh.phalia, dist.m b din</t>
  </si>
  <si>
    <t>Usman Aziz</t>
  </si>
  <si>
    <t>GHS GHARIAL KALAN</t>
  </si>
  <si>
    <t>GHARIAL KALAN</t>
  </si>
  <si>
    <t>GHARIAL KALAN P/O SAME TEHSIL  MURIDKE DISTRICT  SHEIKHUPURA</t>
  </si>
  <si>
    <t>ZEERICK AZEEM</t>
  </si>
  <si>
    <t>GHS GHARIB ABAD</t>
  </si>
  <si>
    <t>GOVT. BOYS HIGH SCHOOL GHARIBABAD CHAKLALA RAWALPINDI</t>
  </si>
  <si>
    <t>GHS GHARMALA</t>
  </si>
  <si>
    <t>gharmala</t>
  </si>
  <si>
    <t>GHS Gharmala Jhelum</t>
  </si>
  <si>
    <t>GHS GHARMULA VIRKAN</t>
  </si>
  <si>
    <t>GaRMULA VIRKAN</t>
  </si>
  <si>
    <t>GHS garmula virkan</t>
  </si>
  <si>
    <t>GaRMOLA  VIRKAN</t>
  </si>
  <si>
    <t>abdul rashid</t>
  </si>
  <si>
    <t>GHS GHAUS PUR</t>
  </si>
  <si>
    <t>post office ghous pur ,</t>
  </si>
  <si>
    <t>GHS GHAUSIA LALA MUSA</t>
  </si>
  <si>
    <t>purani chongi, lalamusa city</t>
  </si>
  <si>
    <t>Municipal Comette</t>
  </si>
  <si>
    <t>GHS GHAZI MINARA SHEIKHUPURA</t>
  </si>
  <si>
    <t>Sargodha Road, sheikhupura</t>
  </si>
  <si>
    <t>ghazanfar ali</t>
  </si>
  <si>
    <t>GHS GHAZI PUR</t>
  </si>
  <si>
    <t>Mouza ghazi pur  markaz zahir pir Teh. khan pur Distt. Rahim Yar Khan</t>
  </si>
  <si>
    <t>haroon ahmed</t>
  </si>
  <si>
    <t>GHS GHAZIAL</t>
  </si>
  <si>
    <t>Qasim Shahzad</t>
  </si>
  <si>
    <t>GHS GHORA GALI</t>
  </si>
  <si>
    <t>ghora gali. tehsil murree dist. rawalpindi</t>
  </si>
  <si>
    <t>Shahid Ali</t>
  </si>
  <si>
    <t>GHS GHOUS ABAD</t>
  </si>
  <si>
    <t>GHOUSABAD</t>
  </si>
  <si>
    <t>GHOUSABAD,TEHSIL KOT CHUTTA, D G KHAN</t>
  </si>
  <si>
    <t>SYED ZAKA ULLAH SHAH</t>
  </si>
  <si>
    <t>GHS GHOUS PUR</t>
  </si>
  <si>
    <t>samoka road ghous pur</t>
  </si>
  <si>
    <t>GHS GHOUSIA MUSLIM GOJRA</t>
  </si>
  <si>
    <t>ASHRAF COLONY MAIN GHANDA SINGH ROAD GOJRA</t>
  </si>
  <si>
    <t>Abrar-Ul-Bahar Shah</t>
  </si>
  <si>
    <t>GHS GHOWIND</t>
  </si>
  <si>
    <t>village ghowind lahore cantt</t>
  </si>
  <si>
    <t>GHS GHULAM HUSSAIN WALA</t>
  </si>
  <si>
    <t>pattal munda</t>
  </si>
  <si>
    <t>chak no. 651/tda, chowk sarwar shaheed, tehsil kot addu, dist. m.garh</t>
  </si>
  <si>
    <t>651/tda</t>
  </si>
  <si>
    <t>ghulam qadir</t>
  </si>
  <si>
    <t>GHS GHULAM QADIR</t>
  </si>
  <si>
    <t>Basti Sakhi Ghulam Qadir</t>
  </si>
  <si>
    <t>Basti Sakhi Ghulam Qadir Pakpattan</t>
  </si>
  <si>
    <t>MUHAMMAD YASIN</t>
  </si>
  <si>
    <t>GHS GHUMMAN WALA</t>
  </si>
  <si>
    <t>Ghs ghumman wala tehsil nowshera virkan district gujranwala</t>
  </si>
  <si>
    <t>zafar yasin</t>
  </si>
  <si>
    <t>GHS GHUNDI</t>
  </si>
  <si>
    <t>Village and Post Office Ghundi Tehsil and District Mianwali</t>
  </si>
  <si>
    <t>Muhammad Javaid Iqbal Khan</t>
  </si>
  <si>
    <t>GHS GIL KALA</t>
  </si>
  <si>
    <t>GILKALA</t>
  </si>
  <si>
    <t>GHS GILKALA P/O SHARIFABAD TEHSIL AHMAD PUR SIAL DISTRICT JHANG</t>
  </si>
  <si>
    <t>SHARIFABAD</t>
  </si>
  <si>
    <t>DURI GONDAL</t>
  </si>
  <si>
    <t>MUHAMMAD ABDULLAH KHAN</t>
  </si>
  <si>
    <t>GHS GILLAY WALA LODRAAN</t>
  </si>
  <si>
    <t>SAGWAN</t>
  </si>
  <si>
    <t>GILAYWALA MOUZA SAGWAN LODHRAN</t>
  </si>
  <si>
    <t>GILAYWALA</t>
  </si>
  <si>
    <t>sagwan</t>
  </si>
  <si>
    <t>GHS GILMALA</t>
  </si>
  <si>
    <t>moza gilmala jhang</t>
  </si>
  <si>
    <t>Muhammad Iqbal Asif</t>
  </si>
  <si>
    <t>GHS GLOTIAN KALAN</t>
  </si>
  <si>
    <t>GHS GOBIND GARH 12 RB</t>
  </si>
  <si>
    <t>gobind Garh</t>
  </si>
  <si>
    <t>Village Gobind Garh, Chak No. 12/R.B</t>
  </si>
  <si>
    <t>Arfan Ashar</t>
  </si>
  <si>
    <t>GHS GOCHH</t>
  </si>
  <si>
    <t>Gochh</t>
  </si>
  <si>
    <t>village gochh post office aach tehsil kharian district gujrat</t>
  </si>
  <si>
    <t>Muhammad Basharat</t>
  </si>
  <si>
    <t>GHS GOGRAN</t>
  </si>
  <si>
    <t>P/O Gogran Tehsil and District Lodhran</t>
  </si>
  <si>
    <t>MALIK GHULAM MUSTAFA BARJEES</t>
  </si>
  <si>
    <t>GHS GOHRA BHARTHA</t>
  </si>
  <si>
    <t>GHS GOHRA BHARTHA RWP</t>
  </si>
  <si>
    <t>Bagga Shaikhan</t>
  </si>
  <si>
    <t>m Atta ur rahim</t>
  </si>
  <si>
    <t>GHS GOINDKAY</t>
  </si>
  <si>
    <t>GHS Goindke</t>
  </si>
  <si>
    <t>GHS GOJRA</t>
  </si>
  <si>
    <t>vpo gojra malakwal mandi bahauddin</t>
  </si>
  <si>
    <t>Muhammad Arif Javed</t>
  </si>
  <si>
    <t>GHS GOLPUR</t>
  </si>
  <si>
    <t>gOLPUR</t>
  </si>
  <si>
    <t>VPO GOLPUR, TEHSIL PIND DADAN KHAN, DISTT. JHELUM</t>
  </si>
  <si>
    <t>KAMRAN HAIDER</t>
  </si>
  <si>
    <t>GHS GOLRA</t>
  </si>
  <si>
    <t>golra</t>
  </si>
  <si>
    <t>village and p.o golra tehsil and district attock</t>
  </si>
  <si>
    <t>muhammad bilal</t>
  </si>
  <si>
    <t>GHS GONDAL</t>
  </si>
  <si>
    <t>Village &amp; P/O Gondal Sialkot</t>
  </si>
  <si>
    <t>GHS GONDLAN WALA</t>
  </si>
  <si>
    <t>Sadar West</t>
  </si>
  <si>
    <t>Akhtar Hussain Bajwa</t>
  </si>
  <si>
    <t>GHS GOOHAL</t>
  </si>
  <si>
    <t>goohal</t>
  </si>
  <si>
    <t>Rural Lawa</t>
  </si>
  <si>
    <t>Talha Anwar</t>
  </si>
  <si>
    <t>GHS GORALA</t>
  </si>
  <si>
    <t>Govt. high school gorala p/o gorala Tehsil shakargarh district narowal</t>
  </si>
  <si>
    <t>Shabir Hussain Qamar</t>
  </si>
  <si>
    <t>GHS GORALI</t>
  </si>
  <si>
    <t>imran aslam</t>
  </si>
  <si>
    <t>GHS GOTERIALA</t>
  </si>
  <si>
    <t>vpo goteriala</t>
  </si>
  <si>
    <t>Thutha Rai Bahadur</t>
  </si>
  <si>
    <t>muhammad asmar</t>
  </si>
  <si>
    <t>GHS GOTH ALOO</t>
  </si>
  <si>
    <t>GHS GOTH MAZARI</t>
  </si>
  <si>
    <t>Goth Mazari</t>
  </si>
  <si>
    <t>sui road goth mazari tehsil rojhan district rajanpur</t>
  </si>
  <si>
    <t>Gadda Naar</t>
  </si>
  <si>
    <t>GHS GOTH MEHRAB</t>
  </si>
  <si>
    <t>GHS GOVERNOR HOUSE LAHORE</t>
  </si>
  <si>
    <t>GOVERNOR House HOUSE</t>
  </si>
  <si>
    <t>GHS GOVERNOR HOUSE LAAORE</t>
  </si>
  <si>
    <t>GOVERNOR HOUSE</t>
  </si>
  <si>
    <t>GOR1</t>
  </si>
  <si>
    <t>Muhammad Yousaf Athar</t>
  </si>
  <si>
    <t>GHS GREEN TOWN</t>
  </si>
  <si>
    <t>green town</t>
  </si>
  <si>
    <t>block 5 sector d II green town lhr</t>
  </si>
  <si>
    <t>sector 5 d2 green town</t>
  </si>
  <si>
    <t>SYED MUTEE HAIDER ZAIDI</t>
  </si>
  <si>
    <t>GHS GUDARA</t>
  </si>
  <si>
    <t>GOVT HIGH SCHOOL GUDARA P/O GARH MAHARAJA TEH A.P SIAL DISTT JHANG</t>
  </si>
  <si>
    <t>MUHAMMAD AFZAL JAFRI</t>
  </si>
  <si>
    <t>GHS GUJAR WALA</t>
  </si>
  <si>
    <t>village &amp; p/o kot haibat  ,dera ghazi khan</t>
  </si>
  <si>
    <t>Qamar ul Hassan</t>
  </si>
  <si>
    <t>GHS GUJIANA NAU</t>
  </si>
  <si>
    <t>gujiana nau</t>
  </si>
  <si>
    <t>GHS Gajiana nau</t>
  </si>
  <si>
    <t>Gujiana nau</t>
  </si>
  <si>
    <t>Zafar  Iqbal</t>
  </si>
  <si>
    <t>GHS GUL MOHAMMAD LANGAH</t>
  </si>
  <si>
    <t>GUL MUHAMMAD LANGAH</t>
  </si>
  <si>
    <t>Abdul Rauf Laghari</t>
  </si>
  <si>
    <t>GHS GULAB ALI</t>
  </si>
  <si>
    <t>Ratirampura</t>
  </si>
  <si>
    <t>gulab ali</t>
  </si>
  <si>
    <t>Takurampura</t>
  </si>
  <si>
    <t>tariq mahmood</t>
  </si>
  <si>
    <t>GHS GULATI</t>
  </si>
  <si>
    <t>Danrien</t>
  </si>
  <si>
    <t>Basti Gulati P/ O Danrien Tehsil &amp; Distt M.Garh</t>
  </si>
  <si>
    <t>Basti Gulati</t>
  </si>
  <si>
    <t>GHS GULBERG LAHORE CANTT (FATEH ABAD)</t>
  </si>
  <si>
    <t>Govt. Gulberg High school Fateh Abad Lahore Cantt</t>
  </si>
  <si>
    <t>Ward 4</t>
  </si>
  <si>
    <t>GHS GULEHRA GALI</t>
  </si>
  <si>
    <t>Po gulehra  gali teh murree distt rwp</t>
  </si>
  <si>
    <t>Gulehra Gali</t>
  </si>
  <si>
    <t>GHS GULMIRI WALA</t>
  </si>
  <si>
    <t>Gulmiri Tehsil &amp; District Mianwali</t>
  </si>
  <si>
    <t>jAVED ASLAM KHAN NIAZI</t>
  </si>
  <si>
    <t>GHS GULSHAN USMAN</t>
  </si>
  <si>
    <t>Nooraywali</t>
  </si>
  <si>
    <t>GBHS LOWINCOME SCHEME GULSHAN USMAN RAHIM YAR KLHAN</t>
  </si>
  <si>
    <t>H</t>
  </si>
  <si>
    <t>shabbir hussain anjum</t>
  </si>
  <si>
    <t>GHS GULYAL KALLAN</t>
  </si>
  <si>
    <t>Gulyal Kalan</t>
  </si>
  <si>
    <t>Govt. Boys High School Gulyal Kalan, Tehsil Jand, District Attock</t>
  </si>
  <si>
    <t>Chaphri</t>
  </si>
  <si>
    <t>GHS GULYANA</t>
  </si>
  <si>
    <t>GULYANA HAYYAL</t>
  </si>
  <si>
    <t>VPO GULYANA</t>
  </si>
  <si>
    <t>GULYANA</t>
  </si>
  <si>
    <t>muhammad azam kashif</t>
  </si>
  <si>
    <t>GHS GULZAR PUR DUNIA PUR ROAD</t>
  </si>
  <si>
    <t>Government high school Gulzar pur multan</t>
  </si>
  <si>
    <t>Shair Singh</t>
  </si>
  <si>
    <t>Muhammad Shahid Ashraf</t>
  </si>
  <si>
    <t>GHS GUMTALA</t>
  </si>
  <si>
    <t>GUMTALA</t>
  </si>
  <si>
    <t>VILLAGE: GUMTALA P/O GUMTALA TEHSIL: SHAKARGARH DISTRICT: NAROWAL</t>
  </si>
  <si>
    <t>GHS GUNJIAL</t>
  </si>
  <si>
    <t>Gunjial Janobi</t>
  </si>
  <si>
    <t>V.P.O Gunjial Tehsil Quaidabad District Khushab</t>
  </si>
  <si>
    <t>GHS GUNNA AUR</t>
  </si>
  <si>
    <t>GUNNA-AUR</t>
  </si>
  <si>
    <t>village and P/O GUNNA-AUR TEHSIL KAMOKE DISTT. GUJRANWALA</t>
  </si>
  <si>
    <t>M.Iqbal Ranjha</t>
  </si>
  <si>
    <t>GHS GUNNA KALAN</t>
  </si>
  <si>
    <t>GUNNA KALAN</t>
  </si>
  <si>
    <t>VPO GUNNA KALAN</t>
  </si>
  <si>
    <t>PARAG PUR</t>
  </si>
  <si>
    <t>shabir ahmed raza</t>
  </si>
  <si>
    <t>GHS GURMANI</t>
  </si>
  <si>
    <t>Gurmani Sharki</t>
  </si>
  <si>
    <t>po gurmani</t>
  </si>
  <si>
    <t>gurmani</t>
  </si>
  <si>
    <t>Gurmani sharki</t>
  </si>
  <si>
    <t>Qazi Muhammad Ajmal</t>
  </si>
  <si>
    <t>GHS GURU NANAK NANAKANA SAHIB</t>
  </si>
  <si>
    <t>Govt Guru Nanak High School Near Bar kot Nankana Sahib</t>
  </si>
  <si>
    <t>Municipal Committ</t>
  </si>
  <si>
    <t>WASEEM AHMAD KHAN</t>
  </si>
  <si>
    <t>GHS HABIB</t>
  </si>
  <si>
    <t>moza habib jhang</t>
  </si>
  <si>
    <t>Mehboob Elahi</t>
  </si>
  <si>
    <t>GHS HABIB ABAD</t>
  </si>
  <si>
    <t>Basti Habib Abad , u.c amin abad , P.O khan bela</t>
  </si>
  <si>
    <t>GHS HADALI</t>
  </si>
  <si>
    <t>MC HADALI</t>
  </si>
  <si>
    <t>Hafiz Muhammad Qasim</t>
  </si>
  <si>
    <t>GHS HADDO WALI</t>
  </si>
  <si>
    <t>VPO HADDOWALI TEHSIL JAND DISTRICT ATTOCK</t>
  </si>
  <si>
    <t>ADAM KHAN</t>
  </si>
  <si>
    <t>GHS HADYARA</t>
  </si>
  <si>
    <t>village hudiara po khas Lahore cantt</t>
  </si>
  <si>
    <t>Hudiar</t>
  </si>
  <si>
    <t>GHS HAFIZ WALA</t>
  </si>
  <si>
    <t>GHS Hafizwala Tehsil Piplan distt. Mianwali</t>
  </si>
  <si>
    <t>ALAM SHER</t>
  </si>
  <si>
    <t>GHS HAFIZ WALA JALALPUR PIRWALA</t>
  </si>
  <si>
    <t>P.O. Hafiiz Wala. Jalalpur Pir Wala. Multan</t>
  </si>
  <si>
    <t>JAFER ALI</t>
  </si>
  <si>
    <t>GHS HAIDER PUR</t>
  </si>
  <si>
    <t>Haider Pur Post Office Uch Sharif</t>
  </si>
  <si>
    <t>Muhammad Mohsin</t>
  </si>
  <si>
    <t>GHS HAIR LAHORE CANTT</t>
  </si>
  <si>
    <t>VILLAGE HEIR P.O. HEIR LAHORE CANTT</t>
  </si>
  <si>
    <t>IFTIKHAR AHMAD</t>
  </si>
  <si>
    <t>GHS HAIRO SHARQI</t>
  </si>
  <si>
    <t>Hairo Sharqi</t>
  </si>
  <si>
    <t>Hairo sharqi</t>
  </si>
  <si>
    <t>GHS HAJI PUR, KABIRWALA</t>
  </si>
  <si>
    <t>GHS HAJIWALA</t>
  </si>
  <si>
    <t>HAJIWALA</t>
  </si>
  <si>
    <t>V P O HAJIWALA GUJRAT</t>
  </si>
  <si>
    <t>Shahid Manzoor</t>
  </si>
  <si>
    <t>GHS HAKRA</t>
  </si>
  <si>
    <t>Basti Hakra Kalan Mouza Hakra P/O Khawajgan via Khanqah Sharif Bahawalpur Sadar Bahawalpur</t>
  </si>
  <si>
    <t>GHS HALAL PUR</t>
  </si>
  <si>
    <t>Govt. H/S Halal Pur</t>
  </si>
  <si>
    <t>GHS HALLAH P/O KHAS PATTOKI</t>
  </si>
  <si>
    <t>Hallah tehsil pattoki ,kasur</t>
  </si>
  <si>
    <t>MUHAMMAD YOUNAS</t>
  </si>
  <si>
    <t>GHS HALLOKI</t>
  </si>
  <si>
    <t>Moza Halloki, PO same, Via Kahna Nau, Lahore</t>
  </si>
  <si>
    <t>Qavi Ahmad Alvi</t>
  </si>
  <si>
    <t>GHS HAMAITIAN BAHAWALPUR</t>
  </si>
  <si>
    <t>Hamitian</t>
  </si>
  <si>
    <t>GHS Hamitian BWP</t>
  </si>
  <si>
    <t>9 BC</t>
  </si>
  <si>
    <t>Muhammad Their Javeed Bhatti</t>
  </si>
  <si>
    <t>GHS HAMEED</t>
  </si>
  <si>
    <t>GBHS HAMEED TEHSILHAZRO DISTT. ATTOCK</t>
  </si>
  <si>
    <t>Muhammad Zahoor</t>
  </si>
  <si>
    <t>GHS HAMID ALI MEMORIAL</t>
  </si>
  <si>
    <t>Kotli Rustam GRW</t>
  </si>
  <si>
    <t>kotli Rustam</t>
  </si>
  <si>
    <t>GHS HAMID JHANGI</t>
  </si>
  <si>
    <t>GBHS Hamid Jhangi tehsil Gujar Khan distt. Rawalpindi</t>
  </si>
  <si>
    <t>Tajo Jhangi</t>
  </si>
  <si>
    <t>GHS HAMID PUR KALAN GUJRANWALA</t>
  </si>
  <si>
    <t>Hameed Pur Kalan</t>
  </si>
  <si>
    <t>ghs hameed pur kalan tehsil kamoke district gujranwala</t>
  </si>
  <si>
    <t>Qamar Ul Zaman</t>
  </si>
  <si>
    <t>GHS HAMID PUR KANORA</t>
  </si>
  <si>
    <t>Basti Piry wala moza Hamid pur Kanora, Multan</t>
  </si>
  <si>
    <t>Hamid pur kanora</t>
  </si>
  <si>
    <t>Hamid Pur kanora</t>
  </si>
  <si>
    <t>muhammad qamar lodhi</t>
  </si>
  <si>
    <t>GHS HAMZAY WALI</t>
  </si>
  <si>
    <t>GHS Hamzay wali P/O Maskeenpur Tehsil Jatoi District Muzaffargareh</t>
  </si>
  <si>
    <t>Waince</t>
  </si>
  <si>
    <t>Muhammad Ansar Sohail</t>
  </si>
  <si>
    <t>GHS HANDAL KASUR ROAD HANDAL</t>
  </si>
  <si>
    <t>village handal</t>
  </si>
  <si>
    <t>DOST MUHAMMAD NIAZI</t>
  </si>
  <si>
    <t>GHS HANESAR</t>
  </si>
  <si>
    <t>HANESAR</t>
  </si>
  <si>
    <t>VILL &amp; P.O HANESAR</t>
  </si>
  <si>
    <t>Raja Muhammad Jamil</t>
  </si>
  <si>
    <t>GHS HANFIA ISLAMIA DIN GARH ROAD</t>
  </si>
  <si>
    <t>CITY KASUR</t>
  </si>
  <si>
    <t>DiN GARH ROAD NEAR NATIONAL BANK OF PAKISTAN MAIN BRANCH KASUR</t>
  </si>
  <si>
    <t>mC KASUR</t>
  </si>
  <si>
    <t>MUHAMMAD RAFIQ RIZVI</t>
  </si>
  <si>
    <t>GHS HANJAR WAL</t>
  </si>
  <si>
    <t>hanjerwal multan road lahore</t>
  </si>
  <si>
    <t>Ehsan Bari</t>
  </si>
  <si>
    <t>GHS HANJAR WAL CHAK NO 31</t>
  </si>
  <si>
    <t>Hanjar Walk Chak 31</t>
  </si>
  <si>
    <t>hanjarwal chak 31 pattoki, kasur</t>
  </si>
  <si>
    <t>Hanjar Wal</t>
  </si>
  <si>
    <t>Fazal Ahmad Wazir</t>
  </si>
  <si>
    <t>GHS HAR DO SODHI</t>
  </si>
  <si>
    <t>Herdo Sodhi</t>
  </si>
  <si>
    <t>Ghs Herdo Sodhi. Village Herdo Sodhi Tehsil Naushera District Khushab</t>
  </si>
  <si>
    <t>Her Do Sodhi</t>
  </si>
  <si>
    <t>GHS HARAN PUR</t>
  </si>
  <si>
    <t>V. P. O Haranpur (Jhelum)</t>
  </si>
  <si>
    <t>Pervez Ahmed</t>
  </si>
  <si>
    <t>GHS HARDEV</t>
  </si>
  <si>
    <t>hardev</t>
  </si>
  <si>
    <t>village &amp; post office hardev tehsil &amp; district sheikhupura</t>
  </si>
  <si>
    <t>muhammad riaz</t>
  </si>
  <si>
    <t>GHS HARIA</t>
  </si>
  <si>
    <t>HARIA</t>
  </si>
  <si>
    <t>VPO HARIA</t>
  </si>
  <si>
    <t>KHALID PERVAIZ</t>
  </si>
  <si>
    <t>GHS HARNAL</t>
  </si>
  <si>
    <t>HARNAL</t>
  </si>
  <si>
    <t>GBHS HARNAL VPO HARNAL TEHSIL GUJAR KHAN RWP</t>
  </si>
  <si>
    <t>MUKHTAR HUSSAIN KAYANI</t>
  </si>
  <si>
    <t>GHS HAROON</t>
  </si>
  <si>
    <t>HAROON</t>
  </si>
  <si>
    <t>VPO HAROON</t>
  </si>
  <si>
    <t>INAYETULLAH KHAN</t>
  </si>
  <si>
    <t>GHS HAROONABAD</t>
  </si>
  <si>
    <t>Govt.H/S Haroonabad</t>
  </si>
  <si>
    <t>GHS HARRAND</t>
  </si>
  <si>
    <t>P/O Harrand Tehsil Jampur District Rajanpur</t>
  </si>
  <si>
    <t>GHS HARUN BORE</t>
  </si>
  <si>
    <t>Harran Bore</t>
  </si>
  <si>
    <t>GOVT boys high school harran Bore Tribal Area dera glazing khan</t>
  </si>
  <si>
    <t>muhammad sheeraz qaiser</t>
  </si>
  <si>
    <t>GHS HASAL</t>
  </si>
  <si>
    <t>vpo.hasil tehsil distt chakwal</t>
  </si>
  <si>
    <t>Warwak</t>
  </si>
  <si>
    <t>Ishtiaq Ahmad</t>
  </si>
  <si>
    <t>GHS HASHMAT MIRALI, SARAI SIDHU</t>
  </si>
  <si>
    <t>moza hashmat mirali Tehsil kabirwala District khanewal</t>
  </si>
  <si>
    <t>GHS HASIL SARU</t>
  </si>
  <si>
    <t>GHS HASIL SARU  TEHSIL MINCHINABAD DISTRICT BWN</t>
  </si>
  <si>
    <t>HASIL SARU</t>
  </si>
  <si>
    <t>Mansoor Ahmed</t>
  </si>
  <si>
    <t>GHS HASILPUR NO.1</t>
  </si>
  <si>
    <t>GHS NO 1 HASILPUR MANDI</t>
  </si>
  <si>
    <t>HASILPUR CITY</t>
  </si>
  <si>
    <t>GHS HASILPUR NO.2</t>
  </si>
  <si>
    <t>Taj Muhammad</t>
  </si>
  <si>
    <t>GHS HASOLA</t>
  </si>
  <si>
    <t>Hasola</t>
  </si>
  <si>
    <t>VPO Hasola, Tehsil &amp; Distt Chakwal</t>
  </si>
  <si>
    <t>khalid javed</t>
  </si>
  <si>
    <t>GHS HASSAN ABAD</t>
  </si>
  <si>
    <t>rajanpur khurd</t>
  </si>
  <si>
    <t>p/o iqbal abad moza rajanpur khurd rahim yar khan</t>
  </si>
  <si>
    <t>rajanpur kalan</t>
  </si>
  <si>
    <t>GHS HASSAN ABAD GATE NO. 2 KHANEWAL ROAD MULTAN</t>
  </si>
  <si>
    <t>boua pur</t>
  </si>
  <si>
    <t>khanewal road gate no.2 multan</t>
  </si>
  <si>
    <t>mohallah hassan abad</t>
  </si>
  <si>
    <t>hassan abad</t>
  </si>
  <si>
    <t>ARSHAD ALI</t>
  </si>
  <si>
    <t>GHS HASSAN ABDAL</t>
  </si>
  <si>
    <t>Housing Colony Hassan Abdal</t>
  </si>
  <si>
    <t>DR.IFTIKHAR AHMED</t>
  </si>
  <si>
    <t>GHS HASSAN SHAH</t>
  </si>
  <si>
    <t>sukha shah</t>
  </si>
  <si>
    <t>p/o hassan shah</t>
  </si>
  <si>
    <t>Muhammad Younas Raza</t>
  </si>
  <si>
    <t>GHS HATCHER</t>
  </si>
  <si>
    <t>HATCHER</t>
  </si>
  <si>
    <t>GHS HATCHER P/O HATCHER  MURIDKE SKP</t>
  </si>
  <si>
    <t>NANGAL BOUCHER</t>
  </si>
  <si>
    <t>Naseer  Masih</t>
  </si>
  <si>
    <t>GHS HATHEJI</t>
  </si>
  <si>
    <t>HATHEJI</t>
  </si>
  <si>
    <t>Govt. secondary School Hatheji</t>
  </si>
  <si>
    <t>Malik Muhammad Ayyaz</t>
  </si>
  <si>
    <t>GHS HATHI KHANWALA</t>
  </si>
  <si>
    <t>Ghs hathi khan wala (Mianwali)</t>
  </si>
  <si>
    <t>Haihi Khan Wala</t>
  </si>
  <si>
    <t>GHS HATHIA DHAMIAL</t>
  </si>
  <si>
    <t>Hathia</t>
  </si>
  <si>
    <t>Village Hathia Dhamial Tehsil Sohawa District Jhelum</t>
  </si>
  <si>
    <t>GHS HATTAR</t>
  </si>
  <si>
    <t>V/PO HATTAR TEH FATEHJANG ATTOCK</t>
  </si>
  <si>
    <t>Ameer Afzal</t>
  </si>
  <si>
    <t>GHS HAVALI LANG JALAL PUR PIR WALA</t>
  </si>
  <si>
    <t>basti haveli lang</t>
  </si>
  <si>
    <t>GHS HAVELI BUDHA SINGH</t>
  </si>
  <si>
    <t>Havely Budha Singh</t>
  </si>
  <si>
    <t>havely budha singh tehsil and district kasur</t>
  </si>
  <si>
    <t>HAFIZ SHABBIR HUSSAIN SHAH</t>
  </si>
  <si>
    <t>GHS HAVELI KORUNGA, ABDUL HAKIM</t>
  </si>
  <si>
    <t>haveli koranga tehsil kabirwala district khanewal</t>
  </si>
  <si>
    <t>Abdul Manan</t>
  </si>
  <si>
    <t>GHS HAVELI LAL</t>
  </si>
  <si>
    <t>Moza Haveli   lal P/o same tehsil and distt jhang</t>
  </si>
  <si>
    <t>SOHAIL IRSHAD</t>
  </si>
  <si>
    <t>GHS HAVELI MAJOKA</t>
  </si>
  <si>
    <t>Haveli majoka</t>
  </si>
  <si>
    <t>Anwar Abbas</t>
  </si>
  <si>
    <t>GHS HAVELI NASEER KHAN</t>
  </si>
  <si>
    <t>Haveli Naseer khan</t>
  </si>
  <si>
    <t>Govt. High School Haveli Naseer Khan Tehsil &amp; District Lodhran</t>
  </si>
  <si>
    <t>roshan lal</t>
  </si>
  <si>
    <t>GHS HAVELI NO.1 RAILWAY ROAD HAVELI LAKHA</t>
  </si>
  <si>
    <t>Ralway Road</t>
  </si>
  <si>
    <t>rafiq ahmad wattoo</t>
  </si>
  <si>
    <t>GHS HAYAT KHAN WALA SHUJABAD</t>
  </si>
  <si>
    <t>Govt.High School Hayat Khan wala shujabad</t>
  </si>
  <si>
    <t>Basti Mithu Sharqi</t>
  </si>
  <si>
    <t>GHS HAZARA MUGHLAN</t>
  </si>
  <si>
    <t>Hazara Mughlan p.o karianwala Gujrat</t>
  </si>
  <si>
    <t>iftikhar ahmed</t>
  </si>
  <si>
    <t>GHS HAZOOR PUR</t>
  </si>
  <si>
    <t>Hazoorpur,</t>
  </si>
  <si>
    <t>Muhammad Imran Javed</t>
  </si>
  <si>
    <t>GHS HAZRAT KAILIAN WALA</t>
  </si>
  <si>
    <t>Hazrat Kailianwala HazratKAILIANWALA KAILIANWALA</t>
  </si>
  <si>
    <t>Ghs hazrat kailianwala tehsil wazirabad district gujranwala</t>
  </si>
  <si>
    <t>HAZRAT KAILIANWALA</t>
  </si>
  <si>
    <t>Hazrat Kailianwala HazratKAILIANWALA</t>
  </si>
  <si>
    <t>GHS HAZRAT WALA</t>
  </si>
  <si>
    <t>Peer Bakhsh Sharqi</t>
  </si>
  <si>
    <t>Govt. high school hazrat Wala District Rajanpur</t>
  </si>
  <si>
    <t>GHS HAZRO NO.1</t>
  </si>
  <si>
    <t>hazro</t>
  </si>
  <si>
    <t>Dr JAVED MEHMOOD MALIK</t>
  </si>
  <si>
    <t>GHS HAZRO NO.2</t>
  </si>
  <si>
    <t>GBHS No. 2 Hazro</t>
  </si>
  <si>
    <t>GHS HEAD MARALA</t>
  </si>
  <si>
    <t>GOVERNMENT HIGH SCHOOL HEAD MARALA</t>
  </si>
  <si>
    <t>MUREED GHOSE TAMIMI</t>
  </si>
  <si>
    <t>GHS HEAD MEHBOOB</t>
  </si>
  <si>
    <t>Thing Kalan Thal</t>
  </si>
  <si>
    <t>Chak no 125/TDA HeadMehboob Layyah</t>
  </si>
  <si>
    <t>Head Mehboob</t>
  </si>
  <si>
    <t>GHS HERDO BOHAT</t>
  </si>
  <si>
    <t>Hardo Bohat</t>
  </si>
  <si>
    <t>VILLAGE AND POST OFFICE HARDO BOHAT TEHSIL AND DISTRICT MANDI BAHAUDDIN</t>
  </si>
  <si>
    <t>Water filtration plant</t>
  </si>
  <si>
    <t>GHS HERDO RATALI</t>
  </si>
  <si>
    <t>Govt. High School Herdo Ratali</t>
  </si>
  <si>
    <t>DR. ABDUL GHAFFAR TAHIR</t>
  </si>
  <si>
    <t>GHS HIT TAXILA</t>
  </si>
  <si>
    <t>TAXILA CANTT</t>
  </si>
  <si>
    <t>GHS HIT TAXILA CANTT</t>
  </si>
  <si>
    <t>Syed Ijaz Kaleem Ullah Shah Kazmi</t>
  </si>
  <si>
    <t>GHS HOTE WALA</t>
  </si>
  <si>
    <t>HOTE WALA</t>
  </si>
  <si>
    <t>GOVT.ELEMENTARY SCHOOL,HOTEWALA</t>
  </si>
  <si>
    <t>GHS HOTHLA KAHUTA</t>
  </si>
  <si>
    <t>gbhs hothla</t>
  </si>
  <si>
    <t>GHS HOTTA</t>
  </si>
  <si>
    <t>hotta</t>
  </si>
  <si>
    <t>ghs hotta ,district pakpattan</t>
  </si>
  <si>
    <t>RANA ASLAM ALI</t>
  </si>
  <si>
    <t>GHS HUJRA SHAH MUQEEM</t>
  </si>
  <si>
    <t>hujra shah muqeem</t>
  </si>
  <si>
    <t>HUJRA SHAH MUQEEM</t>
  </si>
  <si>
    <t>MODHAWALA</t>
  </si>
  <si>
    <t>HUJRA</t>
  </si>
  <si>
    <t>GHS HUMAK</t>
  </si>
  <si>
    <t>HUMAK</t>
  </si>
  <si>
    <t>VPO HUMAK TEHSIL FATEH JANG DISTRICT ATTOCK</t>
  </si>
  <si>
    <t>JABBI</t>
  </si>
  <si>
    <t>MUSHTAQ AHMED</t>
  </si>
  <si>
    <t>GHS HUNJRI KALAN</t>
  </si>
  <si>
    <t>Hanjra e kalan</t>
  </si>
  <si>
    <t>hanjra e kalan</t>
  </si>
  <si>
    <t>Baber Ali</t>
  </si>
  <si>
    <t>GHS HUSSAIN KHAN WALA CHAK NO 8</t>
  </si>
  <si>
    <t>HUSSAIN KHAN WALA CHAK NO 8</t>
  </si>
  <si>
    <t>GOVT. HIGH SCHOOL HUSSAIN KHAN WALA CHAK NO 8</t>
  </si>
  <si>
    <t>DEO SIAL</t>
  </si>
  <si>
    <t>GHS HUSSAIN KHAN WALA HITHAR</t>
  </si>
  <si>
    <t>Hussain Khan Wala Hithar</t>
  </si>
  <si>
    <t>Village Hussain Khan Wala Hithar Kasur</t>
  </si>
  <si>
    <t>Muhammad Yahya Zahid</t>
  </si>
  <si>
    <t>GHS HUSSAINIA, JHANG</t>
  </si>
  <si>
    <t>CIVIL LINES</t>
  </si>
  <si>
    <t>ZAFAR AHMAD</t>
  </si>
  <si>
    <t>GHS HUST KHEWA</t>
  </si>
  <si>
    <t>MOZA HAST KHEWA TEHSIL LALIAN DISTRICT CHINIOT</t>
  </si>
  <si>
    <t>SHAMSHER KHAN</t>
  </si>
  <si>
    <t>GHS HYDERABAD TOWN</t>
  </si>
  <si>
    <t>Haiderabad town sgd</t>
  </si>
  <si>
    <t>70NB</t>
  </si>
  <si>
    <t>GHS I.T. BARA MANGA</t>
  </si>
  <si>
    <t>BARA MANGA</t>
  </si>
  <si>
    <t>village and post office baramanga tehsil shakargarh district narowal</t>
  </si>
  <si>
    <t>M Yousaf</t>
  </si>
  <si>
    <t>GHS I.T. SHAH GHAREEB</t>
  </si>
  <si>
    <t>Shah Gharib</t>
  </si>
  <si>
    <t>GHS IKHLAS</t>
  </si>
  <si>
    <t>IKHLAS</t>
  </si>
  <si>
    <t>G.B.H.S.IKHLAS</t>
  </si>
  <si>
    <t>IMTIAZ  KHAN</t>
  </si>
  <si>
    <t>GHS IKHLAS PUR</t>
  </si>
  <si>
    <t>Ikhlas Pur</t>
  </si>
  <si>
    <t>AZIZ BAKHSH</t>
  </si>
  <si>
    <t>GHS ILYANI</t>
  </si>
  <si>
    <t>Basti ilynai, thind kalan nashaib, layyah</t>
  </si>
  <si>
    <t>Basti Ilyani</t>
  </si>
  <si>
    <t>Ch. Muhammad Yousaf</t>
  </si>
  <si>
    <t>GHS INAYAT PUR</t>
  </si>
  <si>
    <t>INAYAT PUR</t>
  </si>
  <si>
    <t>INAYAT PUR P/O SAME TEHSIL LALIAN DISTRICT CHINIOT</t>
  </si>
  <si>
    <t>KOT AMEER</t>
  </si>
  <si>
    <t>ahmad nawaz</t>
  </si>
  <si>
    <t>GHS INJRA</t>
  </si>
  <si>
    <t>INJRA</t>
  </si>
  <si>
    <t>Government Boys High School Injra</t>
  </si>
  <si>
    <t>MAKHAD</t>
  </si>
  <si>
    <t>Khuda Bakhash  Munir</t>
  </si>
  <si>
    <t>GHS IQBAL CHAK 267 RB FSD</t>
  </si>
  <si>
    <t>CHAK 267 RB FSD</t>
  </si>
  <si>
    <t>JALLANDHAR</t>
  </si>
  <si>
    <t>MUDASSAR FAROOQ</t>
  </si>
  <si>
    <t>GHS IQBAL CHAK NO.14</t>
  </si>
  <si>
    <t>CHAK NO. 14</t>
  </si>
  <si>
    <t>GOVT IQBAL HIGH SCHOOL CHAK NO. 14, TE. &amp; DISTT. MANDI BAHAUDDIN</t>
  </si>
  <si>
    <t>Shahbaz Ali</t>
  </si>
  <si>
    <t>GHS IQBAL GARHI SHAHU</t>
  </si>
  <si>
    <t>Garhi Shahu Lahore</t>
  </si>
  <si>
    <t>Allama Iqbal Road Garhi Shahu Lahore</t>
  </si>
  <si>
    <t>Barganda Quarter</t>
  </si>
  <si>
    <t>GHS IQBAL GUJRANWALA</t>
  </si>
  <si>
    <t>G.T Road,Gujranwala</t>
  </si>
  <si>
    <t>Civil Lines</t>
  </si>
  <si>
    <t>GHS IQBAL MODEL BUCHEKI</t>
  </si>
  <si>
    <t>Nankana Road Bucheki Teh and dist Nankana sahib</t>
  </si>
  <si>
    <t>GHS IQBAL NEW CIVIL LINE SARGODHA</t>
  </si>
  <si>
    <t>gHS IQBAL NEW CIVIL LINE SARGODHA</t>
  </si>
  <si>
    <t>New Civil Line</t>
  </si>
  <si>
    <t>MC - SARGODHA - 9</t>
  </si>
  <si>
    <t>GHS IQBAL SHAH RUKN ALAM COLONY BLOCK-B MULTAN</t>
  </si>
  <si>
    <t>Shah Rukn-E-Alam Colony Multan</t>
  </si>
  <si>
    <t>B-Block Shah Rukn-e-Alam colony Multan</t>
  </si>
  <si>
    <t>Shah Rukn-e-Alam Colony Multan</t>
  </si>
  <si>
    <t>INAYAT ALI QURESHI</t>
  </si>
  <si>
    <t>GHS ISA KHEL</t>
  </si>
  <si>
    <t>ghs isa khel</t>
  </si>
  <si>
    <t>Iss Khel</t>
  </si>
  <si>
    <t>billal anwar shah</t>
  </si>
  <si>
    <t>GHS ISLAH-E-MOASHIRA SHAD BAGH LAHORE</t>
  </si>
  <si>
    <t>636 RAJPOOT PARK SHADBAGH LAHORE</t>
  </si>
  <si>
    <t>RAJPOOT PARK</t>
  </si>
  <si>
    <t>FAZAL PARK</t>
  </si>
  <si>
    <t>SULTAN AHMAD</t>
  </si>
  <si>
    <t>GHS ISLAMI MADRISSA MUHAMMAD PURA FSD</t>
  </si>
  <si>
    <t>faisalabad</t>
  </si>
  <si>
    <t>muhammad pura (,gulshan colony)</t>
  </si>
  <si>
    <t>gulshan colony</t>
  </si>
  <si>
    <t>GHS ISLAMIA 359/WB</t>
  </si>
  <si>
    <t>chak no 359/wb</t>
  </si>
  <si>
    <t>GHS ISLAMIA AAM KHAS BAGH MULTAN</t>
  </si>
  <si>
    <t>Hafiz Jamal</t>
  </si>
  <si>
    <t>Hafiz jamal road , near dolatgate Multan</t>
  </si>
  <si>
    <t>KHAWAJGAN</t>
  </si>
  <si>
    <t>Haroon Khalid</t>
  </si>
  <si>
    <t>GHS ISLAMIA BADDO MALHI</t>
  </si>
  <si>
    <t>Govt. Islamia High School College Road Baddomalhi</t>
  </si>
  <si>
    <t>MUTEE UR REHMAN KHAN</t>
  </si>
  <si>
    <t>GHS ISLAMIA BARNALI</t>
  </si>
  <si>
    <t>VILLAGE BARNALI P/O . BARNALI TEHSIL KHARIAN DISTT. GUJRAT.( MARKAZ NOONANWALI )</t>
  </si>
  <si>
    <t>BARNALI</t>
  </si>
  <si>
    <t>ABID MEHMOOD</t>
  </si>
  <si>
    <t>GHS ISLAMIA BAZURGWAL</t>
  </si>
  <si>
    <t>VPO Bazurgwal Tehsil Kharian District Gujrat.</t>
  </si>
  <si>
    <t>MUHAMMAD AFTAB AHMED</t>
  </si>
  <si>
    <t>GHS ISLAMIA BHATTI GATE</t>
  </si>
  <si>
    <t>bhaati GATE lahore</t>
  </si>
  <si>
    <t>Bhaati GATE</t>
  </si>
  <si>
    <t>Naeem Akhtar Mughal</t>
  </si>
  <si>
    <t>GHS ISLAMIA BHERA</t>
  </si>
  <si>
    <t>GHS ISLAMIA BHERA.</t>
  </si>
  <si>
    <t>MUHAMMAD IKRAM ULLAH SALEEMI</t>
  </si>
  <si>
    <t>GHS ISLAMIA CHAH MIRAN</t>
  </si>
  <si>
    <t>al mumtaz road chah miran lahore</t>
  </si>
  <si>
    <t>al mumtaz road</t>
  </si>
  <si>
    <t>wasanpura</t>
  </si>
  <si>
    <t>Azmat Ullah Shah</t>
  </si>
  <si>
    <t>GHS ISLAMIA CHAK NO 245 RB ABBAS PUR</t>
  </si>
  <si>
    <t>245RB</t>
  </si>
  <si>
    <t>Chak NO.245RB Faisalabad</t>
  </si>
  <si>
    <t>245RB ABBASPUR</t>
  </si>
  <si>
    <t>245 RB</t>
  </si>
  <si>
    <t>GHS ISLAMIA CHAK NO.29 SB</t>
  </si>
  <si>
    <t>Chak No 29 SB</t>
  </si>
  <si>
    <t>CHAK No. 29 SB TEHSIL &amp;DISTRICT SARGODHA</t>
  </si>
  <si>
    <t>Chak No 28 SB</t>
  </si>
  <si>
    <t>Abdul Waheed Bhatti</t>
  </si>
  <si>
    <t>GHS ISLAMIA CHAKWAL</t>
  </si>
  <si>
    <t>Bhoun Road Chakwal</t>
  </si>
  <si>
    <t>GHS ISLAMIA CHHANI DEONA</t>
  </si>
  <si>
    <t>CHHANI DEONA</t>
  </si>
  <si>
    <t>VILLAGE CHHANI DEONA, P.O DEONA MANDI, TEHSIL AND DISTRICT GUJRAT</t>
  </si>
  <si>
    <t>DEONA</t>
  </si>
  <si>
    <t>GHS ISLAMIA CHINIOT</t>
  </si>
  <si>
    <t>Mohallah AAli chiniot</t>
  </si>
  <si>
    <t>mohallah aali</t>
  </si>
  <si>
    <t>Muhammad tahir</t>
  </si>
  <si>
    <t>GHS ISLAMIA CHOPALA</t>
  </si>
  <si>
    <t>district and tehsil gujrat village and post office Gujrat</t>
  </si>
  <si>
    <t>GHS ISLAMIA DAULAT GATE MULTAN</t>
  </si>
  <si>
    <t>govt. islamia high  school daulat gate multan</t>
  </si>
  <si>
    <t>Daulat Gate</t>
  </si>
  <si>
    <t>muhammad ramzan anjum</t>
  </si>
  <si>
    <t>GHS ISLAMIA DHORIA</t>
  </si>
  <si>
    <t>Govt.islamia high school dhoria gujrat tehsil kharian distt. gujrat</t>
  </si>
  <si>
    <t>MUHAMMAD  RAZZAQ</t>
  </si>
  <si>
    <t>smercipal pump</t>
  </si>
  <si>
    <t>GHS ISLAMIA DUDHU CHAK</t>
  </si>
  <si>
    <t>Village and p. O dudhu chak</t>
  </si>
  <si>
    <t>Dudhu</t>
  </si>
  <si>
    <t>ch.muhammad shafique tahir</t>
  </si>
  <si>
    <t>GHS ISLAMIA GATTI FSD</t>
  </si>
  <si>
    <t>CHAK NO.202 RB GATTI FSD</t>
  </si>
  <si>
    <t>202 RB GATTI</t>
  </si>
  <si>
    <t>SHAUKAT ALI</t>
  </si>
  <si>
    <t>GHS ISLAMIA GOJRA</t>
  </si>
  <si>
    <t>Government Islamia High school Gojra Near PTCL Office</t>
  </si>
  <si>
    <t>MUHAMMAD YOUNUS</t>
  </si>
  <si>
    <t>GHS ISLAMIA GUJAR KHAN</t>
  </si>
  <si>
    <t>NEAR TTC GUJAR KHAN</t>
  </si>
  <si>
    <t>CITY GUJAR KHAN</t>
  </si>
  <si>
    <t>MANSOOR HUSSAIN</t>
  </si>
  <si>
    <t>GHS ISLAMIA GUJRAT</t>
  </si>
  <si>
    <t>Mohallah Ali Masjid Circular Road GUJRAT</t>
  </si>
  <si>
    <t>Not Applicable</t>
  </si>
  <si>
    <t>Garhi Shahdaula Gujrat</t>
  </si>
  <si>
    <t>DR.Muhammad Nawaz</t>
  </si>
  <si>
    <t>GHS ISLAMIA HARAM GATE MULTAN</t>
  </si>
  <si>
    <t>WARD NO 49</t>
  </si>
  <si>
    <t>SHAH RISAL</t>
  </si>
  <si>
    <t>GHS ISLAMIA HELAN</t>
  </si>
  <si>
    <t>HELAN</t>
  </si>
  <si>
    <t>vILLAGE &amp; P/O HELAN TEHSIL PHALIA DISTRICT M.B.DIN</t>
  </si>
  <si>
    <t>GHS ISLAMIA JAHANIAN, JAHANIAN</t>
  </si>
  <si>
    <t>Jalal abad Colony Jahanian</t>
  </si>
  <si>
    <t>Jalal Abad Colony Jahanian</t>
  </si>
  <si>
    <t>MC Urbane</t>
  </si>
  <si>
    <t>muhammad yousaf</t>
  </si>
  <si>
    <t>GHS ISLAMIA JARANWALA-1</t>
  </si>
  <si>
    <t>GOVT ISLAMIA HIG SCHOOL JARANWALA</t>
  </si>
  <si>
    <t>muhammad javid bashir</t>
  </si>
  <si>
    <t>GHS ISLAMIA JHANG</t>
  </si>
  <si>
    <t>Bhakkar road jhang Sadar</t>
  </si>
  <si>
    <t>Araiyan Wala</t>
  </si>
  <si>
    <t>Chiller</t>
  </si>
  <si>
    <t>GHS ISLAMIA JINNAH COLONY FSD</t>
  </si>
  <si>
    <t>GHS Islamia Jinnah colony, Faisalabad</t>
  </si>
  <si>
    <t>GHS ISLAMIA KAMALIA</t>
  </si>
  <si>
    <t>Chak # 713 GB Kamalia Dist. T.T.Singh</t>
  </si>
  <si>
    <t>GHS ISLAMIA KASUR</t>
  </si>
  <si>
    <t>Government Islamia High School Kasur, Baldia Chowk Kasur</t>
  </si>
  <si>
    <t>Dr.Fareed Ahmad</t>
  </si>
  <si>
    <t>GHS ISLAMIA KHANEWAL</t>
  </si>
  <si>
    <t>City Kwl</t>
  </si>
  <si>
    <t>civil line kwl</t>
  </si>
  <si>
    <t>ATA ULLAH BABAR</t>
  </si>
  <si>
    <t>GHS ISLAMIA KHAZANA GATE LOWER MALL LAHORE</t>
  </si>
  <si>
    <t>lower mall road, lahore</t>
  </si>
  <si>
    <t>Sant nagar</t>
  </si>
  <si>
    <t>sant ngar</t>
  </si>
  <si>
    <t>GHS ISLAMIA KLASWALA</t>
  </si>
  <si>
    <t>Circular road kalaswala Tehsil pasrur</t>
  </si>
  <si>
    <t>Kalaswals</t>
  </si>
  <si>
    <t>Kabir Ahmad Bhatti</t>
  </si>
  <si>
    <t>GHS ISLAMIA KUNJAH</t>
  </si>
  <si>
    <t>Near Bus stand, Kunjah Teh &amp; District Gujrat</t>
  </si>
  <si>
    <t>Moh Islamia school Kunjah</t>
  </si>
  <si>
    <t>Munir Hussain CH</t>
  </si>
  <si>
    <t>GHS ISLAMIA LAHORE CANTT</t>
  </si>
  <si>
    <t>GHS ISLAMIA SADAR LAHORE CANTT</t>
  </si>
  <si>
    <t>muhammad ghyas saber</t>
  </si>
  <si>
    <t>GHS ISLAMIA LALA MUSA</t>
  </si>
  <si>
    <t>Near Barkat Park Lalamusa</t>
  </si>
  <si>
    <t>GHS ISLAMIA MALKA</t>
  </si>
  <si>
    <t>GIHS malka, post office malka, Tehsil Kharian, district Gujrat</t>
  </si>
  <si>
    <t>Afzaal Ahmad Khan</t>
  </si>
  <si>
    <t>GHS ISLAMIA MANDI BAHAUDDIN</t>
  </si>
  <si>
    <t>M.B.DIN</t>
  </si>
  <si>
    <t>JUMMA MOHALLAH/SHAHEEDANWALI ROAD.</t>
  </si>
  <si>
    <t>GHS ISLAMIA MILLAT MADHRAY</t>
  </si>
  <si>
    <t>MADHRAY</t>
  </si>
  <si>
    <t>GOVT. ISLAMIA MILLAT H/S MADHRAY RATTOWAL, TEHSIL PHALIA, DISTT MANDI BAHAUDIN</t>
  </si>
  <si>
    <t>DHOUL RANJHA</t>
  </si>
  <si>
    <t>ABDUL RAUF</t>
  </si>
  <si>
    <t>GHS ISLAMIA MILLAT MAMDANA</t>
  </si>
  <si>
    <t>Mundana</t>
  </si>
  <si>
    <t>mumdana tehsil phalia mandi baha ud din</t>
  </si>
  <si>
    <t>GHS ISLAMIA MISRI SHAH</t>
  </si>
  <si>
    <t>misri shah</t>
  </si>
  <si>
    <t>govt. islamia high school misri shah lahore</t>
  </si>
  <si>
    <t>kothi devi das misri shah lahore</t>
  </si>
  <si>
    <t>manzoora bad</t>
  </si>
  <si>
    <t>khalid waseem</t>
  </si>
  <si>
    <t>GHS ISLAMIA MITRAN WALI</t>
  </si>
  <si>
    <t>GIHS  MITRANWALI SIALKOT</t>
  </si>
  <si>
    <t>TARIQ MEHMOOD ZAHID</t>
  </si>
  <si>
    <t>GHS ISLAMIA MOHNI ROAD</t>
  </si>
  <si>
    <t>Mohni Road</t>
  </si>
  <si>
    <t>Govt. Islamia High Scool Mohni Road Lahore</t>
  </si>
  <si>
    <t>Muhammad tahir ch.</t>
  </si>
  <si>
    <t>GHS ISLAMIA MUGHAL PURA</t>
  </si>
  <si>
    <t>Abdul Waheed colony Mughalpura Lahore</t>
  </si>
  <si>
    <t>Mughalpura Lahore</t>
  </si>
  <si>
    <t>Zafar Iqbal Bhatti</t>
  </si>
  <si>
    <t>GHS ISLAMIA NO. 2 RAWALPINDI</t>
  </si>
  <si>
    <t>circular road RWP</t>
  </si>
  <si>
    <t>Kartarpura</t>
  </si>
  <si>
    <t>MAQBOOL AHMED MUGHAL</t>
  </si>
  <si>
    <t>GHS ISLAMIA NO. 3 RATTA AMRAL RAWALPINDI</t>
  </si>
  <si>
    <t>Govt islamia high school no 3 ratta amral rwp</t>
  </si>
  <si>
    <t>SOHAIL AFZAAL</t>
  </si>
  <si>
    <t>GHS ISLAMIA NO. 4</t>
  </si>
  <si>
    <t>RAWALPINDI CITY</t>
  </si>
  <si>
    <t>GOVT. ISLAMIA HIGH SCHOOL NO.4, LIAQUAT ROAD RAWALPINDI</t>
  </si>
  <si>
    <t>MUBASHAR AHMAD</t>
  </si>
  <si>
    <t>GHS ISLAMIA NO.1 JALALPUR JATTAN</t>
  </si>
  <si>
    <t>Tanda chowk jpjattan  Gujrat</t>
  </si>
  <si>
    <t>Yaseen Junaid</t>
  </si>
  <si>
    <t>GHS ISLAMIA NO.2 EMINABAD</t>
  </si>
  <si>
    <t>Eminabad</t>
  </si>
  <si>
    <t>GHS Islamia No.2 Eminabas</t>
  </si>
  <si>
    <t>Eminabad Town</t>
  </si>
  <si>
    <t>NIsar Ahmad Awan</t>
  </si>
  <si>
    <t>GHS ISLAMIA NO.2 J.P.JATTAN</t>
  </si>
  <si>
    <t>jalalpur jattan</t>
  </si>
  <si>
    <t>GHS Islamia No.2 Jalalpur jattan Shahbaza pur road jalalpur jattan (gujrat)</t>
  </si>
  <si>
    <t>mc JPJ</t>
  </si>
  <si>
    <t>Muhammad Riaz Hashmi</t>
  </si>
  <si>
    <t>GHS ISLAMIA NONAR</t>
  </si>
  <si>
    <t>Govt Islamia High School Nonar</t>
  </si>
  <si>
    <t>Imtiaz Ur Rasul</t>
  </si>
  <si>
    <t>GHS ISLAMIA OKARA CITY</t>
  </si>
  <si>
    <t>MANDI ROAD OAKAR</t>
  </si>
  <si>
    <t>MUHAMMAD SHAMSHAD</t>
  </si>
  <si>
    <t>GHS ISLAMIA PAKHOKEY</t>
  </si>
  <si>
    <t>Pakhokey</t>
  </si>
  <si>
    <t>Govt. Islamia High School Pakhokey</t>
  </si>
  <si>
    <t>GHS ISLAMIA PANDOWAL</t>
  </si>
  <si>
    <t>VPO PANDOWAL BALA TEHSIL AND DISTRICT MANDI BAHA UD DIN</t>
  </si>
  <si>
    <t>ZAHID SARDAR RANJHA</t>
  </si>
  <si>
    <t>GHS ISLAMIA PHALIA</t>
  </si>
  <si>
    <t>aziz abad colony phalia</t>
  </si>
  <si>
    <t>Municipal Committee Phalia</t>
  </si>
  <si>
    <t>GHS ISLAMIA PUBLIC KEHROR PACCA</t>
  </si>
  <si>
    <t>mohallah maroof shah kehror pacca</t>
  </si>
  <si>
    <t>Patwarian Wala</t>
  </si>
  <si>
    <t>Muhammad afzal mudassir</t>
  </si>
  <si>
    <t>GHS ISLAMIA RATA JHATOOL</t>
  </si>
  <si>
    <t>Village and P/O ratta Jathol Tehsil Pasrur</t>
  </si>
  <si>
    <t>MUHAMMAD USMAN BUTT</t>
  </si>
  <si>
    <t>GHS ISLAMIA SAMANABAD</t>
  </si>
  <si>
    <t>JUSTICE SHARIF COLONY SAMANABAD LAHORE</t>
  </si>
  <si>
    <t>Justice Sharif Colony Samanabad</t>
  </si>
  <si>
    <t>ZUBAIDA PARK</t>
  </si>
  <si>
    <t>AMER HAFEEZ</t>
  </si>
  <si>
    <t>GHS ISLAMIA SAMBRIAL</t>
  </si>
  <si>
    <t>govt.islamia high school sambrial</t>
  </si>
  <si>
    <t>Munciple Committee</t>
  </si>
  <si>
    <t>muhammad akbar ghumman</t>
  </si>
  <si>
    <t>GHS ISLAMIA SANT NAGAR LAHORE</t>
  </si>
  <si>
    <t>govt is lamia high school Santa nagar lahore</t>
  </si>
  <si>
    <t>Sant Nagar Islampura</t>
  </si>
  <si>
    <t>SARDAR ALI BHUTTA</t>
  </si>
  <si>
    <t>GHS ISLAMIA SEC. TTSINGH</t>
  </si>
  <si>
    <t>eid gah road toba tek singh</t>
  </si>
  <si>
    <t>ward 29</t>
  </si>
  <si>
    <t>GHS ISLAMIA SHAKARGUNJ</t>
  </si>
  <si>
    <t>Gulshan-e-Iqbal Colony Arifwala</t>
  </si>
  <si>
    <t>GHS ISLAMIA SHEIKHUPURA</t>
  </si>
  <si>
    <t>city sheikhupura</t>
  </si>
  <si>
    <t>govt. islamia high school city sheikhupura</t>
  </si>
  <si>
    <t>mc sheikhupura</t>
  </si>
  <si>
    <t>syed aamir ali</t>
  </si>
  <si>
    <t>GHS ISLAMIA SHERANWALA GATE</t>
  </si>
  <si>
    <t>sheranwala gate lahore</t>
  </si>
  <si>
    <t>Azam Market</t>
  </si>
  <si>
    <t>GHS ISLAMIA SIALKOT CITY</t>
  </si>
  <si>
    <t>ADDA SHAHBAZ KHAN KARIM PURA SIALKOT</t>
  </si>
  <si>
    <t>KARIM PURA</t>
  </si>
  <si>
    <t>SHAH NAWAZ KHAN</t>
  </si>
  <si>
    <t>GHS ISLAMIA SIRAJIA 206/RB</t>
  </si>
  <si>
    <t>MUNSHIWALA</t>
  </si>
  <si>
    <t>Chak No 206 RB. Munshiwala Tehsil Jaranwala Faisalabad</t>
  </si>
  <si>
    <t>Chak No 206 RB. Munshiwala</t>
  </si>
  <si>
    <t>205 RB.</t>
  </si>
  <si>
    <t>GHS ISLAMIA SIRAN WALI</t>
  </si>
  <si>
    <t>siranwali tehsil daska distt sialkot</t>
  </si>
  <si>
    <t>GHS ISLAMIA VEHARI</t>
  </si>
  <si>
    <t>CITY VEHARI</t>
  </si>
  <si>
    <t>A BLOCK CLUB ROAD VEHARI</t>
  </si>
  <si>
    <t>A BLOCK VEHARI</t>
  </si>
  <si>
    <t>MC VEHARI</t>
  </si>
  <si>
    <t>FILTERATIN</t>
  </si>
  <si>
    <t>GHS ISLAMIA WARA ALAM SHAH</t>
  </si>
  <si>
    <t>V.P.O WARA ALAM SHAH</t>
  </si>
  <si>
    <t>ali muhammad</t>
  </si>
  <si>
    <t>GHS ISRANI</t>
  </si>
  <si>
    <t>uc israni tehsil kpt</t>
  </si>
  <si>
    <t>Abdul Mateen</t>
  </si>
  <si>
    <t>GHS IT-SHAKARGARH</t>
  </si>
  <si>
    <t>GITHS Shakargarh</t>
  </si>
  <si>
    <t>MC SHAKARGARH</t>
  </si>
  <si>
    <t>IRFAN HUSSAIN</t>
  </si>
  <si>
    <t>GHS J.M. 73/RB</t>
  </si>
  <si>
    <t>73/RB</t>
  </si>
  <si>
    <t>Govt. J.M High School 73/RB</t>
  </si>
  <si>
    <t>Chak No 76/RB</t>
  </si>
  <si>
    <t>GHS JAANGLA</t>
  </si>
  <si>
    <t>Govt Boys High School Jangla Tehsil Pindigheb Attock</t>
  </si>
  <si>
    <t>waqas ahmed</t>
  </si>
  <si>
    <t>GHS JABBER DARVAISH</t>
  </si>
  <si>
    <t>JABBAR DARVESH</t>
  </si>
  <si>
    <t>GHS JABBAR DARVESH TEHSIL RAWALPINDI</t>
  </si>
  <si>
    <t>BASSALI</t>
  </si>
  <si>
    <t>MALIK MUHAMMAD RAFAQT AMIR</t>
  </si>
  <si>
    <t>GHS JABBI</t>
  </si>
  <si>
    <t>vpo jabbi</t>
  </si>
  <si>
    <t>Muhammad Asad Ullah Shah</t>
  </si>
  <si>
    <t>GHS JABBI KASRAN</t>
  </si>
  <si>
    <t>Jabbi Kisran</t>
  </si>
  <si>
    <t>govt.  boys high school jabbi Kisran</t>
  </si>
  <si>
    <t>SHAHID SALEEM BUTT</t>
  </si>
  <si>
    <t>GHS JABBI SHAH DILAWAR</t>
  </si>
  <si>
    <t>JABBI SHAH DILAWAR</t>
  </si>
  <si>
    <t>P/O Jabbi shah dilawar teh talagang dist chakwal</t>
  </si>
  <si>
    <t>JABBI SHAH DILAWSR</t>
  </si>
  <si>
    <t>JABBI SHAHDILWWAR</t>
  </si>
  <si>
    <t>suhail ahmed</t>
  </si>
  <si>
    <t>GHS JABOANA JHANG</t>
  </si>
  <si>
    <t>Mauza Jabboana Tehsil 18- Hazari District Jhang</t>
  </si>
  <si>
    <t>nasir abbas nadeem</t>
  </si>
  <si>
    <t>GHS JABOKA</t>
  </si>
  <si>
    <t>JABOKA</t>
  </si>
  <si>
    <t>GOVT HIGH SCHOOL JABOKA OKARA</t>
  </si>
  <si>
    <t>MUHAMMAD MAQBOOL AHMAD KHAN</t>
  </si>
  <si>
    <t>GHS JAFAR WALA</t>
  </si>
  <si>
    <t>Chah jafar wala p.o khansar Bhakkar</t>
  </si>
  <si>
    <t>JAVED IQBAL KHAN</t>
  </si>
  <si>
    <t>GHS JAFFAR</t>
  </si>
  <si>
    <t>JAFFAR</t>
  </si>
  <si>
    <t>V &amp; PO JAFFAR</t>
  </si>
  <si>
    <t>AJUWALA</t>
  </si>
  <si>
    <t>GHS JAHAN KHAN</t>
  </si>
  <si>
    <t>p/o jahan khan adda Mehmood kot Near basti jahan khan</t>
  </si>
  <si>
    <t>Basti Jahan Khan</t>
  </si>
  <si>
    <t>ABD UR REHMAN</t>
  </si>
  <si>
    <t>GHS JAHAN PUR</t>
  </si>
  <si>
    <t>Moza jahanpur tehsil jatoi district muzaffar garh</t>
  </si>
  <si>
    <t>BAQIR HUSSAIN</t>
  </si>
  <si>
    <t>GHS JAHAN PUR JALALPUR PIRWALA</t>
  </si>
  <si>
    <t>Basti Jahan pur jppw multan</t>
  </si>
  <si>
    <t>Muhammad Ans Tariq</t>
  </si>
  <si>
    <t>GHS JAHAN WALA</t>
  </si>
  <si>
    <t>post office dadu wala GHS Jahanwala teh. Kallur kot Distt. Bhakkar</t>
  </si>
  <si>
    <t>Jahanwala</t>
  </si>
  <si>
    <t>Muhammad Ashraf Khan</t>
  </si>
  <si>
    <t>GHS JAHANABAD</t>
  </si>
  <si>
    <t>Tehsil Shahpur , District Sargodha</t>
  </si>
  <si>
    <t>GHS JAHANIAN SHAH</t>
  </si>
  <si>
    <t>JAHANIAN SHAH</t>
  </si>
  <si>
    <t>JAHANIAN SHAH TEHSIL SAHIWAL DISTT:SARGODHA</t>
  </si>
  <si>
    <t>muhammad  Arshad</t>
  </si>
  <si>
    <t>GHS JAHLAN</t>
  </si>
  <si>
    <t>VPO JALHAN TEHSIL NOWSHEHRA VIRKAN, GUJRANWALA.</t>
  </si>
  <si>
    <t>Pervaiz Asghar</t>
  </si>
  <si>
    <t>GHS JAHMAN</t>
  </si>
  <si>
    <t>JAHMAN</t>
  </si>
  <si>
    <t>GHS JAHMAN,  VILLAGE JAHMAN, BEDIAN ROAD, LAHORE</t>
  </si>
  <si>
    <t>M MOHSIN ANWAR</t>
  </si>
  <si>
    <t>GHS JAISAIL KALASRA</t>
  </si>
  <si>
    <t>Jaisal Nashaib</t>
  </si>
  <si>
    <t>basti jaisal klasra  district layyah</t>
  </si>
  <si>
    <t>Basti Jaisal Klasra</t>
  </si>
  <si>
    <t>Rural Kot Sultan</t>
  </si>
  <si>
    <t>MUHAMMAD AMMAR RAZA</t>
  </si>
  <si>
    <t>GHS JAITH PUR</t>
  </si>
  <si>
    <t>Jaithpur</t>
  </si>
  <si>
    <t>jaithpur</t>
  </si>
  <si>
    <t>DR NIAZ AHMAD</t>
  </si>
  <si>
    <t>GHS JAJIAL</t>
  </si>
  <si>
    <t>Govt. High School Jajial tehsil sohawa district Jhelum</t>
  </si>
  <si>
    <t>Safeer Hussain Malik</t>
  </si>
  <si>
    <t>GHS JAJJA ABBASIAN</t>
  </si>
  <si>
    <t>Jajjah Abbasian P/O Jajjah Abbasian Tehsil Khanpur District Rahim Yar Khan</t>
  </si>
  <si>
    <t>Hashmat Ali Khan</t>
  </si>
  <si>
    <t>GHS JAJJA KALAN</t>
  </si>
  <si>
    <t>jajja kalan</t>
  </si>
  <si>
    <t>Govt.High School Jajja Kalan Teh.Pattoki Distt.Kasur</t>
  </si>
  <si>
    <t>Sarai Noshehra</t>
  </si>
  <si>
    <t>ahmad nadeem</t>
  </si>
  <si>
    <t>GHS JAKKAR</t>
  </si>
  <si>
    <t>jakkar</t>
  </si>
  <si>
    <t>GHS JAKKAR, JHELUM</t>
  </si>
  <si>
    <t>CHAK JMAL</t>
  </si>
  <si>
    <t>GHS JALAL ABAD</t>
  </si>
  <si>
    <t>Mouza Jalal Abad</t>
  </si>
  <si>
    <t>GHS JALAL ABAD SHUMALI MULTAN</t>
  </si>
  <si>
    <t>jalalabad shumali</t>
  </si>
  <si>
    <t>pull chattha off vehari road,multan</t>
  </si>
  <si>
    <t>jalalabad</t>
  </si>
  <si>
    <t>Abdul raouf</t>
  </si>
  <si>
    <t>GHS JALAL BALAGGAN</t>
  </si>
  <si>
    <t>jalal Balaggan</t>
  </si>
  <si>
    <t>Jalal Balaggan , Teh &amp; Distt Grw</t>
  </si>
  <si>
    <t>Rana muhammad Anwar</t>
  </si>
  <si>
    <t>GHS JALAL PUR</t>
  </si>
  <si>
    <t>P/O Kala Bagh Tehsil Isa Khel District Mianwali</t>
  </si>
  <si>
    <t>ARIF HUSSAIN</t>
  </si>
  <si>
    <t>GHS JALAL PUR BHUTTIAN</t>
  </si>
  <si>
    <t>jalalpur bhattian</t>
  </si>
  <si>
    <t>GHS JALAL PUR KHAKI SHUJABAD</t>
  </si>
  <si>
    <t>JALALPUR KHAKHI KHAKHI</t>
  </si>
  <si>
    <t>JALALPUR KHAKHI, SHUJABAD</t>
  </si>
  <si>
    <t>JALALPUR KHAKHI</t>
  </si>
  <si>
    <t>Abdul Majeed Saeedi</t>
  </si>
  <si>
    <t>GHS JALAL PUR SAYEDAN</t>
  </si>
  <si>
    <t>Jalal Pur Syedan</t>
  </si>
  <si>
    <t>village jalalpur syedan</t>
  </si>
  <si>
    <t>Homoka</t>
  </si>
  <si>
    <t>GHS JALAL PUR SOBTIAN</t>
  </si>
  <si>
    <t>Jalal pur Sobtian</t>
  </si>
  <si>
    <t>vpo Jalal pur sobtian</t>
  </si>
  <si>
    <t>GHS JALALA</t>
  </si>
  <si>
    <t>village jalala post office ikhlaspur tehsil shakargarh disttrict narowal</t>
  </si>
  <si>
    <t>Mujahid Maqbool</t>
  </si>
  <si>
    <t>GHS JALALIA</t>
  </si>
  <si>
    <t>JALALIA</t>
  </si>
  <si>
    <t>GBHS JALALIA</t>
  </si>
  <si>
    <t>Muhammad Jabar</t>
  </si>
  <si>
    <t>GHS JALLO STATAION</t>
  </si>
  <si>
    <t>GHS JALLO STATION LAHORE</t>
  </si>
  <si>
    <t>Jallo Pind</t>
  </si>
  <si>
    <t>GHS JALPANA SHAHPUR</t>
  </si>
  <si>
    <t>GHS JALWAL</t>
  </si>
  <si>
    <t>V &amp; P. O JALWAL</t>
  </si>
  <si>
    <t>GHS JAM PUR EAST P/O LAR MULTAN</t>
  </si>
  <si>
    <t>Jam Pur Sharqi</t>
  </si>
  <si>
    <t>P/o jam pur sharqi Multan</t>
  </si>
  <si>
    <t>Basti Jam Pur Sharqi</t>
  </si>
  <si>
    <t>Hamid Pur Kanorah</t>
  </si>
  <si>
    <t>MIAN ABDUL QADEER AHMAD KHAN</t>
  </si>
  <si>
    <t>GHS JAMAL KOT</t>
  </si>
  <si>
    <t>village Jamal kot p /o Jamal kot khass teh.Depalpur District Okara</t>
  </si>
  <si>
    <t>Muhammad Amir</t>
  </si>
  <si>
    <t>GHS JAMAL PUR</t>
  </si>
  <si>
    <t>p/o Jamalpur Tehsil Hasilpur</t>
  </si>
  <si>
    <t>MUHAMMAD ARIF</t>
  </si>
  <si>
    <t>GHS JAMALI</t>
  </si>
  <si>
    <t>JAMALI BALOCHAN</t>
  </si>
  <si>
    <t>VPO JAMALI BALOCHAN TEH. NOORPUR DISTT. KHUSHAB</t>
  </si>
  <si>
    <t>WAJAHAT ASKRI KHAN</t>
  </si>
  <si>
    <t>GHS JAMBER KALAN</t>
  </si>
  <si>
    <t>near jamber more jamber kalan</t>
  </si>
  <si>
    <t>GHS JAMIA CHASTIA FAISALABAD</t>
  </si>
  <si>
    <t>GHS Jamia Chishtia Sargodha Road Faisalabad</t>
  </si>
  <si>
    <t>GHS JAMIA HAMIDIA SARAI MUGHAL</t>
  </si>
  <si>
    <t>sarai Mughal</t>
  </si>
  <si>
    <t>abdul Majeed</t>
  </si>
  <si>
    <t>GHS JAMIA MOHAMMADI SHARIF</t>
  </si>
  <si>
    <t>Kurk MUHAMMADI</t>
  </si>
  <si>
    <t>Moza Kurk Muhammadi</t>
  </si>
  <si>
    <t>Muhammadi  Sharif</t>
  </si>
  <si>
    <t>Kurk Muhammadi</t>
  </si>
  <si>
    <t>Zulfiqar ALI Tabbasum</t>
  </si>
  <si>
    <t>GHS JAMIA QASIM UL ULOOM JINNAH COLONY</t>
  </si>
  <si>
    <t>govt. jamia qasim-ul-uloom h/S Jinnah colony sargodha</t>
  </si>
  <si>
    <t>Self Purchased</t>
  </si>
  <si>
    <t>GHS JAMIA-UL-ALOOM NEAR TELEPHONE EXCHANGE NEW MULTAN</t>
  </si>
  <si>
    <t>GHS JAME-UL-ALOOM HIGH SCHOOL NEAR, TELEPHONE EXCHANGE NEW MULTAN</t>
  </si>
  <si>
    <t>MAHR AHMAD YAR SIAL</t>
  </si>
  <si>
    <t>GHS JAMIS ABAD KABIRWALA</t>
  </si>
  <si>
    <t>James abad</t>
  </si>
  <si>
    <t>James abad kabirwala</t>
  </si>
  <si>
    <t>GHS JAMKAY CHATHA</t>
  </si>
  <si>
    <t>jamke</t>
  </si>
  <si>
    <t>main road</t>
  </si>
  <si>
    <t>jamke chatha</t>
  </si>
  <si>
    <t>Nadeem Masih</t>
  </si>
  <si>
    <t>GHS JAMKAY CHEEMA</t>
  </si>
  <si>
    <t>JAMKE CHEEMA</t>
  </si>
  <si>
    <t>GHS JAMKE CHEEMA</t>
  </si>
  <si>
    <t>SIR BULAND</t>
  </si>
  <si>
    <t>WATER FILTRATION PLAN</t>
  </si>
  <si>
    <t>GHS JAMO WACHAL</t>
  </si>
  <si>
    <t>Jammu Wachhal</t>
  </si>
  <si>
    <t>GHS JAN PUR</t>
  </si>
  <si>
    <t>JANPUR</t>
  </si>
  <si>
    <t>KLP ROAD ADDA JANPUR P/O JANPUR TEHSIL LIAQATPUR DISTRICT RAHIM YAR KHAN</t>
  </si>
  <si>
    <t>QARI ALLAH NAWAZ</t>
  </si>
  <si>
    <t>GHS JAND</t>
  </si>
  <si>
    <t>VPO JAND AWAN TEHSIL &amp; DISTT. CHAKWAL</t>
  </si>
  <si>
    <t>JAND AWAN</t>
  </si>
  <si>
    <t>M. Iftekhar</t>
  </si>
  <si>
    <t>GHS JAND NO. 1</t>
  </si>
  <si>
    <t>tehsil road jand</t>
  </si>
  <si>
    <t>jand town committee</t>
  </si>
  <si>
    <t>uc jand</t>
  </si>
  <si>
    <t>GHS JAND NO. 2</t>
  </si>
  <si>
    <t>Gbhs no 2 jand</t>
  </si>
  <si>
    <t>Muhammad Asif Ali</t>
  </si>
  <si>
    <t>GHS JANDALA</t>
  </si>
  <si>
    <t>GHS JANDALA TEHSIL SOHAWA DISTT JHELUM</t>
  </si>
  <si>
    <t>Shakeel Arshad Kayani</t>
  </si>
  <si>
    <t>GHS JANDAN WALA</t>
  </si>
  <si>
    <t>JANDANWALA</t>
  </si>
  <si>
    <t>GOVT.MODEL SECONDARY SCHOOL JANDANWALA</t>
  </si>
  <si>
    <t>DR.MUHAMMAD SALEEM</t>
  </si>
  <si>
    <t>GHS JANDANWALA</t>
  </si>
  <si>
    <t>GHS Jandanwala at Murala Tehsil Kharian District Gujrat</t>
  </si>
  <si>
    <t>Ifikhar Ahmed</t>
  </si>
  <si>
    <t>GHS JANDIAL FAIZULLAH</t>
  </si>
  <si>
    <t>JANDIAL Faizullah Faizullah FAIZULLAH</t>
  </si>
  <si>
    <t>VILL.JANDIAL FAIZULLAH PO TAKIA SHAH MURAD CHAKWAL</t>
  </si>
  <si>
    <t>JANDIAL FAIZULLAH</t>
  </si>
  <si>
    <t>CHOA GANJ ALI  SHAH</t>
  </si>
  <si>
    <t>SHOAIB IFTIKHAR</t>
  </si>
  <si>
    <t>GHS JANDIALA BAGH WALA</t>
  </si>
  <si>
    <t>Jandiala BaghWala</t>
  </si>
  <si>
    <t>JANDIALA BAGH WALA GUJRANWALA</t>
  </si>
  <si>
    <t>69-JANDIALA BAGH WALA</t>
  </si>
  <si>
    <t>GHS JANDIALA KALSAN</t>
  </si>
  <si>
    <t>JANDIALA KALSAN, P.O NARANG MANDI, TEHSIL MURIDKEY DISTRICT SHEIKHUPURA</t>
  </si>
  <si>
    <t>MUHAMMAD KAMRAN SIDDIQUI</t>
  </si>
  <si>
    <t>GHS JANDIALA SHER KHAN</t>
  </si>
  <si>
    <t>JANDIALA SHER KHAN</t>
  </si>
  <si>
    <t>MOHALLA REHMAN PURA</t>
  </si>
  <si>
    <t>WARIS SHAH</t>
  </si>
  <si>
    <t>GHS JANDOKE</t>
  </si>
  <si>
    <t>jandoke</t>
  </si>
  <si>
    <t>Vijwan</t>
  </si>
  <si>
    <t>Khalil Ur Rehman Anjum</t>
  </si>
  <si>
    <t>GHS JANDRAKA</t>
  </si>
  <si>
    <t>Moza Jandraka p/o jaboka Teh &amp;Dist Okara</t>
  </si>
  <si>
    <t>Hafiz Amanullah</t>
  </si>
  <si>
    <t>GHS JANDRAN KALAN</t>
  </si>
  <si>
    <t>Jandran Kalan P/O Hujra Shah Muqeem T/O Depalpur D/O Okara</t>
  </si>
  <si>
    <t>GHS JANGA</t>
  </si>
  <si>
    <t>v.P.O Janga Teh. &amp; Distt. Chakwal</t>
  </si>
  <si>
    <t>GHS JANGEL</t>
  </si>
  <si>
    <t>Vpo Jangle tehsil Fateh Jang. Distt Attock</t>
  </si>
  <si>
    <t>WASEEM RAJA</t>
  </si>
  <si>
    <t>GHS JANOO WALA</t>
  </si>
  <si>
    <t>JANUWALA</t>
  </si>
  <si>
    <t>GHS JANUWALA MOHALLAH SADAT AHMADPUR EAST</t>
  </si>
  <si>
    <t>MUHAMMAD OVAIS ASLAM</t>
  </si>
  <si>
    <t>GHS JANU WALI CHOLISTAN</t>
  </si>
  <si>
    <t>Januwali</t>
  </si>
  <si>
    <t>Januwali Cholistan</t>
  </si>
  <si>
    <t>GHS JARALA P/O DARKHANA</t>
  </si>
  <si>
    <t>P/O Abdulhakim Teh.kabirwala(KWL)</t>
  </si>
  <si>
    <t>jewan Ali</t>
  </si>
  <si>
    <t>GHS JASIAL</t>
  </si>
  <si>
    <t>vpo jasial tehsil talagang distt.chakwal</t>
  </si>
  <si>
    <t>Tehseen Ehsan</t>
  </si>
  <si>
    <t>GHS JASSAR</t>
  </si>
  <si>
    <t>jassar Teh narowal district Narowal</t>
  </si>
  <si>
    <t>GHS JATHEKAY</t>
  </si>
  <si>
    <t>JAITHIKAY</t>
  </si>
  <si>
    <t>KHAS JAITHIKAY SAMBRIAL SIALKOT</t>
  </si>
  <si>
    <t>muhammad Khurshid Ghumman</t>
  </si>
  <si>
    <t>GHS JATLI</t>
  </si>
  <si>
    <t>jatli</t>
  </si>
  <si>
    <t>Qaisar Bashir</t>
  </si>
  <si>
    <t>GHS JATOI</t>
  </si>
  <si>
    <t>JATOI SHUMALI</t>
  </si>
  <si>
    <t>JATOI CITY</t>
  </si>
  <si>
    <t>Ghulam Ali Bhatti</t>
  </si>
  <si>
    <t>GHS JATRI KOHNA</t>
  </si>
  <si>
    <t>JATRI KOHNA</t>
  </si>
  <si>
    <t>VILLAGE JATRI KOHNA PO SAME VIA FAROOQABAD</t>
  </si>
  <si>
    <t>MUHAMMAD JAMIL CHAUDHARY</t>
  </si>
  <si>
    <t>GHS JAURA KALAN</t>
  </si>
  <si>
    <t>village &amp; p/o jaura kalan</t>
  </si>
  <si>
    <t>GHS JAURA KASUR P/O JAURA</t>
  </si>
  <si>
    <t>Jaura</t>
  </si>
  <si>
    <t>Village Jaura P/o Jaura</t>
  </si>
  <si>
    <t>Gohar hithar</t>
  </si>
  <si>
    <t>GHS JAVAID CHAK 483 GB</t>
  </si>
  <si>
    <t>Chak No.483 GB</t>
  </si>
  <si>
    <t>Chak No.483 GB, Tehsil samundri, District fAisalabad</t>
  </si>
  <si>
    <t>Chak No.487 GB</t>
  </si>
  <si>
    <t>khalid mahmood khan</t>
  </si>
  <si>
    <t>GHS JAWIND SINGH WALA, KABIRWALA</t>
  </si>
  <si>
    <t>5-KASSI</t>
  </si>
  <si>
    <t>5-KASSI, TEHSIL KABIRWALA</t>
  </si>
  <si>
    <t>GHS JERO RATIAL</t>
  </si>
  <si>
    <t>Vpo jero ratial, Tehsil Gujar Khan, Distt rawalpindi</t>
  </si>
  <si>
    <t>Jeroratial</t>
  </si>
  <si>
    <t>Raja shah nawaz</t>
  </si>
  <si>
    <t>GHS JETHAL CHAKWAL</t>
  </si>
  <si>
    <t>VPO JETHAL TEHSIL AND DISTT CHAKWAL</t>
  </si>
  <si>
    <t>CH. MUHAMMAD UMRAIZ</t>
  </si>
  <si>
    <t>GHS JHABRAN</t>
  </si>
  <si>
    <t>MUHAMMAD ALI</t>
  </si>
  <si>
    <t>GHS JHALRAIN SHUMALI</t>
  </si>
  <si>
    <t>Jhalaren Shumali</t>
  </si>
  <si>
    <t>sarwar wala muzaffargarh</t>
  </si>
  <si>
    <t>Ghulam Murtaza Khan</t>
  </si>
  <si>
    <t>GHS JHAMAT</t>
  </si>
  <si>
    <t>GBHS  Jhamat P.O Jhamat Teh Jand Attock</t>
  </si>
  <si>
    <t>Water Tanks</t>
  </si>
  <si>
    <t>GHS JHAMMAT SHUMALI</t>
  </si>
  <si>
    <t>SOHAIL AHMED</t>
  </si>
  <si>
    <t>GHS JHAMRA</t>
  </si>
  <si>
    <t>ghs jhamra</t>
  </si>
  <si>
    <t>Muhammad Nasir Zaman</t>
  </si>
  <si>
    <t>GHS JHAMRA TANDLIANWALA FSD</t>
  </si>
  <si>
    <t>Mouza Jhamra tehsil Tandlianwala district Faisalabad</t>
  </si>
  <si>
    <t>Aurangzeb Faridi</t>
  </si>
  <si>
    <t>GHS JHAMTAN WALA</t>
  </si>
  <si>
    <t>jhamtanwala harnoli Rural tehsile piplan district Mianwali</t>
  </si>
  <si>
    <t>GHS JHANB</t>
  </si>
  <si>
    <t>MOZA JHANB LAHORE ROAD CHINIOT</t>
  </si>
  <si>
    <t>GHS JHANBI WAHIN</t>
  </si>
  <si>
    <t>JHANBI WAHIN</t>
  </si>
  <si>
    <t>BASTI JALADI WAHIN MOZA JHANBI WAHIN TEHSIIL KEHROR PACCA LODHRAN.</t>
  </si>
  <si>
    <t>JALADI WAHIN</t>
  </si>
  <si>
    <t>SIKANDAR HAYAT</t>
  </si>
  <si>
    <t>GHS JHAND NAJJAR</t>
  </si>
  <si>
    <t>Jand Najjar</t>
  </si>
  <si>
    <t>VPO Jand Najjar Tehsil Gujarkhan District Rawalpindi</t>
  </si>
  <si>
    <t>Tanveer Ahmad Qazi</t>
  </si>
  <si>
    <t>GHS JHANG</t>
  </si>
  <si>
    <t>vpo jhang fateh jang attock</t>
  </si>
  <si>
    <t>GHS JHANG CITY</t>
  </si>
  <si>
    <t>Jhang City</t>
  </si>
  <si>
    <t>near city hospital muhallah haidery Jhang City</t>
  </si>
  <si>
    <t>GHS JHANGI WALI</t>
  </si>
  <si>
    <t>jhangiwali</t>
  </si>
  <si>
    <t>basti moza and po jhangiwali bahwalpur</t>
  </si>
  <si>
    <t>Muhammad Akhtar Shah</t>
  </si>
  <si>
    <t>GHS JHANGRA</t>
  </si>
  <si>
    <t>GHULAB SHAH</t>
  </si>
  <si>
    <t>BASTI JHANGRA P/O AALI DAHA TEHSIL &amp; District MUZAFFARGARH</t>
  </si>
  <si>
    <t>JHANGRA</t>
  </si>
  <si>
    <t>Muhammad Abdullah Raja</t>
  </si>
  <si>
    <t>GHS JHANGRA SHARQI</t>
  </si>
  <si>
    <t>Jhangra Sharqi</t>
  </si>
  <si>
    <t>Mouza Jhangra Sharqi Markaz Bwp Ghalwan Tahsil APE District BWP</t>
  </si>
  <si>
    <t>GHS JHARKIL</t>
  </si>
  <si>
    <t>JHArkil</t>
  </si>
  <si>
    <t>JHARKIL P/O NOOR PUR THAL</t>
  </si>
  <si>
    <t>JHARKIL</t>
  </si>
  <si>
    <t>GHS JHATLA SARGODAH ROAD</t>
  </si>
  <si>
    <t>Sargodha Road</t>
  </si>
  <si>
    <t>GHS JHATTA HATHIAL</t>
  </si>
  <si>
    <t>Jhatta</t>
  </si>
  <si>
    <t>pO Jhatta Hathial Tehsil and Distt Rwp</t>
  </si>
  <si>
    <t>Village Jhatta Hathial</t>
  </si>
  <si>
    <t>Muhammad latif shahid</t>
  </si>
  <si>
    <t>GHS JHAWARIAN</t>
  </si>
  <si>
    <t>JHAWARIAN</t>
  </si>
  <si>
    <t>bhera road jhawarian.</t>
  </si>
  <si>
    <t>jhawarian</t>
  </si>
  <si>
    <t>MUHAMMAD RIAZ KALEEM</t>
  </si>
  <si>
    <t>GHS JHELAN WALI</t>
  </si>
  <si>
    <t>Mouza Jheelan Wali</t>
  </si>
  <si>
    <t>GHS JHELUM</t>
  </si>
  <si>
    <t>ghs jhelum</t>
  </si>
  <si>
    <t>Jadda</t>
  </si>
  <si>
    <t>Masood Ahmed</t>
  </si>
  <si>
    <t>GHS JHEURAN WALI</t>
  </si>
  <si>
    <t>Jheuranwali</t>
  </si>
  <si>
    <t>Village and post office khas,  jheuranwali Tensile and District Gujrat.</t>
  </si>
  <si>
    <t>KHALID MEHMOOD ANJUM</t>
  </si>
  <si>
    <t>GHS JHOK BODO</t>
  </si>
  <si>
    <t>JHOKE BODO</t>
  </si>
  <si>
    <t>P/O JHOKE BODO TEHSIL TAUNSA DISTRICT DERA GHAZI KHAN</t>
  </si>
  <si>
    <t>Muhammad Awais Kamran Qaisrani</t>
  </si>
  <si>
    <t>GHS JHOK GHULAB SHAH</t>
  </si>
  <si>
    <t>jhok gulab shah teh lqp disst ryk</t>
  </si>
  <si>
    <t>Do</t>
  </si>
  <si>
    <t>GHS JHOKE LASHKAR PUR MULTAN</t>
  </si>
  <si>
    <t>jhoke lashkarpur</t>
  </si>
  <si>
    <t>p.o khas jhoke lashkarpur tehsil multan cantt and district multan .</t>
  </si>
  <si>
    <t>jhokelashkarpur</t>
  </si>
  <si>
    <t>muhammad irfan shah</t>
  </si>
  <si>
    <t>GHS JHOKE SAMTIA</t>
  </si>
  <si>
    <t>Jhoke Samtia Bhakkar</t>
  </si>
  <si>
    <t>Jhoke Samtia</t>
  </si>
  <si>
    <t>nazeer hussain</t>
  </si>
  <si>
    <t>GHS JHOKE UTTRA</t>
  </si>
  <si>
    <t>JHOKE UTTRA</t>
  </si>
  <si>
    <t>P-O Jhoke uttra Tehsil Kot Chutta District D. G. Khan</t>
  </si>
  <si>
    <t>FIAZ MASOOD</t>
  </si>
  <si>
    <t>GHS JHOLANA</t>
  </si>
  <si>
    <t>jholana m.b.din</t>
  </si>
  <si>
    <t>GHS JHUGGI WALA</t>
  </si>
  <si>
    <t>jhuggi wala</t>
  </si>
  <si>
    <t>P/o jhuggi wala tehsil jatoi Distt M.Garh</t>
  </si>
  <si>
    <t>GHS JHULLAN ARAIN</t>
  </si>
  <si>
    <t>Jhullan Arrian</t>
  </si>
  <si>
    <t>GHS JIA BAGGA</t>
  </si>
  <si>
    <t>Jia BAGGA</t>
  </si>
  <si>
    <t>vill. Jia Bagg, Teh Raiwind Distt Lahore</t>
  </si>
  <si>
    <t>GHS JINNAH EFFICIENCY SIALKOT CANTT.</t>
  </si>
  <si>
    <t>sialkot cantt</t>
  </si>
  <si>
    <t>agha kamal haider road w.no 7 sialkot cantt</t>
  </si>
  <si>
    <t>muhammad ilyas ghuman</t>
  </si>
  <si>
    <t>GHS JINNAH PARK</t>
  </si>
  <si>
    <t>Jinnah park</t>
  </si>
  <si>
    <t>STREET No. 10 JINNAH PARK R Y KHAN</t>
  </si>
  <si>
    <t>M C JINNAH PARK R Y KHAN</t>
  </si>
  <si>
    <t>QAZI FASIH UD DIN</t>
  </si>
  <si>
    <t>private water</t>
  </si>
  <si>
    <t>GHS JM ISLAMIA FEROZ WALA</t>
  </si>
  <si>
    <t>GOVT. J.M. ISLAMIA HIGH SCHOOL FEROZEWALA GUJRANWALA</t>
  </si>
  <si>
    <t>FEROZEWALA</t>
  </si>
  <si>
    <t>Naveed Ahmad Bajwa</t>
  </si>
  <si>
    <t>GHS JODHEKA</t>
  </si>
  <si>
    <t>gurnaj</t>
  </si>
  <si>
    <t>basti jodheka tehsil and district bahawalnagar</t>
  </si>
  <si>
    <t>jodheka</t>
  </si>
  <si>
    <t>M Asif Saleem</t>
  </si>
  <si>
    <t>GHS JODHO DHEER</t>
  </si>
  <si>
    <t>village jodhu dheer, raiwind, lahore</t>
  </si>
  <si>
    <t>muhammad shahid amin</t>
  </si>
  <si>
    <t>GHS JOHAR COLONY SARGODHA</t>
  </si>
  <si>
    <t>Johar Colony Sargodha</t>
  </si>
  <si>
    <t>42 NB Gillwala</t>
  </si>
  <si>
    <t>muhammad fazil Awan</t>
  </si>
  <si>
    <t>GHS JOHAR MADINA COLONY MULTAN</t>
  </si>
  <si>
    <t>Taraf Dira</t>
  </si>
  <si>
    <t>Madina Colony Multan</t>
  </si>
  <si>
    <t>Nazimabad</t>
  </si>
  <si>
    <t>Muhammad Naeem Tahir Khan</t>
  </si>
  <si>
    <t>Water Filtration Plant</t>
  </si>
  <si>
    <t>GHS JOHAR PUBLIC ALLAMA IQBAL COLONY FSD</t>
  </si>
  <si>
    <t>Allama Iqbal Colony Faisalabad.</t>
  </si>
  <si>
    <t>NOOR AHMAD</t>
  </si>
  <si>
    <t>GHS JOKALIAN</t>
  </si>
  <si>
    <t>jokalian</t>
  </si>
  <si>
    <t>VPO JOKALIAN TEHSIL PHALIA DISTT. MANDI BAHAUDDIN</t>
  </si>
  <si>
    <t>JOKALIAN</t>
  </si>
  <si>
    <t>GHS JOUHAR MEMORIAL JUHARABAD</t>
  </si>
  <si>
    <t>Jbd</t>
  </si>
  <si>
    <t>block 12th jbd</t>
  </si>
  <si>
    <t>Jbf</t>
  </si>
  <si>
    <t>Urban Jbf</t>
  </si>
  <si>
    <t>MUHAMMAD HASSAN</t>
  </si>
  <si>
    <t>GHS JOURA KARNANA</t>
  </si>
  <si>
    <t>Jaurah</t>
  </si>
  <si>
    <t>Village &amp; Post Office Jaurah, Tehsil Kharian, District Gujrat</t>
  </si>
  <si>
    <t>Javed Saleem chohdary</t>
  </si>
  <si>
    <t>GHS JOURA SIAN</t>
  </si>
  <si>
    <t>imtiaz hussain</t>
  </si>
  <si>
    <t>GHS JOURIAN KALAN</t>
  </si>
  <si>
    <t>jaurian kalan Tehsil &amp; District Sialkot</t>
  </si>
  <si>
    <t>Muhammad Akram Nadeem</t>
  </si>
  <si>
    <t>GHS JOYIA</t>
  </si>
  <si>
    <t>joyia(moza goda)</t>
  </si>
  <si>
    <t>P/O joyia teh daryakhan distt bhakkar</t>
  </si>
  <si>
    <t>tufail ahmad</t>
  </si>
  <si>
    <t>GHS JUMAN SHAH</t>
  </si>
  <si>
    <t>GHS Jaman Shah PO Qaboola Tehsil Arifwala, Distt. Pakpattan</t>
  </si>
  <si>
    <t>SYED RAHIM SHAH</t>
  </si>
  <si>
    <t>GHS JUNI MAILSI</t>
  </si>
  <si>
    <t>MULTAN ROAD MOZA JUNI MAILSI</t>
  </si>
  <si>
    <t>GHS JUNIOR &amp; CENTRAL MODEL NO.2 RETIGAN ROAD</t>
  </si>
  <si>
    <t>Rattigan Road Lahore</t>
  </si>
  <si>
    <t>Data Gunj Bakhsh</t>
  </si>
  <si>
    <t>Toheed Abad</t>
  </si>
  <si>
    <t>nasir hassan</t>
  </si>
  <si>
    <t>GHS JUNIOR MODEL MODEL TOWN LAHORE</t>
  </si>
  <si>
    <t>model town A Block</t>
  </si>
  <si>
    <t>miyan tariq mehmood</t>
  </si>
  <si>
    <t>model town socirty</t>
  </si>
  <si>
    <t>GHS JURIAN</t>
  </si>
  <si>
    <t>Muhammad Sultan Ahmed</t>
  </si>
  <si>
    <t>GHS JUTANA</t>
  </si>
  <si>
    <t>v.p.o jutana tehsil pind dadan khan distt jhelum</t>
  </si>
  <si>
    <t>SHAHZAD IMRAN HAIDER</t>
  </si>
  <si>
    <t>GHS K PLOT</t>
  </si>
  <si>
    <t>Chak K-Plot</t>
  </si>
  <si>
    <t>Chak K-Plot Tehsil Renala Khurd District Okara</t>
  </si>
  <si>
    <t>K-Plot</t>
  </si>
  <si>
    <t>4/1-AL</t>
  </si>
  <si>
    <t>Nadeem Ahsan Hashmi</t>
  </si>
  <si>
    <t>GHS KABIRWALA</t>
  </si>
  <si>
    <t>Govt. High School Kabirwala</t>
  </si>
  <si>
    <t>Muncipal Committee Kabirwala</t>
  </si>
  <si>
    <t>GHS KACHA</t>
  </si>
  <si>
    <t>GHS KACHA BANGI KHEL</t>
  </si>
  <si>
    <t>Londay Bangi Khel</t>
  </si>
  <si>
    <t>village kacha bangi khel The Is a khel Distt Main wali</t>
  </si>
  <si>
    <t>Tabbi Sat</t>
  </si>
  <si>
    <t>Muhammad Muneeb Khan</t>
  </si>
  <si>
    <t>GHS KACHA PACCA</t>
  </si>
  <si>
    <t>KachaPacca</t>
  </si>
  <si>
    <t>Govt H/S kacha Pacca</t>
  </si>
  <si>
    <t>Kacha Pacca</t>
  </si>
  <si>
    <t>Sands Kalan</t>
  </si>
  <si>
    <t>Zain Ul Abedin</t>
  </si>
  <si>
    <t>GHS KACHI MANDI</t>
  </si>
  <si>
    <t>Kachi Mandi</t>
  </si>
  <si>
    <t>govt.boys kachi mandi lqp</t>
  </si>
  <si>
    <t>Mc Lqp</t>
  </si>
  <si>
    <t>Muhammad Jawad Aziz Khan</t>
  </si>
  <si>
    <t>GHS KACHI MUHAMMAD KHAN</t>
  </si>
  <si>
    <t>p/o TMP</t>
  </si>
  <si>
    <t>Kachi Muhammed Khan</t>
  </si>
  <si>
    <t>Ashiq  Mohammad Khalid</t>
  </si>
  <si>
    <t>GHS KACHI WANGA</t>
  </si>
  <si>
    <t>kachiwanga</t>
  </si>
  <si>
    <t>HS kachiwanga Tribal area dg khan</t>
  </si>
  <si>
    <t>Fazla kuch</t>
  </si>
  <si>
    <t>pound</t>
  </si>
  <si>
    <t>GHS KADHAR</t>
  </si>
  <si>
    <t>vpo kadhar teh &amp; disst mandi bahauddin</t>
  </si>
  <si>
    <t>GHS KAHLIAN SIAHLIAN</t>
  </si>
  <si>
    <t>Kahli Damnoha</t>
  </si>
  <si>
    <t>VILLAGE Kahli damnoha post office siahli umer khan kallar syedan, Rawalpindi</t>
  </si>
  <si>
    <t>GHS KAHNA NAU</t>
  </si>
  <si>
    <t>KAHNA NAU LAHORE</t>
  </si>
  <si>
    <t>KAHNA NAU</t>
  </si>
  <si>
    <t>Muhammad Amjad Raza</t>
  </si>
  <si>
    <t>GHS KAHUTA</t>
  </si>
  <si>
    <t>KALLAR ROAD KAHUTA</t>
  </si>
  <si>
    <t>GHS KAHUTI</t>
  </si>
  <si>
    <t>Sangri po kahuti tehsil kotli sattian</t>
  </si>
  <si>
    <t>GHS KAKKI NAU</t>
  </si>
  <si>
    <t>KAKKI NAU DOUM</t>
  </si>
  <si>
    <t>GOVT.HIGH SCHOOL KAKKI NAU SHORKOT JHANG</t>
  </si>
  <si>
    <t>KAKKI NAU</t>
  </si>
  <si>
    <t>CH SHAMSHAD Ali</t>
  </si>
  <si>
    <t>GHS KAKRAHI</t>
  </si>
  <si>
    <t>Badhar</t>
  </si>
  <si>
    <t>Village Badhar P/O Kakrahi Murree RWP</t>
  </si>
  <si>
    <t>Muhammad Ikhlaq</t>
  </si>
  <si>
    <t>GHS KAKRALA</t>
  </si>
  <si>
    <t>KAKRALA</t>
  </si>
  <si>
    <t>Village and post office KAKRALA</t>
  </si>
  <si>
    <t>Aqeel Ahmed</t>
  </si>
  <si>
    <t>GHS KAKRALI</t>
  </si>
  <si>
    <t>KAKRALI</t>
  </si>
  <si>
    <t>VPO KAKRALI</t>
  </si>
  <si>
    <t>ahsan ul haq</t>
  </si>
  <si>
    <t>GHS KALA</t>
  </si>
  <si>
    <t>p/o kala</t>
  </si>
  <si>
    <t>Ghulam Abbass</t>
  </si>
  <si>
    <t>GHS KALA BAGH</t>
  </si>
  <si>
    <t>post office kalabagh tehsil isa keel district mianwali</t>
  </si>
  <si>
    <t>Feroz Ud Din</t>
  </si>
  <si>
    <t>GHS KALA DEV</t>
  </si>
  <si>
    <t>Kala Dev</t>
  </si>
  <si>
    <t>Village &amp; Post Office Kala Dev Jhelum.</t>
  </si>
  <si>
    <t>GHS KALA GHUMNA</t>
  </si>
  <si>
    <t>KALA GHUMMANA</t>
  </si>
  <si>
    <t>VILLAGE KALA GHUMNA   POST OFFICE KAPOORWALI  TEHSIL AND DISTRICT SIALKOT</t>
  </si>
  <si>
    <t>WEST KALA GHUMNA</t>
  </si>
  <si>
    <t>KAPOORWALI</t>
  </si>
  <si>
    <t>Sami Ahmed</t>
  </si>
  <si>
    <t>GHS KALA GUJRAN NO. 1</t>
  </si>
  <si>
    <t>GHS NO1 KALA GUJRAN</t>
  </si>
  <si>
    <t>GHS KALA GUJRAN NO. 2</t>
  </si>
  <si>
    <t>GHS No.2 Kala Gujran Jhelum.</t>
  </si>
  <si>
    <t>Khurram siddique</t>
  </si>
  <si>
    <t>GHS KALA KHATAI</t>
  </si>
  <si>
    <t>KALAKHATAI</t>
  </si>
  <si>
    <t>rs KALAKHATAI tehsil Muridke distt. skp</t>
  </si>
  <si>
    <t>Rs KALAKHATAI</t>
  </si>
  <si>
    <t>rana mahmood ahmad</t>
  </si>
  <si>
    <t>GHS KALA SHAH KAKU</t>
  </si>
  <si>
    <t>kala shah kaku</t>
  </si>
  <si>
    <t>shamky</t>
  </si>
  <si>
    <t>GHS KALAR SYEDAN</t>
  </si>
  <si>
    <t>Govt boys high school Kallar syedan</t>
  </si>
  <si>
    <t>Khalid Mehmood Qureshi</t>
  </si>
  <si>
    <t>GHS KALAR WALA</t>
  </si>
  <si>
    <t>MUHAMMAD  PIRHAR</t>
  </si>
  <si>
    <t>MOUZA MUHAMMAD PIRHAR BASTI KALLAR WALA POST OFFIC SONHARA CHANDIA TEHSIL MUZAFFARGARH</t>
  </si>
  <si>
    <t>BASTI KALLAR WALA</t>
  </si>
  <si>
    <t>NOHAN WALI</t>
  </si>
  <si>
    <t>Muhammad Naeem Akbar</t>
  </si>
  <si>
    <t>GHS KALAS</t>
  </si>
  <si>
    <t>GHS Kalas(Chakwal)</t>
  </si>
  <si>
    <t>amjad nawaz</t>
  </si>
  <si>
    <t>GHS KALASKAY</t>
  </si>
  <si>
    <t>MUHAMMAD AFZAL SABRI</t>
  </si>
  <si>
    <t>GHS KALI DILLI</t>
  </si>
  <si>
    <t>Kali Dilli</t>
  </si>
  <si>
    <t>Village and Post Office Kali Dilli Tehsil Jand District Attock</t>
  </si>
  <si>
    <t>Abdul Malik Khan</t>
  </si>
  <si>
    <t>GHS KALI SOBA KHAN</t>
  </si>
  <si>
    <t>Kali Suba Kha</t>
  </si>
  <si>
    <t>GHS Kali Suba Khan</t>
  </si>
  <si>
    <t>kHALID MEHMOOD MUGHAL</t>
  </si>
  <si>
    <t>GHS KALIAM AWAN</t>
  </si>
  <si>
    <t>kaliam awan</t>
  </si>
  <si>
    <t>VPO Kaliam awan tehsil gujarkhan district rawalpindi</t>
  </si>
  <si>
    <t>SAGHAR AYAZ AWAN</t>
  </si>
  <si>
    <t>GHS KALIAN WALA</t>
  </si>
  <si>
    <t>V.P.O Kalianwala Teh &amp; Distt. Hafizabad</t>
  </si>
  <si>
    <t>Aslam Rashid</t>
  </si>
  <si>
    <t>GHS KALLAR WALI</t>
  </si>
  <si>
    <t>GOVT. HIGH SCHOOL KALLAR WALI TEHSIL JATOI M.GARH</t>
  </si>
  <si>
    <t>BAKHSHAY WALA</t>
  </si>
  <si>
    <t>BINDA ISHAQ</t>
  </si>
  <si>
    <t>MUHAMMAD AKRAM KHAN</t>
  </si>
  <si>
    <t>GHS KALLOR SHARIF</t>
  </si>
  <si>
    <t>ghs high school kallur sharif</t>
  </si>
  <si>
    <t>Muhammad Sohail Malik</t>
  </si>
  <si>
    <t>GHS KALOKE</t>
  </si>
  <si>
    <t>Kaloke</t>
  </si>
  <si>
    <t>Village Kaloke Teh &amp; Distt Sheikhupura</t>
  </si>
  <si>
    <t>GHS KALRA SHAHPUR</t>
  </si>
  <si>
    <t>kalra Teh. Sahpur Dist. Sargodha</t>
  </si>
  <si>
    <t>MUHAMMAD Yar</t>
  </si>
  <si>
    <t>GHS KALU KALAN</t>
  </si>
  <si>
    <t>kalu kalan</t>
  </si>
  <si>
    <t>vpo kalu kalan Tehsil hazro Distt Attock</t>
  </si>
  <si>
    <t>AURANGZEB</t>
  </si>
  <si>
    <t>GHS KALU WALA</t>
  </si>
  <si>
    <t>Shah Sadiq Nihang</t>
  </si>
  <si>
    <t>KASHIF ALI</t>
  </si>
  <si>
    <t>GHS KALYAN PUR</t>
  </si>
  <si>
    <t>kalyanpur tehsil bhera district sargodha</t>
  </si>
  <si>
    <t>Kalyanput</t>
  </si>
  <si>
    <t>Muhammad Naveed Iqbal Nayyer</t>
  </si>
  <si>
    <t>GHS KALYANA P.O SAME</t>
  </si>
  <si>
    <t>KALYANA</t>
  </si>
  <si>
    <t>Kalyana P.O SAME TEHSIL AND DISTRICT PAKPATTAN</t>
  </si>
  <si>
    <t>MUHAMMAD IMRAN KHAN</t>
  </si>
  <si>
    <t>GHS KAMAHAN</t>
  </si>
  <si>
    <t>Village Kamahan, Lahore.</t>
  </si>
  <si>
    <t>GHS KAMAL PUR MUSA</t>
  </si>
  <si>
    <t>VPO Kamalmur Musa</t>
  </si>
  <si>
    <t>Kamal Pur Musa</t>
  </si>
  <si>
    <t>Mehrban Shah</t>
  </si>
  <si>
    <t>GHS KAMAN WALA</t>
  </si>
  <si>
    <t>KAMMANWALA</t>
  </si>
  <si>
    <t>VILLAGE AND POST OFFICE KAMMANWALA, TEHSIL AND DISTRICT SIALKOT</t>
  </si>
  <si>
    <t>GHS KAMAR MASHANI</t>
  </si>
  <si>
    <t>kamar Mushani Tehsil Esa Khel District Mianwali</t>
  </si>
  <si>
    <t>MC Kamar mushani</t>
  </si>
  <si>
    <t>Zafar Ullah Khan</t>
  </si>
  <si>
    <t>GHS KAMMAN</t>
  </si>
  <si>
    <t>Ghs Kamman</t>
  </si>
  <si>
    <t>GHS KAMOKE NO.2 SHEESH MEHAL ROAD</t>
  </si>
  <si>
    <t>ghs no.2 sheesh mehal road kamoke</t>
  </si>
  <si>
    <t>GHS KAMRA KALAN</t>
  </si>
  <si>
    <t>Mirpur Hussain</t>
  </si>
  <si>
    <t>Govt boys high school kamra kalan Tehsil &amp; District Attock</t>
  </si>
  <si>
    <t>kamra</t>
  </si>
  <si>
    <t>Saqib Mehmood</t>
  </si>
  <si>
    <t>GHS KAMRIAL</t>
  </si>
  <si>
    <t>Village and Post Office Kamrial Teh Pindigheb Attock</t>
  </si>
  <si>
    <t>Syed Imran Hussain  Shah</t>
  </si>
  <si>
    <t>GHS KAN PUR</t>
  </si>
  <si>
    <t>village and post office kanpur tehsil sialkot</t>
  </si>
  <si>
    <t>ANWAR HUSSAIN</t>
  </si>
  <si>
    <t>GHS KANDAN SHAHPUR</t>
  </si>
  <si>
    <t>KANDAN</t>
  </si>
  <si>
    <t>PO&amp;Vill.KANDAN   Tehsil.  ShahPur    Distt. Sargodha</t>
  </si>
  <si>
    <t>Muhammad Tariq Masood</t>
  </si>
  <si>
    <t>GHS KANDAN SIAN</t>
  </si>
  <si>
    <t>VPO KANDAN SIAN TEHSIL DASKA DISTRICT SIALKOT</t>
  </si>
  <si>
    <t>KANDAN SIAN</t>
  </si>
  <si>
    <t>Abdul Qaddoos Alvi</t>
  </si>
  <si>
    <t>GHS KANDANI</t>
  </si>
  <si>
    <t>KANDANI</t>
  </si>
  <si>
    <t>MOZA KANDANI TEHSIL LIAQUAT PUR</t>
  </si>
  <si>
    <t>MOHALLA rAJPOOT</t>
  </si>
  <si>
    <t>GHS KANDIWAL</t>
  </si>
  <si>
    <t>KANDIWAL</t>
  </si>
  <si>
    <t>KANDIWAL TEHSIL LALIAN DISTRICT CHINIOT</t>
  </si>
  <si>
    <t>Sajjad Anwar</t>
  </si>
  <si>
    <t>GHS KANDUWAL SARAY</t>
  </si>
  <si>
    <t>Kanduwal Saray</t>
  </si>
  <si>
    <t>kanduwal saray depalpur</t>
  </si>
  <si>
    <t>Ramzan Atiq</t>
  </si>
  <si>
    <t>GHS KANDWAL</t>
  </si>
  <si>
    <t>VPO Kandwal Tehsil P.D Khan Distt Jhelm</t>
  </si>
  <si>
    <t>GHS KANG CHANNAN</t>
  </si>
  <si>
    <t>Kang Channan</t>
  </si>
  <si>
    <t>Kang Channan Tehsil and District Gujrat</t>
  </si>
  <si>
    <t>Ghakhra Kalan</t>
  </si>
  <si>
    <t>GHS KANGAN PUR</t>
  </si>
  <si>
    <t>KANGAN PUR</t>
  </si>
  <si>
    <t>muhammad imtiaz awan</t>
  </si>
  <si>
    <t>GHS KANGAR</t>
  </si>
  <si>
    <t>Govt.High School Kangar Tehsil Gujar Khan RWP.</t>
  </si>
  <si>
    <t>GHS KANI</t>
  </si>
  <si>
    <t>vpo kani jand attock</t>
  </si>
  <si>
    <t>aslam javed</t>
  </si>
  <si>
    <t>GHS KANIAL</t>
  </si>
  <si>
    <t>VPO Kanyal</t>
  </si>
  <si>
    <t>Farhan Naseer</t>
  </si>
  <si>
    <t>GHS KANIAT KHALIL</t>
  </si>
  <si>
    <t>Kanyat Khali</t>
  </si>
  <si>
    <t>Vill and PO kanyat Khalil TEH gujar Khan Distt RWP</t>
  </si>
  <si>
    <t>Atif Zahoor Chohan</t>
  </si>
  <si>
    <t>GHS KANOHA</t>
  </si>
  <si>
    <t>KANOHA tehsil kallar syedan dist rwp</t>
  </si>
  <si>
    <t>Ahmed Raza Khan</t>
  </si>
  <si>
    <t>GHS KANWAIN MALLIAN</t>
  </si>
  <si>
    <t>kanwain mallian p.o. kot radha kishan teh. pattoki distt. kasur</t>
  </si>
  <si>
    <t>Kanwain Jhoke</t>
  </si>
  <si>
    <t>sajid ali</t>
  </si>
  <si>
    <t>GHS KANWANLIT</t>
  </si>
  <si>
    <t>kanwanlit</t>
  </si>
  <si>
    <t>Village and P. O kanwanlit Tehsil Daska District Sialkot</t>
  </si>
  <si>
    <t>village kanwanlit</t>
  </si>
  <si>
    <t>khalid mehood</t>
  </si>
  <si>
    <t>GHS KANWAY WALA</t>
  </si>
  <si>
    <t>KANWAIN WALA</t>
  </si>
  <si>
    <t>KANWAIN WALA POST OFFICE SAME, TEHSIL LALIAN DISTRICT CHINIOT</t>
  </si>
  <si>
    <t>GHS KAPAHI</t>
  </si>
  <si>
    <t>kapahi</t>
  </si>
  <si>
    <t>Govt. High School Kapahi Tehsil mankera district bhakkar</t>
  </si>
  <si>
    <t>gohar wala</t>
  </si>
  <si>
    <t>Abul Hassan Khan</t>
  </si>
  <si>
    <t>GHS KARAHI</t>
  </si>
  <si>
    <t>Village Karahi Karahi</t>
  </si>
  <si>
    <t>Village karahi Tehsil and District rwp</t>
  </si>
  <si>
    <t>karahi</t>
  </si>
  <si>
    <t>Peryal</t>
  </si>
  <si>
    <t>GHS KARAM BALOCH</t>
  </si>
  <si>
    <t>Karam Baloch</t>
  </si>
  <si>
    <t>GHS KARAM BALOCH SAHIWAL</t>
  </si>
  <si>
    <t>IBRAR HUSSAIN ANJUM</t>
  </si>
  <si>
    <t>GHS KARAM DAD QURESHI</t>
  </si>
  <si>
    <t>KARAM DAD QURESHI</t>
  </si>
  <si>
    <t>P/O KARAM DAD QURESHI M.GARH</t>
  </si>
  <si>
    <t>KARAM DAD  QURESHI</t>
  </si>
  <si>
    <t>GHS KARARI WALA KALAN</t>
  </si>
  <si>
    <t>Karariwala Kalan</t>
  </si>
  <si>
    <t>Village &amp; p/o karariwala kalan</t>
  </si>
  <si>
    <t>GHS KARARRI KOT</t>
  </si>
  <si>
    <t>karari kot</t>
  </si>
  <si>
    <t>po karari kot bhakkar</t>
  </si>
  <si>
    <t>GHS KARBATH</t>
  </si>
  <si>
    <t>KARBATH</t>
  </si>
  <si>
    <t>village KARBATH Lahore Cantt</t>
  </si>
  <si>
    <t>Muhammad Tasadduq Butt</t>
  </si>
  <si>
    <t>GHS KARIAN WALA</t>
  </si>
  <si>
    <t>vpo karianwala, gujrat</t>
  </si>
  <si>
    <t>GHS KARIM BLOCK ALLAMA IQBAL TOWN</t>
  </si>
  <si>
    <t>Karim Block</t>
  </si>
  <si>
    <t>337 Karim block Allama iqbal town lahore</t>
  </si>
  <si>
    <t>manzoor ahmad</t>
  </si>
  <si>
    <t>GHS KARKAN</t>
  </si>
  <si>
    <t>KARKAN</t>
  </si>
  <si>
    <t>KARKAN CHAK NO 168 RB TEHSIL SHAHKOT District NANKANA SAHIB</t>
  </si>
  <si>
    <t>GHS KARLOO WALA</t>
  </si>
  <si>
    <t>karloowala</t>
  </si>
  <si>
    <t>GHS KARNANA</t>
  </si>
  <si>
    <t>KARNANA</t>
  </si>
  <si>
    <t>Village and post office khas karnana</t>
  </si>
  <si>
    <t>Maqsood Ahmed</t>
  </si>
  <si>
    <t>GHS KARNUB BALOCH</t>
  </si>
  <si>
    <t>KARUNB BALOCH</t>
  </si>
  <si>
    <t>VPO KARUNB BALOCH TEHSIL GUJAR KHAN DISTRICT RAWALPINDI</t>
  </si>
  <si>
    <t>JHANGI JALAL</t>
  </si>
  <si>
    <t>GHS KAROR</t>
  </si>
  <si>
    <t>KALLAN BASAND</t>
  </si>
  <si>
    <t>GHS KARORE</t>
  </si>
  <si>
    <t>Zia Ullah Abbasi</t>
  </si>
  <si>
    <t>GHS KAROR NO. 1</t>
  </si>
  <si>
    <t>Govt. High School No 1 Karor city Layyah</t>
  </si>
  <si>
    <t>City Karor</t>
  </si>
  <si>
    <t>Karor Than Jandi</t>
  </si>
  <si>
    <t>muhammad akbar</t>
  </si>
  <si>
    <t>GHS KAROUNTA</t>
  </si>
  <si>
    <t>village: karounta, Post Office: Karounta, tehsil: sohawa, District Jhelum</t>
  </si>
  <si>
    <t>Muhammad Tausif</t>
  </si>
  <si>
    <t>GHS KARSAL</t>
  </si>
  <si>
    <t>post office karsal tehsil and district chakwal</t>
  </si>
  <si>
    <t>Azhar abbas</t>
  </si>
  <si>
    <t>GHS KARTAR PUR</t>
  </si>
  <si>
    <t>Chakkartarpur</t>
  </si>
  <si>
    <t>chak kartarpur pakpattan</t>
  </si>
  <si>
    <t>Chak Kartarpur</t>
  </si>
  <si>
    <t>Tawana Klan</t>
  </si>
  <si>
    <t>HAFIZ KARAM ELAHI</t>
  </si>
  <si>
    <t>GHS KARTAR PURA CHAK 177/RB</t>
  </si>
  <si>
    <t>chak 177</t>
  </si>
  <si>
    <t>kartarpur chak no 177 r/B district nankana sahib</t>
  </si>
  <si>
    <t>chak no. 179 nodha</t>
  </si>
  <si>
    <t>Muhammad Ashiq</t>
  </si>
  <si>
    <t>GHS KARULI</t>
  </si>
  <si>
    <t>KARULI</t>
  </si>
  <si>
    <t>VPO KARULI TEHSIL KALLAR KAHAR DISTT. CHAKWAL</t>
  </si>
  <si>
    <t>KHAIR PUR</t>
  </si>
  <si>
    <t>AMIR ZAMAN</t>
  </si>
  <si>
    <t>GHS KARYAL BAGHAN WALA</t>
  </si>
  <si>
    <t>KARYAL Baghanwala BAGHAN WALA CHAK NO.19RB TEHSIL SAFDARABAD DISTRICT SHEIKHUPURA</t>
  </si>
  <si>
    <t>GHS KARYAL BAGHAN WALA TEHSIL SAFDARABAD DISTRICT SHEIKHUPURA</t>
  </si>
  <si>
    <t>KARYAL BAGHAN WALA CHAK NO.19RB TEHSIL SAFDARABAD</t>
  </si>
  <si>
    <t>MANDIALA</t>
  </si>
  <si>
    <t>nayyar iqbal Nasir</t>
  </si>
  <si>
    <t>GHS KASHMARI BAZAR</t>
  </si>
  <si>
    <t>Mohra Eswal</t>
  </si>
  <si>
    <t>GHS KASHMIRI BAZAR MURREE RAWALPINDI</t>
  </si>
  <si>
    <t>GHS KASHMIR COLONY GUJRANWALA CANTT</t>
  </si>
  <si>
    <t>KASHMIR COLONY GUJRANWALA CANTT</t>
  </si>
  <si>
    <t>Cantt BOARD</t>
  </si>
  <si>
    <t>Muhmmad Shafaat</t>
  </si>
  <si>
    <t>GHS KASHMIR COLONY JHELUM</t>
  </si>
  <si>
    <t>ghs kashmir colony jhelum</t>
  </si>
  <si>
    <t>Mazhar Hussain Chaudhri</t>
  </si>
  <si>
    <t>GHS KASHMIR SOHAWA</t>
  </si>
  <si>
    <t>Nia Sohawa, PO Ratta Bajwa,Teh. Pasrur, Distt. Sialkot</t>
  </si>
  <si>
    <t>Chicheryally</t>
  </si>
  <si>
    <t>MUHAMMAD AMJAD MUGHAL</t>
  </si>
  <si>
    <t>GHS KASLIAN P.D. KHAN</t>
  </si>
  <si>
    <t>VPO KASILAN TEHSIL PIND DADAN KHAN JHELUM</t>
  </si>
  <si>
    <t>LIAQAT HUSSAIN</t>
  </si>
  <si>
    <t>GHS KASSESAY</t>
  </si>
  <si>
    <t>kassesay</t>
  </si>
  <si>
    <t>GHS KAT ALLAH YAR</t>
  </si>
  <si>
    <t>Kat Allah yar</t>
  </si>
  <si>
    <t>Kat Allah yar bahawalnagar</t>
  </si>
  <si>
    <t>Nathy wala</t>
  </si>
  <si>
    <t>Hafiz Muhammad qasim</t>
  </si>
  <si>
    <t>GHS KAT GANGA SINGH</t>
  </si>
  <si>
    <t>Kat Ganag Singh P/o Madrassa BAhawalnagar</t>
  </si>
  <si>
    <t>kat Ganga Singh</t>
  </si>
  <si>
    <t>MUHAMMAD IKRAMULLAH</t>
  </si>
  <si>
    <t>GHS KATCHA GUJRAT TEH PIPLAN</t>
  </si>
  <si>
    <t>Muhammad Akmal khan</t>
  </si>
  <si>
    <t>GHS KATH</t>
  </si>
  <si>
    <t>KATH</t>
  </si>
  <si>
    <t>GOVT.SECONDARY SCHOOL KATH Da4ya khan  Bhakkar</t>
  </si>
  <si>
    <t>GADDAI</t>
  </si>
  <si>
    <t>GHS KATIMAR</t>
  </si>
  <si>
    <t>Nawan saggu</t>
  </si>
  <si>
    <t>VPO KATIMAR</t>
  </si>
  <si>
    <t>jharkil</t>
  </si>
  <si>
    <t>GHS KAUDIWAL</t>
  </si>
  <si>
    <t>Kaudiwal</t>
  </si>
  <si>
    <t>Near shafi wali tube well stop tehsil  &amp; District Muzaffargarh</t>
  </si>
  <si>
    <t>Waqas Farooq</t>
  </si>
  <si>
    <t>GHS KAWA</t>
  </si>
  <si>
    <t>Kawa</t>
  </si>
  <si>
    <t>TraHada stop, Sanjwal Road</t>
  </si>
  <si>
    <t>Pervaiz Akhter</t>
  </si>
  <si>
    <t>GHS KAZMIA SYED</t>
  </si>
  <si>
    <t>vpo sayyed tehsil gujarkhan distt Rwp</t>
  </si>
  <si>
    <t>SYED ZAFAR ABBAS KAZMI</t>
  </si>
  <si>
    <t>GHS KEERANWALA</t>
  </si>
  <si>
    <t>KEERANWALA</t>
  </si>
  <si>
    <t>Keeranwala Syedan, Mangowal west District Gujrat.</t>
  </si>
  <si>
    <t>MUHAMMAD SHAHBAZ RAFIQ</t>
  </si>
  <si>
    <t>GHS KEHROR PACCA</t>
  </si>
  <si>
    <t>Quaid e Azam road kahror pacca distt lodhran</t>
  </si>
  <si>
    <t>kehror Pacca City</t>
  </si>
  <si>
    <t>HAMID SAEED</t>
  </si>
  <si>
    <t>GHS KHAARA</t>
  </si>
  <si>
    <t>GOVT. HIGH SCHOOL KHARA KASUR</t>
  </si>
  <si>
    <t>GHS KHABEKI</t>
  </si>
  <si>
    <t>KHABEKI</t>
  </si>
  <si>
    <t>GHS KHABEKI TEHSIL NAUSHEHRA DISTRICT KHUSHAB</t>
  </si>
  <si>
    <t>SHER AFZAL</t>
  </si>
  <si>
    <t>GHS KHAGLAN WALA</t>
  </si>
  <si>
    <t>GHS KHAGLANWALA,ISA KHEL, MIANWALI</t>
  </si>
  <si>
    <t>MOHAMMAD HASNAT</t>
  </si>
  <si>
    <t>GHS KHAGWANI</t>
  </si>
  <si>
    <t>KHAGWANI</t>
  </si>
  <si>
    <t>VILLAGE KHAGWANI POST OFFICE NARTOPA TEHSIL HAZRO DISTRICT ATTOCK</t>
  </si>
  <si>
    <t>Abdul Baqi</t>
  </si>
  <si>
    <t>GHS KHAIR PUR</t>
  </si>
  <si>
    <t>VPO Khair Pur Tehsil and District Chakwal</t>
  </si>
  <si>
    <t>Ashfaq Hussain</t>
  </si>
  <si>
    <t>GHS KHAIR PUR SADAT</t>
  </si>
  <si>
    <t>khair pur sadat teh ali pur district muzaffar garh</t>
  </si>
  <si>
    <t>khair pur sadat</t>
  </si>
  <si>
    <t>RANA MUNAWAR ABBAS</t>
  </si>
  <si>
    <t>GHS KHAIRA</t>
  </si>
  <si>
    <t>khaira</t>
  </si>
  <si>
    <t>village khaira p/o same tehsil shakargarh dist nrowal</t>
  </si>
  <si>
    <t>munir ahmad</t>
  </si>
  <si>
    <t>GHS KHAIRAY KALAN NANKANA SAHIB</t>
  </si>
  <si>
    <t>KHIAREY KALAN</t>
  </si>
  <si>
    <t>VILLAGE KHIAREY KALAN TEHSIL &amp; DISTRICT NANKANA SAHIB.</t>
  </si>
  <si>
    <t>GHS KHAIRPUR DAHA</t>
  </si>
  <si>
    <t>Kgairpur Daha</t>
  </si>
  <si>
    <t>khairpur daha tehsil ahmadpur east</t>
  </si>
  <si>
    <t>Javed Iqbal Gill</t>
  </si>
  <si>
    <t>GHS KHAIRPUR TAMEWALI</t>
  </si>
  <si>
    <t>Govt.High School Khairpur Tamewali Distric Bahawalpur</t>
  </si>
  <si>
    <t>MC Khairpur</t>
  </si>
  <si>
    <t>Hafiz Muhammad Saeed Akhtar</t>
  </si>
  <si>
    <t>GHS KHAKHI GHARBI</t>
  </si>
  <si>
    <t>Govt.High School khakhi P/O Khakhi Teh.&amp; District Details Ghaziabad Khan</t>
  </si>
  <si>
    <t>SHAHZAD RASUL</t>
  </si>
  <si>
    <t>GHS KHAKI LAKHI</t>
  </si>
  <si>
    <t>mouza Khaki Lakhi p/o khaki lakhi teh. shorkot jhang</t>
  </si>
  <si>
    <t>khaki lakhi</t>
  </si>
  <si>
    <t>GHS KHALIQIA BLOCK NO.17 SGD</t>
  </si>
  <si>
    <t>Govt. khaliqia H/S block no. 17 sargodha</t>
  </si>
  <si>
    <t>45NB</t>
  </si>
  <si>
    <t>Muhammad EHTISHAM UL HAQUE HAMDANI</t>
  </si>
  <si>
    <t>GHS KHAMBI</t>
  </si>
  <si>
    <t>khambi</t>
  </si>
  <si>
    <t>Village and Post office Khambi Tehsil Sarai Alamgir</t>
  </si>
  <si>
    <t>GHS KHAN BELA</t>
  </si>
  <si>
    <t>Fida-ur-Rehman</t>
  </si>
  <si>
    <t>GHS KHAN GARH</t>
  </si>
  <si>
    <t>KHAN GARH</t>
  </si>
  <si>
    <t>ALI PUR ROAD KHAN GARH</t>
  </si>
  <si>
    <t>MC KHAN  GARH</t>
  </si>
  <si>
    <t>mohammad rafique</t>
  </si>
  <si>
    <t>GHS KHAN KHASA</t>
  </si>
  <si>
    <t>khan khasa</t>
  </si>
  <si>
    <t>Muhammad Iftikhar Hussain</t>
  </si>
  <si>
    <t>GHS KHAN MUHAMMAD WALA</t>
  </si>
  <si>
    <t>GHS khan Muhammad wala bhera</t>
  </si>
  <si>
    <t>GHS KHAN PUR BAGGA SHER</t>
  </si>
  <si>
    <t>GHS KHANPUR BAGGA SHER</t>
  </si>
  <si>
    <t>MUHAMMAD SHAKER SHAKOOR</t>
  </si>
  <si>
    <t>GHS KHAN PUR MARAL VIA MAKHDOOM RASHID MULTAN</t>
  </si>
  <si>
    <t>khan pur maral via makhdoom rasheed multan</t>
  </si>
  <si>
    <t>GHS KHAN PUR SYEDAN</t>
  </si>
  <si>
    <t>Khan Pur Syedan</t>
  </si>
  <si>
    <t>khan pur syedan tehsile pasrur district sialkot</t>
  </si>
  <si>
    <t>Dulam kahlwan</t>
  </si>
  <si>
    <t>GHS KHAN PUR WADRA</t>
  </si>
  <si>
    <t>KHANPUR WADHRA</t>
  </si>
  <si>
    <t>KHANPUR WADHRA SARGODHA</t>
  </si>
  <si>
    <t>TASAWER ABBAS</t>
  </si>
  <si>
    <t>GHS KHANGARH DOMA</t>
  </si>
  <si>
    <t>missan kot bhua</t>
  </si>
  <si>
    <t>khangarh doma p/o seepur tehsil alipur district muzaffar garh</t>
  </si>
  <si>
    <t>khangarh doma</t>
  </si>
  <si>
    <t>langar wah</t>
  </si>
  <si>
    <t>GHS KHANKAH SHAREEF</t>
  </si>
  <si>
    <t>KHANQAH SHARIF</t>
  </si>
  <si>
    <t>GOHAR SHAH ROAD KHANQAH SHARIF</t>
  </si>
  <si>
    <t>MALIK SAID ALI</t>
  </si>
  <si>
    <t>GHS KHANKI HEAD</t>
  </si>
  <si>
    <t>KHANKI HEAD</t>
  </si>
  <si>
    <t>GOVT. HIGH SCHOOL KHANKI DEAD TEH. WAZIRABAD DISTT.GRW</t>
  </si>
  <si>
    <t>MANSURWALI</t>
  </si>
  <si>
    <t>SHABIR HUSSAIN</t>
  </si>
  <si>
    <t>GHS KHANNA</t>
  </si>
  <si>
    <t>village and post office khanna tehsil shakargarh district narowal</t>
  </si>
  <si>
    <t>MUHAMMAD RIZWAN MEHMOOD</t>
  </si>
  <si>
    <t>GHS KHANPUR BOLAR</t>
  </si>
  <si>
    <t>Khanpur Bolar</t>
  </si>
  <si>
    <t>V&amp; P/O Khanpur Bolar Tehsil Zafarwal District Narowal</t>
  </si>
  <si>
    <t>SYED SHAHID HUSSAIN</t>
  </si>
  <si>
    <t>GHS KHANPUR CHAKWAL</t>
  </si>
  <si>
    <t>VILLAGE &amp; POST OFFICE KHANPUR , TEHSIL &amp; DISTRICT CHAKWAL</t>
  </si>
  <si>
    <t>GHS KHANPUR MIRCHAN</t>
  </si>
  <si>
    <t>mouza khanpur</t>
  </si>
  <si>
    <t>Wahi Hussai</t>
  </si>
  <si>
    <t>GHS KHANUANA JHANG</t>
  </si>
  <si>
    <t>KHANUANA</t>
  </si>
  <si>
    <t>MOUZA KHANUANA P.O KHANUANA 30 KM CHINIOT ROAD JHANG</t>
  </si>
  <si>
    <t>MAZHAR SULTAN</t>
  </si>
  <si>
    <t>GHS KHANWAH GHALWAN</t>
  </si>
  <si>
    <t>KHANWAH GHALWAN</t>
  </si>
  <si>
    <t>GHS KHANWAH GHALWAN,MOUZA KHANWAH GHALWAN P/O KHAAS.</t>
  </si>
  <si>
    <t>Zulfiqar Ali Tariq</t>
  </si>
  <si>
    <t>GHS KHAR GHARBI</t>
  </si>
  <si>
    <t>Khar gharbi</t>
  </si>
  <si>
    <t>govt.high school khar gharbi  post office Sanawan Tehsil. kot Adu</t>
  </si>
  <si>
    <t>Sheraz Akbar</t>
  </si>
  <si>
    <t>GHS KHAR(FORT MUNRO)</t>
  </si>
  <si>
    <t>khar</t>
  </si>
  <si>
    <t>khar Forte Munro</t>
  </si>
  <si>
    <t>tuman Laghari</t>
  </si>
  <si>
    <t>Muhammad Wasim Chishti</t>
  </si>
  <si>
    <t>GHS KHARA</t>
  </si>
  <si>
    <t>VPO Khara Teh &amp; Distt Chakwal</t>
  </si>
  <si>
    <t>Qazi Zafar Abbas</t>
  </si>
  <si>
    <t>GHS KHARAKAN</t>
  </si>
  <si>
    <t>KHARRAKKAN</t>
  </si>
  <si>
    <t>GHS KHARRAKKAN RWP</t>
  </si>
  <si>
    <t>TARYIAH</t>
  </si>
  <si>
    <t>SAYYAB ASHFAQ</t>
  </si>
  <si>
    <t>GHS KHARANA</t>
  </si>
  <si>
    <t>village and post office kharana tehsil kharian district gujrat</t>
  </si>
  <si>
    <t>Saqib Shahzad</t>
  </si>
  <si>
    <t>GHS KHARAR BUZDAR</t>
  </si>
  <si>
    <t>Kharrar Buzdar</t>
  </si>
  <si>
    <t>GHS KHARIAN</t>
  </si>
  <si>
    <t>G.T. ROAD KHARIAN CITY</t>
  </si>
  <si>
    <t>NEW ARRA</t>
  </si>
  <si>
    <t>MUNICIPAL COMMITTTEE KHARIAN</t>
  </si>
  <si>
    <t>SAEED AHMED FRAZ</t>
  </si>
  <si>
    <t>GHS KHARIAN WALA</t>
  </si>
  <si>
    <t>KHARIANWALA</t>
  </si>
  <si>
    <t>GOVT. HIGH SCHOOL KHARIANWALA FAISALABAD ROAD DISTT. SHEIKHUPURA</t>
  </si>
  <si>
    <t>Iftakhar Hasan Butt</t>
  </si>
  <si>
    <t>GHS KHARKA KHADRIALA</t>
  </si>
  <si>
    <t>KAHRKA KHADRIALA</t>
  </si>
  <si>
    <t>VPO KHARKA KHADRIALA, TEHSIL SA GIR, GUJRAT</t>
  </si>
  <si>
    <t>KHARKA KHADRIALA</t>
  </si>
  <si>
    <t>GHS KHAROTA SYEDAN</t>
  </si>
  <si>
    <t>GOVT. BOYS HIGH SCHOOL JINNAH ROAD KHAROTA SYEDAN, SIALKOT</t>
  </si>
  <si>
    <t>Amir Shabbir</t>
  </si>
  <si>
    <t>GHS KHATRAN WALA</t>
  </si>
  <si>
    <t>Khatranwala</t>
  </si>
  <si>
    <t>govt.high school khatranwala P/O Dunga Bonga Bahawalnagar.</t>
  </si>
  <si>
    <t>GHS KHATTAN</t>
  </si>
  <si>
    <t>KHATTAN</t>
  </si>
  <si>
    <t>GHS KHATTAN CHAK KHATTAN BWN</t>
  </si>
  <si>
    <t>GHS KHATWAN</t>
  </si>
  <si>
    <t>Muhmmad Luqman</t>
  </si>
  <si>
    <t>GHS KHAWAJA ABAD</t>
  </si>
  <si>
    <t>KHAWAJA ABAD, P/o JHAWARIAN, TEHSIL SHAHPUR, DISTRICT SARGODHA</t>
  </si>
  <si>
    <t>Malik Sajjad Nawaz</t>
  </si>
  <si>
    <t>GHS KHAWAR KALAN</t>
  </si>
  <si>
    <t>GOVT. SECONDARY SCHOOL KOHAWAR KALAN</t>
  </si>
  <si>
    <t>MUHAMMAD RIZWAN</t>
  </si>
  <si>
    <t>GHS KHAWAS PUR</t>
  </si>
  <si>
    <t>KHAWAS PUR</t>
  </si>
  <si>
    <t>Shahid Kamran</t>
  </si>
  <si>
    <t>GHS KHAYABAN-E-SIR SYED</t>
  </si>
  <si>
    <t>GOVT. HIGH SCHOOL KHAYABAN-E-SIR SYED SECTOR II RAWALPINDI</t>
  </si>
  <si>
    <t>KHAYABAN-E-SIR SYED</t>
  </si>
  <si>
    <t>SHAKIR ALI KHAN</t>
  </si>
  <si>
    <t>GHS KHAYABAN-E-SIR SYED SECTOR 3</t>
  </si>
  <si>
    <t>GOVT. BOYS HIGH SCHOOL KHAYABAN-E- SIR SYED SEC- III RAWALPINDI.</t>
  </si>
  <si>
    <t>GHS KHAYABAN-E-SIR SYED SECTOR 4-B</t>
  </si>
  <si>
    <t>Khyaban E Sirsyed</t>
  </si>
  <si>
    <t>Khayban E Sirsyed Sec 4B Near Muhammadi Chowk Rwp</t>
  </si>
  <si>
    <t>Khyaban E Sirsyed Sec 4B</t>
  </si>
  <si>
    <t>TANWIR AKHTAR</t>
  </si>
  <si>
    <t>GHS KHEPRAN WALA</t>
  </si>
  <si>
    <t>Khepranwala</t>
  </si>
  <si>
    <t>Village khepranwala post office phullarwan tehsil Gujrat district Gujrat,</t>
  </si>
  <si>
    <t>Sabbowal</t>
  </si>
  <si>
    <t>Ch. Nasar Iqbal</t>
  </si>
  <si>
    <t>GHS KHEWA</t>
  </si>
  <si>
    <t>V.P.O.Khewa</t>
  </si>
  <si>
    <t>ZAHEER ABBAS</t>
  </si>
  <si>
    <t>GHS KHEWRA</t>
  </si>
  <si>
    <t>KHEWRA</t>
  </si>
  <si>
    <t>GHS KHEWRA NEW MODREN COLONY KHEWRA</t>
  </si>
  <si>
    <t>MC KHEWRA</t>
  </si>
  <si>
    <t>GHS KHIALI</t>
  </si>
  <si>
    <t>Khiali Baypass Gujranwala</t>
  </si>
  <si>
    <t>muhammad aslam khokher</t>
  </si>
  <si>
    <t>GHS KHICHI WALA CHAK 170/7-R</t>
  </si>
  <si>
    <t>Chak 170/7R</t>
  </si>
  <si>
    <t>Chak no 170/7R , Tehsil Fortabbas, District Bahawalnagar</t>
  </si>
  <si>
    <t>Chak No 170/7R</t>
  </si>
  <si>
    <t>Chak 167/7R</t>
  </si>
  <si>
    <t>GHS KHODAY P/O KHUDIAN KHAS</t>
  </si>
  <si>
    <t>Khoday</t>
  </si>
  <si>
    <t>govt. high school Khoday kasur</t>
  </si>
  <si>
    <t>Malsingh</t>
  </si>
  <si>
    <t>Marli</t>
  </si>
  <si>
    <t>Mubbsher Shahzad</t>
  </si>
  <si>
    <t>GHS KHOJA P.O. KHOJA TEH. SHUJABAD DISTRICT MULTAN</t>
  </si>
  <si>
    <t>Mouza Khoja, Shujabad, Multan</t>
  </si>
  <si>
    <t>Ch Muhammad  Khalil</t>
  </si>
  <si>
    <t>GHS KHOJIAN WALI</t>
  </si>
  <si>
    <t>KHOJIANWALI</t>
  </si>
  <si>
    <t>KHOJIANWALI PO LANGAY GUJRAT</t>
  </si>
  <si>
    <t>MUHAMMAD ASHRAF CHEEMA</t>
  </si>
  <si>
    <t>GHS KHOKHAR BALA</t>
  </si>
  <si>
    <t>Khokharbala</t>
  </si>
  <si>
    <t>VPO KHOKHAR BALA, KALLAR KAHAR CHAKWAL</t>
  </si>
  <si>
    <t>Hafiz Shahbaz Khan</t>
  </si>
  <si>
    <t>GHS KHOKHAR WALA</t>
  </si>
  <si>
    <t>Khral Azeem Nasaib</t>
  </si>
  <si>
    <t>ghs khokhar wala</t>
  </si>
  <si>
    <t>Abu Sufyan Amir</t>
  </si>
  <si>
    <t>GHS KHOKHAR WALI</t>
  </si>
  <si>
    <t>khokharwali</t>
  </si>
  <si>
    <t>chandarkemangoley</t>
  </si>
  <si>
    <t>MUHAMMAD SHAHID JAVED</t>
  </si>
  <si>
    <t>GHS KHOKHAR ZER</t>
  </si>
  <si>
    <t>Khokhar Zar</t>
  </si>
  <si>
    <t>vpi khokhar zar teh and distt chakwal</t>
  </si>
  <si>
    <t>GHS KHOLA SAEED ABAD PO DING VIA CHASHMA BAR</t>
  </si>
  <si>
    <t>GHS  KHOLA SAEEDABAD,  PIPLAN MIANWALI</t>
  </si>
  <si>
    <t>Sajad Ahmad</t>
  </si>
  <si>
    <t>GHS KHORI ALAM</t>
  </si>
  <si>
    <t>village and post office khori alam, city Dinga</t>
  </si>
  <si>
    <t>GHS KHUMANA WALA</t>
  </si>
  <si>
    <t>Khumanawala</t>
  </si>
  <si>
    <t>khumanawala shorkot</t>
  </si>
  <si>
    <t>Chak No 497/ JB</t>
  </si>
  <si>
    <t>Muhammad Ishaq Shaikh</t>
  </si>
  <si>
    <t>GHS KHUNAN</t>
  </si>
  <si>
    <t>govt High School Khunan Tehsil Kharian District Gujrat</t>
  </si>
  <si>
    <t>GHS KHURA</t>
  </si>
  <si>
    <t>Khura teh noshera district Khushab</t>
  </si>
  <si>
    <t>Hafiz Muhammad Irfan</t>
  </si>
  <si>
    <t>GHS KHURAM CHORERA</t>
  </si>
  <si>
    <t>government high school khuram chorera</t>
  </si>
  <si>
    <t>qais ahmad</t>
  </si>
  <si>
    <t>GHS KHURRAM PARACHA</t>
  </si>
  <si>
    <t>khurram paracha</t>
  </si>
  <si>
    <t>village khurram paracha Taxila</t>
  </si>
  <si>
    <t>GHS KHUTHIALA VIRKAN</t>
  </si>
  <si>
    <t>kuthiala virkan</t>
  </si>
  <si>
    <t>Fiaz ali sherazi</t>
  </si>
  <si>
    <t>GHS KILLIAN WALA TANDLIANWALA FSD</t>
  </si>
  <si>
    <t>KILLIANWALA</t>
  </si>
  <si>
    <t>MOZA KILLIANWALA,TANDLIANWALA,FAISALABAD</t>
  </si>
  <si>
    <t>IMRAN KHAN</t>
  </si>
  <si>
    <t>GHS KIRAR WALA MULTAN</t>
  </si>
  <si>
    <t>Momin Abad Rana Wahin Multan</t>
  </si>
  <si>
    <t>Momin Abad Rana Wahin</t>
  </si>
  <si>
    <t>WAHEED ALI</t>
  </si>
  <si>
    <t>GHS KIRI BHAIT</t>
  </si>
  <si>
    <t>kiri bhait</t>
  </si>
  <si>
    <t>chak no 181 kiri bhait tehsil shahkot district nankana sahib</t>
  </si>
  <si>
    <t>nathuwala</t>
  </si>
  <si>
    <t>GHS KIRTO</t>
  </si>
  <si>
    <t>village kirto post office pandori tehsil muridke district sheikhupura</t>
  </si>
  <si>
    <t>ADNAN FAISAL</t>
  </si>
  <si>
    <t>GHS KISRAN</t>
  </si>
  <si>
    <t>village Kisran tehsil Pindi Gheb distt. attock.</t>
  </si>
  <si>
    <t>FATEH KHAN</t>
  </si>
  <si>
    <t>GHS KLASSAN HAMEED</t>
  </si>
  <si>
    <t>Klassan Hameed</t>
  </si>
  <si>
    <t>mouza klassan hameed post office baser Pur</t>
  </si>
  <si>
    <t>Klassan Hamed</t>
  </si>
  <si>
    <t>Klsssan Hameed</t>
  </si>
  <si>
    <t>GHS KOHAR</t>
  </si>
  <si>
    <t>kohar, p/o vehova tehsile taunsa shareef</t>
  </si>
  <si>
    <t>GHS KOHAWAR</t>
  </si>
  <si>
    <t>Near Railway Station Mahmood Kot</t>
  </si>
  <si>
    <t>RS Mahmood Kot</t>
  </si>
  <si>
    <t>Atta Muhammad Jam</t>
  </si>
  <si>
    <t>GHS KOHI WALA, KABIRWALA</t>
  </si>
  <si>
    <t>KOHIWALA</t>
  </si>
  <si>
    <t>ABDUL MUNIM</t>
  </si>
  <si>
    <t>GHS KOH-I-NOOR RAWALPINDI</t>
  </si>
  <si>
    <t>Seham</t>
  </si>
  <si>
    <t>Govt. Kohinoor Boys High School Peshawar Road Rawalpindi</t>
  </si>
  <si>
    <t>Rawalpindi Cantt</t>
  </si>
  <si>
    <t>NAEEM HAIDER</t>
  </si>
  <si>
    <t>kOHINOOR tEXTILE mILLS SUPPLY</t>
  </si>
  <si>
    <t>GHS KOHLA</t>
  </si>
  <si>
    <t>KOHLA</t>
  </si>
  <si>
    <t>MOZA KOHLA, P/O SAME TEH. &amp; DISTT. OKARA</t>
  </si>
  <si>
    <t>QURBAN ALI</t>
  </si>
  <si>
    <t>GHS KOHLIA</t>
  </si>
  <si>
    <t>Village Kohlia post Office Muno Nagar Tehsil Hassan Abdal Attock</t>
  </si>
  <si>
    <t>GHS KOLOWAL NANGIANA</t>
  </si>
  <si>
    <t>KOLOWAL</t>
  </si>
  <si>
    <t>KOLOWAL TEHSIL AND DISTRICT SARGODHA</t>
  </si>
  <si>
    <t>GHS KONDI</t>
  </si>
  <si>
    <t>Koondi</t>
  </si>
  <si>
    <t>BASTI Koondi Kutana MOZA koondi tehsil &amp; district  LODHRAN</t>
  </si>
  <si>
    <t>Koondi Kutana</t>
  </si>
  <si>
    <t>Rana Iftikhar Ali</t>
  </si>
  <si>
    <t>GHS KORADHI</t>
  </si>
  <si>
    <t>koradhi Tehsil Naushera District khushab</t>
  </si>
  <si>
    <t>Humayoun Iqbal</t>
  </si>
  <si>
    <t>GHS KOROO</t>
  </si>
  <si>
    <t>GOHARWALA</t>
  </si>
  <si>
    <t>GHS KOROO P/O BUMB TEH. MNK DIST BHAKKAR</t>
  </si>
  <si>
    <t>KOROO</t>
  </si>
  <si>
    <t>Zulqarnain</t>
  </si>
  <si>
    <t>GHS KORREY KOT</t>
  </si>
  <si>
    <t>Korrey Koot</t>
  </si>
  <si>
    <t>Korrey koot</t>
  </si>
  <si>
    <t>ALLAH YAR</t>
  </si>
  <si>
    <t>GHS KOT ADU</t>
  </si>
  <si>
    <t>PIRHAR SHARQI</t>
  </si>
  <si>
    <t>OPPOSITE ABBAS PLAZA GT ROAD KOT ADDU</t>
  </si>
  <si>
    <t>MUHAMMAD AYOUB</t>
  </si>
  <si>
    <t>GHS KOT ADU NO. 1</t>
  </si>
  <si>
    <t>ward no. 3 near sarafa bazar kot adu</t>
  </si>
  <si>
    <t>ward no 3 kot adu</t>
  </si>
  <si>
    <t>kot adu</t>
  </si>
  <si>
    <t>GHS KOT ALI AADIL</t>
  </si>
  <si>
    <t>Kot Ali Aadil</t>
  </si>
  <si>
    <t>GHS Kot Ali Aadil. P/O MIR KOT, JPPW Multan</t>
  </si>
  <si>
    <t>GHS KOT BAHADAR SHAH</t>
  </si>
  <si>
    <t>Tehsil ahmad pur sial distt jhang</t>
  </si>
  <si>
    <t>Kot Bahadar Shah</t>
  </si>
  <si>
    <t>QAMAR MUSTAFA</t>
  </si>
  <si>
    <t>GHS KOT BELA</t>
  </si>
  <si>
    <t>Kot Bella</t>
  </si>
  <si>
    <t>GHS kot bella</t>
  </si>
  <si>
    <t>Bag Kohna</t>
  </si>
  <si>
    <t>GHS KOT BHAI KHAN SHAH PUR</t>
  </si>
  <si>
    <t>PO &amp; Village Kot Bhai Khan Tehsil Shahpur District Sargodha</t>
  </si>
  <si>
    <t>muhammad riaz shahid</t>
  </si>
  <si>
    <t>GHS KOT BLOUCH</t>
  </si>
  <si>
    <t>KOT 1BALOCH</t>
  </si>
  <si>
    <t>GHS KOT BALOCH</t>
  </si>
  <si>
    <t>KOT Baloch</t>
  </si>
  <si>
    <t>GHS KOT CHAJJI</t>
  </si>
  <si>
    <t>kotchhajji</t>
  </si>
  <si>
    <t>vpo kotchhajji</t>
  </si>
  <si>
    <t>saghri</t>
  </si>
  <si>
    <t>GHS KOT DEVAMAL</t>
  </si>
  <si>
    <t>Kotdevamal</t>
  </si>
  <si>
    <t>Ghs kotdevamal</t>
  </si>
  <si>
    <t>Aurang abad</t>
  </si>
  <si>
    <t>Zaighum Ali Shah</t>
  </si>
  <si>
    <t>GHS KOT DHAMIAK</t>
  </si>
  <si>
    <t>PO Kot Dhamiak  Tehsil Sohawa District Jhelum</t>
  </si>
  <si>
    <t>Pail Banny  Khan</t>
  </si>
  <si>
    <t>GHS KOT DUNI CHAND, ABDUL HAKIM</t>
  </si>
  <si>
    <t>KOT WALA</t>
  </si>
  <si>
    <t>JHALAR MADINA MOZA KOT WALA P/O SAME KABIRWALA</t>
  </si>
  <si>
    <t>JHALAR MADINA</t>
  </si>
  <si>
    <t>HUSSAIN ABAD AWAL</t>
  </si>
  <si>
    <t>Jamshaid Ahmad Saqib</t>
  </si>
  <si>
    <t>GHS KOT GUJRAN MULTAN</t>
  </si>
  <si>
    <t>Kothey Wala</t>
  </si>
  <si>
    <t>Govt. High School Kot Gujran Tehsil Multan Distt. Multan</t>
  </si>
  <si>
    <t>Basti Kot Gujran</t>
  </si>
  <si>
    <t>malik sabir hussain</t>
  </si>
  <si>
    <t>GHS KOT GUL</t>
  </si>
  <si>
    <t>village kot Gul tehsil sahiwal district sargodha</t>
  </si>
  <si>
    <t>abdul ghaffar</t>
  </si>
  <si>
    <t>GHS KOT GULLAH</t>
  </si>
  <si>
    <t>ghskotgullah lawa chakwal</t>
  </si>
  <si>
    <t>Akhtar  Hussain</t>
  </si>
  <si>
    <t>GHS KOT HEERASINGH P.O SAME</t>
  </si>
  <si>
    <t>Kot Heera Singh</t>
  </si>
  <si>
    <t>ghs kot heera singh p/o same teh. arifwala District Pakpattan</t>
  </si>
  <si>
    <t>kot Heera singh</t>
  </si>
  <si>
    <t>Shokat Ali</t>
  </si>
  <si>
    <t>GHS KOT HUSSAN KHAN</t>
  </si>
  <si>
    <t>ghs kot hassan khan</t>
  </si>
  <si>
    <t>Laeeque Ahmad Sultani</t>
  </si>
  <si>
    <t>GHS KOT INAYAT KHAN</t>
  </si>
  <si>
    <t>vpo kot inayat khan tehsil wazirabad Gujranwala</t>
  </si>
  <si>
    <t>QaisarParvaiz Cheema</t>
  </si>
  <si>
    <t>GHS KOT ISA SHAH</t>
  </si>
  <si>
    <t>Kot Is a Shah</t>
  </si>
  <si>
    <t>tassawar abbas</t>
  </si>
  <si>
    <t>GHS KOT ISLAM ABDUL HAKIM</t>
  </si>
  <si>
    <t>kot jhalar</t>
  </si>
  <si>
    <t>moza kot jhalar, p/o kot islam, tehsil kabirwala district khanewal</t>
  </si>
  <si>
    <t>Ali Adnan Shahzad</t>
  </si>
  <si>
    <t>GHS KOT KHAIRA JHANG</t>
  </si>
  <si>
    <t>Mouza Kot Khaira Jhang</t>
  </si>
  <si>
    <t>Ghulam Jilane</t>
  </si>
  <si>
    <t>GHS KOT KHALIFA</t>
  </si>
  <si>
    <t>kot khalifa</t>
  </si>
  <si>
    <t>govt. h/s kot khalifa tehsil ahmad pur east,bwp</t>
  </si>
  <si>
    <t>GHS KOT KHAN</t>
  </si>
  <si>
    <t>MOUZA KOT KHAN, JHANG</t>
  </si>
  <si>
    <t>SIKANDER HAYAT</t>
  </si>
  <si>
    <t>GHS KOT KHEWAN MALL</t>
  </si>
  <si>
    <t>kot khewan Mall PO mandiala tega kamoke GRW</t>
  </si>
  <si>
    <t>Muhammad Faizan Arshad</t>
  </si>
  <si>
    <t>GHS KOT LADHA</t>
  </si>
  <si>
    <t>KOT Ladha</t>
  </si>
  <si>
    <t>VPO KOT LADHA tehsil Nowshera Virkan District Gujranwala</t>
  </si>
  <si>
    <t>SYED SAJID HASSAN SHAH</t>
  </si>
  <si>
    <t>GHS KOT MALDEV</t>
  </si>
  <si>
    <t>Kot Maldev</t>
  </si>
  <si>
    <t>Kot Maldev Tehsil 18 Hazari District Jhang</t>
  </si>
  <si>
    <t>Rana Muhammad Saeed</t>
  </si>
  <si>
    <t>GHS KOT MOHI</t>
  </si>
  <si>
    <t>Kot Mohi</t>
  </si>
  <si>
    <t>Basti kot mohi</t>
  </si>
  <si>
    <t>Muhammad Nadir</t>
  </si>
  <si>
    <t>GHS KOT MOMIN SALAM ROAD</t>
  </si>
  <si>
    <t>salim road KOTMOMIN</t>
  </si>
  <si>
    <t>GHS KOT MUZAFFAR</t>
  </si>
  <si>
    <t>Kot Muzaffar</t>
  </si>
  <si>
    <t>kikri khurd</t>
  </si>
  <si>
    <t>maqbool ul hassan abid</t>
  </si>
  <si>
    <t>GHS KOT NAKKA</t>
  </si>
  <si>
    <t>Kot Naka</t>
  </si>
  <si>
    <t>Kot  nakka</t>
  </si>
  <si>
    <t>Mudassar Ahmad</t>
  </si>
  <si>
    <t>GHS KOT NAWAB AKBAR KHAN</t>
  </si>
  <si>
    <t>Kulay Wala</t>
  </si>
  <si>
    <t>village kulay wala post office Atheel pur kasur</t>
  </si>
  <si>
    <t>Cheraywan</t>
  </si>
  <si>
    <t>Tahir Idrees</t>
  </si>
  <si>
    <t>GHS KOT NAZAM DIN CHAK NO. 184/RB</t>
  </si>
  <si>
    <t>KOT NIZAM DIN Chak 184 RB</t>
  </si>
  <si>
    <t>KOT NIZAM DIN, TEHSIL SHAHKOT, DISTRICT NANKANA SAHIB</t>
  </si>
  <si>
    <t>MUNIEM BASHIR</t>
  </si>
  <si>
    <t>GHS KOT PINDI DAS</t>
  </si>
  <si>
    <t>kot pindi das</t>
  </si>
  <si>
    <t>ghs kot pindi das</t>
  </si>
  <si>
    <t>shakir ali qureshi</t>
  </si>
  <si>
    <t>GHS KOT QAISRANI</t>
  </si>
  <si>
    <t>KOT QAISRANI TEHSIL TAUNSA DISTRICT D.G.KHAN</t>
  </si>
  <si>
    <t>GHS KOT QAZI</t>
  </si>
  <si>
    <t>KOTQAZI</t>
  </si>
  <si>
    <t>GHS KOT QAZI Teh::LAWA. DISTT::CINHAKWAL</t>
  </si>
  <si>
    <t>Tariq Mehmood Hassan</t>
  </si>
  <si>
    <t>GHS KOT RAFIQUE</t>
  </si>
  <si>
    <t>Kot rafique lain parts kamoki</t>
  </si>
  <si>
    <t>Munsipal Camattee Kamoki</t>
  </si>
  <si>
    <t>GHULAM DASTGIR</t>
  </si>
  <si>
    <t>GHS KOT RANJEET (SKP)</t>
  </si>
  <si>
    <t>GHS Kot Ranjeet</t>
  </si>
  <si>
    <t>Abdul Rehman Shakir</t>
  </si>
  <si>
    <t>GHS KOT SABZAL</t>
  </si>
  <si>
    <t>kot sabzal</t>
  </si>
  <si>
    <t>p/o kot sabzal</t>
  </si>
  <si>
    <t>SHAHZAD HUSSAIN</t>
  </si>
  <si>
    <t>GHS KOT SADAT</t>
  </si>
  <si>
    <t>moza fazal wah teh/distt vehari</t>
  </si>
  <si>
    <t>kot sadat</t>
  </si>
  <si>
    <t>FAZAL WAH</t>
  </si>
  <si>
    <t>abdul majeed</t>
  </si>
  <si>
    <t>GHS KOT SAI SINGH</t>
  </si>
  <si>
    <t>MUHAMMAD ZAFAR</t>
  </si>
  <si>
    <t>GHS KOT SANJOR KHAN</t>
  </si>
  <si>
    <t>P/Ã² kot sabzal</t>
  </si>
  <si>
    <t>Knot Sanjar Khan</t>
  </si>
  <si>
    <t>muhammad munawar</t>
  </si>
  <si>
    <t>GHS KOT SARANG</t>
  </si>
  <si>
    <t>VPO kotsarang Tehsil Talagag Chakwal</t>
  </si>
  <si>
    <t>Muhammad Kazim Ali</t>
  </si>
  <si>
    <t>GHS KOT SARDAR MUHAMMAD KHAN KOT RADHA KISHAN</t>
  </si>
  <si>
    <t>Kot sher Singh</t>
  </si>
  <si>
    <t>Govt. High School Kot Sardar Muhammad Khan, Kot Radha Kishen District Kasur</t>
  </si>
  <si>
    <t>Chak no.55</t>
  </si>
  <si>
    <t>Pervaiz Ahmad Khan</t>
  </si>
  <si>
    <t>GHS KOT SHAKIR</t>
  </si>
  <si>
    <t>kot shakir</t>
  </si>
  <si>
    <t>kot shakir p/o same tehsil 18 hazari district jhang</t>
  </si>
  <si>
    <t>7/2 thall shumali kot shakir</t>
  </si>
  <si>
    <t>muhammad azeem nadeem</t>
  </si>
  <si>
    <t>GHS KOT SHAUKAT SULTAN</t>
  </si>
  <si>
    <t>Kot Shoukat Sultan Hujra</t>
  </si>
  <si>
    <t>Hujra Shah Mqueem</t>
  </si>
  <si>
    <t>MC Hujra</t>
  </si>
  <si>
    <t>Muhammad Shafique Tahir</t>
  </si>
  <si>
    <t>GHS KOT SONDAH</t>
  </si>
  <si>
    <t>KOT SONDHA</t>
  </si>
  <si>
    <t>VILLAGE KOT SONDHA P/O SAME TEHSIL AND DISTRICT SHEIKHUPURA</t>
  </si>
  <si>
    <t>GHS KOT SULTAN</t>
  </si>
  <si>
    <t>kot Sultan</t>
  </si>
  <si>
    <t>AHMAD BAKHSH</t>
  </si>
  <si>
    <t>GHS KOT SUNDKI</t>
  </si>
  <si>
    <t>pO kot sundki,Tehsil Hassan abdal,distt attock</t>
  </si>
  <si>
    <t>kot Sundki</t>
  </si>
  <si>
    <t>rafaqat ali</t>
  </si>
  <si>
    <t>GHS KOT WARIS</t>
  </si>
  <si>
    <t>kot waris</t>
  </si>
  <si>
    <t>Mubashar Iqbal</t>
  </si>
  <si>
    <t>GHS KOTANI</t>
  </si>
  <si>
    <t>p/o vehova willage kotani</t>
  </si>
  <si>
    <t>ansar ahmad</t>
  </si>
  <si>
    <t>GHS KOTHA</t>
  </si>
  <si>
    <t>kotha kalan p/o same tehsil chunian district kasur</t>
  </si>
  <si>
    <t>GHS KOTLA ALI DASTI</t>
  </si>
  <si>
    <t>Kotla Ali Dasti</t>
  </si>
  <si>
    <t>Mouza Kotla Ali Dasti Tehsil &amp; District Lodhran</t>
  </si>
  <si>
    <t>Kamalpur Jatial</t>
  </si>
  <si>
    <t>NAFEES AHMAD MALIK</t>
  </si>
  <si>
    <t>GHS KOTLA ANDROON</t>
  </si>
  <si>
    <t>government high school kotla androon</t>
  </si>
  <si>
    <t>Dur Muhammad</t>
  </si>
  <si>
    <t>GHS KOTLA CHAKAR</t>
  </si>
  <si>
    <t>kotla chakar</t>
  </si>
  <si>
    <t>muhammad RASHID</t>
  </si>
  <si>
    <t>GHS KOTLA DEEWAN</t>
  </si>
  <si>
    <t>kotla dewan</t>
  </si>
  <si>
    <t>p/o kotla dewan, tehsil jampur.</t>
  </si>
  <si>
    <t>muhammad zaheer asghar</t>
  </si>
  <si>
    <t>GHS KOTLA EASAN</t>
  </si>
  <si>
    <t>Indus Highway, Kotla Essan District Rajanpur</t>
  </si>
  <si>
    <t>Muhammad Abdullah Khan</t>
  </si>
  <si>
    <t>GHS KOTLA GAMOON</t>
  </si>
  <si>
    <t>kotla Gamoon Tehsil Jatoi District Muzaffar Garh</t>
  </si>
  <si>
    <t>ZIA UR REHMAN</t>
  </si>
  <si>
    <t>GHS KOTLA HAJI SHAH</t>
  </si>
  <si>
    <t>Chak No 123A TDA KOTLA HAJI SHAH</t>
  </si>
  <si>
    <t>GHS KOTLA HAJI SHAH LAYYAH</t>
  </si>
  <si>
    <t>MUHAMMAD BAKHSH</t>
  </si>
  <si>
    <t>GHS KOTLA HAYAT</t>
  </si>
  <si>
    <t>GSS kotla hayat basti talib shah tahsil sadiqabad</t>
  </si>
  <si>
    <t>Basti Talib Shah</t>
  </si>
  <si>
    <t>Bahadar pur</t>
  </si>
  <si>
    <t>QARI ANWAR SAEED</t>
  </si>
  <si>
    <t>GHS KOTLA JAM</t>
  </si>
  <si>
    <t>P/O KOTLA JAM</t>
  </si>
  <si>
    <t>AFTAB AHMAD</t>
  </si>
  <si>
    <t>GHS KOTLA KAHALWAN CHAK NO. 44/RB</t>
  </si>
  <si>
    <t>KOTLA KAHALWAN</t>
  </si>
  <si>
    <t>CHAK NO.44/RB KOTLA KAHALWAN TEHSIL SHAHKOT DISTT. NNS</t>
  </si>
  <si>
    <t>DALLAH CHANDA SING</t>
  </si>
  <si>
    <t>Qamar Yaseen</t>
  </si>
  <si>
    <t>GHS KOTLA MAHARAN  P.O. MULTANI WALA</t>
  </si>
  <si>
    <t>kotla maharan</t>
  </si>
  <si>
    <t>kotla maharan p/o multani wala teh multan sadar dist mtn</t>
  </si>
  <si>
    <t>GHS KOTLA MUGHLAN</t>
  </si>
  <si>
    <t>GHS Kotla mughlan tehsil jampur district rajanpur</t>
  </si>
  <si>
    <t>Kotla mughlan</t>
  </si>
  <si>
    <t>Rafi Ud Din Khan</t>
  </si>
  <si>
    <t>GHS KOTLA MUSA KHAN</t>
  </si>
  <si>
    <t>KOTLA MUSA KHAN</t>
  </si>
  <si>
    <t>POST OFFICE KOTLA MUSA KHAN, AHMAD PUR EAST, BAHAWALPUR</t>
  </si>
  <si>
    <t>GHS KOTLA NASEER</t>
  </si>
  <si>
    <t>Imtiaz Rasool</t>
  </si>
  <si>
    <t>GHS KOTLA NIAZI</t>
  </si>
  <si>
    <t>gbhs kotla niazi liaquat pur</t>
  </si>
  <si>
    <t>GHS KOTLA PATHAN</t>
  </si>
  <si>
    <t>Kotla Pathan Khanpur</t>
  </si>
  <si>
    <t>mushtaq Ahmad</t>
  </si>
  <si>
    <t>GHS KOTLA QAIM KHAN</t>
  </si>
  <si>
    <t>ghs kotla qaim khan</t>
  </si>
  <si>
    <t>Mohammad Shahid Nawaz</t>
  </si>
  <si>
    <t>GHS KOTLI AMIR ALI</t>
  </si>
  <si>
    <t>Kotli Amir Ali Sialkot</t>
  </si>
  <si>
    <t>Kotli Amir ali Tehsil and District Sialkot</t>
  </si>
  <si>
    <t>Basharat Ullah Cheema</t>
  </si>
  <si>
    <t>GHS KOTLI BEHRAM</t>
  </si>
  <si>
    <t>KHADIM ALI ROAD SIALKOT</t>
  </si>
  <si>
    <t>MUHAMMAD YASIN VIRK</t>
  </si>
  <si>
    <t>GHS KOTLI BHAGWAN</t>
  </si>
  <si>
    <t>village kotli bhagwan P/o Tanda  tehsil &amp; distt.gujrat</t>
  </si>
  <si>
    <t>Kotli Bhagwan</t>
  </si>
  <si>
    <t>Shurkh Pur</t>
  </si>
  <si>
    <t>GHS KOTLI KOHALA</t>
  </si>
  <si>
    <t>VPO Kotli Kohala Tehsil and District Gujrat</t>
  </si>
  <si>
    <t>GHS KOTLI MURAD</t>
  </si>
  <si>
    <t>Basti Abdul Aziz khan Moza KOTLI Murad p/o Head lanji war Tehsil Khan Pur</t>
  </si>
  <si>
    <t>MUHAMAMD IQBAL NAWAZ</t>
  </si>
  <si>
    <t>GHS KOTLI NAWAB</t>
  </si>
  <si>
    <t>Riasat ali javid</t>
  </si>
  <si>
    <t>GHS KOTLI NIJABAT</t>
  </si>
  <si>
    <t>KOTLI NIJABAT</t>
  </si>
  <si>
    <t>QAMAR ABBAS</t>
  </si>
  <si>
    <t>GHS KOTLI RAI ABU BAKAR KASUR</t>
  </si>
  <si>
    <t>Dr Naseer Ahmad Salfi</t>
  </si>
  <si>
    <t>GHS KOTLI SATTIAN</t>
  </si>
  <si>
    <t>VILL AND TEHSIL KOTLI SATTIAN</t>
  </si>
  <si>
    <t>TMC KOTLI SATTIAN</t>
  </si>
  <si>
    <t>JAVED AKHTAR</t>
  </si>
  <si>
    <t>GHS KUDLATHI ARA SHAH PUR</t>
  </si>
  <si>
    <t>kudlathi Ara</t>
  </si>
  <si>
    <t>VPO Kudlathi Ara Tehsil sahiwal distt. Sargodha</t>
  </si>
  <si>
    <t>GHS KUFRI</t>
  </si>
  <si>
    <t>SiddiqueAbad</t>
  </si>
  <si>
    <t>Muhammad Hassan Raza</t>
  </si>
  <si>
    <t>GHS KUKKAR HATTA, NAWAN SHEHR</t>
  </si>
  <si>
    <t>KUKKAR HATTA</t>
  </si>
  <si>
    <t>IBRAHIM PUR</t>
  </si>
  <si>
    <t>GHS KUL CHUNIAN</t>
  </si>
  <si>
    <t>ghs kul</t>
  </si>
  <si>
    <t>GHS KULAB</t>
  </si>
  <si>
    <t>basti kot sipra kulab</t>
  </si>
  <si>
    <t>GHS KULLOWAL</t>
  </si>
  <si>
    <t>kulluwal, sambrial, sialkot</t>
  </si>
  <si>
    <t>Mazhar Hussain Zia</t>
  </si>
  <si>
    <t>GHS KUMHARAI WALA</t>
  </si>
  <si>
    <t>KUMHARIWALA</t>
  </si>
  <si>
    <t>GOVT.MODEL HIGH SCHOOL KUMHARIWALA</t>
  </si>
  <si>
    <t>MUHAMMAD YAR NAZ</t>
  </si>
  <si>
    <t>GHS KUNDAL</t>
  </si>
  <si>
    <t>p/o and village kundal thesil  esa khel and ditrict mianwali</t>
  </si>
  <si>
    <t>Khaglawala</t>
  </si>
  <si>
    <t>GHS KUNDAL KHOKHARAN</t>
  </si>
  <si>
    <t>MOUZA KUNDAL KHOKHRAN A.P.SIAL JHANG</t>
  </si>
  <si>
    <t>KUNDAL KHOKHRAN</t>
  </si>
  <si>
    <t>Johar Ali Shah</t>
  </si>
  <si>
    <t>GHS KUNDAN PUR</t>
  </si>
  <si>
    <t>KUNDAN PUR</t>
  </si>
  <si>
    <t>VILLAGE AND P.O KUNDAN PUR SIALKOT</t>
  </si>
  <si>
    <t>GHS KUNDIAN</t>
  </si>
  <si>
    <t>ghs kundian jernaili road kundian</t>
  </si>
  <si>
    <t>MASOOD AHMAD</t>
  </si>
  <si>
    <t>GHS KURAKWALI</t>
  </si>
  <si>
    <t>Kurakwali</t>
  </si>
  <si>
    <t>Kurakwali p/o Thoha Mehram Khan</t>
  </si>
  <si>
    <t>Ahsan Masood Malik</t>
  </si>
  <si>
    <t>GHS KUTHIALA</t>
  </si>
  <si>
    <t>vpo kuthiala tehsil sambrial</t>
  </si>
  <si>
    <t>FAISAL MAHMOOD</t>
  </si>
  <si>
    <t>GHS KUTHIALA SHEIKHAN</t>
  </si>
  <si>
    <t>kuthiala sheikhan</t>
  </si>
  <si>
    <t>VILL PO KUTHIALA SHEIKHAN TEHSIL DIST MANDI BAHAUDDIN</t>
  </si>
  <si>
    <t>KUTHIALA SHEIKHAN</t>
  </si>
  <si>
    <t>khalid mehmood Butt</t>
  </si>
  <si>
    <t>GHS L  PLOT FOUJIAN</t>
  </si>
  <si>
    <t>4gd</t>
  </si>
  <si>
    <t>L plot fojian teh. renala distt. okara</t>
  </si>
  <si>
    <t>Lplot Fojian</t>
  </si>
  <si>
    <t>L Plot</t>
  </si>
  <si>
    <t>Riaz Ahmad Faridi</t>
  </si>
  <si>
    <t>GHS LAB THATHO</t>
  </si>
  <si>
    <t>GHS lab thathoo tehsil taxila distt rwp</t>
  </si>
  <si>
    <t>GHS LADHA SADHA</t>
  </si>
  <si>
    <t>Ladha Sadha Road, PO Ladha Sadha, Tehsil &amp; District Gujrat</t>
  </si>
  <si>
    <t>GHS LADHAR</t>
  </si>
  <si>
    <t>GHS Ladhar vario Road Teh &amp; Disst Sialkot</t>
  </si>
  <si>
    <t>MUHAMMAD PERVEEZ</t>
  </si>
  <si>
    <t>GHS LADHAY WALA CHEEMA</t>
  </si>
  <si>
    <t>Ladhay Wala Cheema</t>
  </si>
  <si>
    <t>LADHAY WALA CHEEMA PO AHMAD NAGAR TEH: WAZIRABAD DISTT: GUJRANWALA</t>
  </si>
  <si>
    <t>GHS LADHEKE UNCHEY</t>
  </si>
  <si>
    <t>Ladhake Unchay</t>
  </si>
  <si>
    <t>ladhake unchay raiwind lahore</t>
  </si>
  <si>
    <t>Jiya Baga</t>
  </si>
  <si>
    <t>GHS LADHEY WAL</t>
  </si>
  <si>
    <t>Ladheywal</t>
  </si>
  <si>
    <t>koi ki bahawal</t>
  </si>
  <si>
    <t>GHS LAGAR</t>
  </si>
  <si>
    <t>GHS Lagar tehsil and district sheikhupura</t>
  </si>
  <si>
    <t>muhammad nawaz ahmad khan</t>
  </si>
  <si>
    <t>GHS LAHORI TEH LODRAAN</t>
  </si>
  <si>
    <t>mauza &amp; UC Lahori tehsil&amp;district lodhran p/o gila wala</t>
  </si>
  <si>
    <t>Rao Abdul Jabbar</t>
  </si>
  <si>
    <t>GHS LAKHAN WALA</t>
  </si>
  <si>
    <t>Govt.High School Lakhanwal Gujrat</t>
  </si>
  <si>
    <t>GHS LAKHANEKAY</t>
  </si>
  <si>
    <t>lakhnekay</t>
  </si>
  <si>
    <t>lakhnekay kasur</t>
  </si>
  <si>
    <t>Muhammad saeed</t>
  </si>
  <si>
    <t>GHS LAKHANI</t>
  </si>
  <si>
    <t>BASTI LAKHANI PO LAKHANI</t>
  </si>
  <si>
    <t>aman ullah</t>
  </si>
  <si>
    <t>GHS LAKHNOOR</t>
  </si>
  <si>
    <t>Lakhnor</t>
  </si>
  <si>
    <t>Govt High School Lakhnoor Tehsil Shakargarh Distt. Narowal</t>
  </si>
  <si>
    <t>Lakhnoor</t>
  </si>
  <si>
    <t>GHS LAKHODHER</t>
  </si>
  <si>
    <t>Govt. High School Lakhodair Lahore Cantt.</t>
  </si>
  <si>
    <t>Abdul Samad Siddiqui</t>
  </si>
  <si>
    <t>GHS LAKHOKI</t>
  </si>
  <si>
    <t>GOVT BOYS HIGH SCHOOL LAKHOKI LAHORE CANTT</t>
  </si>
  <si>
    <t>JAHMN</t>
  </si>
  <si>
    <t>Muhammad iqbal</t>
  </si>
  <si>
    <t>GHS LAKKARMAR</t>
  </si>
  <si>
    <t>LAKKARMAR</t>
  </si>
  <si>
    <t>lakkarmar</t>
  </si>
  <si>
    <t>Shoukat Mehmood</t>
  </si>
  <si>
    <t>GHS LAKSEEN</t>
  </si>
  <si>
    <t>GHS Lakseen</t>
  </si>
  <si>
    <t>masud ur rasool</t>
  </si>
  <si>
    <t>GHS LAL PUR CHAK NO. 15 FAIZ</t>
  </si>
  <si>
    <t>Rana wahin</t>
  </si>
  <si>
    <t>tiba seelab abad p/o rao garh via shujabad road multan t/d multan</t>
  </si>
  <si>
    <t>Tiba seelab abad</t>
  </si>
  <si>
    <t>GHS LALA PUR</t>
  </si>
  <si>
    <t>LALA PUR</t>
  </si>
  <si>
    <t>Lala pur</t>
  </si>
  <si>
    <t>Mattu Bhaiky</t>
  </si>
  <si>
    <t>Muhammad Malik Virk</t>
  </si>
  <si>
    <t>GHS LALEKA</t>
  </si>
  <si>
    <t>GHS LALIANI</t>
  </si>
  <si>
    <t>LALLIANI</t>
  </si>
  <si>
    <t>GHS LALLIANI</t>
  </si>
  <si>
    <t>LALLIANI CITY</t>
  </si>
  <si>
    <t>GHS LALKE SKP</t>
  </si>
  <si>
    <t>lakkay</t>
  </si>
  <si>
    <t>Muredkey</t>
  </si>
  <si>
    <t>GHS LALO P/O DOKOTA</t>
  </si>
  <si>
    <t>Lalo</t>
  </si>
  <si>
    <t>MOUZA LALO MAILSI , VEHARI</t>
  </si>
  <si>
    <t>GHS LANGAH</t>
  </si>
  <si>
    <t>Jhanday Langah</t>
  </si>
  <si>
    <t>jhanday langah</t>
  </si>
  <si>
    <t>MUHAMMAD  WASEEM SADIQ</t>
  </si>
  <si>
    <t>GHS LANGER</t>
  </si>
  <si>
    <t>DAHREK</t>
  </si>
  <si>
    <t>v langer po bahtar tehsil fatehjang district attock</t>
  </si>
  <si>
    <t>LANGER</t>
  </si>
  <si>
    <t>Dahrek</t>
  </si>
  <si>
    <t>liaqat ali khan</t>
  </si>
  <si>
    <t>GHS LANGER MAKHDOOM</t>
  </si>
  <si>
    <t>ABDUL NASIR</t>
  </si>
  <si>
    <t>GHS LANGER SARAI</t>
  </si>
  <si>
    <t>Langarsarai</t>
  </si>
  <si>
    <t>p/o langarsarai</t>
  </si>
  <si>
    <t>HAFIZ MUHAMMAD MASOOM AWAN</t>
  </si>
  <si>
    <t>GHS LANGRIAL</t>
  </si>
  <si>
    <t>VPO LANGRIAL</t>
  </si>
  <si>
    <t>Muhammad Azhar Naeem</t>
  </si>
  <si>
    <t>GHS LANJARI ADDA LAIL PUR</t>
  </si>
  <si>
    <t>ghs linjari basti adda layal pur kehror pakka</t>
  </si>
  <si>
    <t>LailPur</t>
  </si>
  <si>
    <t>Aamir Hussain</t>
  </si>
  <si>
    <t>GHS LASANI MUSLIM</t>
  </si>
  <si>
    <t>Govt. lasani muslim H/S</t>
  </si>
  <si>
    <t>farooqabd</t>
  </si>
  <si>
    <t>urbab</t>
  </si>
  <si>
    <t>Muddasir Ahmad</t>
  </si>
  <si>
    <t>GHS LASKANI WALA</t>
  </si>
  <si>
    <t>Laskani Wala, Tehsil Karor, District Layyah</t>
  </si>
  <si>
    <t>GHS LASOORI</t>
  </si>
  <si>
    <t>GHS Lasoori,Mouza Danday Wala,P/O Gujrat,Kot Addu, Muzaffargarh</t>
  </si>
  <si>
    <t>Lasoori Khar</t>
  </si>
  <si>
    <t>Thatta Gurmani Gharbi</t>
  </si>
  <si>
    <t>Muhammad Tahir Iqbal</t>
  </si>
  <si>
    <t>GHS LASOORI TEH SHUJA ABAD</t>
  </si>
  <si>
    <t>govt high school lasoori shujabad multan</t>
  </si>
  <si>
    <t>GHS LASSA</t>
  </si>
  <si>
    <t>GBHS Lassa, Tehsil Fateh Jang, district Attock</t>
  </si>
  <si>
    <t>Gali jageer</t>
  </si>
  <si>
    <t>Irfan Mehmud</t>
  </si>
  <si>
    <t>GHS LASURI KALAN</t>
  </si>
  <si>
    <t>LASURI KALAN</t>
  </si>
  <si>
    <t>VPO LASURI KALAN TEH.PHALIA  M.B.DIN</t>
  </si>
  <si>
    <t>HASLANWALA</t>
  </si>
  <si>
    <t>GHS LATI</t>
  </si>
  <si>
    <t>VPO Leti Lawa Chakwal</t>
  </si>
  <si>
    <t>Abdul Aziz Zahid</t>
  </si>
  <si>
    <t>GHS LAU</t>
  </si>
  <si>
    <t>moza and p/o lau teh and distt jhang</t>
  </si>
  <si>
    <t>chatta</t>
  </si>
  <si>
    <t>Hussain Farooq Sidique</t>
  </si>
  <si>
    <t>GHS LEHREE</t>
  </si>
  <si>
    <t>vpo Lehri Tehsil Kahuta Distt rawalpindi</t>
  </si>
  <si>
    <t>SHAHNAWAZ</t>
  </si>
  <si>
    <t>GHS LEHRI</t>
  </si>
  <si>
    <t>GOVT HIGH SCHOOL LEHRI TEHSIL SOHAWA DISTRICT JHELUM</t>
  </si>
  <si>
    <t>salman zafar</t>
  </si>
  <si>
    <t>GHS LEHRI KAKAN</t>
  </si>
  <si>
    <t>Lehri KAKAN</t>
  </si>
  <si>
    <t>VPO LEHRI KAKAN TEH CHOA SAIDEN SHAH DISTRICT CHAKWAL</t>
  </si>
  <si>
    <t>muhammad bashir</t>
  </si>
  <si>
    <t>GHS LESSER KALAN</t>
  </si>
  <si>
    <t>Govt. High school lesser kalan</t>
  </si>
  <si>
    <t>GHS LIAQAT MODEL SAHNA</t>
  </si>
  <si>
    <t>SAHNA</t>
  </si>
  <si>
    <t>SAHAN</t>
  </si>
  <si>
    <t>Arif Mahmood</t>
  </si>
  <si>
    <t>GHS LIAQAT PIPNAKHA</t>
  </si>
  <si>
    <t>PIPNAKHA</t>
  </si>
  <si>
    <t>GOVT. LIAQAT H/S PIPNAKHA GUJRANWALA</t>
  </si>
  <si>
    <t>MUHAMMAD SHAHBAZ WARRAICH</t>
  </si>
  <si>
    <t>GHS LIAQAT SHEIKHUPURA</t>
  </si>
  <si>
    <t>bhikhi road</t>
  </si>
  <si>
    <t>sargodha road sheikhupura</t>
  </si>
  <si>
    <t>SAJID AHMAD SAJID</t>
  </si>
  <si>
    <t>GHS LIDHAR</t>
  </si>
  <si>
    <t>bedian road</t>
  </si>
  <si>
    <t>govt. high school lidhar, bedian road, lahore cantt</t>
  </si>
  <si>
    <t>lidhar</t>
  </si>
  <si>
    <t>Shahid Javed</t>
  </si>
  <si>
    <t>GHS LITRA</t>
  </si>
  <si>
    <t>Government Boys High School Litra Tehsil Taunsa</t>
  </si>
  <si>
    <t>GHS LITTEN</t>
  </si>
  <si>
    <t>LITTEN</t>
  </si>
  <si>
    <t>LITTEN MANKERA TEHSIL MANKERA DISTRICT BHAKKAR</t>
  </si>
  <si>
    <t>ZULFIQAR HUSSAIN</t>
  </si>
  <si>
    <t>GHS LOHAR WALA</t>
  </si>
  <si>
    <t>basti loharwala, DG Khan</t>
  </si>
  <si>
    <t>Loharwala</t>
  </si>
  <si>
    <t>Memori</t>
  </si>
  <si>
    <t>GHS LOHARA</t>
  </si>
  <si>
    <t>Village &amp; post office Lohara Tehsil Zafarwal Dist Narowal</t>
  </si>
  <si>
    <t>GHS LOHIAN WALA</t>
  </si>
  <si>
    <t>Govt High school Lohianwala</t>
  </si>
  <si>
    <t>Mawaz Khan</t>
  </si>
  <si>
    <t>GHS LOOTHER MULTAN</t>
  </si>
  <si>
    <t>Station Riazabad Mauza Loother</t>
  </si>
  <si>
    <t>Station Riazabad</t>
  </si>
  <si>
    <t>ejaz ahmad sumra</t>
  </si>
  <si>
    <t>GHS LUND PUR</t>
  </si>
  <si>
    <t>Lundpur</t>
  </si>
  <si>
    <t>GHS LUNDI SAIDAN</t>
  </si>
  <si>
    <t>Raqba Lundi Saidan</t>
  </si>
  <si>
    <t>Post office Lalgarh Lundi saidan tehsil Jampur Rajanpur</t>
  </si>
  <si>
    <t>GHS LUNDIANWALA</t>
  </si>
  <si>
    <t>LUNDIANWALA</t>
  </si>
  <si>
    <t>Chak No 650 /1 GB</t>
  </si>
  <si>
    <t>IQBAL HUSSAIN</t>
  </si>
  <si>
    <t>GHS LURHIKI</t>
  </si>
  <si>
    <t>Lurhiki</t>
  </si>
  <si>
    <t>V.p.o. lurhiki tehail daska distt. sialkot</t>
  </si>
  <si>
    <t>MUHAMMAD AKRAM ASHRAF</t>
  </si>
  <si>
    <t>GHS LUTAFABAD BOSAN ROAD MULTAN</t>
  </si>
  <si>
    <t>basti Lutfabad bosan road multan</t>
  </si>
  <si>
    <t>Junaid Iqbal</t>
  </si>
  <si>
    <t>GHS M D MACHRALA</t>
  </si>
  <si>
    <t>Govt. MD Islamia H/S machhrala tehsil kamoke district gujranwala</t>
  </si>
  <si>
    <t>GHS M.A. ISLAMIA</t>
  </si>
  <si>
    <t>Qabrastan Wala Gala, NIan Chowk, Gujranwala</t>
  </si>
  <si>
    <t>Mubarik Shah</t>
  </si>
  <si>
    <t>Muhammad Afzal Hanjra</t>
  </si>
  <si>
    <t>GHS M.A. JINNAH</t>
  </si>
  <si>
    <t>MOHALLAH HARIWALA PINDIGHEB</t>
  </si>
  <si>
    <t>MC Pindigheb</t>
  </si>
  <si>
    <t>Safi Haider</t>
  </si>
  <si>
    <t>GHS M.A.JINNAH QASIM PUR MULTAN</t>
  </si>
  <si>
    <t>QASIM PUR COLOY MULTAN</t>
  </si>
  <si>
    <t>QASIM PUR COLONY</t>
  </si>
  <si>
    <t>Syed Tanveer ur Rehman Shah</t>
  </si>
  <si>
    <t>GHS M.I. HAPPY SANDA ROAD NATIONAL TOWN LAHORE</t>
  </si>
  <si>
    <t>govt.m.i.Happy High school Sanda Road Lahore.</t>
  </si>
  <si>
    <t>GHS M.S. ISLAMIA</t>
  </si>
  <si>
    <t>govt m.s.islamia high school gujranwala</t>
  </si>
  <si>
    <t>muhammad Hafeez</t>
  </si>
  <si>
    <t>GHS MAAN KOT, NAWAN SHEHR</t>
  </si>
  <si>
    <t>post office Maan Kot Tehsil Kabirwala district Khanewal</t>
  </si>
  <si>
    <t>GHS MAAN WALA, KABIRWALA</t>
  </si>
  <si>
    <t>Maanwala</t>
  </si>
  <si>
    <t>Maanwala Kabirwala</t>
  </si>
  <si>
    <t>Ch. Muhammad. Ashraf</t>
  </si>
  <si>
    <t>GHS MACHHIA</t>
  </si>
  <si>
    <t>MACHHIA</t>
  </si>
  <si>
    <t>VPO MACHHIA GUJAR KHAN RWP.</t>
  </si>
  <si>
    <t>PUNJGRAN KALAN</t>
  </si>
  <si>
    <t>GHS MACHI KHOKHAR</t>
  </si>
  <si>
    <t>Machi KHOKHAR tehsil and district sialkot</t>
  </si>
  <si>
    <t>GHS MACHI WAL</t>
  </si>
  <si>
    <t>GHS MACHIWAL</t>
  </si>
  <si>
    <t>ghs machiwal</t>
  </si>
  <si>
    <t>Syed Asad Hussain</t>
  </si>
  <si>
    <t>GHS MACHKA</t>
  </si>
  <si>
    <t>Machka Tehsil Sadiqabad District Rahimyarkhan</t>
  </si>
  <si>
    <t>GHS MACHO NIKKA</t>
  </si>
  <si>
    <t>vill.machonikka</t>
  </si>
  <si>
    <t>mansab ali chadhar</t>
  </si>
  <si>
    <t>GHS MADAR (SKP)</t>
  </si>
  <si>
    <t>Government High school Madar</t>
  </si>
  <si>
    <t>Jandiala Sher Khan</t>
  </si>
  <si>
    <t>GHS MADHANI WALA MINCHIN ABAD</t>
  </si>
  <si>
    <t>chak madhaniwala teh manchanabad bahwalnagar</t>
  </si>
  <si>
    <t>matt wala</t>
  </si>
  <si>
    <t>muhammad ahsan</t>
  </si>
  <si>
    <t>GHS MADHRIAN WALA</t>
  </si>
  <si>
    <t>Madhrianwala Village</t>
  </si>
  <si>
    <t>Sulangi Awan</t>
  </si>
  <si>
    <t>GHS MADRISA MILLIA ISLAMIA S.TOWN RAWALPINDI</t>
  </si>
  <si>
    <t>Katrian</t>
  </si>
  <si>
    <t>Govt Madrasa Millia Islamia High School SATELLITE Town Rawalpindi</t>
  </si>
  <si>
    <t>Dr. Muhammad Naeem Ullah Bajwa</t>
  </si>
  <si>
    <t>GHS MAGHIAN</t>
  </si>
  <si>
    <t>vpo maghian</t>
  </si>
  <si>
    <t>Wahid Raza</t>
  </si>
  <si>
    <t>GHS MAHANDER</t>
  </si>
  <si>
    <t>Village &amp; P.O. Mahander Tehsil Gujar Khan.</t>
  </si>
  <si>
    <t>Mahander</t>
  </si>
  <si>
    <t>Khurshid Ahmed</t>
  </si>
  <si>
    <t>GHS MAHMON WALI</t>
  </si>
  <si>
    <t>MAHMONWALI</t>
  </si>
  <si>
    <t>GHS MAHMONWALI, TEH&amp;DISTT. SHEIKHUPURA</t>
  </si>
  <si>
    <t>TIBBI HUMBOO</t>
  </si>
  <si>
    <t>RANA ADEEL ARIF</t>
  </si>
  <si>
    <t>GHS MAHMOOD PURA</t>
  </si>
  <si>
    <t>mahmood pura</t>
  </si>
  <si>
    <t>village Mahmood pura p/o Khudian Khas</t>
  </si>
  <si>
    <t>mahmood Pura</t>
  </si>
  <si>
    <t>berun Khudian</t>
  </si>
  <si>
    <t>GHS MAHMOOD SHAHEED</t>
  </si>
  <si>
    <t>Mehmood shaheed District khushab</t>
  </si>
  <si>
    <t>GHS MAHNI</t>
  </si>
  <si>
    <t>MAHNI</t>
  </si>
  <si>
    <t>P/O HAIDER ABAD THALL TEHSIL MANKERA DISTT. BHAKKAR</t>
  </si>
  <si>
    <t>GHS MAHNI SIAL, KABIRWALA</t>
  </si>
  <si>
    <t>MAHNI SIAL</t>
  </si>
  <si>
    <t>MAHNI SIAL, KHANEWAL</t>
  </si>
  <si>
    <t>GHS MAHOORA</t>
  </si>
  <si>
    <t>MAHOORA</t>
  </si>
  <si>
    <t>village mahoora PO Gaggan tehsil fatehjang distt attock</t>
  </si>
  <si>
    <t>GHS MAHOTA</t>
  </si>
  <si>
    <t>MAHOTA</t>
  </si>
  <si>
    <t>MAHOTA TEHSIL DARYA KHAN DISTRICT BHAKKAR</t>
  </si>
  <si>
    <t>GHS MAHRA</t>
  </si>
  <si>
    <t>Mahra post office Mahra tehsil and district Muzaffargarh</t>
  </si>
  <si>
    <t>Mahra City</t>
  </si>
  <si>
    <t>ABDUL QADIR TAHIR</t>
  </si>
  <si>
    <t>GHS MAHRAN WALI</t>
  </si>
  <si>
    <t>Govt High School Marhanwali Tehseel Karor</t>
  </si>
  <si>
    <t>kashif kamran</t>
  </si>
  <si>
    <t>GHS MAIBAL SHARIF</t>
  </si>
  <si>
    <t>maibal sharif</t>
  </si>
  <si>
    <t>Maibal Sharif</t>
  </si>
  <si>
    <t>Muhammad Khalil Paracha</t>
  </si>
  <si>
    <t>GHS MAILSI</t>
  </si>
  <si>
    <t>govt. high school Hari pura mailsi</t>
  </si>
  <si>
    <t>27 East</t>
  </si>
  <si>
    <t>GHS MAINGAN CHAKWAL</t>
  </si>
  <si>
    <t>maingan</t>
  </si>
  <si>
    <t>SYED SHOHRAT HUSSAIN NAQVI</t>
  </si>
  <si>
    <t>GHS MAIRA</t>
  </si>
  <si>
    <t>GHS MAIRA KALLAN</t>
  </si>
  <si>
    <t>MAIRA KALAN</t>
  </si>
  <si>
    <t>MAIRA KALAN, CHAKRI ROAD, RAWALPINDI</t>
  </si>
  <si>
    <t>RANIAL</t>
  </si>
  <si>
    <t>GHS MAIRA SHARIF</t>
  </si>
  <si>
    <t>VPO MAIRA SHARIF TEHSIL PINDI GHEB</t>
  </si>
  <si>
    <t>TAJ MUHAMMAD KHAN</t>
  </si>
  <si>
    <t>GHS MAJEED ABAD</t>
  </si>
  <si>
    <t>ROM</t>
  </si>
  <si>
    <t>MAJEED ABAD LQP</t>
  </si>
  <si>
    <t>MAJEED ABAD</t>
  </si>
  <si>
    <t>KHAN BELA</t>
  </si>
  <si>
    <t>SHEIKH MUHAMMAD SHAHID</t>
  </si>
  <si>
    <t>GHS MAJHI</t>
  </si>
  <si>
    <t>Majhi teh. Malakwal Distt. M.B.Din.</t>
  </si>
  <si>
    <t>ARSHAD IQBAL</t>
  </si>
  <si>
    <t>GHS MAJHI SULTAN</t>
  </si>
  <si>
    <t>Majhi Sultan</t>
  </si>
  <si>
    <t>Mouza Majhi Sultan Jhang</t>
  </si>
  <si>
    <t>muhammad Hussain Faiz</t>
  </si>
  <si>
    <t>GHS MAJOR MUNEER SHAHEED JHELUM CANTT</t>
  </si>
  <si>
    <t>jhelum cantt</t>
  </si>
  <si>
    <t>kotla faqir</t>
  </si>
  <si>
    <t>usman ali</t>
  </si>
  <si>
    <t>GHS MAJRA</t>
  </si>
  <si>
    <t>majra tehsil sambrial district sialkot</t>
  </si>
  <si>
    <t>majra kalan</t>
  </si>
  <si>
    <t>Dr Muhammad Sarfraz</t>
  </si>
  <si>
    <t>GHS MAJU CHAK</t>
  </si>
  <si>
    <t>maju chak</t>
  </si>
  <si>
    <t>GHS MAKHDOOM RASHEED</t>
  </si>
  <si>
    <t>Main Vehari Road Makhdoom Rasheed</t>
  </si>
  <si>
    <t>GHS MAKIANA</t>
  </si>
  <si>
    <t>makiana gujrat</t>
  </si>
  <si>
    <t>Muhammad Aqeel Yousaf</t>
  </si>
  <si>
    <t>GHS MAKORAY WALA</t>
  </si>
  <si>
    <t>Chah makoray Wala Mouza Haji Ghazi Gharbi</t>
  </si>
  <si>
    <t>Chah makoray wala</t>
  </si>
  <si>
    <t>GHS MAKWAL KALAN</t>
  </si>
  <si>
    <t>p/o makwal kalan Tehsil taunsa</t>
  </si>
  <si>
    <t>Makwak Kalan</t>
  </si>
  <si>
    <t>Muhammad Fayyaz Manzoor</t>
  </si>
  <si>
    <t>GHS MALAK MALA</t>
  </si>
  <si>
    <t>VOP Malak Mala Tehsil Hazro Distt Attock</t>
  </si>
  <si>
    <t>GHS MALAK WAL</t>
  </si>
  <si>
    <t>BHERA ROAD, MALAKWAL, DISTT. M.B.DIN</t>
  </si>
  <si>
    <t>HAFEEZ AHMED</t>
  </si>
  <si>
    <t>GHS MALHOO</t>
  </si>
  <si>
    <t>Kamulpurmusa</t>
  </si>
  <si>
    <t>Vill Malhoo Hazro Distt Attock</t>
  </si>
  <si>
    <t>GHS MALHOO SHEIKHU KA</t>
  </si>
  <si>
    <t>Jahgira Abad</t>
  </si>
  <si>
    <t>ghs Malhoo sheikhu ka haveli lakha</t>
  </si>
  <si>
    <t>Malhoo Sheikhu Ka</t>
  </si>
  <si>
    <t>GHS MALHU KHOKHAR</t>
  </si>
  <si>
    <t>Malhu Khokhar</t>
  </si>
  <si>
    <t>Village Malhu Khokhar Bimbher Road Gujrat</t>
  </si>
  <si>
    <t>Juara Jalalpur</t>
  </si>
  <si>
    <t>DR.SAIFULLAH</t>
  </si>
  <si>
    <t>GHS MALI PUR</t>
  </si>
  <si>
    <t>village mali pur tehsil pasrur district sialkot</t>
  </si>
  <si>
    <t>RANA ABDUR REHMAN</t>
  </si>
  <si>
    <t>GHS MALIK PUR MIRZA</t>
  </si>
  <si>
    <t>MALIK PUR Mirza</t>
  </si>
  <si>
    <t>VILL MALIK PUR Mirza P.O KOWANKH Teh &amp; Distt Gujrat</t>
  </si>
  <si>
    <t>Malik Pur Mirza</t>
  </si>
  <si>
    <t>GHS MALIKWAL</t>
  </si>
  <si>
    <t>Sargodha Road Malikwal</t>
  </si>
  <si>
    <t>Muhammad Arshed Hussin Malik</t>
  </si>
  <si>
    <t>GHS MALKANI</t>
  </si>
  <si>
    <t>P/O MALKANI</t>
  </si>
  <si>
    <t>Ghulam Arabi Naveed</t>
  </si>
  <si>
    <t>GHS MALKAY</t>
  </si>
  <si>
    <t>MALKAY</t>
  </si>
  <si>
    <t>VPO MALKAY TEHSIL KAMOKE DISTT GUJRANWALA</t>
  </si>
  <si>
    <t>Ghulam Ullah</t>
  </si>
  <si>
    <t>GHS MALKAY KALAN</t>
  </si>
  <si>
    <t>Village Malkay Kalan Sialkot</t>
  </si>
  <si>
    <t>GHS MALKHAN WALA</t>
  </si>
  <si>
    <t>VPO Malkhanwala, Tehsil Sambrial</t>
  </si>
  <si>
    <t>muhammad saleem bhatti</t>
  </si>
  <si>
    <t>GHS MALKI</t>
  </si>
  <si>
    <t>VPO Malki, Tehsil and District Gujrat</t>
  </si>
  <si>
    <t>GHS MALLA KHEL P/O MAKER WAL</t>
  </si>
  <si>
    <t>Mallakhel</t>
  </si>
  <si>
    <t>mallakhel makerwal</t>
  </si>
  <si>
    <t>GUL ZAMAN KHAN</t>
  </si>
  <si>
    <t>GHS MALLIAN KALAN</t>
  </si>
  <si>
    <t>Malian Kalan</t>
  </si>
  <si>
    <t>Rana Ehsan ul Haq</t>
  </si>
  <si>
    <t>GHS MALO WALL SKP</t>
  </si>
  <si>
    <t>Village Malowl Post Office Same</t>
  </si>
  <si>
    <t>Rana Maqsood Ahmed</t>
  </si>
  <si>
    <t>GHS MALOKE</t>
  </si>
  <si>
    <t>MALOKE</t>
  </si>
  <si>
    <t>GHS MALOKE TEHSIL AND DISTRICT NAROWAL</t>
  </si>
  <si>
    <t>MADDO KAHLWAN</t>
  </si>
  <si>
    <t>Muhammad Sarfraz Ahmad Khan</t>
  </si>
  <si>
    <t>GHS MALOOT SATTIAN</t>
  </si>
  <si>
    <t>Village &amp; P/O Mirzapur, Mallot Sattian, Tehsil Kotli Sattian, District Rawalpindi.</t>
  </si>
  <si>
    <t>GHS MALYAR</t>
  </si>
  <si>
    <t>MALYAR</t>
  </si>
  <si>
    <t>VPO MALYAR TEHSIL PIND DADAN KHAN DISTRICT JHELUM</t>
  </si>
  <si>
    <t>AFTAB MAHMOOD</t>
  </si>
  <si>
    <t>FROM PUBLIC WATER SUPPLY</t>
  </si>
  <si>
    <t>GHS MAMYAN</t>
  </si>
  <si>
    <t>mamyan</t>
  </si>
  <si>
    <t>v.p.o mamyan tehsil and distt jhelum</t>
  </si>
  <si>
    <t>Khaiber Zaman</t>
  </si>
  <si>
    <t>GHS MANAK</t>
  </si>
  <si>
    <t>teh/dist narowal</t>
  </si>
  <si>
    <t>Amjad Ali Ch</t>
  </si>
  <si>
    <t>GHS MANAWALA P/O MANAWALA</t>
  </si>
  <si>
    <t>mananwala</t>
  </si>
  <si>
    <t>city mananwla</t>
  </si>
  <si>
    <t>city mananwala</t>
  </si>
  <si>
    <t>MUHAMMAD YAR SIALVI</t>
  </si>
  <si>
    <t>GHS MANCHER CHATHA</t>
  </si>
  <si>
    <t>Mancher Chatha</t>
  </si>
  <si>
    <t>mancher chatha</t>
  </si>
  <si>
    <t>Pindori Kalan</t>
  </si>
  <si>
    <t>ihsan ullaha chatha</t>
  </si>
  <si>
    <t>GHS MANCHRIAN</t>
  </si>
  <si>
    <t>village &amp; p/o mancharian, tehsil depalpur, distt. okara</t>
  </si>
  <si>
    <t>GHS MANDA KHEL</t>
  </si>
  <si>
    <t>vpo manda khel teh;essa khel distt: mianwali</t>
  </si>
  <si>
    <t>MUHAMMAD JUNAID IMRAN</t>
  </si>
  <si>
    <t>GHS MANDHIALI</t>
  </si>
  <si>
    <t>Mandiali</t>
  </si>
  <si>
    <t>govt high school mandiali po kot abdul malik tehsil ferozewala dist sheikhupura</t>
  </si>
  <si>
    <t>Hafiz Muhammad Waqas</t>
  </si>
  <si>
    <t>GHS MANDI BAHAUDDIN</t>
  </si>
  <si>
    <t>MAIN STREET SCHOOL MOHALLAH</t>
  </si>
  <si>
    <t>SCHOOL MOHALLAH</t>
  </si>
  <si>
    <t>GHS MANDI FAIZ ABAD</t>
  </si>
  <si>
    <t>MANDI FAIZABAD</t>
  </si>
  <si>
    <t>Mandi faizabad tehsil and district nankana sahib</t>
  </si>
  <si>
    <t>GHS MANDI TOWN</t>
  </si>
  <si>
    <t>TDA Colony Layyah</t>
  </si>
  <si>
    <t>NADEEM NAZIR</t>
  </si>
  <si>
    <t>GHS MANDIALA WARRIACH</t>
  </si>
  <si>
    <t>mandiala warraich</t>
  </si>
  <si>
    <t>GHS mandiala warraich GUJRANWALA</t>
  </si>
  <si>
    <t>MANDIALA WARRAICH</t>
  </si>
  <si>
    <t>ABDUL SABOOR</t>
  </si>
  <si>
    <t>GHS MANDRA</t>
  </si>
  <si>
    <t>VPO MANDRA Tehsil Gujar Khan District RWP</t>
  </si>
  <si>
    <t>muhammad Hamid hashmi</t>
  </si>
  <si>
    <t>GHS MANDRAN WALA</t>
  </si>
  <si>
    <t>Village Mandranwala Tehsil Daska District Sialkot</t>
  </si>
  <si>
    <t>Sajjad Ahmad Ishtiaq</t>
  </si>
  <si>
    <t>GHS MANGA</t>
  </si>
  <si>
    <t>Ghs manga murree</t>
  </si>
  <si>
    <t>GHS MANGAT NEECHA</t>
  </si>
  <si>
    <t>mangat neecha hafizabad</t>
  </si>
  <si>
    <t>GHS MANGHERAN SHARIF</t>
  </si>
  <si>
    <t>MANGHERAN SHARIF</t>
  </si>
  <si>
    <t>GOVT HIGH SCHOOL MANGHERAN SHARIF CHISHTIAN</t>
  </si>
  <si>
    <t>JHEDUAN</t>
  </si>
  <si>
    <t>IRSHAD AHMED</t>
  </si>
  <si>
    <t>GHS MANGLORA</t>
  </si>
  <si>
    <t>Mangloora</t>
  </si>
  <si>
    <t>Vill. &amp; PO Mangloora, Tehsil Kallar Syedan, District Rawalpindi</t>
  </si>
  <si>
    <t>Sajid Aziz</t>
  </si>
  <si>
    <t>Electric Tube well</t>
  </si>
  <si>
    <t>GHS MANGOKE VIRKAN</t>
  </si>
  <si>
    <t>Mangoke Virkan</t>
  </si>
  <si>
    <t>vpo mangoke virkan tehsil nowshera virkan distt  gujranwala</t>
  </si>
  <si>
    <t>GHS MANGOWAL WEST</t>
  </si>
  <si>
    <t>Mangowal West</t>
  </si>
  <si>
    <t>mangowal west tehsil and district gujrat</t>
  </si>
  <si>
    <t>mangowal west</t>
  </si>
  <si>
    <t>Muhammad Ghazanfar</t>
  </si>
  <si>
    <t>GHS MANGROTHA EAST</t>
  </si>
  <si>
    <t>mangortha</t>
  </si>
  <si>
    <t>ghs mangrotha east tehsil taunsa sharif district dera ghazi khan</t>
  </si>
  <si>
    <t>Fiaz ahmad</t>
  </si>
  <si>
    <t>GHS MANGU TARU</t>
  </si>
  <si>
    <t>kot Bini das</t>
  </si>
  <si>
    <t>village mangu taru  p/o same nns</t>
  </si>
  <si>
    <t>mangu taru</t>
  </si>
  <si>
    <t>kot bini das</t>
  </si>
  <si>
    <t>waseem Akram</t>
  </si>
  <si>
    <t>GHS MANGWAL</t>
  </si>
  <si>
    <t>VPO MANGWAL</t>
  </si>
  <si>
    <t>NADEEM FARZAND ALI SHAH</t>
  </si>
  <si>
    <t>GHS MANGWANI</t>
  </si>
  <si>
    <t>mangwani</t>
  </si>
  <si>
    <t>govt. high school mangwani p/O dera bakha district and tehsil bahawalpur</t>
  </si>
  <si>
    <t>GHS MANKERA</t>
  </si>
  <si>
    <t>INSIDE QILA MANKERA</t>
  </si>
  <si>
    <t>INSIDE QILA</t>
  </si>
  <si>
    <t>MC MANKERA</t>
  </si>
  <si>
    <t>ghulam mujtaba</t>
  </si>
  <si>
    <t>GHS MANO CHAK</t>
  </si>
  <si>
    <t>mANO cHAK</t>
  </si>
  <si>
    <t>MANO CHAK</t>
  </si>
  <si>
    <t>Muhammad Ashraf javed</t>
  </si>
  <si>
    <t>GHS MANSAR</t>
  </si>
  <si>
    <t>gbhs mansar tehsil hazro district attock</t>
  </si>
  <si>
    <t>mansar</t>
  </si>
  <si>
    <t>mullan mansoor</t>
  </si>
  <si>
    <t>muhammad akhtar shah</t>
  </si>
  <si>
    <t>GHS MANZOOR ABAD</t>
  </si>
  <si>
    <t>Manzoorabad Wazirabad</t>
  </si>
  <si>
    <t>GHS MAQBOOL-E-AAM G.O.R-1</t>
  </si>
  <si>
    <t>gOR 1</t>
  </si>
  <si>
    <t>G.O. R 1 NEAR PECOM FUNCTION AREA GOR 1 MARKET</t>
  </si>
  <si>
    <t>GHS MARAKEWAL</t>
  </si>
  <si>
    <t>attiq-ur-Rehman</t>
  </si>
  <si>
    <t>GHS MARAR CHAK NO. 42/RB</t>
  </si>
  <si>
    <t>Marrar Chak No 42/RB Sangla Hill Nankana Sahib</t>
  </si>
  <si>
    <t>Marrar chak No 42/RB Sangla Hill Nankana Sahib</t>
  </si>
  <si>
    <t>Marrar Chak No 42/RB</t>
  </si>
  <si>
    <t>Marrar Chak 41/RB</t>
  </si>
  <si>
    <t>Muhammad Naeem Virk</t>
  </si>
  <si>
    <t>GHS MARARA</t>
  </si>
  <si>
    <t>marara, tehsil zafarwal, Narowal</t>
  </si>
  <si>
    <t>abdul sattar</t>
  </si>
  <si>
    <t>GHS MARDAN PUR MULTAN</t>
  </si>
  <si>
    <t>MARDAN PUR</t>
  </si>
  <si>
    <t>Mardan Pur High School Near Adda Band Bosan</t>
  </si>
  <si>
    <t>MARDANPUR</t>
  </si>
  <si>
    <t>Malik Allah Bakhash Bosan</t>
  </si>
  <si>
    <t>GHS MARDWAL</t>
  </si>
  <si>
    <t>Iqbal Ahmad Awan</t>
  </si>
  <si>
    <t>GHS MARH BALOCHAN</t>
  </si>
  <si>
    <t>marh balochan</t>
  </si>
  <si>
    <t>marh Balochan</t>
  </si>
  <si>
    <t>GHS MARI</t>
  </si>
  <si>
    <t>Mari Teh Distt Sargodha.</t>
  </si>
  <si>
    <t>Hafiz Muhammad Ramzan</t>
  </si>
  <si>
    <t>GHS MARI BHINDRAN</t>
  </si>
  <si>
    <t>mari bhindran</t>
  </si>
  <si>
    <t>village and p/o mari bhindran tehsil nowshera virkan gujranwala</t>
  </si>
  <si>
    <t>GHS MARI INDUS</t>
  </si>
  <si>
    <t>Mari Indus distt.mianwal</t>
  </si>
  <si>
    <t>GHS MARI KANJOOR</t>
  </si>
  <si>
    <t>GBHS Mari Kanjoor Tesil and Distt Attock</t>
  </si>
  <si>
    <t>Abid Khan</t>
  </si>
  <si>
    <t>GHS MARI MAIN SAHIB</t>
  </si>
  <si>
    <t>GHS Mari Mian Sahib Bahawal Nagar</t>
  </si>
  <si>
    <t>Muhammad Ajmal Nadeem</t>
  </si>
  <si>
    <t>GHS MARI SHAH SAKHIRA</t>
  </si>
  <si>
    <t>MARI SHAH SAKHIRA</t>
  </si>
  <si>
    <t>GOVERNMENT HIGH SCHOOL MARI SHAH SAKHIRA TEHSIL ATHARA HAZARI DISTRICT JHANG</t>
  </si>
  <si>
    <t>KHALID HAYAT</t>
  </si>
  <si>
    <t>GHS MARI THAKRAN</t>
  </si>
  <si>
    <t>village mari thakran tehsil kamoke district gujranwala</t>
  </si>
  <si>
    <t>GHS MARIAN</t>
  </si>
  <si>
    <t>Basti, moza marrian tehsil alipur m. garh</t>
  </si>
  <si>
    <t>GHS MASROOR</t>
  </si>
  <si>
    <t>GOVT. HIGH SCHOOL MASRUR P/O MASRUR TEH. SKG  DIST. NAROWAL</t>
  </si>
  <si>
    <t>MASROOR</t>
  </si>
  <si>
    <t>GHS MASSA KOTHA</t>
  </si>
  <si>
    <t>P/O massa kotha tehsil kehror pakka Lodhran</t>
  </si>
  <si>
    <t>malik inyat hussain</t>
  </si>
  <si>
    <t>GHS MATEELA</t>
  </si>
  <si>
    <t>Ghs mateela</t>
  </si>
  <si>
    <t>GHS MATHIAL</t>
  </si>
  <si>
    <t>vpo Mithial tehsil jand district attock</t>
  </si>
  <si>
    <t>muhammad naeem afzal</t>
  </si>
  <si>
    <t>GHS MATORE</t>
  </si>
  <si>
    <t>village and post office matore tehsil kahuta distt rwp.</t>
  </si>
  <si>
    <t>Zafran Ahmed</t>
  </si>
  <si>
    <t>GHS MATOTLI SHUJABAD P.O MATOTLI</t>
  </si>
  <si>
    <t>P/O Matotli shujabad</t>
  </si>
  <si>
    <t>hafeezullah khan</t>
  </si>
  <si>
    <t>GHS MATTA</t>
  </si>
  <si>
    <t>p/o and village Matta Tehsil KRK District kasur</t>
  </si>
  <si>
    <t>UC MATTA</t>
  </si>
  <si>
    <t>GHS MATTA VIRKAN</t>
  </si>
  <si>
    <t>matta virkan tehsil noshera virkan district gujranwala</t>
  </si>
  <si>
    <t>syed shamas-ul-hassan</t>
  </si>
  <si>
    <t>GHS MATTI TAL P/O JAL WALA MULTAN</t>
  </si>
  <si>
    <t>GHS MATTIT TAL P/O JAL WALA</t>
  </si>
  <si>
    <t>MUHAMMAD QASIM ANSARI</t>
  </si>
  <si>
    <t>GHS MAU MUBARAK</t>
  </si>
  <si>
    <t>mau mubarak</t>
  </si>
  <si>
    <t>p/o mau mubarak</t>
  </si>
  <si>
    <t>GHS MAWARA</t>
  </si>
  <si>
    <t>Village Mowara P. O. Mowara Tehsil Kahuta District Rawalpindi</t>
  </si>
  <si>
    <t>GHS MB RAIL BAZAR JHANG</t>
  </si>
  <si>
    <t>Rail Bazar Chowk Jhang Sadar</t>
  </si>
  <si>
    <t>Chambali Market</t>
  </si>
  <si>
    <t>MC Jhang</t>
  </si>
  <si>
    <t>TALIB HUSSAIN</t>
  </si>
  <si>
    <t>GHS MC AHMADPUR EAST</t>
  </si>
  <si>
    <t>Ahmadpur Khona</t>
  </si>
  <si>
    <t>Dera nawab road Ahmadpur East</t>
  </si>
  <si>
    <t>Ahmadpur East</t>
  </si>
  <si>
    <t>ABID MUSTAFA KHAN KHAKWANI</t>
  </si>
  <si>
    <t>GHS MC AMAR PURA RAWALPINDI</t>
  </si>
  <si>
    <t>Chah Sultan</t>
  </si>
  <si>
    <t>Govt. MC Boys High School Amarpura Rawalpindi</t>
  </si>
  <si>
    <t>GHS MC ARIF WALA</t>
  </si>
  <si>
    <t>GOVT.HS MC ARIFWALA District PAKPATTAN</t>
  </si>
  <si>
    <t>161 EB</t>
  </si>
  <si>
    <t>municipal committee</t>
  </si>
  <si>
    <t>Muhammad Riaz Qadeer</t>
  </si>
  <si>
    <t>GHS MC BASTI CHARAGH SHAH KASOOR</t>
  </si>
  <si>
    <t>Basti Chiragh Shah Kasur</t>
  </si>
  <si>
    <t>TARIQ SALEEM</t>
  </si>
  <si>
    <t>GHS MC BHAKKAR MOHALLA NAWAB KHAN</t>
  </si>
  <si>
    <t>muhallah nawab khan bhakkar</t>
  </si>
  <si>
    <t>HAFIZ ABDUL WAHID</t>
  </si>
  <si>
    <t>GHS MC C.T.M. ISMIAL ABAD MUZAFFAR ABAD</t>
  </si>
  <si>
    <t>MUZAFFARABAD</t>
  </si>
  <si>
    <t>GOVT. CTM HIGH SCHOOL ISMAILABAD, MULTAN.</t>
  </si>
  <si>
    <t>ISMAILABAD</t>
  </si>
  <si>
    <t>Mill Water Supply</t>
  </si>
  <si>
    <t>GHS MC CENTRAL MODEL MILLAT COLONY</t>
  </si>
  <si>
    <t>MILLAT COLONY RAWALPINDI</t>
  </si>
  <si>
    <t>ch shahbaz ahmed</t>
  </si>
  <si>
    <t>GHS MC CHAH FATEH KHAN BAHAWALPUR</t>
  </si>
  <si>
    <t>Zanana Hospital Road Bahawalpur</t>
  </si>
  <si>
    <t>GHS MC CHICHAWATNI</t>
  </si>
  <si>
    <t>COLLEGE ROAD CHICHAWATNI</t>
  </si>
  <si>
    <t>URBAN 1</t>
  </si>
  <si>
    <t>liaqat ali naveed</t>
  </si>
  <si>
    <t>GHS MC CHOWK SHAHIDAN MULTAN</t>
  </si>
  <si>
    <t>Nawaibhawai</t>
  </si>
  <si>
    <t>Choekshaheedan multan</t>
  </si>
  <si>
    <t>Khankah Inayatshah</t>
  </si>
  <si>
    <t>Toqeer Ahmad</t>
  </si>
  <si>
    <t>GHS MC FACTORY AREA LAL MILLS ROAD FSD</t>
  </si>
  <si>
    <t>FACTORY AREA</t>
  </si>
  <si>
    <t>LAL MILL CHOWK  FACTORY AREA FAISALABAD</t>
  </si>
  <si>
    <t>MUAZZAM ALI KHAN</t>
  </si>
  <si>
    <t>GHS MC GOJRA MISSION ROAD</t>
  </si>
  <si>
    <t>gOVT MC HIGH SCHOOL MISSION ROAD GOJRA</t>
  </si>
  <si>
    <t>GOJRA city</t>
  </si>
  <si>
    <t>GOJRA CITY</t>
  </si>
  <si>
    <t>Altaf Ahmad</t>
  </si>
  <si>
    <t>GHS MC GULISTAN COLONY FSD</t>
  </si>
  <si>
    <t>GULISTAN COLONY</t>
  </si>
  <si>
    <t>GHF BLOCK GULISTAN COLONY</t>
  </si>
  <si>
    <t>GHS MC HAFAT MADAR</t>
  </si>
  <si>
    <t>HAFAT MADDAR</t>
  </si>
  <si>
    <t>VILLAGE HAFAT MADDAR</t>
  </si>
  <si>
    <t>MUNIR AHMAD ANJUM</t>
  </si>
  <si>
    <t>GHS MC HAROON ABAD</t>
  </si>
  <si>
    <t>H.M GHS MC Haroon ABad</t>
  </si>
  <si>
    <t>Haroonaad</t>
  </si>
  <si>
    <t>gulshan Iqbal</t>
  </si>
  <si>
    <t>tanveer hussain</t>
  </si>
  <si>
    <t>GHS MC HAROONIA BAHAWALPUR</t>
  </si>
  <si>
    <t>MOHALLA AAM O KHASS</t>
  </si>
  <si>
    <t>AAM O KHASS</t>
  </si>
  <si>
    <t>MUHAMMAD SAJID FAROOQI</t>
  </si>
  <si>
    <t>GHS MC ISLAM NAGAR</t>
  </si>
  <si>
    <t>Ghulam Ghous Tahir</t>
  </si>
  <si>
    <t>GHS MC ISTAQLAL ABAD SARGODHA</t>
  </si>
  <si>
    <t>istaqlalabad cly Sargodha</t>
  </si>
  <si>
    <t>MC Istaqlalabad</t>
  </si>
  <si>
    <t>Khalid Mahmood Akhtar</t>
  </si>
  <si>
    <t>GHS MC JAHAZ GROUND SAHIWAL</t>
  </si>
  <si>
    <t>street no 8 model colony jahaz ground sahiwal</t>
  </si>
  <si>
    <t>abdul Sattar</t>
  </si>
  <si>
    <t>GHS MC JANDIALA ROAD SHEHR</t>
  </si>
  <si>
    <t>farooq ganj jandiala road</t>
  </si>
  <si>
    <t>farooq gunj jandiala road skp</t>
  </si>
  <si>
    <t>farooq ganj</t>
  </si>
  <si>
    <t>dera  hafizan</t>
  </si>
  <si>
    <t>Aman ullah</t>
  </si>
  <si>
    <t>GHS MC JINNAH MODEL</t>
  </si>
  <si>
    <t>old city, sheikhupura</t>
  </si>
  <si>
    <t>skp</t>
  </si>
  <si>
    <t>old city</t>
  </si>
  <si>
    <t>GHS MC KAMALIA</t>
  </si>
  <si>
    <t>ghs mc near dehli chowk kamalia</t>
  </si>
  <si>
    <t>Muhammad Tahir Mansoor</t>
  </si>
  <si>
    <t>GHS MC KHUSHAB</t>
  </si>
  <si>
    <t>purana chock khushab</t>
  </si>
  <si>
    <t>NAZAR HAYAT KHAN</t>
  </si>
  <si>
    <t>GHS MC LAYYAH</t>
  </si>
  <si>
    <t>near Imam Bargah Hussainia choubara Road Layyah</t>
  </si>
  <si>
    <t>sharafat ali basra</t>
  </si>
  <si>
    <t>GHS MC MANDI BAHAUDDIN</t>
  </si>
  <si>
    <t>City MBDIN</t>
  </si>
  <si>
    <t>GURRAH MOHALLAH NEAR CHILDREN HOSPITAL M.B.DIN</t>
  </si>
  <si>
    <t>GURRAH MOHALLAH</t>
  </si>
  <si>
    <t>Latif Ahmad Cheema</t>
  </si>
  <si>
    <t>GHS MC MANZOOR ABAD MULTAN</t>
  </si>
  <si>
    <t>Manzoor Abad Multan</t>
  </si>
  <si>
    <t>Manzoor ABAD</t>
  </si>
  <si>
    <t>Zafar Ali Gujar</t>
  </si>
  <si>
    <t>GHS MC MIANWALI</t>
  </si>
  <si>
    <t>Muslim Bazar Mianwali City</t>
  </si>
  <si>
    <t>GHS MC MILLAT COLONY FSD</t>
  </si>
  <si>
    <t>Millat Colony, Samundari Road, Faisalabad</t>
  </si>
  <si>
    <t>SHAHID MAHMOOD IJAZ</t>
  </si>
  <si>
    <t>GHS MC MODEL BUREWALA</t>
  </si>
  <si>
    <t>GHS M.C. Model Burewala</t>
  </si>
  <si>
    <t>Main City Burewala</t>
  </si>
  <si>
    <t>Filteration plant</t>
  </si>
  <si>
    <t>GHS MC MOHALLAH BABA FARID</t>
  </si>
  <si>
    <t>mohallah baba fareed</t>
  </si>
  <si>
    <t>GHS MC MOMAN PURA  KARIM PARK RAVI ROAD</t>
  </si>
  <si>
    <t>Block # 3,Karim Park, Ravi Road, Lahore.</t>
  </si>
  <si>
    <t>Amin Pak</t>
  </si>
  <si>
    <t>Rana Zahid Iqbal</t>
  </si>
  <si>
    <t>GHS MC MOTI BAZAR RAWALPINDI</t>
  </si>
  <si>
    <t>Govt MC BHS Moti Bazar rawalpindi</t>
  </si>
  <si>
    <t>Moti Bazar</t>
  </si>
  <si>
    <t>Purana Killa</t>
  </si>
  <si>
    <t>Muhammad Amjad Waheed</t>
  </si>
  <si>
    <t>Near By Filterplant</t>
  </si>
  <si>
    <t>GHS MC NANKANA SAHIB</t>
  </si>
  <si>
    <t>City Nankana</t>
  </si>
  <si>
    <t>Bashir Bhati road Mohallaha Usmani Kho Nankana Sahib</t>
  </si>
  <si>
    <t>Usmani Khon</t>
  </si>
  <si>
    <t>MC Nankana Sahib</t>
  </si>
  <si>
    <t>GHS MC NO.12 PEOPLES COLONY</t>
  </si>
  <si>
    <t>W block peoples colony gujranwala</t>
  </si>
  <si>
    <t>Muhammad Muzammil hafeez</t>
  </si>
  <si>
    <t>GHS MC NO.13 GUJRANWALA</t>
  </si>
  <si>
    <t>gobind garh street no 5 islamia college road gujranwala</t>
  </si>
  <si>
    <t>SAUD AHMAD</t>
  </si>
  <si>
    <t>GHS MC OKARA</t>
  </si>
  <si>
    <t>GOVT.M.C HIGH SCHOOL OKARA</t>
  </si>
  <si>
    <t>MUNCIPAL COMMITTE OKARA</t>
  </si>
  <si>
    <t>AZHAR MAHMOOD</t>
  </si>
  <si>
    <t>GHS MC PARTAB NAGAR FAISALABAD</t>
  </si>
  <si>
    <t>partap nagar</t>
  </si>
  <si>
    <t>punj peer, faisalabad</t>
  </si>
  <si>
    <t>punj peer</t>
  </si>
  <si>
    <t>GHS MC PEOPLES COLONY NO. 2 FSD</t>
  </si>
  <si>
    <t>MC HIGH SCHOOL PEOPLES COLONY NO. 2 MUHAMMADI CHOWK FSD</t>
  </si>
  <si>
    <t>PEOPLES COLONY NO. 2 B BLOCK</t>
  </si>
  <si>
    <t>GHS MC RASHEED ABAD MULTAN</t>
  </si>
  <si>
    <t>Govt. MC High School Rasheedabad Multan</t>
  </si>
  <si>
    <t>Akhtar Abab</t>
  </si>
  <si>
    <t>Sh. Liaqat Ali</t>
  </si>
  <si>
    <t>GHS MC RASHID CHOWK SAMANABAD FSD</t>
  </si>
  <si>
    <t>MC HS Rasheed Chowk Samanabad Faisalabad</t>
  </si>
  <si>
    <t>TASNIM AHMAD</t>
  </si>
  <si>
    <t>GHS MC RATTA AMRAL RAWALPINDI</t>
  </si>
  <si>
    <t>MILAD NAGAR RATTA AMRAL RAWALPINDI</t>
  </si>
  <si>
    <t>Milad Nagar Ratta</t>
  </si>
  <si>
    <t>Raja Muhammad Riaz Shahid</t>
  </si>
  <si>
    <t>GHS MC RAZA ABAD FAISALABAD</t>
  </si>
  <si>
    <t>Govt. MC High School, Metropool Chowk, Base Line, razaabad Faisalabad.</t>
  </si>
  <si>
    <t>GHULAM MUSTAFA FAROOQ</t>
  </si>
  <si>
    <t>GHS MC ROAD KOT KASUR</t>
  </si>
  <si>
    <t>Road Kot Kasur City</t>
  </si>
  <si>
    <t>Shan Elahi</t>
  </si>
  <si>
    <t>GHS MC SAMANABAD</t>
  </si>
  <si>
    <t>MUHAMMAD ASIF JAHANGIR</t>
  </si>
  <si>
    <t>water treatment  plant</t>
  </si>
  <si>
    <t>GHS MC SATELLITE TOWN</t>
  </si>
  <si>
    <t>GHS MC SATELLITE TOWN  RWP</t>
  </si>
  <si>
    <t>GHS MC SATELLITE TOWN SARGODHA</t>
  </si>
  <si>
    <t>Govt mc boys high school satellite town sargodha</t>
  </si>
  <si>
    <t>NASIR MAHMOOD</t>
  </si>
  <si>
    <t>GHS MC SIDHU PURA</t>
  </si>
  <si>
    <t>sidhupura</t>
  </si>
  <si>
    <t>gmchs.boys .sidhupura@gmail.com</t>
  </si>
  <si>
    <t>chak no 123 jb sidhupura fsd</t>
  </si>
  <si>
    <t>sidhupura raje wala</t>
  </si>
  <si>
    <t>MUHAMMAD ANWAR HUSSAIN</t>
  </si>
  <si>
    <t>GHS MC SOCIAL KEHROR PACCA</t>
  </si>
  <si>
    <t>Patwarian Wala, Kahror Pacca</t>
  </si>
  <si>
    <t>Patwarian wala</t>
  </si>
  <si>
    <t>rizwan ali</t>
  </si>
  <si>
    <t>GHS MC TANDLIANWALA</t>
  </si>
  <si>
    <t>GMC HIGH SCHOOL TANDLIANWALA</t>
  </si>
  <si>
    <t>Muncipal CamEety</t>
  </si>
  <si>
    <t>GHS MC WUKLA COLONY BAHAWALNAGAR</t>
  </si>
  <si>
    <t>AMAR SINGH</t>
  </si>
  <si>
    <t>GOVT. M C HIGH SCHOOL WUKLA COLONY BWN</t>
  </si>
  <si>
    <t>WUKLA COLONY</t>
  </si>
  <si>
    <t>AMEER KOT</t>
  </si>
  <si>
    <t>GHS MEELA</t>
  </si>
  <si>
    <t>GHS Mela</t>
  </si>
  <si>
    <t>Abdur Razzaq</t>
  </si>
  <si>
    <t>GHS MEHMOODIA SAHIWAL</t>
  </si>
  <si>
    <t>main g.t road near jamia rasheedia ghallah mandi sahiwal</t>
  </si>
  <si>
    <t>mahboob ahmad</t>
  </si>
  <si>
    <t>GHS MEHR ABAD</t>
  </si>
  <si>
    <t>MEHAR ABAD SHARIF, MOUZA GOGRAN, TEHSIL &amp; DISTRICT LODHRAN</t>
  </si>
  <si>
    <t>MEHAR ABAD SHARIF</t>
  </si>
  <si>
    <t>ALTAF HUSSAIN SHAH</t>
  </si>
  <si>
    <t>GHS MEHR ALI AZAM SHAHEED (CHAKRI)</t>
  </si>
  <si>
    <t>VPO chakri Teh &amp; Distt jhelum</t>
  </si>
  <si>
    <t>GHS MEHRAB WALA</t>
  </si>
  <si>
    <t>MEHRABWALA</t>
  </si>
  <si>
    <t>GHS MEHRABWALA TEHSIL AHMAD PUR EAST</t>
  </si>
  <si>
    <t>GHS MEHRAY WALA</t>
  </si>
  <si>
    <t>ghs mehraywal</t>
  </si>
  <si>
    <t>Mehraywala</t>
  </si>
  <si>
    <t>GHS MEHRO PEELO</t>
  </si>
  <si>
    <t>GHS mehro Peelo chakwal</t>
  </si>
  <si>
    <t>thanil kamal</t>
  </si>
  <si>
    <t>Shaukat Mehmood</t>
  </si>
  <si>
    <t>GHS MELO WAL</t>
  </si>
  <si>
    <t>melowal</t>
  </si>
  <si>
    <t>Fateh Gerh</t>
  </si>
  <si>
    <t>Fayyaz Ahmad Ranjha</t>
  </si>
  <si>
    <t>GHS MEMORIAL ISL SHAMPUR KHOKHRA</t>
  </si>
  <si>
    <t>Shampur Khokhran</t>
  </si>
  <si>
    <t>Govt. b.a.m. islamia h/s shampur khokhran gujrat</t>
  </si>
  <si>
    <t>Mari Khokhran</t>
  </si>
  <si>
    <t>Azor Emanuel</t>
  </si>
  <si>
    <t>GHS MERAY SHAH</t>
  </si>
  <si>
    <t>gbhs gulshan e azeem meeray shah. teh sdk</t>
  </si>
  <si>
    <t>Amjed Ali</t>
  </si>
  <si>
    <t>GHS METLA</t>
  </si>
  <si>
    <t>GBHS METLA</t>
  </si>
  <si>
    <t>MUHAMMAD MAZHAR  FAREED</t>
  </si>
  <si>
    <t>GHS MIAN PHEROO</t>
  </si>
  <si>
    <t>darkhast jamal khan gharbi.no1</t>
  </si>
  <si>
    <t>p/o darkhast jamal khan</t>
  </si>
  <si>
    <t>mian pheroo</t>
  </si>
  <si>
    <t>darkhast jamal khan gharbi</t>
  </si>
  <si>
    <t>GHS MIAN PUR ARIAN</t>
  </si>
  <si>
    <t>MIAN PUR ARAIN</t>
  </si>
  <si>
    <t>TEHSIL DUNYA PUR P/O QUTAB PUR DISTRICT LODHRAN</t>
  </si>
  <si>
    <t>QUTAB PUR</t>
  </si>
  <si>
    <t>Syed Muhammad Jamil Shah</t>
  </si>
  <si>
    <t>GHS MIAN RAHEEMAN</t>
  </si>
  <si>
    <t>Mian raheema</t>
  </si>
  <si>
    <t>GHS MIAN RASHIDA</t>
  </si>
  <si>
    <t>Mian Rashida</t>
  </si>
  <si>
    <t>GBHS Mian Rashida Tehsil Fateh Jang Distt. Attock</t>
  </si>
  <si>
    <t>GHS MIAN WALA BANGLA</t>
  </si>
  <si>
    <t>Mianwala Bangla</t>
  </si>
  <si>
    <t>CHAK NO. 91/6R HAROONABAD</t>
  </si>
  <si>
    <t>Chak No 91/ 6R</t>
  </si>
  <si>
    <t>CHAK NO. 94/6R HND</t>
  </si>
  <si>
    <t>GHS MIAN WALA JADEED</t>
  </si>
  <si>
    <t>CHAK NO. 133 TDA</t>
  </si>
  <si>
    <t>CHAK NO. 133 TDA LALA ZAR TEHSIL &amp; DISTRICT LAYYAH</t>
  </si>
  <si>
    <t>GHS MIAN WALI QUREHSIAN</t>
  </si>
  <si>
    <t>MIAN WALI QURESHIAN</t>
  </si>
  <si>
    <t>GOVT. HIGH SCHOOL MIAN WLAI QURESHIAN HOSPITAL ROAD MIAN WALI QURESHIAN RAHIM YAR KHAN</t>
  </si>
  <si>
    <t>iftikhar hussain</t>
  </si>
  <si>
    <t>GHS MIANA GONDAL</t>
  </si>
  <si>
    <t>Mina Gondal</t>
  </si>
  <si>
    <t>Miana gondal</t>
  </si>
  <si>
    <t>ahmad yar</t>
  </si>
  <si>
    <t>GHS MIANI BALA</t>
  </si>
  <si>
    <t>mianibala</t>
  </si>
  <si>
    <t>vpo mianibala tehsil sohawa distt jhelum</t>
  </si>
  <si>
    <t>pindmatty khan</t>
  </si>
  <si>
    <t>Adnan falak amjad</t>
  </si>
  <si>
    <t>GHS MIANWALI NEAR RAILWAY STATION</t>
  </si>
  <si>
    <t>wattah khel</t>
  </si>
  <si>
    <t>muhammad tariq abbas</t>
  </si>
  <si>
    <t>GHS MIANWALI SHEIKHAN</t>
  </si>
  <si>
    <t>Mian Wali Sheikhan</t>
  </si>
  <si>
    <t>GHS Mian Wali Sheikhan, Tehsil &amp; District Rahim Yar Khan</t>
  </si>
  <si>
    <t>Mian Wali sheikhan</t>
  </si>
  <si>
    <t>ghulam hassan</t>
  </si>
  <si>
    <t>GHS MILAT BEOWALI</t>
  </si>
  <si>
    <t>Govt. Millat High School Beowali Gujrat</t>
  </si>
  <si>
    <t>GHS MILLAT CHAK 342 JB LUDHAR</t>
  </si>
  <si>
    <t>Chak 342 JB</t>
  </si>
  <si>
    <t>chak 342 JB Tehsil Gojra Distt T.T.Singh</t>
  </si>
  <si>
    <t>Chak 345 JB</t>
  </si>
  <si>
    <t>GHS MILLAT GUJRANWALA</t>
  </si>
  <si>
    <t>Satellite Town Gujranwala</t>
  </si>
  <si>
    <t>Syed Ahmad Raza</t>
  </si>
  <si>
    <t>GHS MILLAT HEAD RASOOL</t>
  </si>
  <si>
    <t>GHS Millat Head Rasul</t>
  </si>
  <si>
    <t>Muhammad Aslam Janjua</t>
  </si>
  <si>
    <t>GHS MILLAT MORAN WALA</t>
  </si>
  <si>
    <t>Village Moranwala Tehsil Ferozewala, District Sheikhupura</t>
  </si>
  <si>
    <t>GHS MILLAT MUGHAL PURA</t>
  </si>
  <si>
    <t>--</t>
  </si>
  <si>
    <t>GOVT. MILLAT HIGH SCHOOL MUGHALPURA SHAH KAMAL ROAD LAHORE</t>
  </si>
  <si>
    <t>ZAHIR AHMAD</t>
  </si>
  <si>
    <t>GHS MILLAT RENALA KHURD G T ROAD</t>
  </si>
  <si>
    <t>Mc Renala</t>
  </si>
  <si>
    <t>G.t.Road Renala Khurd</t>
  </si>
  <si>
    <t>Renala City Basti Rao Sahib</t>
  </si>
  <si>
    <t>Ward 3</t>
  </si>
  <si>
    <t>GHS MILLAT S-BLOCK NEW MULTAN</t>
  </si>
  <si>
    <t>Govt. Millat High School S-Block New Multan</t>
  </si>
  <si>
    <t>S-Block New Multan</t>
  </si>
  <si>
    <t>Mansoor  Ahmad Khan</t>
  </si>
  <si>
    <t>GHS MILLAT-E-ISLAMIA GHULAM MUHAMMAD ABAD FSD</t>
  </si>
  <si>
    <t>GHS Millat-e-Islamia GM Abad faisalabad</t>
  </si>
  <si>
    <t>GM Abad Faisalabad</t>
  </si>
  <si>
    <t>Gol Masjid Wali GM Abad Fsd</t>
  </si>
  <si>
    <t>Hamid Mehmood</t>
  </si>
  <si>
    <t>GHS MINHALA KALAN</t>
  </si>
  <si>
    <t>Jello More</t>
  </si>
  <si>
    <t>minhala Kalan p/o Batapur lahore</t>
  </si>
  <si>
    <t>Minhala Kalan P/O Bata Pur</t>
  </si>
  <si>
    <t>KANWAR ABID ALI</t>
  </si>
  <si>
    <t>GHS MINWAL</t>
  </si>
  <si>
    <t>v.p.o minwal</t>
  </si>
  <si>
    <t>Arshad Mehmood</t>
  </si>
  <si>
    <t>GHS MIR AHMED SHER GARH</t>
  </si>
  <si>
    <t>Mir Ahmed Sher Garh Tehsil:Sahiwal District:Sargodha</t>
  </si>
  <si>
    <t>MUHAMMAD QASIM</t>
  </si>
  <si>
    <t>GHS MIR HAZAR KHAN</t>
  </si>
  <si>
    <t>WARIAN WALA</t>
  </si>
  <si>
    <t>P/O MIR HAZAR KHAN TEHSIL JATOI DISTRICT MUZAFFARGARH</t>
  </si>
  <si>
    <t>MIR HAZAR KHAN</t>
  </si>
  <si>
    <t>M Munir Akber</t>
  </si>
  <si>
    <t>GHS MIRA MOHRA</t>
  </si>
  <si>
    <t>maira mohra</t>
  </si>
  <si>
    <t>village &amp; p/o maira mohra. chakbeli khan road. tehsil &amp; district rawalpindi.</t>
  </si>
  <si>
    <t>Maira Mohra</t>
  </si>
  <si>
    <t>GHS MIRAN MALLAH SHUJABAD</t>
  </si>
  <si>
    <t>Miran Mallah</t>
  </si>
  <si>
    <t>p/o Basti Kanera, Miran Mallah, Tehsil Jalalpur District Multan</t>
  </si>
  <si>
    <t>Muhammad Qadeer Abbas</t>
  </si>
  <si>
    <t>GHS MIRAN PUR NANKANA SAHIB</t>
  </si>
  <si>
    <t>GHS MIRAN PUR P/O MIRAN PUR TEHSIL AND DISTRICT NANKANA SAHIB</t>
  </si>
  <si>
    <t>GHS MIRDAD MUAFI</t>
  </si>
  <si>
    <t>Chak Mirdad Muafi</t>
  </si>
  <si>
    <t>MUHAMMAD MANSHA</t>
  </si>
  <si>
    <t>GHS MIRZA</t>
  </si>
  <si>
    <t>mirza</t>
  </si>
  <si>
    <t>mohallah lundi dehri vpo mirza</t>
  </si>
  <si>
    <t>MALIK AKHLAQ AHMED</t>
  </si>
  <si>
    <t>GHS MIRZA BHANG SINKA</t>
  </si>
  <si>
    <t>Mirza Bhangsinka tehsil Pindi Bhattian</t>
  </si>
  <si>
    <t>Mirza Bhangsinka</t>
  </si>
  <si>
    <t>Kamran Nasir</t>
  </si>
  <si>
    <t>GHS MIRZA BHATTIAN</t>
  </si>
  <si>
    <t>village MIRZA bhattian the PINDI bhattian distt hfd</t>
  </si>
  <si>
    <t>MIRZA bhattian</t>
  </si>
  <si>
    <t>Thatti Behlol</t>
  </si>
  <si>
    <t>zahid iqbal</t>
  </si>
  <si>
    <t>GHS MIRZA KAMBILI</t>
  </si>
  <si>
    <t>Mirza Kambili</t>
  </si>
  <si>
    <t>GHS Mirza Kambili Tehsil Gujar Khan District Rawalpindi</t>
  </si>
  <si>
    <t>MUHAMMAD NADEEM BASHIR</t>
  </si>
  <si>
    <t>GHS MIRZA PUR</t>
  </si>
  <si>
    <t>Mirzapur</t>
  </si>
  <si>
    <t>mirzapur depalpur okara</t>
  </si>
  <si>
    <t>Muhammad Nawaz Kashif</t>
  </si>
  <si>
    <t>GHS MIRZA TAHIR</t>
  </si>
  <si>
    <t>SYED IBRAR HUSSAIN</t>
  </si>
  <si>
    <t>GHS MIRZA VIRKAN</t>
  </si>
  <si>
    <t>MIRZA VIRKAN</t>
  </si>
  <si>
    <t>NISAR AHMAD VIRK</t>
  </si>
  <si>
    <t>GHS MISRIAL</t>
  </si>
  <si>
    <t>Vpo misrial Teh Talagang Chakwal</t>
  </si>
  <si>
    <t>GHS MISSA KHASWAL</t>
  </si>
  <si>
    <t>missa kaswal</t>
  </si>
  <si>
    <t>post office missa kaswal,tehsil gujar khan,dist.rwp</t>
  </si>
  <si>
    <t>jerro ratial</t>
  </si>
  <si>
    <t>tARIQ MAHMOOD BHATTI</t>
  </si>
  <si>
    <t>GHS MISSAN ABAD</t>
  </si>
  <si>
    <t>Missanabad</t>
  </si>
  <si>
    <t>missanabad</t>
  </si>
  <si>
    <t>Masood Ahmad Malik</t>
  </si>
  <si>
    <t>GHS MISSION 148/9-L</t>
  </si>
  <si>
    <t>chak no 148/9.L sahiwal</t>
  </si>
  <si>
    <t>150/9.L</t>
  </si>
  <si>
    <t>GHS MITHA KHATAK</t>
  </si>
  <si>
    <t>mitha khattak</t>
  </si>
  <si>
    <t>Village mitha khattak</t>
  </si>
  <si>
    <t>kalluan wala</t>
  </si>
  <si>
    <t>ashfaq khan</t>
  </si>
  <si>
    <t>GHS MITHA LAK</t>
  </si>
  <si>
    <t>mitha lak</t>
  </si>
  <si>
    <t>village mitha lak deh sargodha</t>
  </si>
  <si>
    <t>GHS MITHAY WALI</t>
  </si>
  <si>
    <t>Village Mithay wali P/O vehoa Tehsil Taunsa Distt,D.G.khan</t>
  </si>
  <si>
    <t>UC KOTANI</t>
  </si>
  <si>
    <t>farhat ullah</t>
  </si>
  <si>
    <t>GHS MITHWAN</t>
  </si>
  <si>
    <t>govt boys high school mithwan tehsil trible area d g khan</t>
  </si>
  <si>
    <t>tuman qaisrani</t>
  </si>
  <si>
    <t>wATER SUPPLY MANAGED BY USER COMMITTE</t>
  </si>
  <si>
    <t>GHS MODEL 29/SP PAKPATAN</t>
  </si>
  <si>
    <t>CHAK NO 29SP ADDA CHAWANT SAHIWAL ROAD PAKPATTAN</t>
  </si>
  <si>
    <t>29/SP</t>
  </si>
  <si>
    <t>MUHAMMAD ISHAQ</t>
  </si>
  <si>
    <t>GHS MODEL APS  MODEL TOWN</t>
  </si>
  <si>
    <t>B-Block Model Town Lahore</t>
  </si>
  <si>
    <t>Rana atta mohammad</t>
  </si>
  <si>
    <t>GHS MODEL BHAKKAR</t>
  </si>
  <si>
    <t>Mohallah chimni bhakkar</t>
  </si>
  <si>
    <t>02 Urban</t>
  </si>
  <si>
    <t>MALIK HUSSAIN BAKHSH</t>
  </si>
  <si>
    <t>GHS MODEL CHAK 198 GB FSD</t>
  </si>
  <si>
    <t>AADI</t>
  </si>
  <si>
    <t>CHAK NO 198 GB</t>
  </si>
  <si>
    <t>CHAK NO 196 GB</t>
  </si>
  <si>
    <t>AMJAD ALI FAROOQ</t>
  </si>
  <si>
    <t>GHS MODEL CHAK NO.40</t>
  </si>
  <si>
    <t>Chak40</t>
  </si>
  <si>
    <t>Village Chak 40, tEHSIL AND DISTRICT MANDIBAHAUDDIN</t>
  </si>
  <si>
    <t>Chak 40</t>
  </si>
  <si>
    <t>GHS MODEL CHUNGI GUJJAR PURA</t>
  </si>
  <si>
    <t>Chungi Gujjar Pura lahore</t>
  </si>
  <si>
    <t>Ibrahim Colony chungi Gujjar Pura lahore</t>
  </si>
  <si>
    <t>Nawan Pind Harbanspura  Harbanspura</t>
  </si>
  <si>
    <t>Ghulam Mujahid</t>
  </si>
  <si>
    <t>GHS MODEL EID GAH ROAD T.T.SINGH</t>
  </si>
  <si>
    <t>Govt. Model H/S  Eidgah road TobaTekS Singh</t>
  </si>
  <si>
    <t>TT Singh</t>
  </si>
  <si>
    <t>City 1</t>
  </si>
  <si>
    <t>GHS MODEL GULGASHT BOSAN ROAD NEAR CHUNGI NO.6</t>
  </si>
  <si>
    <t>GULGASHT</t>
  </si>
  <si>
    <t>GOVT.MODEL HIGH SCHOOL GULGASHT OPP EDUCATION UNIVERSITY LAHORE BOSAN ROAD NEAR TEHSIL CHOWK MULTAN</t>
  </si>
  <si>
    <t>GULGASHT MULTAN</t>
  </si>
  <si>
    <t>Officer Colony</t>
  </si>
  <si>
    <t>muhammad sohaib imran</t>
  </si>
  <si>
    <t>GHS MODEL JAMPUR</t>
  </si>
  <si>
    <t>Government Model High School Jampur</t>
  </si>
  <si>
    <t>Abdul Khaliq Leghari</t>
  </si>
  <si>
    <t>GHS MODEL JHANG ROAD TTSINGH</t>
  </si>
  <si>
    <t>New Islam Pura Toba Tek Singh</t>
  </si>
  <si>
    <t>New Islam Pura T T Singh</t>
  </si>
  <si>
    <t>Muhammad Shafeeq</t>
  </si>
  <si>
    <t>GHS MODEL KAHNA NAU</t>
  </si>
  <si>
    <t>Kacha Road</t>
  </si>
  <si>
    <t>Ch. Rahmat Ali</t>
  </si>
  <si>
    <t>GHS MODEL KASUR</t>
  </si>
  <si>
    <t>City kasur</t>
  </si>
  <si>
    <t>M.A JINNAH ROAD KASUR</t>
  </si>
  <si>
    <t>GHS MODEL KOT MOMIN</t>
  </si>
  <si>
    <t>Near special education centrekotmomin</t>
  </si>
  <si>
    <t>GHS MODEL LALA MUSA</t>
  </si>
  <si>
    <t>Lalamua</t>
  </si>
  <si>
    <t>main Bazar lalamusa</t>
  </si>
  <si>
    <t>Abbas Asghar</t>
  </si>
  <si>
    <t>GHS MODEL MAILSI</t>
  </si>
  <si>
    <t>Govt. Model High School Mailsi Near Mohalla Hari Pura</t>
  </si>
  <si>
    <t>M C Mailsi</t>
  </si>
  <si>
    <t>GHS MODEL MANDI TOWN BHAKKAR</t>
  </si>
  <si>
    <t>Mandi Town Bhakkar</t>
  </si>
  <si>
    <t>GHS MODEL MIAN CHANNU</t>
  </si>
  <si>
    <t>mian channu city</t>
  </si>
  <si>
    <t>govt.model high school mianchannu</t>
  </si>
  <si>
    <t>municipal commeete</t>
  </si>
  <si>
    <t>GHS MODEL MIANI</t>
  </si>
  <si>
    <t>JEEVAN WAL</t>
  </si>
  <si>
    <t>GOVT. MODEL HIGH SCHOOL MIANI, TEHSIL BHERA, P/O MIANI</t>
  </si>
  <si>
    <t>MUHAMMAD BASHIR GONDAL</t>
  </si>
  <si>
    <t>GHS MODEL MINCHIN ABAD</t>
  </si>
  <si>
    <t>city mnd</t>
  </si>
  <si>
    <t>College Road Minnchinabad</t>
  </si>
  <si>
    <t>GHS MODEL NEW ISLAMIA RAWALPINDI</t>
  </si>
  <si>
    <t>Carriage Factory Colony RWP</t>
  </si>
  <si>
    <t>Dhoke Hassu RWP</t>
  </si>
  <si>
    <t>hammad ur rehman lodhi</t>
  </si>
  <si>
    <t>GHS MODEL NO. 1 (BLOCK NO. 4) JAUHARABAD</t>
  </si>
  <si>
    <t>block no.4 near old bus stand jauharabad</t>
  </si>
  <si>
    <t>block no. 4</t>
  </si>
  <si>
    <t>mc jauharabad</t>
  </si>
  <si>
    <t>GHS MODEL NO. 1 CHISHTIAN</t>
  </si>
  <si>
    <t>Govt. Model High School Chishtian</t>
  </si>
  <si>
    <t>GHS MODEL NO. 4 JAUHARABAD</t>
  </si>
  <si>
    <t>block no.1 jauharabad</t>
  </si>
  <si>
    <t>Kashif Ijaz</t>
  </si>
  <si>
    <t>Hand Pump and Govt Water</t>
  </si>
  <si>
    <t>GHS MODEL NO.1 SARGODHA</t>
  </si>
  <si>
    <t>Block no.12 sgd</t>
  </si>
  <si>
    <t>Block 12</t>
  </si>
  <si>
    <t>MC  No11 Sgd</t>
  </si>
  <si>
    <t>Hafiz Muhammad Akhtar Mehmood</t>
  </si>
  <si>
    <t>GHS MODEL RENALA KHURD</t>
  </si>
  <si>
    <t>GMHS Renala Khurd Distt. Okara</t>
  </si>
  <si>
    <t>Renala City</t>
  </si>
  <si>
    <t>MC Renalal city</t>
  </si>
  <si>
    <t>MANZAR BASHIR AHMAD</t>
  </si>
  <si>
    <t>GHS MODEL SHAHALAM GATE LHR</t>
  </si>
  <si>
    <t>Shah Alam Market</t>
  </si>
  <si>
    <t>Govt model high school shah alam gate lahore</t>
  </si>
  <si>
    <t>Farukh Mahmood Janjua</t>
  </si>
  <si>
    <t>GHS MODEL SHAMSABAD COLONY 1 MULTAN</t>
  </si>
  <si>
    <t>shamsabad colony opposite ladies park</t>
  </si>
  <si>
    <t>ather ali</t>
  </si>
  <si>
    <t>GHS MODEL TOWN GUJRANWALA</t>
  </si>
  <si>
    <t>MADNI ROAD Y-BLOCK PEOPLES COLONY, GUJRANWALA</t>
  </si>
  <si>
    <t>MUHAMMAD HAYAT TARAR</t>
  </si>
  <si>
    <t>GHS MODERN (2ND SHIFT GHS KOH-I-NOOR)</t>
  </si>
  <si>
    <t>GHS MODENR (2ND SHIFT GHS KOHINOOR), PESHAWAR ROAD, RAWALPIDNI</t>
  </si>
  <si>
    <t>Cantt Rwp</t>
  </si>
  <si>
    <t>GHS MOEEN ABAD</t>
  </si>
  <si>
    <t>SADIQ PUR</t>
  </si>
  <si>
    <t>MOEEN ABAD</t>
  </si>
  <si>
    <t>NAWAIN ARAIN</t>
  </si>
  <si>
    <t>GHS MOGLA</t>
  </si>
  <si>
    <t>vpo mogla teh Talagang distt Chakwal</t>
  </si>
  <si>
    <t>MUBARIK HUSSAIN</t>
  </si>
  <si>
    <t>GHS MOHAJAR COLONY</t>
  </si>
  <si>
    <t>MOHAJER COLONY</t>
  </si>
  <si>
    <t>MOHAJIR COLONY LIAQUATPUR</t>
  </si>
  <si>
    <t>MOHAJIR COLONY</t>
  </si>
  <si>
    <t>mAIN CITY</t>
  </si>
  <si>
    <t>MIRZA MUHAMMAD ASGHAR</t>
  </si>
  <si>
    <t>GHS MOHAL</t>
  </si>
  <si>
    <t>post office mal fatyana tehsil kamalia district toba tek singh m</t>
  </si>
  <si>
    <t>Moza Mohal</t>
  </si>
  <si>
    <t>GHS MOHALAM KALAN P/O KHAS</t>
  </si>
  <si>
    <t>Govt High School Mahalam Kalan, Kasur</t>
  </si>
  <si>
    <t>Fatohi wala</t>
  </si>
  <si>
    <t>GHS MOHALLAH FAROOQ ABAD NOOR PUR THAL</t>
  </si>
  <si>
    <t>Muhammad Abdul Razzaq</t>
  </si>
  <si>
    <t>GHS MOHALLAH QADIR ABAD MIANWALI CITY</t>
  </si>
  <si>
    <t>Street No.3 Mohallah Qadir Abad Mianwali</t>
  </si>
  <si>
    <t>Hafiz Aaqib Javed</t>
  </si>
  <si>
    <t>GHS MOHAR SHARIF G H</t>
  </si>
  <si>
    <t>Mahar Sharif Tehsil Chishtian Distt. Bahawalnagar</t>
  </si>
  <si>
    <t>Bashir Ahmad Shad</t>
  </si>
  <si>
    <t>GHS MOHAR WALI</t>
  </si>
  <si>
    <t>GHS Mohar Wali, post office same tehsil &amp; district Bahawalnagar</t>
  </si>
  <si>
    <t>Muhammad Tahir Mahmood</t>
  </si>
  <si>
    <t>GHS MOHLANWAL LAHORE</t>
  </si>
  <si>
    <t>Mohlanwal Kalan Multan Road Lahore</t>
  </si>
  <si>
    <t>GHS MOHRA DAROGHA</t>
  </si>
  <si>
    <t>P.O MOHRA DAROGHA TEHSIL AND DISTRICT RAWALPINDI</t>
  </si>
  <si>
    <t>LOHDRA</t>
  </si>
  <si>
    <t>SHAHID ZAFAR</t>
  </si>
  <si>
    <t>GHS MOHRA KORE CHASHAM</t>
  </si>
  <si>
    <t>Mohra Kor Chaham</t>
  </si>
  <si>
    <t>GHS Mohra Kore Chasham</t>
  </si>
  <si>
    <t>Mohra Kore Chasham</t>
  </si>
  <si>
    <t>Muhammad Munib Saleem</t>
  </si>
  <si>
    <t>GHS MOHRA NOORI</t>
  </si>
  <si>
    <t>MOHRA NOORI</t>
  </si>
  <si>
    <t>VILLAGE MOHRA NOORI GUJAR KHAN RAWALPINDI</t>
  </si>
  <si>
    <t>TANVEER AHMAD</t>
  </si>
  <si>
    <t>GHS MOHRA SYEDAN</t>
  </si>
  <si>
    <t>vpo mohra syeda.murree</t>
  </si>
  <si>
    <t>Mohra Syedan</t>
  </si>
  <si>
    <t>Chrehan</t>
  </si>
  <si>
    <t>MUHAMMAD MUZAMMIL MUNIR</t>
  </si>
  <si>
    <t>GHS MOHRI PUR, SARAI SIDHU</t>
  </si>
  <si>
    <t>Mouza Mohri pur  Tehsil Kabirwala</t>
  </si>
  <si>
    <t>MOHRI PUR</t>
  </si>
  <si>
    <t>Muhammad Abdul Rehman</t>
  </si>
  <si>
    <t>GHS MOHRI SHARIF</t>
  </si>
  <si>
    <t>Govt.High School Mohri Sharif Teh: Kharian Distt: Gujrat</t>
  </si>
  <si>
    <t>SAJJAD AKRAM</t>
  </si>
  <si>
    <t>GHS MOHUTA MOHRA</t>
  </si>
  <si>
    <t>village Mahuta Via chak beli khan rawalpindi</t>
  </si>
  <si>
    <t>raika maira</t>
  </si>
  <si>
    <t>hifazat Hussain</t>
  </si>
  <si>
    <t>GHS MOIN UD DIN PUR</t>
  </si>
  <si>
    <t>village moin ud din pur tehsil and district gujrat</t>
  </si>
  <si>
    <t>GHS MOIN-UL-ISLAM MIAN CHANNU</t>
  </si>
  <si>
    <t>govt mueen ul islam high school mian channu</t>
  </si>
  <si>
    <t>mohalla Eid Ghah</t>
  </si>
  <si>
    <t>city II</t>
  </si>
  <si>
    <t>Muhammad Ramzan Rashid</t>
  </si>
  <si>
    <t>GHS MOKAL</t>
  </si>
  <si>
    <t>mokal teh chunian kasur</t>
  </si>
  <si>
    <t>naveed Ahmad</t>
  </si>
  <si>
    <t>GHS MOLVI WAH</t>
  </si>
  <si>
    <t>FAIZ WAH</t>
  </si>
  <si>
    <t>GHS MOLVI WAH P/O RATTA TIBBA VEHARI</t>
  </si>
  <si>
    <t>MOLVI WAH</t>
  </si>
  <si>
    <t>GHS MOMAN CHAK 30 RB</t>
  </si>
  <si>
    <t>MOMAN 30/RB</t>
  </si>
  <si>
    <t>MOMAN CHAK 30/RB</t>
  </si>
  <si>
    <t>MOMAN</t>
  </si>
  <si>
    <t>AMJAD ALI</t>
  </si>
  <si>
    <t>Filter Plant of city</t>
  </si>
  <si>
    <t>GHS MONA DEPOT</t>
  </si>
  <si>
    <t>Mona Depot</t>
  </si>
  <si>
    <t>VPO R.D.MONA</t>
  </si>
  <si>
    <t>GHS MONDKA</t>
  </si>
  <si>
    <t>Shah Jamal Road Mondka</t>
  </si>
  <si>
    <t>Shayan Javed</t>
  </si>
  <si>
    <t>GHS MONG</t>
  </si>
  <si>
    <t>RASUL ROAD MANDI BAHAUDDIN</t>
  </si>
  <si>
    <t>sultan ahmed</t>
  </si>
  <si>
    <t>GHS MOONDA</t>
  </si>
  <si>
    <t>Govt. High School Moonda, Tehsil &amp; District Jhang</t>
  </si>
  <si>
    <t>HAROON UR RASHID</t>
  </si>
  <si>
    <t>GHS MOORAT</t>
  </si>
  <si>
    <t>moorat</t>
  </si>
  <si>
    <t>VPO MOORAT TEHSIL FATEH JANG DISTT: ATTOCK</t>
  </si>
  <si>
    <t>mooart</t>
  </si>
  <si>
    <t>Tawab Ahmed</t>
  </si>
  <si>
    <t>GHS MOPALKE</t>
  </si>
  <si>
    <t>mopalke</t>
  </si>
  <si>
    <t>GHS MOPALKE TEHSIL RENALA KHURD DISTT OKARA</t>
  </si>
  <si>
    <t>Mopalke</t>
  </si>
  <si>
    <t>Muhammad Ahmad Khan S/O Fazal Haq</t>
  </si>
  <si>
    <t>GHS MORE JHANGI</t>
  </si>
  <si>
    <t>Govt. High School More Jhangi P/O Retra Taunsa Sharif</t>
  </si>
  <si>
    <t>GHS MOTA GHARBI</t>
  </si>
  <si>
    <t>ghs Mota Gharbi Tehsil Dina District Jhelum</t>
  </si>
  <si>
    <t>Ameer sultan</t>
  </si>
  <si>
    <t>GHS MOTHA</t>
  </si>
  <si>
    <t>ghs motha jppw multan post office KOTLA chakr jppw multan</t>
  </si>
  <si>
    <t>KOTLA chakr</t>
  </si>
  <si>
    <t>waheed nasir</t>
  </si>
  <si>
    <t>GHS MOUZA JUGOO WALA JALALPUR PIRWALA</t>
  </si>
  <si>
    <t>MOUZA JUGGOWALA P/O SAME VIA GAILAY WALA TEHSIL JALALPUR PIR WALA DISTT.MULTAN</t>
  </si>
  <si>
    <t>Muhammad Saleem Khan</t>
  </si>
  <si>
    <t>GHS MOUZA NAWAN BAIGRAJ</t>
  </si>
  <si>
    <t>Mauza Nawan Baigraj Tehsil Jampur</t>
  </si>
  <si>
    <t>Rana Muhammad Asad Khan</t>
  </si>
  <si>
    <t>GHS MOZA HISOKAY</t>
  </si>
  <si>
    <t>Hassokay</t>
  </si>
  <si>
    <t>mouza hassokay</t>
  </si>
  <si>
    <t>Azhar Fareed</t>
  </si>
  <si>
    <t>GHS MPE SHAHDRA</t>
  </si>
  <si>
    <t>Govt. M.P.E. High School Shahdara Lahore.</t>
  </si>
  <si>
    <t>MUHAMMAD AKHLAQ</t>
  </si>
  <si>
    <t>GHS MUAZZAM ABAD</t>
  </si>
  <si>
    <t>moazzam abad</t>
  </si>
  <si>
    <t>Moazzam Abad</t>
  </si>
  <si>
    <t>Suleman Tahar</t>
  </si>
  <si>
    <t>GHS MUBARAK PUR, KABIRWALA</t>
  </si>
  <si>
    <t>Govt. High School Mubarak Pur Kabirwala.</t>
  </si>
  <si>
    <t>GHS MUBARY KHAN</t>
  </si>
  <si>
    <t>Mubharey Khan</t>
  </si>
  <si>
    <t>Mubharey khan</t>
  </si>
  <si>
    <t>Naveed Iqbal</t>
  </si>
  <si>
    <t>GHS MUD MANGLA</t>
  </si>
  <si>
    <t>Mud Mangla Khan pur</t>
  </si>
  <si>
    <t>Mud Mangla</t>
  </si>
  <si>
    <t>ASIM ALI WASIM</t>
  </si>
  <si>
    <t>Hand Pump.Coolers</t>
  </si>
  <si>
    <t>GHS MUD RAJBANA</t>
  </si>
  <si>
    <t>MUD RAJBANA</t>
  </si>
  <si>
    <t>P/O MUD RAJBANA, MOUZA MUD RAJBANA, TEHSIL AHMAD PUR SIAL, JHANG.</t>
  </si>
  <si>
    <t>KOT MAPAL</t>
  </si>
  <si>
    <t>KAZIM ALI JAVED</t>
  </si>
  <si>
    <t>GHS MUD WALA</t>
  </si>
  <si>
    <t>Ghs mudwala wala</t>
  </si>
  <si>
    <t>Rashid Nazar Abbas</t>
  </si>
  <si>
    <t>GHS MUDKEY DAHRIWAL</t>
  </si>
  <si>
    <t>mudkey</t>
  </si>
  <si>
    <t>GOVERNMENT HIGH SCHOOL MUDKEY DHARIWAL KASUR</t>
  </si>
  <si>
    <t>GHS MUGHAL ABAD</t>
  </si>
  <si>
    <t>ghs mughalabad tehsil sohawa district jhelum</t>
  </si>
  <si>
    <t>mughalabad</t>
  </si>
  <si>
    <t>Shabbir Hussain  Malik</t>
  </si>
  <si>
    <t>GHS MUGHAL PURA LAHORE</t>
  </si>
  <si>
    <t>LAHORE CANTT</t>
  </si>
  <si>
    <t>GOVT. hIGH sCHOOL, MUGHALPURA, USMANABAD, LAHORE</t>
  </si>
  <si>
    <t>DARS CHOTEY MIAN</t>
  </si>
  <si>
    <t>Mohammad Abdul  Majeed</t>
  </si>
  <si>
    <t>GHS MUHAMMAD ALI</t>
  </si>
  <si>
    <t>bhoun road CHAKWAL</t>
  </si>
  <si>
    <t>GHS MUHAMMAD NAWAZ WASA</t>
  </si>
  <si>
    <t>MUHAMMAD NAWAZ WASA</t>
  </si>
  <si>
    <t>CHOWK SHAHBAZ PUR</t>
  </si>
  <si>
    <t>BHUTTA WAHAN</t>
  </si>
  <si>
    <t>HAIDER ALI</t>
  </si>
  <si>
    <t>GHS MUHAMMAD PUR</t>
  </si>
  <si>
    <t>Govt.High School Muhammad Pur</t>
  </si>
  <si>
    <t>Muhammad Yasin Khan</t>
  </si>
  <si>
    <t>GHS MUHAMMAD PUR LAMMA</t>
  </si>
  <si>
    <t>Muuhammad Pur Lamma</t>
  </si>
  <si>
    <t>Govt. Boys Secondary School Muhammad Pur Lamma SDK</t>
  </si>
  <si>
    <t>Muhammad Pur Lamma</t>
  </si>
  <si>
    <t>muhammad mumtaz khan</t>
  </si>
  <si>
    <t>GHS MUHAMMAD PUR SANSARAN</t>
  </si>
  <si>
    <t>muhammad pur sansaran</t>
  </si>
  <si>
    <t>p/o muhammad pur sansaran</t>
  </si>
  <si>
    <t>muhammad bilal khawar</t>
  </si>
  <si>
    <t>GHS MUHAMMAD SHAH</t>
  </si>
  <si>
    <t>Mouza Muhammad Shah Mailsi</t>
  </si>
  <si>
    <t>GHS MUHAMMAD WALA SHAHPUR</t>
  </si>
  <si>
    <t>Dera</t>
  </si>
  <si>
    <t>GHS MUHAMMAD WALA SHAHPUR  TEHSIL SAHIWAL SARGODHA</t>
  </si>
  <si>
    <t>GHS MUHAMMAD WALI</t>
  </si>
  <si>
    <t>Bait  Daryai</t>
  </si>
  <si>
    <t>Mouza bait daryai tehsil  jatoi  Disst.M.Garh</t>
  </si>
  <si>
    <t>Head Bakaini</t>
  </si>
  <si>
    <t>Abdul Qayyum Khan</t>
  </si>
  <si>
    <t>GHS MUHAMMADI PUR</t>
  </si>
  <si>
    <t>muhammadi pur</t>
  </si>
  <si>
    <t>muhammadi pur Teh: Chunian Dist: KASUR</t>
  </si>
  <si>
    <t>SALEEM AKHTAR</t>
  </si>
  <si>
    <t>GHS MUKHAD</t>
  </si>
  <si>
    <t>gbhs mukhad teh jand distt attock</t>
  </si>
  <si>
    <t>Hafiz Ibrar Ahmad</t>
  </si>
  <si>
    <t>GHS MUKHIANA</t>
  </si>
  <si>
    <t>Govt. high school mukhiana. moza mukhiana jhang</t>
  </si>
  <si>
    <t>GHS MULHAL MUGHLAN</t>
  </si>
  <si>
    <t>Bimbla</t>
  </si>
  <si>
    <t>Village &amp; P.O.Box Mulhal Mughlan</t>
  </si>
  <si>
    <t>SAJID UR REHMAN MINHAS</t>
  </si>
  <si>
    <t>GHS MULLAN FAQIR BUDHLA MULTAN</t>
  </si>
  <si>
    <t>Near 18 Kassi budhala road multan</t>
  </si>
  <si>
    <t>Waris Wala</t>
  </si>
  <si>
    <t>Jhoke Laskar Pur</t>
  </si>
  <si>
    <t>Dr. Muhammad Aqeel Raza</t>
  </si>
  <si>
    <t>GHS MULLAN MANSOOR</t>
  </si>
  <si>
    <t>GBHS MULLAN MANSOOR, TEHSIL HAZRO, DISTRICT ATTOCK</t>
  </si>
  <si>
    <t>Tahir Mehmood Siddiqui</t>
  </si>
  <si>
    <t>GHS MULTAN KHURD</t>
  </si>
  <si>
    <t>vpo Multan Khurd</t>
  </si>
  <si>
    <t>zia ul Haq</t>
  </si>
  <si>
    <t>GHS MUMDAL, NAWAN SHEHR</t>
  </si>
  <si>
    <t>mouza and post office Mumdal tehsil kabirwala</t>
  </si>
  <si>
    <t>GHS MUNARA</t>
  </si>
  <si>
    <t>vpo Munara, teh. kallar kahar dist chakwal</t>
  </si>
  <si>
    <t>Nauman Tariq</t>
  </si>
  <si>
    <t>GHS MUNCIPAL GUJRAT</t>
  </si>
  <si>
    <t>MOHALLAH Muslim Abad Near Hamza Bakers Gujrat</t>
  </si>
  <si>
    <t>GHS MUND HALI</t>
  </si>
  <si>
    <t>Mundhali</t>
  </si>
  <si>
    <t>muza mundhali tehsil lodhran</t>
  </si>
  <si>
    <t>Muhammad Sohail Saeed</t>
  </si>
  <si>
    <t>GHS MUNDAY</t>
  </si>
  <si>
    <t>MUNDAY</t>
  </si>
  <si>
    <t>VPO MUNDAY</t>
  </si>
  <si>
    <t>BEGAAL</t>
  </si>
  <si>
    <t>GHS MUNDAYKEY GORAYA</t>
  </si>
  <si>
    <t>MUNDEKI GORAYA</t>
  </si>
  <si>
    <t>MUNDEKI GORAYA, DASKA, SIALKOT</t>
  </si>
  <si>
    <t>MUHAMMAD JAFER</t>
  </si>
  <si>
    <t>GHS MURAD ABAD</t>
  </si>
  <si>
    <t>Murad abad Tehsil and district muzaffargarh</t>
  </si>
  <si>
    <t>MUHAMMAD ASGHAR khan</t>
  </si>
  <si>
    <t>GHS MURAD KAY KATHIA</t>
  </si>
  <si>
    <t>GHS murad kay kathia chichawatni</t>
  </si>
  <si>
    <t>Murad Kay kathia</t>
  </si>
  <si>
    <t>GHS MURAD MAAN, SARAI SIDHU</t>
  </si>
  <si>
    <t>GHS MURAD PUR SIAL</t>
  </si>
  <si>
    <t>Murad Pur Sial</t>
  </si>
  <si>
    <t>Ghs Murad Pur sial</t>
  </si>
  <si>
    <t>Mohammad Daha</t>
  </si>
  <si>
    <t>GHS MURALI WALA</t>
  </si>
  <si>
    <t>Muraliwala,Gujranwala</t>
  </si>
  <si>
    <t>GHS MURAT</t>
  </si>
  <si>
    <t>GHS MURAT, VPO MURAT TEHSIL TALAGANG</t>
  </si>
  <si>
    <t>MURAT</t>
  </si>
  <si>
    <t>MUHAMMAD SULEMAN</t>
  </si>
  <si>
    <t>GHS MUREED</t>
  </si>
  <si>
    <t>MUREED</t>
  </si>
  <si>
    <t>VPO MUREED, TEHISL AND DISTRICT CHAKWAL</t>
  </si>
  <si>
    <t>IFTIKHAR AHMED</t>
  </si>
  <si>
    <t>GHS MURGHAI</t>
  </si>
  <si>
    <t>P/O Murghai Tehsil and District Rajanpur</t>
  </si>
  <si>
    <t>GHS MURREE</t>
  </si>
  <si>
    <t>murree city</t>
  </si>
  <si>
    <t>Muhammad Humayun</t>
  </si>
  <si>
    <t>GHS MUSA KALAN</t>
  </si>
  <si>
    <t>Musa Kalan</t>
  </si>
  <si>
    <t>village musa kalan p,o kot sher muhammad tehsil phalia distt m.b.din.</t>
  </si>
  <si>
    <t>Pervez Ahmad</t>
  </si>
  <si>
    <t>GHS MUSA KHEL</t>
  </si>
  <si>
    <t>P/O MUSA KHEL TEHSEEL &amp; DISTRICT MIANWALI</t>
  </si>
  <si>
    <t>sajjad khan</t>
  </si>
  <si>
    <t>GHS MUSI WALI</t>
  </si>
  <si>
    <t>Piplan Paka</t>
  </si>
  <si>
    <t>ghs musi wali tehseel piplan district mianwali</t>
  </si>
  <si>
    <t>Musi Wali</t>
  </si>
  <si>
    <t>Mashkoor Hussain</t>
  </si>
  <si>
    <t>GHS MUSLIM AWAMI SAMBRIAL</t>
  </si>
  <si>
    <t>moh dar ul salaam</t>
  </si>
  <si>
    <t>dar ul salaam</t>
  </si>
  <si>
    <t>GHS MUSLIM BADDO MALHI</t>
  </si>
  <si>
    <t>Baddoimalhi</t>
  </si>
  <si>
    <t>atique rehman</t>
  </si>
  <si>
    <t>GHS MUSLIM BAGHBAN PURA</t>
  </si>
  <si>
    <t>baghbanpura</t>
  </si>
  <si>
    <t>g.t road baghbanpura lahore</t>
  </si>
  <si>
    <t>crown park</t>
  </si>
  <si>
    <t>GHS MUSLIM CHAK 41 JB FSD</t>
  </si>
  <si>
    <t>Chak 41 Jb</t>
  </si>
  <si>
    <t>chak no 41 jb Faisalabad</t>
  </si>
  <si>
    <t>IRFAN JAVAID</t>
  </si>
  <si>
    <t>GHS MUSLIM CHOWK AZAM</t>
  </si>
  <si>
    <t>ward no 1 layyah road chowk azam</t>
  </si>
  <si>
    <t>layyah raod chowk azam</t>
  </si>
  <si>
    <t>mc chowk azam</t>
  </si>
  <si>
    <t>KHALIL AHMAD KHAN</t>
  </si>
  <si>
    <t>GHS MUSLIM DARBAR ROAD HAFIZABAD</t>
  </si>
  <si>
    <t>Darbar Road Mohalla Habib Ganj Hafizabad</t>
  </si>
  <si>
    <t>City HFD</t>
  </si>
  <si>
    <t>Muhammad Naqeeb</t>
  </si>
  <si>
    <t>GHS MUSLIM GUJRAT</t>
  </si>
  <si>
    <t>court road gujrat</t>
  </si>
  <si>
    <t>gujrat city</t>
  </si>
  <si>
    <t>alipura</t>
  </si>
  <si>
    <t>GHS MUSLIM HS CHAK 430 JB</t>
  </si>
  <si>
    <t>CHAK NO 430 JB  TEHSIL: GOJRA DISTT: T.T.SINGH</t>
  </si>
  <si>
    <t>CHAK NO 430 JB</t>
  </si>
  <si>
    <t>CHAK NO 431 JB</t>
  </si>
  <si>
    <t>ZEESHAN HAYDER GILL</t>
  </si>
  <si>
    <t>GHS MUSLIM JANI WALA</t>
  </si>
  <si>
    <t>Govt Muslim High School Janiwala</t>
  </si>
  <si>
    <t>Chak No. 287 JB</t>
  </si>
  <si>
    <t>Chak no. 284 JB</t>
  </si>
  <si>
    <t>GHS MUSLIM JINNAH MEMORIAL</t>
  </si>
  <si>
    <t>City GRW</t>
  </si>
  <si>
    <t>CLOCK TOWER GUJRANWALA</t>
  </si>
  <si>
    <t>TIMBER MARKET</t>
  </si>
  <si>
    <t>GHS MUSLIM LAHORE CANTT</t>
  </si>
  <si>
    <t>sarwar road lhr cantt</t>
  </si>
  <si>
    <t>cantt. board</t>
  </si>
  <si>
    <t>GHS MUSLIM LEAGUE EMPRESS ROAD</t>
  </si>
  <si>
    <t>Empress Road</t>
  </si>
  <si>
    <t>13 empress road lahore</t>
  </si>
  <si>
    <t>BIBI PAK DAMAN</t>
  </si>
  <si>
    <t>Dr Rana Ghulam  Mohyuddin</t>
  </si>
  <si>
    <t>GHS MUSLIM MANDI BAHAUDDIN</t>
  </si>
  <si>
    <t>pindibahauddin m.b.din</t>
  </si>
  <si>
    <t>GHS MUSLIM MODEL BHERI KHURD</t>
  </si>
  <si>
    <t>BHERI KHURD</t>
  </si>
  <si>
    <t>GOVT MM HIGH SCHOOL BHERI KHURD</t>
  </si>
  <si>
    <t>BASHIR AHMED</t>
  </si>
  <si>
    <t>GHS MUSLIM MODEL NIGHBAN PUR FSD</t>
  </si>
  <si>
    <t>Neighebanpura</t>
  </si>
  <si>
    <t>main Bazar neighebanpura</t>
  </si>
  <si>
    <t>HAFIZ MEHBOOB ALAM RAI</t>
  </si>
  <si>
    <t>GHS MUSLIM MODEL SHAKARGARH</t>
  </si>
  <si>
    <t>ZIA ROAD SHAKARGARH</t>
  </si>
  <si>
    <t>UC SHAKARGARH</t>
  </si>
  <si>
    <t>UMAR HAYAT</t>
  </si>
  <si>
    <t>GHS MUSLIM MODEL URDU BAZAR LAHORE</t>
  </si>
  <si>
    <t>Urdu Bazar Lahore.</t>
  </si>
  <si>
    <t>New ANAR Kali</t>
  </si>
  <si>
    <t>Anwar ali Dogar</t>
  </si>
  <si>
    <t>GHS MUSLIM NAROWAL</t>
  </si>
  <si>
    <t>Govt.muslim High School Narowal</t>
  </si>
  <si>
    <t>Zahid  Mehmood</t>
  </si>
  <si>
    <t>GHS MUSLIM NO. 1 RAM GHALI</t>
  </si>
  <si>
    <t>rehman gali nishter road lahore</t>
  </si>
  <si>
    <t>Nishter Road</t>
  </si>
  <si>
    <t>GHS MUSLIM NO.2 CIVIL LINES</t>
  </si>
  <si>
    <t>Civil Lines, Lahore</t>
  </si>
  <si>
    <t>Shafqat Naeem Akhtar</t>
  </si>
  <si>
    <t>GHS MUSLIM NO.2 SAIDPURI GATE RAWALPINDI</t>
  </si>
  <si>
    <t>Shah Chan CHARAGH</t>
  </si>
  <si>
    <t>govt Muslim High School No 2 Saidpuri Gate Rwp.</t>
  </si>
  <si>
    <t>Shah Chan Charagh</t>
  </si>
  <si>
    <t>GHS MUSLIM PUBLIC 363/W.B</t>
  </si>
  <si>
    <t>CHAK 363 WB</t>
  </si>
  <si>
    <t>CHAK 363 WB TEHSIL DUNYAPUR DISTRICT LODHRAN</t>
  </si>
  <si>
    <t>MUHAMMAD TARIQ EJAZ</t>
  </si>
  <si>
    <t>GHS MUSLIM PUL MOJ DARIYA OPP. SPORTS GROUND MULTAN</t>
  </si>
  <si>
    <t>Kalma Chowk Pul moj Darya</t>
  </si>
  <si>
    <t>Kalma Chowk</t>
  </si>
  <si>
    <t>Baghaya Langar Khan</t>
  </si>
  <si>
    <t>Shahida Parveen Anum</t>
  </si>
  <si>
    <t>GHS MUSLIM SIALKOT</t>
  </si>
  <si>
    <t>urdu bazar sialkot city</t>
  </si>
  <si>
    <t>karim pura</t>
  </si>
  <si>
    <t>GHS MUSLIM TAMEER-E-NAU GUJRANWALA</t>
  </si>
  <si>
    <t>popular nursery</t>
  </si>
  <si>
    <t>popular nursey ratta road green street grw</t>
  </si>
  <si>
    <t>qasim Town</t>
  </si>
  <si>
    <t>MUHAMMAD SHAFIQ SIRAJ</t>
  </si>
  <si>
    <t>GHS MUSLIM TAPIALA</t>
  </si>
  <si>
    <t>V/P/O TAPIALA, TEHSILE KHARIAN, DISTRICT GUJRAT.</t>
  </si>
  <si>
    <t>SAJJAD AHMED</t>
  </si>
  <si>
    <t>GHS MUSLIM TARIQ ABAD FSD</t>
  </si>
  <si>
    <t>govt muslim high school tariqabad faisalabad</t>
  </si>
  <si>
    <t>GHS MUSLIM UNION MIAN CHANNU, MIAN CHANNU</t>
  </si>
  <si>
    <t>shami road mian channu</t>
  </si>
  <si>
    <t>City 3</t>
  </si>
  <si>
    <t>SIKANDER HAYAT SASRANA</t>
  </si>
  <si>
    <t>GHS MUSSA</t>
  </si>
  <si>
    <t>Musa Khudlathi</t>
  </si>
  <si>
    <t>GBHS Musa. Tehsil Hazro District attock.</t>
  </si>
  <si>
    <t>GHS MUT CHANDIA</t>
  </si>
  <si>
    <t>sangas mut</t>
  </si>
  <si>
    <t>p/o sakhi sarwar teh.trible area DG Khan moaza sangas mut</t>
  </si>
  <si>
    <t>mut chandia</t>
  </si>
  <si>
    <t>SHOUKAT ALI</t>
  </si>
  <si>
    <t>GHS MUZAFFAR PUR</t>
  </si>
  <si>
    <t>muzaffar pur janubi</t>
  </si>
  <si>
    <t>muzaffarpur</t>
  </si>
  <si>
    <t>GHS N.D. ISLAMIA ICCHRA</t>
  </si>
  <si>
    <t>Ferozpur Rd, Ichhra Lahore.</t>
  </si>
  <si>
    <t>Syed Muhammad Furqan</t>
  </si>
  <si>
    <t>GHS N.H.A.S BHURCHH</t>
  </si>
  <si>
    <t>BHURCHH</t>
  </si>
  <si>
    <t>V.P.O. BHURCHH TEHSIL KHARIAN DISTRICT GUJRAT</t>
  </si>
  <si>
    <t>wajid hussain shah</t>
  </si>
  <si>
    <t>GHS N.I. REHMAN ABAD</t>
  </si>
  <si>
    <t>CHAK NO. 349/T.D.A. TEHSIL CHOUBARA DISTT. LAYYAH.</t>
  </si>
  <si>
    <t>CHAK NO. 349/T.D.A.</t>
  </si>
  <si>
    <t>RAFIQUE ABAD</t>
  </si>
  <si>
    <t>MUHAMMAD MUNIR  SHAHID</t>
  </si>
  <si>
    <t>GHS NABAN JANJUA</t>
  </si>
  <si>
    <t>NABAN JANJUA</t>
  </si>
  <si>
    <t>VPO NABAN JANJUA,TEHSIL GUJAR KHAN,DISTRICT RAWALPINDI.</t>
  </si>
  <si>
    <t>Babar Shahzad</t>
  </si>
  <si>
    <t>GHS NACHINDI</t>
  </si>
  <si>
    <t>VPO Nachindi</t>
  </si>
  <si>
    <t>Muhammad Naseer Raja</t>
  </si>
  <si>
    <t>GHS NACHING</t>
  </si>
  <si>
    <t>Esan Wali</t>
  </si>
  <si>
    <t>Basti Naching</t>
  </si>
  <si>
    <t>Naching</t>
  </si>
  <si>
    <t>Bahraim Wali</t>
  </si>
  <si>
    <t>GHS NADALA SULEHRAIAN</t>
  </si>
  <si>
    <t>NadalaSulehrian</t>
  </si>
  <si>
    <t>VPO NadalaSulehrian</t>
  </si>
  <si>
    <t>MUHAMMAD AJMAL FAROOQ</t>
  </si>
  <si>
    <t>GHS NAGIAL</t>
  </si>
  <si>
    <t>GHS NAGIAL TEHSIL SOHAWA DISTT JHELUM</t>
  </si>
  <si>
    <t>GHS NAGRIAN</t>
  </si>
  <si>
    <t>Naghrian</t>
  </si>
  <si>
    <t>vpo Nagrian teh KHARIAN dist gujrat</t>
  </si>
  <si>
    <t>Saboor</t>
  </si>
  <si>
    <t>HAFIZ IFTEKHAR AHMED</t>
  </si>
  <si>
    <t>GHS NAGRIAN WALA</t>
  </si>
  <si>
    <t>village and post office nagrianwala</t>
  </si>
  <si>
    <t>GHS NAHAR WALI</t>
  </si>
  <si>
    <t>Nahar Wali</t>
  </si>
  <si>
    <t>GHS Nahar Wali P.O Nahar Wali Via Samma Satta Bahawalpur Sadar</t>
  </si>
  <si>
    <t>Syed Habib Ullah Shah</t>
  </si>
  <si>
    <t>GHS NAI ABADI HUJRA SHAH MUQEEM</t>
  </si>
  <si>
    <t>Ghs.naiabadihujra.</t>
  </si>
  <si>
    <t>AHMAD ALI</t>
  </si>
  <si>
    <t>GHS NAJABAT</t>
  </si>
  <si>
    <t>najabat p/o usmanwala tehsil/district kasur</t>
  </si>
  <si>
    <t>Rajowal</t>
  </si>
  <si>
    <t>GHS NAJAF H GULBERG NEAR RC COLA N-BLOCK</t>
  </si>
  <si>
    <t>Gulberg II</t>
  </si>
  <si>
    <t>Govt. Najaf h/s gulberg. II lahore</t>
  </si>
  <si>
    <t>Ghos E Azam Coleny E Azam C</t>
  </si>
  <si>
    <t>Muhammad Naveed Ahmad</t>
  </si>
  <si>
    <t>GHS NAJWAL</t>
  </si>
  <si>
    <t>Govt. Boys High School Najwal Sialkot</t>
  </si>
  <si>
    <t>Chak Jogu</t>
  </si>
  <si>
    <t>Shiv Ram Ashraf</t>
  </si>
  <si>
    <t>GHS NAKKA AFGHANA</t>
  </si>
  <si>
    <t>Nakkaafghanan</t>
  </si>
  <si>
    <t>village nakkaafghanan teh jand District Attock</t>
  </si>
  <si>
    <t>Mohammad Naeem Sabir</t>
  </si>
  <si>
    <t>GHS NAKKA KAHUT</t>
  </si>
  <si>
    <t>VPO Nakka Kahut Tehsil Talagang Distrcit Chakwal</t>
  </si>
  <si>
    <t>Arfan Siddique</t>
  </si>
  <si>
    <t>GHS NAKRALI</t>
  </si>
  <si>
    <t>nakrali</t>
  </si>
  <si>
    <t>village and PO Nakrali tehsil and district Rawalpindi</t>
  </si>
  <si>
    <t>trahia</t>
  </si>
  <si>
    <t>ABDUL MALIK</t>
  </si>
  <si>
    <t>GHS NALA MUSALMANAN</t>
  </si>
  <si>
    <t>NALA MUSALMANAN MUSALMANAN</t>
  </si>
  <si>
    <t>VILLAGE NALA MUSALMANAN, TEHSIL KALLAR SYEDAN. DISTT. RAWALPINDI</t>
  </si>
  <si>
    <t>NALA MUSALMANAN MUSALMANAN MOHRA LAMYAN</t>
  </si>
  <si>
    <t>NALA MUSALMANAN</t>
  </si>
  <si>
    <t>GHS NALLI</t>
  </si>
  <si>
    <t>Muhallah Maidan village &amp; Post Office Nalli Tehsil &amp; District Khushab</t>
  </si>
  <si>
    <t>Umair Hamid</t>
  </si>
  <si>
    <t>GHS NAMAY WALI</t>
  </si>
  <si>
    <t>Namay Wali Tehsil &amp; District Khushab</t>
  </si>
  <si>
    <t>Shams Ud Uha</t>
  </si>
  <si>
    <t>GHS NAMURDI</t>
  </si>
  <si>
    <t>moza ram pur basti namurdi</t>
  </si>
  <si>
    <t>GHS NANAK PUR, KHANEWAL</t>
  </si>
  <si>
    <t>CHAK NANAK PUR KHANEWAL</t>
  </si>
  <si>
    <t>Muhammad Iqbal Javed</t>
  </si>
  <si>
    <t>GHS NANGAL  NO. 2 SAHIWAL</t>
  </si>
  <si>
    <t>sahiwal</t>
  </si>
  <si>
    <t>Govt. High school Nangal No.02, near Pull Bazar Sahiwal</t>
  </si>
  <si>
    <t>Mohallah Farid Gunj</t>
  </si>
  <si>
    <t>Sadar-B</t>
  </si>
  <si>
    <t>GHS NANGAL NO. 1 SAHIWAL</t>
  </si>
  <si>
    <t>Govt. post Graduate Boys College sahiwal</t>
  </si>
  <si>
    <t>GHS NARANG CHAKWAL</t>
  </si>
  <si>
    <t>Naang</t>
  </si>
  <si>
    <t>vpo Narang Teh &amp; distt chakwal</t>
  </si>
  <si>
    <t>Dulah</t>
  </si>
  <si>
    <t>irfan khursheed</t>
  </si>
  <si>
    <t>GHS NARAR</t>
  </si>
  <si>
    <t>p/o narar via panjar trail kahuta district rwp</t>
  </si>
  <si>
    <t>GHS NARI</t>
  </si>
  <si>
    <t>Nari Janoobi P/O Nari Janoobi Teh: Taunsa Distt. D.G.Khan</t>
  </si>
  <si>
    <t>Malik Saif Ullah</t>
  </si>
  <si>
    <t>GHS NAROWAL</t>
  </si>
  <si>
    <t>circular road narowal</t>
  </si>
  <si>
    <t>GHS NAROWALI</t>
  </si>
  <si>
    <t>Ghs Narowali gujrat</t>
  </si>
  <si>
    <t>ijaz ahmed</t>
  </si>
  <si>
    <t>GHS NARTOPA</t>
  </si>
  <si>
    <t>GBHS. NARTOPA</t>
  </si>
  <si>
    <t>NARTOPA WARDAG</t>
  </si>
  <si>
    <t>NARTOPA</t>
  </si>
  <si>
    <t>GOHAR UR REHMAN</t>
  </si>
  <si>
    <t>GHS NARWAR</t>
  </si>
  <si>
    <t>village P/O Narwar wahga Lahore Cantt</t>
  </si>
  <si>
    <t>Muhammad Tahir Nisar Anjum</t>
  </si>
  <si>
    <t>GHS NASEEM HASLAN WALA</t>
  </si>
  <si>
    <t>haslanwala</t>
  </si>
  <si>
    <t>MUSHAHID UR RASUL</t>
  </si>
  <si>
    <t>GHS NASEER ABAD</t>
  </si>
  <si>
    <t>Street#20 near Dargah e Tahiri Naseerabad, RWP.</t>
  </si>
  <si>
    <t>Ward#1</t>
  </si>
  <si>
    <t>Abdul Qadeer</t>
  </si>
  <si>
    <t>GHS NASEER PUR KALAN</t>
  </si>
  <si>
    <t>naseer pur kalan</t>
  </si>
  <si>
    <t>ghs naseer pur kalan tehsil kotmomin distt sargodha</t>
  </si>
  <si>
    <t>Zafar Hayat</t>
  </si>
  <si>
    <t>GHS NASRI WALA</t>
  </si>
  <si>
    <t>nasri wala</t>
  </si>
  <si>
    <t>NASRI WALA Kamar Mushani Mianwali</t>
  </si>
  <si>
    <t>SHAHZAD HASSAN khan</t>
  </si>
  <si>
    <t>GHS NATHAY WALA</t>
  </si>
  <si>
    <t>Natheywala</t>
  </si>
  <si>
    <t>chak natheywala po noorsar tehsil and distt. bahawalnagar</t>
  </si>
  <si>
    <t>MUHAMMAD NAZIR</t>
  </si>
  <si>
    <t>GHS NATHAY WALA MOUZA DHAKNA GHARO</t>
  </si>
  <si>
    <t>DAKHNA GHAROO</t>
  </si>
  <si>
    <t>GOVT. HIGH SCHOOL NATHAY WALA KAHROR PACCA</t>
  </si>
  <si>
    <t>NATHAY WALA</t>
  </si>
  <si>
    <t>HAFEEZ UR REHMAN</t>
  </si>
  <si>
    <t>GHS NATHEY KHALSA P/O KHAS</t>
  </si>
  <si>
    <t>nathay Khalsa</t>
  </si>
  <si>
    <t>Govt. High School Nathay Khalsa</t>
  </si>
  <si>
    <t>nathay khalsa</t>
  </si>
  <si>
    <t>Hafiz Muhammad Rashid Ali</t>
  </si>
  <si>
    <t>GHS NATHU SIVIA</t>
  </si>
  <si>
    <t>nathu sivia PO chabba sandhuwan tehsil noshehra virkan district gujranwala</t>
  </si>
  <si>
    <t>Urgn</t>
  </si>
  <si>
    <t>Sufian Ahmad</t>
  </si>
  <si>
    <t>GHS NATHU WALA</t>
  </si>
  <si>
    <t>Nathuwala Chak #180. RB Tehsil Shahkot District Nankana Sahib.</t>
  </si>
  <si>
    <t>RAI NAJEEB ULLAH</t>
  </si>
  <si>
    <t>GHS NATIONAL SAROKI</t>
  </si>
  <si>
    <t>post office saroki tel&amp; distt. Gujrat</t>
  </si>
  <si>
    <t>Muhammad Kaleem Saleh</t>
  </si>
  <si>
    <t>GHS NATIONAL SECONDRY SCHOOL NAROWAL</t>
  </si>
  <si>
    <t>circular road Narowal</t>
  </si>
  <si>
    <t>GHS NATLAH KALAN</t>
  </si>
  <si>
    <t>Natlah Kalan</t>
  </si>
  <si>
    <t>ghs natlah kalan shakargath</t>
  </si>
  <si>
    <t>Ghulsam Bari</t>
  </si>
  <si>
    <t>GHS NAURAJA BHUTTA JALALPUR PIRWALA</t>
  </si>
  <si>
    <t>GHs Nauraja bhutta moza nauraja bhutta Jalal pur pir wala</t>
  </si>
  <si>
    <t>nauraja bhutta</t>
  </si>
  <si>
    <t>GHS NAURANG ABAD</t>
  </si>
  <si>
    <t>norangabad p/o sukho chak</t>
  </si>
  <si>
    <t>GHS NAUSHEHRA JADEED</t>
  </si>
  <si>
    <t>noushehra jadeed</t>
  </si>
  <si>
    <t>p/o pipli rajan</t>
  </si>
  <si>
    <t>Abdul Latif Rehmani</t>
  </si>
  <si>
    <t>GHS NAUSHERA</t>
  </si>
  <si>
    <t>Mc Naushera</t>
  </si>
  <si>
    <t>GHS NAWAB BHOOTI</t>
  </si>
  <si>
    <t>Moza Nawab Bhooti Tehsil Pirmahal District Toba Tek Singh</t>
  </si>
  <si>
    <t>khawar naeem</t>
  </si>
  <si>
    <t>GHS NAWAB PUR MULTAN</t>
  </si>
  <si>
    <t>nawab pur</t>
  </si>
  <si>
    <t>nawab pur multan</t>
  </si>
  <si>
    <t>muhammad ahmed</t>
  </si>
  <si>
    <t>GHS NAWAIN ARIAN</t>
  </si>
  <si>
    <t>Nawain Arain</t>
  </si>
  <si>
    <t>P/O Basti Panwaran Mouza &amp; U/C Mawain Arain Tehsil Khanpur District Rahim Yar Khan</t>
  </si>
  <si>
    <t>Muhammad Javed Ashraf</t>
  </si>
  <si>
    <t>GHS NAWAN MIANWALI</t>
  </si>
  <si>
    <t>Village and Post Office NAWAN Tehsil and District Mianwali</t>
  </si>
  <si>
    <t>Gul Hameed</t>
  </si>
  <si>
    <t>GHS NAWAN PIND CHAK 78</t>
  </si>
  <si>
    <t>NAWANPIND CHAK 78/RB</t>
  </si>
  <si>
    <t>Mohammad Amjad Sharif</t>
  </si>
  <si>
    <t>GHS NEELA</t>
  </si>
  <si>
    <t>vpo neela chakwal</t>
  </si>
  <si>
    <t>GHS NEHRANWALA</t>
  </si>
  <si>
    <t>Nehranwala</t>
  </si>
  <si>
    <t>VILLAGE Nehranwala Tehsil Depalpur Distt.Okara</t>
  </si>
  <si>
    <t>GHS NEHRIAN WALA</t>
  </si>
  <si>
    <t>GHS NEHRIAN WALA TEHSIL CHOUBARA DISTT.LAYYAH</t>
  </si>
  <si>
    <t>Nehrian Wala</t>
  </si>
  <si>
    <t>Muhammad sohail Abbas</t>
  </si>
  <si>
    <t>GHS NEKUKARA</t>
  </si>
  <si>
    <t>P/O Nekokara Teh Ahmad Pur Sial, Jhang.</t>
  </si>
  <si>
    <t>muhammad yousuf</t>
  </si>
  <si>
    <t>GHS NEW CENTRAL JAIL PIR COLONY MULTAN</t>
  </si>
  <si>
    <t>GHS NEW CENTRAL JAIL  PIR COLONY MULTAN</t>
  </si>
  <si>
    <t>Muhammad Ashfaq Nawaz</t>
  </si>
  <si>
    <t>GHS NEW COLONY GHULAM MUHAMMAD ABAD</t>
  </si>
  <si>
    <t>GMABAD</t>
  </si>
  <si>
    <t>SHAHI CHOWK GM ABAD FAISALABAD</t>
  </si>
  <si>
    <t>SHAHI CHOWK GM ABAD FAISLABAD</t>
  </si>
  <si>
    <t>GHS NEW KROLE SHALIMAR TOWN</t>
  </si>
  <si>
    <t>Tibia Qila Khazana</t>
  </si>
  <si>
    <t>Govt. High School New Krole, Shalimar Town, Lahore.</t>
  </si>
  <si>
    <t>GHS NEW MILLAT MUMTAZABAD MULTAN</t>
  </si>
  <si>
    <t>Near Fazal ur Rehman  Hospital Mumtazabad  multan</t>
  </si>
  <si>
    <t>Shamim Ahmad</t>
  </si>
  <si>
    <t>GHS NEW MODEL GHULAM MUHAMMAD ABAD</t>
  </si>
  <si>
    <t>Chak 279 Rb</t>
  </si>
  <si>
    <t>Adam Chowk ghulam Muhammad abad</t>
  </si>
  <si>
    <t>Adam Chowk</t>
  </si>
  <si>
    <t>Rab Shah cho wk</t>
  </si>
  <si>
    <t>GHS NIA MADRASSA GM ABAD FSD</t>
  </si>
  <si>
    <t>MUHALLA QUDRAT ABAD GM ABAD FAISALABAD</t>
  </si>
  <si>
    <t>QUDRAT ABAD</t>
  </si>
  <si>
    <t>MURAD ABAD</t>
  </si>
  <si>
    <t>GHS NIAZ BEG, MULTAN ROAD</t>
  </si>
  <si>
    <t>NIAZ BAIG</t>
  </si>
  <si>
    <t>GOVT. H/S NIAZ BAIG, MULTAN ROAD LAHORE</t>
  </si>
  <si>
    <t>GHS NIDDOKE</t>
  </si>
  <si>
    <t>niddoke tehsil and District narowal</t>
  </si>
  <si>
    <t>AAMIR SHAHBAZ JAJJA</t>
  </si>
  <si>
    <t>GHS NILHAD</t>
  </si>
  <si>
    <t>GBHS Nilhad</t>
  </si>
  <si>
    <t>nilhad</t>
  </si>
  <si>
    <t>malhowali</t>
  </si>
  <si>
    <t>GHS NINDOWAL</t>
  </si>
  <si>
    <t>Nindowal</t>
  </si>
  <si>
    <t>Village &amp; PO Nindowal</t>
  </si>
  <si>
    <t>Khawas Pur</t>
  </si>
  <si>
    <t>ATA ULLAH</t>
  </si>
  <si>
    <t>GHS NIRALI</t>
  </si>
  <si>
    <t>V.P O NARALI TEHSIL GUJJAR KHAN</t>
  </si>
  <si>
    <t>GHS NIZAM ABAD</t>
  </si>
  <si>
    <t>Ghs nizamabad g.t.road wazrabad</t>
  </si>
  <si>
    <t>riaz ahmad</t>
  </si>
  <si>
    <t>GHS NIZAM PUR DHACCA VILLAGE</t>
  </si>
  <si>
    <t>gHS nizam pura dhaka tehsil ferozwala SKP</t>
  </si>
  <si>
    <t>nizam pura dhaka</t>
  </si>
  <si>
    <t>muhammad iqbal kharl</t>
  </si>
  <si>
    <t>GHS NIZAM PURA CHAK 38 RB</t>
  </si>
  <si>
    <t>nizam pura chak no 38 tehsil shahkot district nankana sahib</t>
  </si>
  <si>
    <t>Nizam Pura Chak 38</t>
  </si>
  <si>
    <t>Nizam Pura Chak 38RB</t>
  </si>
  <si>
    <t>Muhammad Salim</t>
  </si>
  <si>
    <t>GHS NIZAM PURA CHAK NO 2</t>
  </si>
  <si>
    <t>nizampura chak no 2</t>
  </si>
  <si>
    <t>Nizampura Chak No 2</t>
  </si>
  <si>
    <t>Sadda Ottar</t>
  </si>
  <si>
    <t>Muhammad Yahya Hashmi</t>
  </si>
  <si>
    <t>GHS NO 155 WB</t>
  </si>
  <si>
    <t>Chak No. 155/WB, Vehari</t>
  </si>
  <si>
    <t>More Rab Rakha</t>
  </si>
  <si>
    <t>GHS NO 2  ISA KHEL</t>
  </si>
  <si>
    <t>Bumbran Wala Mohallah</t>
  </si>
  <si>
    <t>ghs isa Khel 2 p/o and tehsil  isa Khel dist. Mianwali</t>
  </si>
  <si>
    <t>atta rasool</t>
  </si>
  <si>
    <t>GHS NO 2 HAVELI</t>
  </si>
  <si>
    <t>Railway road Haveli Lakha Okara</t>
  </si>
  <si>
    <t>rathoranwala</t>
  </si>
  <si>
    <t>MC Haveli</t>
  </si>
  <si>
    <t>Muhammad ali shahid</t>
  </si>
  <si>
    <t>GHS NO. 1 BASIR PUR MAIN ROAD</t>
  </si>
  <si>
    <t>GHS NO. 1 CHAKWAL</t>
  </si>
  <si>
    <t>BHOUN CHOWK CHAKWAL</t>
  </si>
  <si>
    <t>CHAKWAL CITY</t>
  </si>
  <si>
    <t>MUHAMMAD PERVAIZ</t>
  </si>
  <si>
    <t>GHS NO. 1 HAFIZABAD</t>
  </si>
  <si>
    <t>Railway road near akram hospital hafizabad</t>
  </si>
  <si>
    <t>CITY hafizabad</t>
  </si>
  <si>
    <t>ZAMEER UL HASSAN ALI</t>
  </si>
  <si>
    <t>GHS NO. 1 KOT RADHA KISHAN</t>
  </si>
  <si>
    <t>KOT RADHA KISHEN</t>
  </si>
  <si>
    <t>KOT RADHA KISHEM</t>
  </si>
  <si>
    <t>GHS NO. 1 PHOOL NAGAR</t>
  </si>
  <si>
    <t>Multan Road Phool nagr</t>
  </si>
  <si>
    <t>Nazir Shah</t>
  </si>
  <si>
    <t>Muhammad Saeed Awan</t>
  </si>
  <si>
    <t>GHS NO. 1 PINDI BHATTIAN</t>
  </si>
  <si>
    <t>chiniot road, pindi bhattian</t>
  </si>
  <si>
    <t>MC.pindi bhattian</t>
  </si>
  <si>
    <t>muhammad zaman</t>
  </si>
  <si>
    <t>GHS NO. 1 PIPLAN</t>
  </si>
  <si>
    <t>PIPLAN PAKKA</t>
  </si>
  <si>
    <t>G.H/S NO 1 PIPLAN MIANWALI</t>
  </si>
  <si>
    <t>MUHAMMAD IJAZ ASLAM</t>
  </si>
  <si>
    <t>GHS NO. 1 SAMUNDRI FSD</t>
  </si>
  <si>
    <t>SAMUNDRI</t>
  </si>
  <si>
    <t>GOJRA ROAD SAMUNDRI CITY</t>
  </si>
  <si>
    <t>SAMUNDRI CITY</t>
  </si>
  <si>
    <t>SADAQAT ALI KHAN</t>
  </si>
  <si>
    <t>GHS NO. 1 SANGLA HILL</t>
  </si>
  <si>
    <t>FAISALABAD ROAD SANGLA HILL</t>
  </si>
  <si>
    <t>MOHALLA IQBAL PURA</t>
  </si>
  <si>
    <t>Ghulam Abbas Anjum</t>
  </si>
  <si>
    <t>GHS NO. 1 SHAHKOT</t>
  </si>
  <si>
    <t>Govt. High School No. 1 Shahkot</t>
  </si>
  <si>
    <t>GHS NO. 1 TALAGANG</t>
  </si>
  <si>
    <t>Govt. high school no. 1 talagang</t>
  </si>
  <si>
    <t>MUHAMMAD JAWAD ABBAS</t>
  </si>
  <si>
    <t>GHS NO. 2 CHAKWAL</t>
  </si>
  <si>
    <t>GHS NO 2 PINWAL ROAD CHAKWAL</t>
  </si>
  <si>
    <t>PINWAL ROAD</t>
  </si>
  <si>
    <t>ZULFIQAR HAIDER</t>
  </si>
  <si>
    <t>GHS NO. 2 CHISHTIAN</t>
  </si>
  <si>
    <t>Chak no 4/F W</t>
  </si>
  <si>
    <t>dahranwal mor chishtian</t>
  </si>
  <si>
    <t>Chak no 4/Fw</t>
  </si>
  <si>
    <t>Muhammad Nasrullah Zahid</t>
  </si>
  <si>
    <t>GHS NO. 2 DUBAI COLONY RAJANPUR</t>
  </si>
  <si>
    <t>Govt. High School No.2 Dubai Colony Rajanpur</t>
  </si>
  <si>
    <t>Dubai Colony Rajanpur</t>
  </si>
  <si>
    <t>GHS NO. 2 KOT ADU</t>
  </si>
  <si>
    <t>Near DSP Office Kot adu</t>
  </si>
  <si>
    <t>City Kot adu</t>
  </si>
  <si>
    <t>MUHAMMAD ARSHAD JAVED</t>
  </si>
  <si>
    <t>GHS NO. 2 KOT MALA RAM MULTAN</t>
  </si>
  <si>
    <t>2 Kotla Melanie Ram</t>
  </si>
  <si>
    <t>chack no 2 Kot Mela Ram multan</t>
  </si>
  <si>
    <t>Chak No 2 Kot Mela Ram</t>
  </si>
  <si>
    <t>Frasat ali Shah</t>
  </si>
  <si>
    <t>GHS NO. 2 MADINA COLONY HAFIZABAD</t>
  </si>
  <si>
    <t>MOHALLAH MADINA COLONY PARK ROAD HAFIZABAD</t>
  </si>
  <si>
    <t>MADINAL COLONY</t>
  </si>
  <si>
    <t>CITY HAFIZABAD</t>
  </si>
  <si>
    <t>GHS NO. 2 PASRUR</t>
  </si>
  <si>
    <t>pasrur</t>
  </si>
  <si>
    <t>GHS NO. 2 PHOOL NAGAR</t>
  </si>
  <si>
    <t>Eid ghah road Phool Nagar Distt kasur</t>
  </si>
  <si>
    <t>Aamir Shehzad</t>
  </si>
  <si>
    <t>GHS NO. 2 PINDI BHATTIAN</t>
  </si>
  <si>
    <t>GOVT.HIGH SCHOOL NO. PINDI BHATTIAN</t>
  </si>
  <si>
    <t>MOH.SADDIQUE- E-AKBAR</t>
  </si>
  <si>
    <t>MC PINDI BHATTAIN</t>
  </si>
  <si>
    <t>SAJID MUNIR KASHIF</t>
  </si>
  <si>
    <t>GHS NO. 2 SAMUNDRI FSD</t>
  </si>
  <si>
    <t>GHS NO.2 SAMUNDRI 137 ROAD SAMUNDRI</t>
  </si>
  <si>
    <t>RAVI MOHALLA</t>
  </si>
  <si>
    <t>CITY SMD</t>
  </si>
  <si>
    <t>WASIM RIAZ</t>
  </si>
  <si>
    <t>GHS NO. 2 TALAGANG</t>
  </si>
  <si>
    <t>ghs no 2 talagang</t>
  </si>
  <si>
    <t>Tla Gharb</t>
  </si>
  <si>
    <t>Muhammad Arif Khan</t>
  </si>
  <si>
    <t>GHS NO.1 GHAKHAR</t>
  </si>
  <si>
    <t>Govt.higher secondary school No.1 Ghakhar G.T Road</t>
  </si>
  <si>
    <t>Ghakkhar</t>
  </si>
  <si>
    <t>Meuncipal Comiti</t>
  </si>
  <si>
    <t>GHS NO.1 KAMALIA</t>
  </si>
  <si>
    <t>Near Thana More Kamalia</t>
  </si>
  <si>
    <t>GHS NO.1 MUSTAFA ABAD</t>
  </si>
  <si>
    <t>feroze pur road Mustafa abad kasur</t>
  </si>
  <si>
    <t>ALEEM IQBAL</t>
  </si>
  <si>
    <t>GHS NO.1 PASRUR</t>
  </si>
  <si>
    <t>Near Railway Station Pasrur</t>
  </si>
  <si>
    <t>MC Pasrur</t>
  </si>
  <si>
    <t>SHAH JEHAN</t>
  </si>
  <si>
    <t>GHS NO.1 PIR MAHAL</t>
  </si>
  <si>
    <t>PIRMAHAL</t>
  </si>
  <si>
    <t>GOVT. HIGH SCHOOL NO. 1 PIRMAHAL</t>
  </si>
  <si>
    <t>MADINA BLOCK</t>
  </si>
  <si>
    <t>TOWN COMMITTEE PIRMAHAL</t>
  </si>
  <si>
    <t>Ch Jamat Ali Malhi</t>
  </si>
  <si>
    <t>GHS NO.1 SILLANWALI</t>
  </si>
  <si>
    <t>MC SILLANWALI</t>
  </si>
  <si>
    <t>GHS NO.1 TANDLIANWALA</t>
  </si>
  <si>
    <t>ABDUR RASHID</t>
  </si>
  <si>
    <t>GHS NO.2 KAMALIA NEAR CIVIL HOSPITAL</t>
  </si>
  <si>
    <t>GOVT. HIGH SCHOOL NO.2 KAMALIA</t>
  </si>
  <si>
    <t>NASIR MAHMUD</t>
  </si>
  <si>
    <t>GHS NO.2 MUSTAFA ABAD</t>
  </si>
  <si>
    <t>MUSTAFABAD</t>
  </si>
  <si>
    <t>Mustafabad,  Tehsil and District Kasur</t>
  </si>
  <si>
    <t>MUSTAFABAD-1</t>
  </si>
  <si>
    <t>SHARAFAT ALI</t>
  </si>
  <si>
    <t>GHS NO.2 PIR MAHAL</t>
  </si>
  <si>
    <t>Ghosia Abad Pirmahal</t>
  </si>
  <si>
    <t>GHS NO.2 SILLANWALI</t>
  </si>
  <si>
    <t>Chak No127</t>
  </si>
  <si>
    <t>GHS NO.3 KAMOKE</t>
  </si>
  <si>
    <t>LINE PAR MOHALA SLAMAT PURA</t>
  </si>
  <si>
    <t>Dr. Muhammad Naeem Awan</t>
  </si>
  <si>
    <t>GHS NOOR GARH</t>
  </si>
  <si>
    <t>Mouza Noor garh tehsil dunyapur(Lodhran)</t>
  </si>
  <si>
    <t>NOOR GARH</t>
  </si>
  <si>
    <t>GHS NOOR PUR</t>
  </si>
  <si>
    <t>Kehwala</t>
  </si>
  <si>
    <t>VPO Noorpur kallar kahar chakwal</t>
  </si>
  <si>
    <t>Abdul Ghfafoor Shah</t>
  </si>
  <si>
    <t>purchase tank</t>
  </si>
  <si>
    <t>GHS NOOR PUR DOGRAN</t>
  </si>
  <si>
    <t>Noor Pur Dogran</t>
  </si>
  <si>
    <t>Govt. Boys High School Noor Pur Dogran (Kasur)</t>
  </si>
  <si>
    <t>Shaukat Ali Chaudhary</t>
  </si>
  <si>
    <t>GHS NOOR PUR PAKPATTAN</t>
  </si>
  <si>
    <t>Adda Noorpur</t>
  </si>
  <si>
    <t>93/D noorpur</t>
  </si>
  <si>
    <t>MUHAMMAD AKRAM BHATTI</t>
  </si>
  <si>
    <t>GHS NOOR PUR PIRAN</t>
  </si>
  <si>
    <t>Noor Pur Piran</t>
  </si>
  <si>
    <t>Bhagowal Tehsil Malakwal district Mandi Bahauddin</t>
  </si>
  <si>
    <t>GHS NOOR SAR</t>
  </si>
  <si>
    <t>Noor sar p/o same teh/dist Bahawalnagar</t>
  </si>
  <si>
    <t>GHS NOORA RATH</t>
  </si>
  <si>
    <t>Chak Noora Rath P/O same Tehsil Arifwala District Pakpattan</t>
  </si>
  <si>
    <t>GHS NOORAY WALI</t>
  </si>
  <si>
    <t>Nooray wali</t>
  </si>
  <si>
    <t>GBSS Noor E wali ryk</t>
  </si>
  <si>
    <t>Ghulam Sarwar Sadiq</t>
  </si>
  <si>
    <t>GHS NOORPUR MACHHI WALA</t>
  </si>
  <si>
    <t>Noorpur Machi Noor Pur MachiWala</t>
  </si>
  <si>
    <t>noor pur machi wala rajan pur</t>
  </si>
  <si>
    <t>Noor Pur Machi WalA</t>
  </si>
  <si>
    <t>GHS NOORPUR NAURANGA</t>
  </si>
  <si>
    <t>p.o noorpurnauranga tehsil Bahawalpur saddar</t>
  </si>
  <si>
    <t>GHS NOORPUR THAL</t>
  </si>
  <si>
    <t>Govt.High School Noorpur thal</t>
  </si>
  <si>
    <t>Mc Noorpur Thal</t>
  </si>
  <si>
    <t>Sultan Sikandar</t>
  </si>
  <si>
    <t>GHS NOQABIL WAH</t>
  </si>
  <si>
    <t>Dera Noon Maseet Wala Moza Noqabil Wah, Kahror Pacca</t>
  </si>
  <si>
    <t>Maseet Wala  Dera Noon</t>
  </si>
  <si>
    <t>GHS NOTAK</t>
  </si>
  <si>
    <t>Notak Daggar</t>
  </si>
  <si>
    <t>GHS Notak</t>
  </si>
  <si>
    <t>GHS NOTHEEN</t>
  </si>
  <si>
    <t>Nothen</t>
  </si>
  <si>
    <t>nauthen</t>
  </si>
  <si>
    <t>GHS NOURANG SHAH, P/O HASHMAT MIRALI, KABIRWALA</t>
  </si>
  <si>
    <t>Naurang  Shah</t>
  </si>
  <si>
    <t>Chak naurang shah p/o Hashmat mirali tehsil kabirwala district khanewal</t>
  </si>
  <si>
    <t>Naurang Shah</t>
  </si>
  <si>
    <t>HAQ NAWAZ AKHTAR</t>
  </si>
  <si>
    <t>GHS NOUSHEHRA EAST</t>
  </si>
  <si>
    <t>Noushehra East</t>
  </si>
  <si>
    <t>Noushehra sharqi tehsil and district rajan pur</t>
  </si>
  <si>
    <t>Muhammad Ahsan Riaz</t>
  </si>
  <si>
    <t>GHS NOUSHEHRA WEST</t>
  </si>
  <si>
    <t>Noushera West</t>
  </si>
  <si>
    <t>Noushera West Teh.. Jampur distt. Rajanpur</t>
  </si>
  <si>
    <t>Noshehra West</t>
  </si>
  <si>
    <t>GHS NOWSHERA</t>
  </si>
  <si>
    <t>VPO Nowshera</t>
  </si>
  <si>
    <t>GHS NOWSHERA VIRKAN</t>
  </si>
  <si>
    <t>TEHSIL NOWSHERA VIRKAN, DISTT. GUJRANWALA</t>
  </si>
  <si>
    <t>GHS NOWSHERA VIRKAN NO.2</t>
  </si>
  <si>
    <t>Mohallah Muslim Town ,Nowshera Virkan (GRW)</t>
  </si>
  <si>
    <t>MC NOWSHERA VIRKAN</t>
  </si>
  <si>
    <t>GHS NUTKANI</t>
  </si>
  <si>
    <t>GHS OBARA SHUMALI P/O SAME SHUJA ABAD</t>
  </si>
  <si>
    <t>Obawara Shumali</t>
  </si>
  <si>
    <t>ghs obawara shumali</t>
  </si>
  <si>
    <t>muhammad saleem akhtar</t>
  </si>
  <si>
    <t>GHS OBHAL</t>
  </si>
  <si>
    <t>vpo obhal tehsil noor pur thal district khushab</t>
  </si>
  <si>
    <t>Shajar Abbas Khan</t>
  </si>
  <si>
    <t>GHS OJLA P/O SARDAR PUR</t>
  </si>
  <si>
    <t>Ojla</t>
  </si>
  <si>
    <t>Mouza Ojla Tehsil Kabirwala</t>
  </si>
  <si>
    <t>Abdul shakoor</t>
  </si>
  <si>
    <t>GHS OKHLI MOHLA</t>
  </si>
  <si>
    <t>Govt. High School Okhli Mohla Distt Khushab</t>
  </si>
  <si>
    <t>Hameed Asghar Hamad</t>
  </si>
  <si>
    <t>GHS OLAKH OTTAR</t>
  </si>
  <si>
    <t>Olakh Ottar, P.O. same, Tehsil Kot Radha Kishan Distict Kasur</t>
  </si>
  <si>
    <t>Muhammad Mustafa</t>
  </si>
  <si>
    <t>GHS ORARA RAIWIND ROAD KHURD KASUR</t>
  </si>
  <si>
    <t>orara new PO BOX SAME TEHSIL AND DISTRICT KASUR</t>
  </si>
  <si>
    <t>orara new (khurd)</t>
  </si>
  <si>
    <t>ORARA</t>
  </si>
  <si>
    <t>DR. ABDUL BASIT AZIZ</t>
  </si>
  <si>
    <t>GHS ORDINANCE PUBLIC KALA DEPOT</t>
  </si>
  <si>
    <t>P.O. chak Jamal tehsil dina district jhelum</t>
  </si>
  <si>
    <t>GHS OULAKH BHAIKE</t>
  </si>
  <si>
    <t>aulakh bhaike</t>
  </si>
  <si>
    <t>tehsil nowshera virkan district gujranwala vpo aulakh bhaike</t>
  </si>
  <si>
    <t>argan</t>
  </si>
  <si>
    <t>mukhtar ahmed</t>
  </si>
  <si>
    <t>GHS P.B. MODEL</t>
  </si>
  <si>
    <t>Hafizabad Road GRW</t>
  </si>
  <si>
    <t>Baghban Pura</t>
  </si>
  <si>
    <t>muhammad zakaria</t>
  </si>
  <si>
    <t>GHS PACCA ANNA</t>
  </si>
  <si>
    <t>PACCA ANNA</t>
  </si>
  <si>
    <t>GHS PACCA ANNA GOJR</t>
  </si>
  <si>
    <t>CHAK NO 93 JB</t>
  </si>
  <si>
    <t>MUHAMMAD SAEED AKHTAR</t>
  </si>
  <si>
    <t>GHS PACCA GHALWAN</t>
  </si>
  <si>
    <t>Pacca ghalwan teh&amp; District M.Garh</t>
  </si>
  <si>
    <t>Pacca ghalwan</t>
  </si>
  <si>
    <t>GHS PACCA LARAN</t>
  </si>
  <si>
    <t>pakalaran</t>
  </si>
  <si>
    <t>pakalaranpopakalaran</t>
  </si>
  <si>
    <t>pakalarann</t>
  </si>
  <si>
    <t>Nazar Muhammad Balouch</t>
  </si>
  <si>
    <t>GHS PACCA SHAH NAWAZ</t>
  </si>
  <si>
    <t>Maksoda Jujhr</t>
  </si>
  <si>
    <t>Basti Pacca Shah Nawaz</t>
  </si>
  <si>
    <t>Pacca Shah Nawaz</t>
  </si>
  <si>
    <t>Ghulam Qasim Zia</t>
  </si>
  <si>
    <t>GHS PADHANA CHAK NO. 45</t>
  </si>
  <si>
    <t>Padhana chak #45</t>
  </si>
  <si>
    <t>GHS padhana chak no 45 Teh.Pattoki Distt.Kasur</t>
  </si>
  <si>
    <t>padhana chak no 45</t>
  </si>
  <si>
    <t>GHS PADHANA LAHORE</t>
  </si>
  <si>
    <t>Govt High School Padhana Lahore Cantt</t>
  </si>
  <si>
    <t>GHS PADHARAR</t>
  </si>
  <si>
    <t>V.P.O. PADHRAR TEHSIL and district khushab</t>
  </si>
  <si>
    <t>GHS PADHRI</t>
  </si>
  <si>
    <t>PADHRI</t>
  </si>
  <si>
    <t>GHS PADHRI P.O. PADHRI TEH. SOHAWA DISTT. JHELUM</t>
  </si>
  <si>
    <t>Ahmed Fazail Khalil</t>
  </si>
  <si>
    <t>GHS PAF COLONY MIANWALI</t>
  </si>
  <si>
    <t>pafcolonymianwali</t>
  </si>
  <si>
    <t>Pafcolonymianwali</t>
  </si>
  <si>
    <t>Muncpalcommittemi</t>
  </si>
  <si>
    <t>Khurshid Iqbal Khan</t>
  </si>
  <si>
    <t>GHS PAHAR PUR</t>
  </si>
  <si>
    <t>PAHARPUR THAL</t>
  </si>
  <si>
    <t>NEAR RAILWAY  PAHARPUR</t>
  </si>
  <si>
    <t>PAHARPUR</t>
  </si>
  <si>
    <t>GHS PAHRIAN WALI</t>
  </si>
  <si>
    <t>VPO PAHRIANWALI</t>
  </si>
  <si>
    <t>MAZHAR IQBAL SOHAIL</t>
  </si>
  <si>
    <t>GHS PAIGAH</t>
  </si>
  <si>
    <t>PAIGAH</t>
  </si>
  <si>
    <t>POST OFFICE PAIGAH CHAT NO 3 DG KHAN</t>
  </si>
  <si>
    <t>MUHAMMAD AKHTAR QAISRANI</t>
  </si>
  <si>
    <t>GHS PAIKHEL</t>
  </si>
  <si>
    <t>M yar Wala</t>
  </si>
  <si>
    <t>pai Khel</t>
  </si>
  <si>
    <t>tariq iqbal  khan</t>
  </si>
  <si>
    <t>GHS PAIL</t>
  </si>
  <si>
    <t>VPO PAIL TEHSIL AND DISTRICT KHUSHAB</t>
  </si>
  <si>
    <t>GHS PAK ISLAMIA SHADIWAL</t>
  </si>
  <si>
    <t>SHADIWAL</t>
  </si>
  <si>
    <t>NEAR BUS STAND SHADIWAL</t>
  </si>
  <si>
    <t>ICHERKAY</t>
  </si>
  <si>
    <t>GHS PAK MODEL RAIL BAZAR FSD</t>
  </si>
  <si>
    <t>RAIL BAZAR</t>
  </si>
  <si>
    <t>muhammad akhtar saeed</t>
  </si>
  <si>
    <t>GHS PAKISTAN HUSSAIN AGAHI</t>
  </si>
  <si>
    <t>KHULAASI LINE</t>
  </si>
  <si>
    <t>GHS PAKISTAN, HITTAR ROAD, HUSSAIN AGAHI, MULTAN</t>
  </si>
  <si>
    <t>SHAHGARDEZ</t>
  </si>
  <si>
    <t>BAZAR UMAR E FAROOQ</t>
  </si>
  <si>
    <t>sajjad hussain khan</t>
  </si>
  <si>
    <t>GHS PAKISTAN LALA MUSA</t>
  </si>
  <si>
    <t>ghspaklalamgrt@gmail.com Pakistan lalamusa</t>
  </si>
  <si>
    <t>Asif Mehmood Qureshi</t>
  </si>
  <si>
    <t>GHS PAKISTAN MODEL REHMAN PURA</t>
  </si>
  <si>
    <t>C Block Rehmanpura Lhr</t>
  </si>
  <si>
    <t>GHS PAKKAY WALA</t>
  </si>
  <si>
    <t>Mouza Pakkay Wala Sargodha Road Jhang</t>
  </si>
  <si>
    <t>GHS PAKKI SHAH MARDAN</t>
  </si>
  <si>
    <t>vpo pakki shah mardan.mianwali.</t>
  </si>
  <si>
    <t>JAVED IQBAL MALIK</t>
  </si>
  <si>
    <t>GHS PANDOKI</t>
  </si>
  <si>
    <t>PANDOKI</t>
  </si>
  <si>
    <t>VILLAGE PANDOKI P/O KAHNA NAU LAHORE</t>
  </si>
  <si>
    <t>NAEEM ABBAS RANA</t>
  </si>
  <si>
    <t>GHS PANDORI</t>
  </si>
  <si>
    <t>Village &amp; P.O Pandori, Tehsil Dina District Jhelum</t>
  </si>
  <si>
    <t>GHS PANDORIAN CHAK NO 122/RB</t>
  </si>
  <si>
    <t>Pandorian Chak No: 122 Sangla Hill</t>
  </si>
  <si>
    <t>Pandorian Chak 122 r/b</t>
  </si>
  <si>
    <t>Muhammad Tahir Shahzad</t>
  </si>
  <si>
    <t>GHS PANJ GIRAIN</t>
  </si>
  <si>
    <t>GHS Panjgirain Near Railway Station Panjgirain (Bhakkar)</t>
  </si>
  <si>
    <t>panjgirain</t>
  </si>
  <si>
    <t>panjgirain daggar</t>
  </si>
  <si>
    <t>Abdul Haque</t>
  </si>
  <si>
    <t>GHS PANMOTHA</t>
  </si>
  <si>
    <t>VPO MUKHAD ROAD TEHSIL JAND  DISTRICT ATTOCK</t>
  </si>
  <si>
    <t>Mukhad Shareef</t>
  </si>
  <si>
    <t>GHS PANWAN 176 RB</t>
  </si>
  <si>
    <t>176 Chak</t>
  </si>
  <si>
    <t>Chak No 176RB Panwan</t>
  </si>
  <si>
    <t>chak no 176RB Panwan</t>
  </si>
  <si>
    <t>panwan</t>
  </si>
  <si>
    <t>GHS PARI DARVEZA</t>
  </si>
  <si>
    <t>Pari Darweza</t>
  </si>
  <si>
    <t>vpo pari darweza tehsil sohawa District Jhelum</t>
  </si>
  <si>
    <t>Sagheer Ahmed</t>
  </si>
  <si>
    <t>GHS PATALIAN</t>
  </si>
  <si>
    <t>VPO PATALIAN</t>
  </si>
  <si>
    <t>Kot Chaudrian</t>
  </si>
  <si>
    <t>GHS PATHER WALI</t>
  </si>
  <si>
    <t>Patherwali chak no 167RB District Nankana Sahib</t>
  </si>
  <si>
    <t>Rao Karam Elahi Atif</t>
  </si>
  <si>
    <t>GHS PATTI BULANDA</t>
  </si>
  <si>
    <t>PATTIBULANDA</t>
  </si>
  <si>
    <t>CITY PATTIBULANDA</t>
  </si>
  <si>
    <t>Mustafa Ahmed</t>
  </si>
  <si>
    <t>GHS PATTOKI</t>
  </si>
  <si>
    <t>shahrae qaede azam</t>
  </si>
  <si>
    <t>GHS PATWALI</t>
  </si>
  <si>
    <t>patwali teh talagang chakwal</t>
  </si>
  <si>
    <t>Muhammad Waqar Hasnain Haider</t>
  </si>
  <si>
    <t>GHS PEER BUKHSH PUNJABI</t>
  </si>
  <si>
    <t>Basti peer Bakhsh Punjabi moza Ali Pur post office JDW SDK</t>
  </si>
  <si>
    <t>Basti peer Bakhsh Punjabi</t>
  </si>
  <si>
    <t>RASHID REHMAN</t>
  </si>
  <si>
    <t>GHS PEER GHANI</t>
  </si>
  <si>
    <t>moza pir ghani</t>
  </si>
  <si>
    <t>GHS PEER JAGGI</t>
  </si>
  <si>
    <t>pir jaggi</t>
  </si>
  <si>
    <t>CHAK NO 170 TDA</t>
  </si>
  <si>
    <t>PIR JAGGI</t>
  </si>
  <si>
    <t>MUHAMMAD ISHFAQ AHMAD</t>
  </si>
  <si>
    <t>GHS PEER KHALIS</t>
  </si>
  <si>
    <t>peer khalis</t>
  </si>
  <si>
    <t>Merzeka</t>
  </si>
  <si>
    <t>rashid ahmad</t>
  </si>
  <si>
    <t>GHS PEERO CHAK</t>
  </si>
  <si>
    <t>Peero Chak Teh. Daska Distt. sialkot</t>
  </si>
  <si>
    <t>Mian Talib Ali</t>
  </si>
  <si>
    <t>GHS PEHLVI FAIZABAD RAWALPINDI</t>
  </si>
  <si>
    <t>Ojri Kalan</t>
  </si>
  <si>
    <t>Faizabad Rawalpindi</t>
  </si>
  <si>
    <t>Dhoke Babu Irfan</t>
  </si>
  <si>
    <t>Goher Rahman</t>
  </si>
  <si>
    <t>Barrowed</t>
  </si>
  <si>
    <t>GHS PELOWAINCE</t>
  </si>
  <si>
    <t>PELOWAINCE</t>
  </si>
  <si>
    <t>GHS PEMAR OTTAR</t>
  </si>
  <si>
    <t>pemar ottar</t>
  </si>
  <si>
    <t>govt high school pemar ottar kot radha kishan kasur</t>
  </si>
  <si>
    <t>Zubair ahmad Headmaster</t>
  </si>
  <si>
    <t>GHS PERO SHAH</t>
  </si>
  <si>
    <t>VPO PEROSHAH</t>
  </si>
  <si>
    <t>GHS PETER CLARKABAD DISTT. KASUR</t>
  </si>
  <si>
    <t>Clarkabad  P/OTehsil Kot radha kishan district Kasur</t>
  </si>
  <si>
    <t>Clarkabad</t>
  </si>
  <si>
    <t>Muhammad  Amjad</t>
  </si>
  <si>
    <t>GHS PHALINA</t>
  </si>
  <si>
    <t>vill and Po Phalina Tehsil kallar syedan rwp</t>
  </si>
  <si>
    <t>MC KALLAR SYEDAN</t>
  </si>
  <si>
    <t>MUHAMMAD RAZA VAINCE</t>
  </si>
  <si>
    <t>GHS PHALORA</t>
  </si>
  <si>
    <t>philora</t>
  </si>
  <si>
    <t>vill philora</t>
  </si>
  <si>
    <t>khanan wali</t>
  </si>
  <si>
    <t>imtiaz ali</t>
  </si>
  <si>
    <t>GHS PHATHI JOYIAN WALI</t>
  </si>
  <si>
    <t>naseer wala</t>
  </si>
  <si>
    <t>govt. h/s phathi joyian wali</t>
  </si>
  <si>
    <t>phathi joyian wali</t>
  </si>
  <si>
    <t>allu wali</t>
  </si>
  <si>
    <t>Malik Sultan Sikander</t>
  </si>
  <si>
    <t>GHS PHUGLA</t>
  </si>
  <si>
    <t>Phugla Shumali</t>
  </si>
  <si>
    <t>GHS/Phugla, Tehsil Taunsa Sharif, District Dera Ghazi Khan</t>
  </si>
  <si>
    <t>GHS PHULARWAN</t>
  </si>
  <si>
    <t>PHULARWAN</t>
  </si>
  <si>
    <t>GHS PHULRAY SYEDAN</t>
  </si>
  <si>
    <t>VPO PHULRAY SYEDAN TEHSIL SOHAWA DISTRICT JHELUM</t>
  </si>
  <si>
    <t>GHS PIDDI PUR NANKANA</t>
  </si>
  <si>
    <t>Piddi Pur</t>
  </si>
  <si>
    <t>Village Piddi Pur</t>
  </si>
  <si>
    <t>Fatta Thatta</t>
  </si>
  <si>
    <t>muhammad nadeem</t>
  </si>
  <si>
    <t>GHS PILOT ATTOCK</t>
  </si>
  <si>
    <t>govt pilot secondary school attock</t>
  </si>
  <si>
    <t>GHS PILOT GARH TANDLIANWALA FSD</t>
  </si>
  <si>
    <t>GARH FATEH SHAH TANDLIANWALA FSD</t>
  </si>
  <si>
    <t>GARH FATEH SHAH</t>
  </si>
  <si>
    <t>Naik Muhammad</t>
  </si>
  <si>
    <t>filtration ppant</t>
  </si>
  <si>
    <t>GHS PILOT MILITARY FARM</t>
  </si>
  <si>
    <t>HEAD QUARTER MILITARY FAM OKARA</t>
  </si>
  <si>
    <t>GOVT HIGH SCHOOL MLITARY FARM OKARA</t>
  </si>
  <si>
    <t>CH.INDRIAS BHATTI</t>
  </si>
  <si>
    <t>GHS PILOT NAWAN SHER MULTAN</t>
  </si>
  <si>
    <t>kiri misri khan</t>
  </si>
  <si>
    <t>govt. pilot secondary school abdali road nawan sher multan</t>
  </si>
  <si>
    <t>nawan sher</t>
  </si>
  <si>
    <t>bagh langay khan</t>
  </si>
  <si>
    <t>Mahar Allah Bakhsh</t>
  </si>
  <si>
    <t>GHS PILOT PHALIA</t>
  </si>
  <si>
    <t>phalia city</t>
  </si>
  <si>
    <t>Phalia City</t>
  </si>
  <si>
    <t>Municipal Cometti Phalia</t>
  </si>
  <si>
    <t>GHS PILOT SECONDARY</t>
  </si>
  <si>
    <t>r y khan</t>
  </si>
  <si>
    <t>satellite town rahim yar khan</t>
  </si>
  <si>
    <t>satellite town r y khan</t>
  </si>
  <si>
    <t>city r y khan</t>
  </si>
  <si>
    <t>Mian Muhammad Sajid IKRAM</t>
  </si>
  <si>
    <t>GHS PILOT SIALKOT</t>
  </si>
  <si>
    <t>Circular road, near over head bridge sialkot</t>
  </si>
  <si>
    <t>Ahmed pura</t>
  </si>
  <si>
    <t>GHS PINAN WAL No. 1</t>
  </si>
  <si>
    <t>Village &amp; Post Office Pinanwal, Tehsil Pind Dadan Khan, District Jhelum.</t>
  </si>
  <si>
    <t>GHS PINAN WAL No. 2</t>
  </si>
  <si>
    <t>village and post office pinanwal</t>
  </si>
  <si>
    <t>Iqrar Afzal</t>
  </si>
  <si>
    <t>GHS PIND</t>
  </si>
  <si>
    <t>Village Pind post office Khaur Tehsil Pindigheb District Attock</t>
  </si>
  <si>
    <t>Junaid Khan Masood</t>
  </si>
  <si>
    <t>GHS PIND BALA</t>
  </si>
  <si>
    <t>p.o paimal village pind bala</t>
  </si>
  <si>
    <t>Hafiz Umer Rasheed</t>
  </si>
  <si>
    <t>GHS PIND BENSO</t>
  </si>
  <si>
    <t>GBHS pind bainso</t>
  </si>
  <si>
    <t>Nala Musalmanan</t>
  </si>
  <si>
    <t>GHS PIND JHATLA</t>
  </si>
  <si>
    <t>Pindjhatla</t>
  </si>
  <si>
    <t>GBHS pindjhatla, Teh &amp; District Rawalpindi</t>
  </si>
  <si>
    <t>Talib Mehmood</t>
  </si>
  <si>
    <t>GHS PIND MAKKO</t>
  </si>
  <si>
    <t>pind makko (m.B.Din)</t>
  </si>
  <si>
    <t>pind Makko</t>
  </si>
  <si>
    <t>GHS PIND MEHRI</t>
  </si>
  <si>
    <t>village pind mehri, Hassan abdal, attock</t>
  </si>
  <si>
    <t>pind mehri</t>
  </si>
  <si>
    <t>Zain Ul Abideen</t>
  </si>
  <si>
    <t>GHS PIND NASRALA</t>
  </si>
  <si>
    <t>Pind Nasrala</t>
  </si>
  <si>
    <t>GHS pind Nasrala p.o Tarnool Fateh jhang Road Tehsil and District Rawalpindi</t>
  </si>
  <si>
    <t>GHS PIND SAWIKA</t>
  </si>
  <si>
    <t>pind sawikka</t>
  </si>
  <si>
    <t>village &amp; p.o.    pind sawikka, teh. &amp; distt. jhelum</t>
  </si>
  <si>
    <t>raja shoukat hayat</t>
  </si>
  <si>
    <t>GHS PIND SULTANI</t>
  </si>
  <si>
    <t>VPO Pindsultani, Teh Jand, Attock</t>
  </si>
  <si>
    <t>GHS PINDI BAWAREY</t>
  </si>
  <si>
    <t>PINDI BAWAREY</t>
  </si>
  <si>
    <t>GHS PINDI BHAGO</t>
  </si>
  <si>
    <t>village pindi bhago p/o kingra tehsil pasrur district sialkot</t>
  </si>
  <si>
    <t>sohail Rashid</t>
  </si>
  <si>
    <t>GHS PINDI GHEB NO.1</t>
  </si>
  <si>
    <t>GBHS NO 1 PINDI GHEB</t>
  </si>
  <si>
    <t>Tahir Altaf</t>
  </si>
  <si>
    <t>GHS PINDI GHEB NO.2</t>
  </si>
  <si>
    <t>Police station Rd Pindigheb</t>
  </si>
  <si>
    <t>GHS PINDI RAWAN</t>
  </si>
  <si>
    <t>PINDI RAWAN</t>
  </si>
  <si>
    <t>VPO PINDI RAWAN  TEH MALAKWAL DISTT M.B.DIN</t>
  </si>
  <si>
    <t>Muhammad azam</t>
  </si>
  <si>
    <t>GHS PINDI SAID PUR</t>
  </si>
  <si>
    <t>village and post office pindi said pur,tehsil pind dadan khan,distt jhelum.</t>
  </si>
  <si>
    <t>GHS PINDI SARHAL</t>
  </si>
  <si>
    <t>vpo pindi sarhal jand attock</t>
  </si>
  <si>
    <t>Jamil Ahmed Adil</t>
  </si>
  <si>
    <t>GHS PINDI SHEIKH MUSA TANDLIANWALA</t>
  </si>
  <si>
    <t>pindi sheikh musa tehsil tandlianwala distt.faisalabad</t>
  </si>
  <si>
    <t>Zulqarnain Kamran Rizvi</t>
  </si>
  <si>
    <t>from village filter</t>
  </si>
  <si>
    <t>GHS PINDI UMRA</t>
  </si>
  <si>
    <t>Pindi Umra P/O Pindi Umra Tehsil Shakargarh</t>
  </si>
  <si>
    <t>GHS PIPLAN NO.2</t>
  </si>
  <si>
    <t>GOVT HIGH SCHOOL NO 2 PIPLAN MIANWALI</t>
  </si>
  <si>
    <t>ZAIN UL ABIDIN</t>
  </si>
  <si>
    <t>GHS PIPLE MIRALI, SARAI SIDHU</t>
  </si>
  <si>
    <t>Pipal Mirali</t>
  </si>
  <si>
    <t>Basti Pipal Mirali, Mouza Pipal Mirali P/O Sarai Sidhu.</t>
  </si>
  <si>
    <t>Sagheer Ahmad</t>
  </si>
  <si>
    <t>GHS PIPLI RAJAN</t>
  </si>
  <si>
    <t>Pippli Rajan</t>
  </si>
  <si>
    <t>usman pur mauza pippli rajan tehsil ahmed pur east dist bahawalpur</t>
  </si>
  <si>
    <t>Usman Pur</t>
  </si>
  <si>
    <t>GHS PIR AADIL JADEED</t>
  </si>
  <si>
    <t>Rakh Chabri Zeren</t>
  </si>
  <si>
    <t>Basti Dhoor Pur</t>
  </si>
  <si>
    <t>hamad Raza Farooqi</t>
  </si>
  <si>
    <t>GHS PIR ABDUL REHMAN</t>
  </si>
  <si>
    <t>pir abdul rehman</t>
  </si>
  <si>
    <t>p/o pir abdul rehman tehsil ahmad  pur sial district jhang</t>
  </si>
  <si>
    <t>ijaz hussain</t>
  </si>
  <si>
    <t>GHS PIR ASHAB</t>
  </si>
  <si>
    <t>Peer Aashab P/o Razai Shah Shumali Tehsile &amp; District Bhakkar</t>
  </si>
  <si>
    <t>Peer Aashab</t>
  </si>
  <si>
    <t>GHS PIR BAKHSH KHAS</t>
  </si>
  <si>
    <t>Pir Bux Khas</t>
  </si>
  <si>
    <t>P/O Fazilpur Tehsil &amp; Distt. Rajanpur</t>
  </si>
  <si>
    <t>Pir Bux Sharqi</t>
  </si>
  <si>
    <t>Muhammad Adnan</t>
  </si>
  <si>
    <t>GHS PIR KHANA</t>
  </si>
  <si>
    <t>ghs pirkhana gujrat</t>
  </si>
  <si>
    <t>GHS PIR KOT SADHANA</t>
  </si>
  <si>
    <t>Moza pirkot Sadhana PO same Jhang</t>
  </si>
  <si>
    <t>Syead Zill Abass Shah</t>
  </si>
  <si>
    <t>GHS PIR PUNJA</t>
  </si>
  <si>
    <t>Pir Punja tehsil Lalian District Chiniot</t>
  </si>
  <si>
    <t>Muhammad Abdul Jalil</t>
  </si>
  <si>
    <t>GHS PIR WALA</t>
  </si>
  <si>
    <t>PIR WALA</t>
  </si>
  <si>
    <t>GHS PIRWALA</t>
  </si>
  <si>
    <t>RUSTAM SARGANA</t>
  </si>
  <si>
    <t>GHS PIRA FATEHAL</t>
  </si>
  <si>
    <t>GHS PIRA FATEHAL VPO PIRA FATEHAL</t>
  </si>
  <si>
    <t>Saad Bilal</t>
  </si>
  <si>
    <t>GHS PIRAN GHAIB NEAR THERMAL POWER STATION</t>
  </si>
  <si>
    <t>govt. high school Piran Ghaib multan</t>
  </si>
  <si>
    <t>muhammad zafar</t>
  </si>
  <si>
    <t>GHS POTHA</t>
  </si>
  <si>
    <t>village Potha Sharif, Tehsil Murree, Distt Rawalpindi</t>
  </si>
  <si>
    <t>GHS POUNTA SHUJABAD</t>
  </si>
  <si>
    <t>Mouza Ponta Tehsil Shujabad</t>
  </si>
  <si>
    <t>Salah ud Din Khan Hamzai</t>
  </si>
  <si>
    <t>GHS POURMIANA</t>
  </si>
  <si>
    <t>HEADMASTER GBHS POURMIANA  VIA ASKARI CEMENT WORKS</t>
  </si>
  <si>
    <t>GHS PUBLIC 591 GB GANGA PUR</t>
  </si>
  <si>
    <t>591 GB</t>
  </si>
  <si>
    <t>Chak No 591 GB Jaranwala</t>
  </si>
  <si>
    <t>Chak No  591 GB</t>
  </si>
  <si>
    <t>Chak No 591 GB</t>
  </si>
  <si>
    <t>RANA MUDASSAR AHMED</t>
  </si>
  <si>
    <t>GHS PUBLIC ACADEMY MUGHAL ABAD</t>
  </si>
  <si>
    <t>Qasai chowk tench road rwp</t>
  </si>
  <si>
    <t>Tench Bata</t>
  </si>
  <si>
    <t>Mutti Ur Rehman Khan Niazi</t>
  </si>
  <si>
    <t>GHS PUBLIC BHAGOWAL KALAN</t>
  </si>
  <si>
    <t>GHS PUBLIC CHAK 218 GB SAMUNDRI FSD</t>
  </si>
  <si>
    <t>221 Gb</t>
  </si>
  <si>
    <t>Muhammad Maqsood Hussain Shad</t>
  </si>
  <si>
    <t>GHS PUBLIC CIVIL LINE GUJRANWALA</t>
  </si>
  <si>
    <t>CIVIL LINE ,GUJRANWALA</t>
  </si>
  <si>
    <t>GHS PUBLIC GHARTAL</t>
  </si>
  <si>
    <t>VPO GHARTAL TEH. SAMBRIAL SIALKOT</t>
  </si>
  <si>
    <t>VEROWALA</t>
  </si>
  <si>
    <t>GHS PUBLIC ISLAMIA MIANWAL RANJHA</t>
  </si>
  <si>
    <t>MIANWALRANJHA</t>
  </si>
  <si>
    <t>Village and post office Mianwal Ranjha</t>
  </si>
  <si>
    <t>GHS PUBLIC MODEL NAIN SUKH SHAHDARA</t>
  </si>
  <si>
    <t>govt. public model hs nain sukh shahdra lhr</t>
  </si>
  <si>
    <t>nain sukh</t>
  </si>
  <si>
    <t>begum kot</t>
  </si>
  <si>
    <t>muhammad latif nadeem</t>
  </si>
  <si>
    <t>GHS PUBLIC NO. 1</t>
  </si>
  <si>
    <t>shahdoula road</t>
  </si>
  <si>
    <t>Ghari Shahdoula</t>
  </si>
  <si>
    <t>GHS PUBLIC NO.2 GUJRAT</t>
  </si>
  <si>
    <t>Adjacent Sir syed college railway road gujrat</t>
  </si>
  <si>
    <t>Syed Mustazhar Hussain Naqwi</t>
  </si>
  <si>
    <t>GHS PUBLIC PINDI KALU</t>
  </si>
  <si>
    <t>Pindi kalu</t>
  </si>
  <si>
    <t>V.P.O PINDI KALU</t>
  </si>
  <si>
    <t>Shahid  Hassan</t>
  </si>
  <si>
    <t>GHS PUBLIC RAILWAY ROAD, KHANEWAL</t>
  </si>
  <si>
    <t>islam park</t>
  </si>
  <si>
    <t>Railway Road Islam Park Khanewal City</t>
  </si>
  <si>
    <t>Islam park</t>
  </si>
  <si>
    <t>liaqat hussain</t>
  </si>
  <si>
    <t>GHS PUBLIC WASU MB DIN</t>
  </si>
  <si>
    <t>Wasu MB DIN</t>
  </si>
  <si>
    <t>M.Nawaz</t>
  </si>
  <si>
    <t>GHS PUBLIC WAZRIABAD</t>
  </si>
  <si>
    <t>Near railway station Wazirabad</t>
  </si>
  <si>
    <t>Urban Wazirabad</t>
  </si>
  <si>
    <t>TANVEER AHMAD MALIK</t>
  </si>
  <si>
    <t>GHS PUL BAJWAN</t>
  </si>
  <si>
    <t>Pulbajwan</t>
  </si>
  <si>
    <t>pulbajwan</t>
  </si>
  <si>
    <t>Majid Hussain</t>
  </si>
  <si>
    <t>GHS PULLO SHAH</t>
  </si>
  <si>
    <t>PULLO SHAH</t>
  </si>
  <si>
    <t>PALLU SHAH</t>
  </si>
  <si>
    <t>BAHUDI PUR QURESHIYAN</t>
  </si>
  <si>
    <t>GHULAM MEERAN SHAH</t>
  </si>
  <si>
    <t>GHS PUNJANI P/O LASURI</t>
  </si>
  <si>
    <t>basti and mouza punjani</t>
  </si>
  <si>
    <t>ahmad bakhsh</t>
  </si>
  <si>
    <t>GHS PUNJAR</t>
  </si>
  <si>
    <t>GBHS Punjar, kahuta,rwp</t>
  </si>
  <si>
    <t>Muhammad Aamir Faraz</t>
  </si>
  <si>
    <t>GHS PURAN</t>
  </si>
  <si>
    <t>VPO PURAN  Sarai Alamgir.</t>
  </si>
  <si>
    <t>SYED SIBTAIN AHMED RIZVI</t>
  </si>
  <si>
    <t>GHS QADI WIND TEH. DISTT. KASUR</t>
  </si>
  <si>
    <t>QADIWIND</t>
  </si>
  <si>
    <t>GOVT. HIGH SCHOOL, QADIWIND, KASUR.</t>
  </si>
  <si>
    <t>MUHAMMAD WAQAR ALI</t>
  </si>
  <si>
    <t>GHS QADIR ABAD COLONY</t>
  </si>
  <si>
    <t>qadirabad Colony</t>
  </si>
  <si>
    <t>Govt. Secondary School qadirabad Colony tehsil and district hafizabad</t>
  </si>
  <si>
    <t>GHS QADIR BUX KAMALIA</t>
  </si>
  <si>
    <t>mouza qadir bukhsh kamalia</t>
  </si>
  <si>
    <t>Azmat Shah Qadir Bukhsh</t>
  </si>
  <si>
    <t>GHS QADIR PUR CHIMNA</t>
  </si>
  <si>
    <t>qadirpur Chimna</t>
  </si>
  <si>
    <t>basti qadirpur chimna</t>
  </si>
  <si>
    <t>Qadirpur Chimna</t>
  </si>
  <si>
    <t>challay wahin</t>
  </si>
  <si>
    <t>GHS QADRIA GUJAR KHAN</t>
  </si>
  <si>
    <t>govt qadria secondary school sabzi mandi gujar khan</t>
  </si>
  <si>
    <t>muhammad saeed</t>
  </si>
  <si>
    <t>GHS QADRIA SIRJIA CHAK 30 JB FSD</t>
  </si>
  <si>
    <t>CHAK NO. 30 JB FSD</t>
  </si>
  <si>
    <t>IQBAL HUSSAN</t>
  </si>
  <si>
    <t>GHS QAIM BHARWANA</t>
  </si>
  <si>
    <t>QAIM BHARWANA BHARWANA</t>
  </si>
  <si>
    <t>Waseem Tahir</t>
  </si>
  <si>
    <t>GHS QAIMPUR</t>
  </si>
  <si>
    <t>Shahpur Road Qaimpur</t>
  </si>
  <si>
    <t>MUHAMMAD BOOTA</t>
  </si>
  <si>
    <t>GHS QASBA KARIALY</t>
  </si>
  <si>
    <t>QASBA KARYALI</t>
  </si>
  <si>
    <t>VILL. &amp; PO. QASBA KARYALI TEHSIL; SARAI ALAMGIR GUJRAT</t>
  </si>
  <si>
    <t>SYED RASHID AHMED</t>
  </si>
  <si>
    <t>GHS QASIM ABAD</t>
  </si>
  <si>
    <t>HEAD KHANKI ROAD QASIM ABAD GUJRAT</t>
  </si>
  <si>
    <t>JASOOKI</t>
  </si>
  <si>
    <t>GHS QASIM BELA MULTAN CANTT.</t>
  </si>
  <si>
    <t>Ward No. 2 St.No.6 Qasim Bela Multan</t>
  </si>
  <si>
    <t>GHS QASIMKA</t>
  </si>
  <si>
    <t>Chack Qasimka P/O same tehsil &amp; Distt. BahawalNagar</t>
  </si>
  <si>
    <t>Qadir Bakhsh</t>
  </si>
  <si>
    <t>GHS QATAL PUR, SARAI SIDHU</t>
  </si>
  <si>
    <t>QATAL PUR</t>
  </si>
  <si>
    <t>P/O QATALPUR TEH.KABIRWALA DISTT.KHANEWAL</t>
  </si>
  <si>
    <t>QATALPUR</t>
  </si>
  <si>
    <t>WAJID HUSSAIN</t>
  </si>
  <si>
    <t>GHS QAUMI SIALKOT</t>
  </si>
  <si>
    <t>Mohallah Rehamt Elahi sialkot city</t>
  </si>
  <si>
    <t>MOHALLAH  Rehmat Ilahi</t>
  </si>
  <si>
    <t>kareem pura sialkot</t>
  </si>
  <si>
    <t>GHS QAZIAN</t>
  </si>
  <si>
    <t>gbhs qazian gujar khan rwp</t>
  </si>
  <si>
    <t>GHS QILA DAR</t>
  </si>
  <si>
    <t>Qilladar Gujrat</t>
  </si>
  <si>
    <t>Syed Azeem Rashid Ali Zaidi</t>
  </si>
  <si>
    <t>GHS QILA DIDAR SINGH NO.1</t>
  </si>
  <si>
    <t>govt.high school no1 qila didar singh distt gujranwala</t>
  </si>
  <si>
    <t>Zia Ullah Bhinder</t>
  </si>
  <si>
    <t>GHS QILA DIDAR SINGH NO.2</t>
  </si>
  <si>
    <t>ghs no 2 qila didar singh Grw</t>
  </si>
  <si>
    <t>Muhammad moqeem khan</t>
  </si>
  <si>
    <t>GHS QILA MASSETAH MURIDKE</t>
  </si>
  <si>
    <t>Qila Maseeta Muridke</t>
  </si>
  <si>
    <t>qila Maseeeta</t>
  </si>
  <si>
    <t>ISHTIAQ AHMAD</t>
  </si>
  <si>
    <t>GHS QILA MIAN SINGH</t>
  </si>
  <si>
    <t>qila mian singh</t>
  </si>
  <si>
    <t>village qila mian singh gujranwala</t>
  </si>
  <si>
    <t>Abbas Ahmad</t>
  </si>
  <si>
    <t>GHS QILA MIR ZAMAN</t>
  </si>
  <si>
    <t>Qila Mir Zaman</t>
  </si>
  <si>
    <t>Govt. High School Qila Mir Zaman chak No. 8</t>
  </si>
  <si>
    <t>Qila Mir Zaman Chak No 8</t>
  </si>
  <si>
    <t>GHS QILA RAM KOUR</t>
  </si>
  <si>
    <t>QILA RAMKAUR</t>
  </si>
  <si>
    <t>HFD</t>
  </si>
  <si>
    <t>SAQIB SHOAIB AZHAR</t>
  </si>
  <si>
    <t>GHS QUAID ABAD</t>
  </si>
  <si>
    <t>ghs quaidabad</t>
  </si>
  <si>
    <t>Quidabad</t>
  </si>
  <si>
    <t>GHS QUAID MILLAT BWN</t>
  </si>
  <si>
    <t>khadimabadcolony bwn</t>
  </si>
  <si>
    <t>Bahawal Nagar</t>
  </si>
  <si>
    <t>Khadimabad</t>
  </si>
  <si>
    <t>nazeer ahmad</t>
  </si>
  <si>
    <t>GHS QURBAN LINE LAHORE CANTT</t>
  </si>
  <si>
    <t>G ARIF HSS MUSTAFABAD</t>
  </si>
  <si>
    <t>Govt. High school Lahore Cantt Abadi Qurbanline</t>
  </si>
  <si>
    <t>Qurbanline</t>
  </si>
  <si>
    <t>MUHAMMAD MANSOOR AHMAD</t>
  </si>
  <si>
    <t>GHS QURESHI WALA</t>
  </si>
  <si>
    <t>QURESHI WALA</t>
  </si>
  <si>
    <t>GHS QUTAB PUR SADAT</t>
  </si>
  <si>
    <t>Qutab Pur Sadat</t>
  </si>
  <si>
    <t>Qutabpur Tehsil Dunyapur Distt. Lodhran</t>
  </si>
  <si>
    <t>sifat hussain</t>
  </si>
  <si>
    <t>GHS QUTBAL</t>
  </si>
  <si>
    <t>Government Boys High School Qutbal, Tehsil Fateh Jang District Attock</t>
  </si>
  <si>
    <t>Village Qutbal</t>
  </si>
  <si>
    <t>Muhammad Husam-ud-din</t>
  </si>
  <si>
    <t>GHS RA.MADINA</t>
  </si>
  <si>
    <t>VPO MADINA TEH. &amp; DISTT. GUJRAT</t>
  </si>
  <si>
    <t>Mahmada Sharqi</t>
  </si>
  <si>
    <t>Syed qaisar hussain shah</t>
  </si>
  <si>
    <t>GHS RADHAN</t>
  </si>
  <si>
    <t>Radhan P/O Ahmed Pur Tehsil Sahiwal District. Sargodha</t>
  </si>
  <si>
    <t>GHS RAFAH-E-AAMA TAREEN ROAD BAGH LANGA KHAN, MULTAN</t>
  </si>
  <si>
    <t>TARAF ISMAIL</t>
  </si>
  <si>
    <t>TAREEN ROAD NEAR BAGH LANGEY KHAN MULTAN</t>
  </si>
  <si>
    <t>MUHAMMAD ALTAF</t>
  </si>
  <si>
    <t>GHS RAFI UL ISLAM MALAKWAL</t>
  </si>
  <si>
    <t>Near Police Station</t>
  </si>
  <si>
    <t>Muhammad Farooq Ghumman</t>
  </si>
  <si>
    <t>GHS RAFIQUE ABAD NARANG</t>
  </si>
  <si>
    <t>haidri chowk narang mandi</t>
  </si>
  <si>
    <t>Rafique abad Haidri chowk</t>
  </si>
  <si>
    <t>narang</t>
  </si>
  <si>
    <t>SYED MUHAMMAD SUHAIL</t>
  </si>
  <si>
    <t>GHS RAHDARI</t>
  </si>
  <si>
    <t>GHS Rahdari Tehsil Noorpur District Khushab</t>
  </si>
  <si>
    <t>Manzar Ali Shah</t>
  </si>
  <si>
    <t>GHS RAHEEM ABAD</t>
  </si>
  <si>
    <t>rahim abad</t>
  </si>
  <si>
    <t>gbhs rahim abad</t>
  </si>
  <si>
    <t>rahim aad</t>
  </si>
  <si>
    <t>zulfiqar ali mazari</t>
  </si>
  <si>
    <t>GHS RAHWALI</t>
  </si>
  <si>
    <t>Govt. High School (Boys) Rahwali Gujranwala Cantt.</t>
  </si>
  <si>
    <t>Cantoment Board</t>
  </si>
  <si>
    <t>Dr. Muhammad Ali Asad</t>
  </si>
  <si>
    <t>GHS RAI NIAZ CCE</t>
  </si>
  <si>
    <t>BLOCK NO 8</t>
  </si>
  <si>
    <t>BLOCK NO 8 OKANWALA ROAD CHICHAWATNI</t>
  </si>
  <si>
    <t>Block No 8</t>
  </si>
  <si>
    <t>MC CCI</t>
  </si>
  <si>
    <t>MUHAMMAD ARSHAD ALI</t>
  </si>
  <si>
    <t>GHS RAILWAY ROAD KAROR</t>
  </si>
  <si>
    <t>WARD NO.7 RAILWAY ROAD KAROR</t>
  </si>
  <si>
    <t>FAZAL ABAD</t>
  </si>
  <si>
    <t>MC KAROR</t>
  </si>
  <si>
    <t>GHS RAIRKA BALA</t>
  </si>
  <si>
    <t>RERKA BALA</t>
  </si>
  <si>
    <t>MUHAMMAD AKRAM SHAHEEN</t>
  </si>
  <si>
    <t>GHS RAIWIND ROAD LHR</t>
  </si>
  <si>
    <t>ghs raiwind</t>
  </si>
  <si>
    <t>GHS RAJA</t>
  </si>
  <si>
    <t>sadhoki</t>
  </si>
  <si>
    <t>Govt High School Raja SadhokiTehsil Kamoki District Gujranwala</t>
  </si>
  <si>
    <t>Muhammad Habib Kalyar</t>
  </si>
  <si>
    <t>GHS RAJA GAZANFAR COLONY LABOUR COLONY FSD</t>
  </si>
  <si>
    <t>CHAK NO 228 R.B.</t>
  </si>
  <si>
    <t>GOVT. HIGH SCHOOL RAJA GHAZANFAR COLONY FAISALABAD</t>
  </si>
  <si>
    <t>RAJA GHAZANFAR COLONY</t>
  </si>
  <si>
    <t>227 R.B. CHADHAR</t>
  </si>
  <si>
    <t>TASSAWAR HUSSAIN</t>
  </si>
  <si>
    <t>GHS RAJA JANG TEH &amp; DISTT. KASUR</t>
  </si>
  <si>
    <t>GHS RAJAB</t>
  </si>
  <si>
    <t>rajab</t>
  </si>
  <si>
    <t>moza rajab p/o syedwala teh&amp;distt nankana sahib</t>
  </si>
  <si>
    <t>mehrpur</t>
  </si>
  <si>
    <t>GHS RAJAN PUR KALAN</t>
  </si>
  <si>
    <t>p/o rajan pur kalan rahim yar khan</t>
  </si>
  <si>
    <t>rashid mehmood</t>
  </si>
  <si>
    <t>GHS RAJAR</t>
  </si>
  <si>
    <t>Vpo rajar distt khushab</t>
  </si>
  <si>
    <t>Vpo Rajar</t>
  </si>
  <si>
    <t>Muhammad Nasir Rana</t>
  </si>
  <si>
    <t>GHS RAJOA</t>
  </si>
  <si>
    <t>RAJOYA SADAT</t>
  </si>
  <si>
    <t>GOVT HIGH SCHOOL RAJOYA SADAT TEHSIL AND DISTRICT CHINIOT</t>
  </si>
  <si>
    <t>RAJOYA</t>
  </si>
  <si>
    <t>GHS RAJOWAL</t>
  </si>
  <si>
    <t>Rajowal Tehsil Depalpur District okara</t>
  </si>
  <si>
    <t>Riaz mehmood</t>
  </si>
  <si>
    <t>GHS RAJU WALA</t>
  </si>
  <si>
    <t>Raju Wala</t>
  </si>
  <si>
    <t>Raju wala. tehsil &amp; distt. Bahawal Nagar</t>
  </si>
  <si>
    <t>GHS RAKH BUTT</t>
  </si>
  <si>
    <t>rakh butt</t>
  </si>
  <si>
    <t>chak55</t>
  </si>
  <si>
    <t>GHS RAKH CHUNIAN</t>
  </si>
  <si>
    <t>Near new galla mandi Hujra road chunian</t>
  </si>
  <si>
    <t>maqsood ahmad zia</t>
  </si>
  <si>
    <t>GHS RAKH GHULAMAN</t>
  </si>
  <si>
    <t>Chak No. 22 ML, Rakh Ghulaman, Tehsil Kallur Kot</t>
  </si>
  <si>
    <t>Chak No 22 ML</t>
  </si>
  <si>
    <t>GHS RAKH THAL WALI</t>
  </si>
  <si>
    <t>Govt. High school Rakh Thal Wali P/O Sultan Colony Muzaffargarh</t>
  </si>
  <si>
    <t>EHSAN AHMAD</t>
  </si>
  <si>
    <t>GHS RAKHI</t>
  </si>
  <si>
    <t>village and post office RIKHI district Mianwali</t>
  </si>
  <si>
    <t>RIKHI</t>
  </si>
  <si>
    <t>THMAYWALI</t>
  </si>
  <si>
    <t>MUHMMAD TANVEER</t>
  </si>
  <si>
    <t>GHS RAM PURA BAHAWAL NAGAR</t>
  </si>
  <si>
    <t>rampura</t>
  </si>
  <si>
    <t>chak rampura bahawal nagar</t>
  </si>
  <si>
    <t>korian wali</t>
  </si>
  <si>
    <t>Syed Abdul Rauf</t>
  </si>
  <si>
    <t>GHS RAM THAMMAN</t>
  </si>
  <si>
    <t>Ram Thamman Kasur</t>
  </si>
  <si>
    <t>SIFAT ULLAH TAHIR</t>
  </si>
  <si>
    <t>GHS RAMAN</t>
  </si>
  <si>
    <t>GHAZANFAR ABBAS</t>
  </si>
  <si>
    <t>GHS RAMDAYAL</t>
  </si>
  <si>
    <t>GHS Ramdial tehsil dina</t>
  </si>
  <si>
    <t>Arshad Hussain Shah</t>
  </si>
  <si>
    <t>GHS RAMKE CHATTHA</t>
  </si>
  <si>
    <t>Village Ramke Chattha, Teh. And Distt hafizabad</t>
  </si>
  <si>
    <t>Muhammad Naeem Tarar</t>
  </si>
  <si>
    <t>GHS RANDHIR</t>
  </si>
  <si>
    <t>Randhir Bagrian</t>
  </si>
  <si>
    <t>GHS Randhir Bagrian</t>
  </si>
  <si>
    <t>GHS RANG MAHAL CHRISTIAN</t>
  </si>
  <si>
    <t>I-1074 Govt. Christian High School Rang Mahel Lahore</t>
  </si>
  <si>
    <t>Rang Mahel</t>
  </si>
  <si>
    <t>AMJAD KHURSHID</t>
  </si>
  <si>
    <t>GHS RANGEEL PUR SURAJ KUND ROAD MULTAN</t>
  </si>
  <si>
    <t>RANGEEL PUR</t>
  </si>
  <si>
    <t>BASTI RANGEEL PUR MULTAN</t>
  </si>
  <si>
    <t>PEER COLONY</t>
  </si>
  <si>
    <t>GHS RANGOO</t>
  </si>
  <si>
    <t>RANGOO</t>
  </si>
  <si>
    <t>VPO RANGOO TEHSIL HAZRO DISTRICT ATTOCK</t>
  </si>
  <si>
    <t>TAJAK</t>
  </si>
  <si>
    <t>KAZIM HUSSAIN SHAH</t>
  </si>
  <si>
    <t>GHS RANGPUR BAGHOOR</t>
  </si>
  <si>
    <t>Rangpur Baghoor Tehsil Noorpur Thal District Khushab</t>
  </si>
  <si>
    <t>IMRAN ABBAS</t>
  </si>
  <si>
    <t>GHS RANIAL</t>
  </si>
  <si>
    <t>GOVT. Boys High School Ranial, Rawalpindi</t>
  </si>
  <si>
    <t>Ali Ghafir</t>
  </si>
  <si>
    <t>GHS RANSINWAL</t>
  </si>
  <si>
    <t>ghs Ransinwal narowal</t>
  </si>
  <si>
    <t>ransinwal</t>
  </si>
  <si>
    <t>GHS RAO KHAN WALA</t>
  </si>
  <si>
    <t>Rao Khan Wala P/O same Kasur</t>
  </si>
  <si>
    <t>muhammad saleem shah</t>
  </si>
  <si>
    <t>GHS RARIALA</t>
  </si>
  <si>
    <t>RARIALA</t>
  </si>
  <si>
    <t>V.P.O: RARIALA, Tehsil: Kharian, District: Gujrat</t>
  </si>
  <si>
    <t>DOGA</t>
  </si>
  <si>
    <t>MUNIR AHMED</t>
  </si>
  <si>
    <t>GHS RASALA CHAK NO. 4</t>
  </si>
  <si>
    <t>Ghs rasala chak no 4</t>
  </si>
  <si>
    <t>Rasala Chak 4</t>
  </si>
  <si>
    <t>Dr Zulfiqar Ali</t>
  </si>
  <si>
    <t>GHS RASHIDA</t>
  </si>
  <si>
    <t>Mouza rashida</t>
  </si>
  <si>
    <t>mathroma</t>
  </si>
  <si>
    <t>GHS RASOOL NAGAR</t>
  </si>
  <si>
    <t>Sheikh Tasadduq Hussain</t>
  </si>
  <si>
    <t>GHS RASOOL PUR 1 SHUJABAD</t>
  </si>
  <si>
    <t>rASOOL PUR</t>
  </si>
  <si>
    <t>gOVT HIGH SCHOOL RASOOL PUR TEHSIL SHUJABAD DISTRICT MULTAN</t>
  </si>
  <si>
    <t>RASOOL PUR SHAMALI</t>
  </si>
  <si>
    <t>GHS RASOOL PUR BHALIAN</t>
  </si>
  <si>
    <t>rasoolpur bhallian sialkot</t>
  </si>
  <si>
    <t>GHS RASOOLPUR BHALLIAN SIALKOT</t>
  </si>
  <si>
    <t>rasoolpur bhallian</t>
  </si>
  <si>
    <t>RASOOLPUR BHALLIAN</t>
  </si>
  <si>
    <t>KHAN MUHAMMAD BAJWA</t>
  </si>
  <si>
    <t>GHS RASOOL PUR CHAK NO. 5</t>
  </si>
  <si>
    <t>Rasool Pur Ch No 5</t>
  </si>
  <si>
    <t>Jagoo Wala Ch No 4</t>
  </si>
  <si>
    <t>Asim Mehmood Qamar</t>
  </si>
  <si>
    <t>GHS RASUL PUR JATTAN</t>
  </si>
  <si>
    <t>ghs rasul pur jattan skp</t>
  </si>
  <si>
    <t>Rasulpurj attan</t>
  </si>
  <si>
    <t>GHS RASUL PUR TARAR</t>
  </si>
  <si>
    <t>Arif Hussain Bhuttah</t>
  </si>
  <si>
    <t>GHS RATRI</t>
  </si>
  <si>
    <t>RATRI</t>
  </si>
  <si>
    <t>P/O RATRI TEHSIL KALLUR KOT DIST BHAKKAR</t>
  </si>
  <si>
    <t>CHAK NO 40 ML</t>
  </si>
  <si>
    <t>MATI UR REHMAN KHAN</t>
  </si>
  <si>
    <t>GHS RATRI SAHIWAL</t>
  </si>
  <si>
    <t>Ghs raitri tehsil sahiwal District sargodha</t>
  </si>
  <si>
    <t>Malik Muhammad Tahir</t>
  </si>
  <si>
    <t>GHS RATTA BAJWA</t>
  </si>
  <si>
    <t>RATTA BAJWA</t>
  </si>
  <si>
    <t>RATTA BAJWA, GUJRANWALA</t>
  </si>
  <si>
    <t>GUIZAR COLONY RATTA BAJWA</t>
  </si>
  <si>
    <t>GHS RATTAKEY</t>
  </si>
  <si>
    <t>Rattaykey</t>
  </si>
  <si>
    <t>chak rattaykey haveli lakha tehsil depalpur distt. okara</t>
  </si>
  <si>
    <t>Mohib Ali Uttar</t>
  </si>
  <si>
    <t>Muhammad Mueen Ahmad</t>
  </si>
  <si>
    <t>GHS RATTI PINDI</t>
  </si>
  <si>
    <t>Rash Shah Anyat</t>
  </si>
  <si>
    <t>ghsrattipindi</t>
  </si>
  <si>
    <t>Halarka</t>
  </si>
  <si>
    <t>MUHAMMAD INAM ULLAH</t>
  </si>
  <si>
    <t>GHS RATWAL</t>
  </si>
  <si>
    <t>V.P.O RATWAL</t>
  </si>
  <si>
    <t>GALLI JAGIR</t>
  </si>
  <si>
    <t>atique ahmed</t>
  </si>
  <si>
    <t>GHS RAWALKEY</t>
  </si>
  <si>
    <t>vilk rawalkay tehsil and district gujrat</t>
  </si>
  <si>
    <t>Rawalkay</t>
  </si>
  <si>
    <t>GHS RAWANI</t>
  </si>
  <si>
    <t>ghsrawani moza rawani lodhran</t>
  </si>
  <si>
    <t>Hafiz Muhammad Naeem</t>
  </si>
  <si>
    <t>GHS RAZA-E-MUSTAFA SAUKAN WIND</t>
  </si>
  <si>
    <t>Saukin wind</t>
  </si>
  <si>
    <t>VPO Saukin Wind</t>
  </si>
  <si>
    <t>muhammad idrees</t>
  </si>
  <si>
    <t>GHS REHAN WALA P/O MANDI FAIZABAD</t>
  </si>
  <si>
    <t>GHS Rehanwala</t>
  </si>
  <si>
    <t>muhammad amin tahir</t>
  </si>
  <si>
    <t>GHS REHANA SAHU, KABIRWALA</t>
  </si>
  <si>
    <t>REHANA SAHU</t>
  </si>
  <si>
    <t>GHS REHANA SAHU KABIRWALA</t>
  </si>
  <si>
    <t>GHS REHMAN ABAD</t>
  </si>
  <si>
    <t>rehman abad</t>
  </si>
  <si>
    <t>chak no 4r.b near khanqah dogran</t>
  </si>
  <si>
    <t>muhammad hafeez</t>
  </si>
  <si>
    <t>GHS REHMANIA PEOPLES COLONY FSD</t>
  </si>
  <si>
    <t>jungle singh wala</t>
  </si>
  <si>
    <t>Peoples Colony No.1, B-Block, Faisalabad.</t>
  </si>
  <si>
    <t>Peoples Colony No1</t>
  </si>
  <si>
    <t>peoples colony No.1 B-Block</t>
  </si>
  <si>
    <t>Iftikhar Shafiq</t>
  </si>
  <si>
    <t>GHS REIKH BAGH WALA</t>
  </si>
  <si>
    <t>GHS Raikh baghwala tehsil and district Rajanpur</t>
  </si>
  <si>
    <t>Raikh Baghwala</t>
  </si>
  <si>
    <t>Peer Bakhsh sharqi</t>
  </si>
  <si>
    <t>NOOR HASSAN</t>
  </si>
  <si>
    <t>GHS RETRA</t>
  </si>
  <si>
    <t>moza malkani</t>
  </si>
  <si>
    <t>tibbi qaisrani</t>
  </si>
  <si>
    <t>GHS REWAT</t>
  </si>
  <si>
    <t>Village Rewat PO Kashmiri Bazar Rawalpindi</t>
  </si>
  <si>
    <t>M Ameen</t>
  </si>
  <si>
    <t>GHS RIAZ MODEL SEHR BAGLA</t>
  </si>
  <si>
    <t>village &amp; post office sehr bagla tehsil murree distt rawalpindi</t>
  </si>
  <si>
    <t>Sehr Baga</t>
  </si>
  <si>
    <t>GHS RID P/O LAR BAHAWALPUR ROAD MULTAN</t>
  </si>
  <si>
    <t>BASTI RID</t>
  </si>
  <si>
    <t>RID</t>
  </si>
  <si>
    <t>GHS RIZVIA ISLAMIA HAROON ABAD</t>
  </si>
  <si>
    <t>Govt. Rizvia Islamia High School Haroonabad</t>
  </si>
  <si>
    <t>Muhammad Arshed Pervaiz</t>
  </si>
  <si>
    <t>GHS RIZVIA LANGAY</t>
  </si>
  <si>
    <t>village and post office langay district gujrat</t>
  </si>
  <si>
    <t>Ali bahadur</t>
  </si>
  <si>
    <t>GHS RODA</t>
  </si>
  <si>
    <t>SHAMS-UL-ARIFEEN</t>
  </si>
  <si>
    <t>GHS RODA SINGH</t>
  </si>
  <si>
    <t>roda singh</t>
  </si>
  <si>
    <t>Rao Faisal Hayat</t>
  </si>
  <si>
    <t>GHS RODI</t>
  </si>
  <si>
    <t>VILLAGE/ PO RODII TEH. KALLUR KOT DISTT. BHAKKAR</t>
  </si>
  <si>
    <t>RODI</t>
  </si>
  <si>
    <t>GHULAMA NO 1</t>
  </si>
  <si>
    <t>Muhammad Hassan Khan  Jaskani</t>
  </si>
  <si>
    <t>GHS ROHAILA</t>
  </si>
  <si>
    <t>ROHAILA</t>
  </si>
  <si>
    <t>Rohaila P.o box begowala Tehsil sambrial Distt Sialkot</t>
  </si>
  <si>
    <t>farooq ahmed</t>
  </si>
  <si>
    <t>GHS ROHELA TAJEKA</t>
  </si>
  <si>
    <t>Rohela Tejeka</t>
  </si>
  <si>
    <t>Post office same, Rohela Tejeka</t>
  </si>
  <si>
    <t>Rohela Tejaka</t>
  </si>
  <si>
    <t>Safdar Javed</t>
  </si>
  <si>
    <t>GHS ROHTAS</t>
  </si>
  <si>
    <t>rohtas</t>
  </si>
  <si>
    <t>gHS  ROHTAS TEHSIL DINA DISTRICT  JHELUM</t>
  </si>
  <si>
    <t>GHS ROJHAN SHARQI</t>
  </si>
  <si>
    <t>Muncipal Committee Rojhan</t>
  </si>
  <si>
    <t>Basti Malook Khan, Ward # 2, MC Rojhan, Tehsil Rojhan, District Rajanpur</t>
  </si>
  <si>
    <t>Basti Malook Khan</t>
  </si>
  <si>
    <t>Ward #2</t>
  </si>
  <si>
    <t>GHS ROKHARI</t>
  </si>
  <si>
    <t>p/o rokhari,mianwali</t>
  </si>
  <si>
    <t>Hizb_Ullah Khan</t>
  </si>
  <si>
    <t>GHS ROONGHAN</t>
  </si>
  <si>
    <t>Manhai</t>
  </si>
  <si>
    <t>Roonghan p/o sakhi sarwar</t>
  </si>
  <si>
    <t>Roonghan</t>
  </si>
  <si>
    <t>Tumman Lighari Zeren</t>
  </si>
  <si>
    <t>Ismat Ullah</t>
  </si>
  <si>
    <t>GHS ROOPWAL</t>
  </si>
  <si>
    <t>vpo roopwal</t>
  </si>
  <si>
    <t>GHS RORAN WALI</t>
  </si>
  <si>
    <t>TOBA ROAD MOZA RORANWALI</t>
  </si>
  <si>
    <t>GHS RORAS</t>
  </si>
  <si>
    <t>roras</t>
  </si>
  <si>
    <t>vpo roras tehsil sambrial distt sialkot</t>
  </si>
  <si>
    <t>M Tanveer</t>
  </si>
  <si>
    <t>GHS ROSHAN BHAIT</t>
  </si>
  <si>
    <t>P/O Lakar Wali, Roshan Bhait  Tehsil Sadiq Abad District Rahim Yar Khan</t>
  </si>
  <si>
    <t>Muhammad Rasheed Nawaz shan</t>
  </si>
  <si>
    <t>GHS ROUTI SHARIF</t>
  </si>
  <si>
    <t>GBHS Routi Sharif P/O Jamal din Wali Sadiqabad</t>
  </si>
  <si>
    <t>Mehmood ul Hassan</t>
  </si>
  <si>
    <t>GHS RUKAN PURA</t>
  </si>
  <si>
    <t>rukan pura</t>
  </si>
  <si>
    <t>AWAIS AFZAL</t>
  </si>
  <si>
    <t>GHS RUKEN PUR</t>
  </si>
  <si>
    <t>Tajpur Peerwala</t>
  </si>
  <si>
    <t>opposite police station rukan pur teh and distt rahim yar khan</t>
  </si>
  <si>
    <t>Thull Kher Muhammad</t>
  </si>
  <si>
    <t>MANSOOR MAJEED</t>
  </si>
  <si>
    <t>GHS RUKHLA MANDI</t>
  </si>
  <si>
    <t>rukhla mandi</t>
  </si>
  <si>
    <t>GHS Rukhla mandi</t>
  </si>
  <si>
    <t>Hafiz Jahan KHAN</t>
  </si>
  <si>
    <t>GHS RUKKAN</t>
  </si>
  <si>
    <t>Muhammad Afzal Khan</t>
  </si>
  <si>
    <t>GHS RUPO CHAK</t>
  </si>
  <si>
    <t>Rupo Chak</t>
  </si>
  <si>
    <t>G.H.S.Rupo Chak Tehsil Zafarwal District Narowal</t>
  </si>
  <si>
    <t>GHS RUPPER KALLAN</t>
  </si>
  <si>
    <t>village and post office rupper kalan</t>
  </si>
  <si>
    <t>Rupper Kalan</t>
  </si>
  <si>
    <t>Gagun</t>
  </si>
  <si>
    <t>m.nauman ur rahim</t>
  </si>
  <si>
    <t>GHS RURIANA CHAK NO. 31/RB</t>
  </si>
  <si>
    <t>Ruriana chak no 31 RB Teh:Sangla Hill Distt:Nankana Sahib</t>
  </si>
  <si>
    <t>Ruriana</t>
  </si>
  <si>
    <t>Juggain Chak 292</t>
  </si>
  <si>
    <t>GHS RUSTAM SARGANA</t>
  </si>
  <si>
    <t>ghs rustam sargana</t>
  </si>
  <si>
    <t>GHS S.S. QILA KALAR WALA</t>
  </si>
  <si>
    <t>QILA KALAR WALA</t>
  </si>
  <si>
    <t>QILA KALAR WALA TEHSIL PASRUR DISTRICT SIALKOT</t>
  </si>
  <si>
    <t>GHS SAADAT PUR</t>
  </si>
  <si>
    <t>SAADAT PUR</t>
  </si>
  <si>
    <t>Vill &amp; P.O Saadat Pur Teh Sarai Alamgir District Gujrat</t>
  </si>
  <si>
    <t>GHS SABOUR</t>
  </si>
  <si>
    <t>VILLAGE AND POST OFFICE SABOUR</t>
  </si>
  <si>
    <t>GHS SABOWAL</t>
  </si>
  <si>
    <t>VILLAGE AND POST OFFICE SABOWAL TEHSIL SHAHPUR DISTRICT SARGODHA</t>
  </si>
  <si>
    <t>ZULFIQAR AHMAD</t>
  </si>
  <si>
    <t>GHS SABRA</t>
  </si>
  <si>
    <t>mouza sabra  tehsil halal pur peer wala multan</t>
  </si>
  <si>
    <t>Rana Abdul Hameed Noon</t>
  </si>
  <si>
    <t>GHS SABRIA SARJIA NO. 1 SANAT PURA FSD</t>
  </si>
  <si>
    <t>near khawaja travel jhang road faisalabad</t>
  </si>
  <si>
    <t>City FSD</t>
  </si>
  <si>
    <t>sanat pura</t>
  </si>
  <si>
    <t>CH  ZLFIQAR HUSSAIN</t>
  </si>
  <si>
    <t>GHS SABZANI</t>
  </si>
  <si>
    <t>kacha sabzani tukra No. one u/c sabzani tehsil rojhan distt. rajanpur</t>
  </si>
  <si>
    <t>Kacha Sabzani Tukra No 1</t>
  </si>
  <si>
    <t>GHS SADAR GOGERA</t>
  </si>
  <si>
    <t>Sadargogera</t>
  </si>
  <si>
    <t>sadargogera</t>
  </si>
  <si>
    <t>GHS SADDO WALA</t>
  </si>
  <si>
    <t>SADDOWALA</t>
  </si>
  <si>
    <t>SADDOWALA, NAROWAL</t>
  </si>
  <si>
    <t>muhammad Anwar Saeed</t>
  </si>
  <si>
    <t>GHS SADIQ ABAD P/O SADIQABAD</t>
  </si>
  <si>
    <t>VPO SADIQABAD , TEHSIL LAWA , DIST CHAKWAL</t>
  </si>
  <si>
    <t>KOTGULLAH</t>
  </si>
  <si>
    <t>GHS SADIQ ABBAS AHMADPUR EAST</t>
  </si>
  <si>
    <t>AHMADPUR KOHANA</t>
  </si>
  <si>
    <t>NEAR MEEZAN BANK AHMADPUR  EAST</t>
  </si>
  <si>
    <t>MOH. NOOR SHAH BUKHARI</t>
  </si>
  <si>
    <t>AHMADPUR EAST CITY</t>
  </si>
  <si>
    <t>AKHTAR HUSSAIN KAMAL</t>
  </si>
  <si>
    <t>GHS SADIQ DANE MODEL BAHAWALPUR</t>
  </si>
  <si>
    <t>NEAR FARID GATE BAHAWALPUR</t>
  </si>
  <si>
    <t>Farid Gate</t>
  </si>
  <si>
    <t>BWP CITY 1</t>
  </si>
  <si>
    <t>GHS SADIQ GARH PALACE</t>
  </si>
  <si>
    <t>Sadiq Garh Palace</t>
  </si>
  <si>
    <t>Govt. S.A High School (S.G.P) Dera Nawab Sahib</t>
  </si>
  <si>
    <t>saleem maseeh</t>
  </si>
  <si>
    <t>GHS SADWAL</t>
  </si>
  <si>
    <t>Faraz Hussain</t>
  </si>
  <si>
    <t>GHS SAFDAR ABAD</t>
  </si>
  <si>
    <t>Chak No 13 R B</t>
  </si>
  <si>
    <t>Muncipal committee road GHS SAFDARABAD</t>
  </si>
  <si>
    <t>GHS SAGAR KALAN</t>
  </si>
  <si>
    <t>muhammad khalid javed</t>
  </si>
  <si>
    <t>GHS SAGGAR</t>
  </si>
  <si>
    <t>village and post office saggar via tanda tehsil and district gujrat</t>
  </si>
  <si>
    <t>TAHIR  SHAHZAD</t>
  </si>
  <si>
    <t>GHS SAGHAR</t>
  </si>
  <si>
    <t>saghar</t>
  </si>
  <si>
    <t>VPO SAGHAR TEHSIL TALAGANG DISTRICT CHAKWAL</t>
  </si>
  <si>
    <t>SAGHAR</t>
  </si>
  <si>
    <t>GHS SAGHRI</t>
  </si>
  <si>
    <t>VPO SAGHRI</t>
  </si>
  <si>
    <t>SAEED ASHRAF</t>
  </si>
  <si>
    <t>GHS SAGRI</t>
  </si>
  <si>
    <t>V.P.O SAGRI, TEHSIL DINA, DISTRICT JHELUM.</t>
  </si>
  <si>
    <t>GHS SAHAN WALA</t>
  </si>
  <si>
    <t>Sahan wala tehsil and district rajanpur.</t>
  </si>
  <si>
    <t>Muhammad Ashfaq Faridi</t>
  </si>
  <si>
    <t>GHS SAHANG</t>
  </si>
  <si>
    <t>mandra chakwal Road , gujarkhan village and po sahang GK</t>
  </si>
  <si>
    <t>muhammad arif qureshi</t>
  </si>
  <si>
    <t>GHS SAHARAN</t>
  </si>
  <si>
    <t>village &amp; PO Saharan, narowal</t>
  </si>
  <si>
    <t>Maddo Kahlowan</t>
  </si>
  <si>
    <t>GHS SAHARI (G.F.AL.MUJAHID)</t>
  </si>
  <si>
    <t>sahari</t>
  </si>
  <si>
    <t>Mubarak Ali</t>
  </si>
  <si>
    <t>GHS SAHLAN</t>
  </si>
  <si>
    <t>GHS SAHLAN Basti Sahlan tehsil &amp; District Bahawalpur</t>
  </si>
  <si>
    <t>SHAHID HUSSAIN</t>
  </si>
  <si>
    <t>GHS SAHOKI MALLIAN</t>
  </si>
  <si>
    <t>SahomiMallian</t>
  </si>
  <si>
    <t>SahokiMallian</t>
  </si>
  <si>
    <t>Chichoki Mallian</t>
  </si>
  <si>
    <t>NAWAZISH ALI BASRA</t>
  </si>
  <si>
    <t>GHS SAHOWALA</t>
  </si>
  <si>
    <t>GHS SAHOWALA TEHSIL SAMBRIAL DISTRICT SIALKOT</t>
  </si>
  <si>
    <t>AMJAD ALI CHEEMA</t>
  </si>
  <si>
    <t>GHS SAHOWALI CHAMRANGAN</t>
  </si>
  <si>
    <t>GHS Sahowali Chamrangan Village and Post Office Sahowali Chamrangan Pasrur Road Sialkot</t>
  </si>
  <si>
    <t>GHS SAHU WALA</t>
  </si>
  <si>
    <t>KHOKHAR ISRA THAL</t>
  </si>
  <si>
    <t>TEH. KAROR DISTT. LAYYAH</t>
  </si>
  <si>
    <t>Syed Ghazanfar Abbas</t>
  </si>
  <si>
    <t>GHS SAI SAHU ABDUL HAKIM</t>
  </si>
  <si>
    <t>mouza sai sahu p/o old head sidhnai tehsil kabirwala</t>
  </si>
  <si>
    <t>Atta Muhammad Khan</t>
  </si>
  <si>
    <t>GHS SAID ALI</t>
  </si>
  <si>
    <t>High School Said Ali  Tehsil Minchin Abad</t>
  </si>
  <si>
    <t>Muhammad Tahir  Saghar</t>
  </si>
  <si>
    <t>GHS SAIDA SHARIF</t>
  </si>
  <si>
    <t>Saida</t>
  </si>
  <si>
    <t>vpo saida sharif</t>
  </si>
  <si>
    <t>GHS SAIKHUM</t>
  </si>
  <si>
    <t>saikhum tehsil muridke district sheikhupura</t>
  </si>
  <si>
    <t>GHS SAINIBAR CHAK NO. 7GB</t>
  </si>
  <si>
    <t>Chak No.7</t>
  </si>
  <si>
    <t>Govt. High School Saini Bar Tehsil And District Nankana Sahib</t>
  </si>
  <si>
    <t>Chak No.7 Saini Bar</t>
  </si>
  <si>
    <t>Chak No.4 Bhawan Pura</t>
  </si>
  <si>
    <t>ASHFAQ KHALID</t>
  </si>
  <si>
    <t>GHS SAINT FRANCIS ANARKALI</t>
  </si>
  <si>
    <t>Got.  Saint Francis H/Street Anarkali Lahore</t>
  </si>
  <si>
    <t>New Anarkali</t>
  </si>
  <si>
    <t>GHS SAJAWAL WALA</t>
  </si>
  <si>
    <t>Sajawal Wala</t>
  </si>
  <si>
    <t>Mouza Sajawal Wala Bahawalpur</t>
  </si>
  <si>
    <t>Rana Muhammad Tahir</t>
  </si>
  <si>
    <t>GHS SAJHAR</t>
  </si>
  <si>
    <t>SAJHAR</t>
  </si>
  <si>
    <t>MOZA SAJHAR TEH 18 HAZARI DISTT JHANG</t>
  </si>
  <si>
    <t>7/1 thal shumali</t>
  </si>
  <si>
    <t>ARIF ALI</t>
  </si>
  <si>
    <t>GHS SAKESAR BASE</t>
  </si>
  <si>
    <t>sakesar</t>
  </si>
  <si>
    <t>GHS sakesar, PAF base sakesar, district khushab</t>
  </si>
  <si>
    <t>PAF Base Sakesar</t>
  </si>
  <si>
    <t>uchhali</t>
  </si>
  <si>
    <t>GHS SAKHI</t>
  </si>
  <si>
    <t>Village Sakhi P/O Rasulpur Tarar Tehsil Pindi Bhattian District Hafizabad.</t>
  </si>
  <si>
    <t>Mubashar Nazir</t>
  </si>
  <si>
    <t>GHS SAKOTE</t>
  </si>
  <si>
    <t>VPO Sakote Tehsil Kallar Syedan Rwp</t>
  </si>
  <si>
    <t>GHS SALAMBER</t>
  </si>
  <si>
    <t>Govt. Boys High School Salamber, Teh. Kahuta, Dist. Rawalpindi</t>
  </si>
  <si>
    <t>GHS SALAR WAHIN NAU, NAWAN SHEHR</t>
  </si>
  <si>
    <t>Mouza Salar Wahin Nau Post Office Salar Wahin Kohna Tehsil Kabirwala District Khanewal</t>
  </si>
  <si>
    <t>Ghulam Ali Ch</t>
  </si>
  <si>
    <t>GHS SALARWALA CHAK JHUMRA FSD</t>
  </si>
  <si>
    <t>GHS SALARWALA TEHSIL CHAK JHUMRA DISTRICT FAISALABAD</t>
  </si>
  <si>
    <t>Chak No 127 RB</t>
  </si>
  <si>
    <t>Masood pervaiz</t>
  </si>
  <si>
    <t>GHS SALEEM ABAD</t>
  </si>
  <si>
    <t>Selra</t>
  </si>
  <si>
    <t>P.O Saleem abad</t>
  </si>
  <si>
    <t>Saleem abad</t>
  </si>
  <si>
    <t>Qamber shah</t>
  </si>
  <si>
    <t>GHS SALEEM MODEL LOWER MALL</t>
  </si>
  <si>
    <t>lower mall lahore</t>
  </si>
  <si>
    <t>anar kali</t>
  </si>
  <si>
    <t>GHS SALEH WALA</t>
  </si>
  <si>
    <t>Tibba Gher Mustakil Sharki</t>
  </si>
  <si>
    <t>Ghs saleh wala u/c tibba 3 dd panah tehsil kotadu.</t>
  </si>
  <si>
    <t>Saleh Wala</t>
  </si>
  <si>
    <t>abdul hafeez</t>
  </si>
  <si>
    <t>GHS SALGRAN</t>
  </si>
  <si>
    <t>VILLAGE SALGRAN TEHSIL KAHUTA DISTRICT RAWALPINDI</t>
  </si>
  <si>
    <t>Abdul Hamid</t>
  </si>
  <si>
    <t>GHS SALHOKE CHATHA</t>
  </si>
  <si>
    <t>Salhoke</t>
  </si>
  <si>
    <t>village salhoke chatha p/o same tehsil wazirabad district gujranwala</t>
  </si>
  <si>
    <t>Salhoke Chatha</t>
  </si>
  <si>
    <t>Jamkey Chatha</t>
  </si>
  <si>
    <t>GHS SALIM KHAN</t>
  </si>
  <si>
    <t>Salim Khan</t>
  </si>
  <si>
    <t>village salim khan tehsil hazro  distt attock</t>
  </si>
  <si>
    <t>GHS SALOI</t>
  </si>
  <si>
    <t>vpo saloi</t>
  </si>
  <si>
    <t>Muhammad Qaisar Iqbal</t>
  </si>
  <si>
    <t>GHS SALSADAR</t>
  </si>
  <si>
    <t>BASTI SALSADAR MOZA SALSADAR</t>
  </si>
  <si>
    <t>SALSADAR</t>
  </si>
  <si>
    <t>SYED MUHAMMAD ANSAR SHAH</t>
  </si>
  <si>
    <t>GHS SALYANA</t>
  </si>
  <si>
    <t>SALYANA</t>
  </si>
  <si>
    <t>MOUZA SALYANA P/O SALYANA TESHIL &amp; DISTT: JHANG</t>
  </si>
  <si>
    <t>HAVELI SHEIKH RAJU</t>
  </si>
  <si>
    <t>Muhammad ramzan</t>
  </si>
  <si>
    <t>GHS SAMAN</t>
  </si>
  <si>
    <t>SAMAN</t>
  </si>
  <si>
    <t>VPO Saman, Tehsil Hazro Distt. Attock</t>
  </si>
  <si>
    <t>ahmed nawaz khan</t>
  </si>
  <si>
    <t>GHS SAMANABAD</t>
  </si>
  <si>
    <t>SAMANABAD FAISALABAD</t>
  </si>
  <si>
    <t>TOUSEEF AHMAD</t>
  </si>
  <si>
    <t>GHS SAMANDOANA</t>
  </si>
  <si>
    <t>Samandoana Tehsil A.P.Sial District Jhang</t>
  </si>
  <si>
    <t>GHS SAMBLAH</t>
  </si>
  <si>
    <t>Govt. High School Samblah, Tehsil Kahuta</t>
  </si>
  <si>
    <t>SAMBLAH</t>
  </si>
  <si>
    <t>KHADIOT</t>
  </si>
  <si>
    <t>water is brought from a spring 2km away from school</t>
  </si>
  <si>
    <t>GHS SAMLI TAJJAL</t>
  </si>
  <si>
    <t>samli tajjal</t>
  </si>
  <si>
    <t>samli tajjal murree</t>
  </si>
  <si>
    <t>tret</t>
  </si>
  <si>
    <t>Farrukh Irshad</t>
  </si>
  <si>
    <t>GHS SAMMA SATTA</t>
  </si>
  <si>
    <t>Tiba Miani</t>
  </si>
  <si>
    <t>civil hospital road sama sata</t>
  </si>
  <si>
    <t>GHS SAMMAN WAL</t>
  </si>
  <si>
    <t>Sammanwal</t>
  </si>
  <si>
    <t>VPO SAMMANWAL TEHSIL PD KHAN DISTT. JHELUM</t>
  </si>
  <si>
    <t>SUNAWAR HUSSAIN</t>
  </si>
  <si>
    <t>GHS SANATE KA</t>
  </si>
  <si>
    <t>Sanateka</t>
  </si>
  <si>
    <t>GHS Sanateka Bahawalnagar</t>
  </si>
  <si>
    <t>GHS SANBHAL P/O JHOKE WAINS MULTAN</t>
  </si>
  <si>
    <t>sanbhal</t>
  </si>
  <si>
    <t>P/O Jhoke wains Tehsil and DIstrict Multan</t>
  </si>
  <si>
    <t>jhoke wans</t>
  </si>
  <si>
    <t>GHS SANDA GHULLAM HUSSAIN</t>
  </si>
  <si>
    <t>SANDA GHULAM HUSSAIN</t>
  </si>
  <si>
    <t>SANDA GHULAM HUSSAIN PO TATAY PUR MULTAN SADAR MULTAN</t>
  </si>
  <si>
    <t>TATAY PUR MULTAN</t>
  </si>
  <si>
    <t>GHS SANDHAN WALA</t>
  </si>
  <si>
    <t>VPO Sandhanwala Tehsil Phalia District Mandi Bahauddin</t>
  </si>
  <si>
    <t>Mubashar Faiz</t>
  </si>
  <si>
    <t>GHS SANDRAL</t>
  </si>
  <si>
    <t>P/o Sandral District Khushab</t>
  </si>
  <si>
    <t>GHS SANEOH</t>
  </si>
  <si>
    <t>saneoh</t>
  </si>
  <si>
    <t>Sajjad Hussain Abbasi</t>
  </si>
  <si>
    <t>GHS SANG KALAN</t>
  </si>
  <si>
    <t>SANG KALAN</t>
  </si>
  <si>
    <t>Tahir Abbas</t>
  </si>
  <si>
    <t>GHS SANGAR SYEDAN</t>
  </si>
  <si>
    <t>busti Peer</t>
  </si>
  <si>
    <t>P/O: SHADAN LUND, GOVT BOYS HIGH SCHOOL SANJAR SAIDAN</t>
  </si>
  <si>
    <t>SANJAR SAIDAN</t>
  </si>
  <si>
    <t>GHS SANGHOI</t>
  </si>
  <si>
    <t>GHS SANGHOI JHELUM</t>
  </si>
  <si>
    <t>Amjad Mahmood</t>
  </si>
  <si>
    <t>GHS SANGLA HILL</t>
  </si>
  <si>
    <t>Iqbal Pura</t>
  </si>
  <si>
    <t>FAISAL ABAD ROAD SANGLA HILL</t>
  </si>
  <si>
    <t>IQBAL PURA</t>
  </si>
  <si>
    <t>Muhammad Kaleem Ullah Bhatti</t>
  </si>
  <si>
    <t>GHS SANGORAKA SAHIWAL</t>
  </si>
  <si>
    <t>sangoraka</t>
  </si>
  <si>
    <t>Ghs sangoraka tehsil sahiwal district sargodha</t>
  </si>
  <si>
    <t>kundlathi ara</t>
  </si>
  <si>
    <t>zafar hayat</t>
  </si>
  <si>
    <t>GHS SANJAR PUR</t>
  </si>
  <si>
    <t>PO SANJAR pur SADIQ ABAD</t>
  </si>
  <si>
    <t>ijaz hussain shah</t>
  </si>
  <si>
    <t>GHS SANKHATRA</t>
  </si>
  <si>
    <t>sankhatra</t>
  </si>
  <si>
    <t>GHS SANTAL</t>
  </si>
  <si>
    <t>village santal</t>
  </si>
  <si>
    <t>muhammad tariq</t>
  </si>
  <si>
    <t>GHS SAR KALAN</t>
  </si>
  <si>
    <t>SARKALAN</t>
  </si>
  <si>
    <t>vPO SARKALAN TEH.KALLAR KAHAR DISTT.CHAKWAL</t>
  </si>
  <si>
    <t>NOORPUR</t>
  </si>
  <si>
    <t>malik safdar abbas</t>
  </si>
  <si>
    <t>GHS SARAI ALAMGIR</t>
  </si>
  <si>
    <t>GT Road Sarai Alamgir District Gujrat</t>
  </si>
  <si>
    <t>Town Committee Sarai Alamgir</t>
  </si>
  <si>
    <t>MUNAWAR HUSAIN</t>
  </si>
  <si>
    <t>GHS SARAI SIDHU</t>
  </si>
  <si>
    <t>Sarai sidhu</t>
  </si>
  <si>
    <t>GHS SARAICH</t>
  </si>
  <si>
    <t>SARAICH</t>
  </si>
  <si>
    <t>GOVT. BOYS HIGH SCHOOL SARAICH LAHORE CANTT NEAR SUA ASAL MAIN FEROZPUR ROAD LAHORE</t>
  </si>
  <si>
    <t>GHS SARAY SHUJA ABAD CHAK SARAY TEH. SHUJABAD</t>
  </si>
  <si>
    <t>ghs saray shujabad.</t>
  </si>
  <si>
    <t>Chak Saray</t>
  </si>
  <si>
    <t>khursheed ahmad</t>
  </si>
  <si>
    <t>GHS SARDAR GARH</t>
  </si>
  <si>
    <t>GBHS sardar Garh tehsil and district Rahim yar khan</t>
  </si>
  <si>
    <t>Arshad Khurshid</t>
  </si>
  <si>
    <t>GHS SARDAR MODEL KOT ABDUL MALIK</t>
  </si>
  <si>
    <t>KOT ABDUL MALIK</t>
  </si>
  <si>
    <t>GOVERNMENT BOYS HIGH SCHOOL, KOT ABDUL MALIK.</t>
  </si>
  <si>
    <t>ABU ALKHAIR</t>
  </si>
  <si>
    <t>ch. Maqbool Hussain</t>
  </si>
  <si>
    <t>GHS SARDAR PUR NOON</t>
  </si>
  <si>
    <t>Sardar Pur Noon</t>
  </si>
  <si>
    <t>sardar pur noon tehsil bhera district sargodha</t>
  </si>
  <si>
    <t>AJAB KHAN</t>
  </si>
  <si>
    <t>GHS SARGANA</t>
  </si>
  <si>
    <t>SARGANA</t>
  </si>
  <si>
    <t>MOUZA SARGANA</t>
  </si>
  <si>
    <t>SHABBIR HUSSAIN</t>
  </si>
  <si>
    <t>GHS SARGANI</t>
  </si>
  <si>
    <t>SARGANI THAL</t>
  </si>
  <si>
    <t>POST OFFICE BASTI SARGANI TEHSIL KAROR DISTRICT LAYYAH</t>
  </si>
  <si>
    <t>BASTI SARGANI</t>
  </si>
  <si>
    <t>Naseem Abbas Vaseer</t>
  </si>
  <si>
    <t>GHS SARHALI KALAN</t>
  </si>
  <si>
    <t>Govt.High School Sarhali Kalan Kasur</t>
  </si>
  <si>
    <t>Naeem Tariq</t>
  </si>
  <si>
    <t>GHS SARJAL</t>
  </si>
  <si>
    <t>village sarjal p/o same tehsil shakargarh narowal</t>
  </si>
  <si>
    <t>GHS SAROBA</t>
  </si>
  <si>
    <t>SAROBA</t>
  </si>
  <si>
    <t>GOVT.HIGH SCHOOL SAROBA</t>
  </si>
  <si>
    <t>TOBA</t>
  </si>
  <si>
    <t>GHS SAROKE</t>
  </si>
  <si>
    <t>Saroke</t>
  </si>
  <si>
    <t>GHS saroke wazirabad gujranwala</t>
  </si>
  <si>
    <t>Kakka koulo</t>
  </si>
  <si>
    <t>ali asghar</t>
  </si>
  <si>
    <t>GHS SARRIA</t>
  </si>
  <si>
    <t>Sarria</t>
  </si>
  <si>
    <t>Govt. High School Sarria, Gujrat</t>
  </si>
  <si>
    <t>GHS SARWAR SHAHEED SANGHORI</t>
  </si>
  <si>
    <t>Sanghori</t>
  </si>
  <si>
    <t>village and post office sanghori tehsil gujar kan district rawalpindi</t>
  </si>
  <si>
    <t>Abdul  Shakoor</t>
  </si>
  <si>
    <t>GHS SARWAR WALI</t>
  </si>
  <si>
    <t>P/o sarwar wali</t>
  </si>
  <si>
    <t>GHS SASRAL</t>
  </si>
  <si>
    <t>SASRAL</t>
  </si>
  <si>
    <t>VILLAGE &amp; POST OFFICE SASRAL, TEHSIL GUJAR KHAN, DISTT. RAWALPINDI</t>
  </si>
  <si>
    <t>KANIYAT KHALIL</t>
  </si>
  <si>
    <t>MUHAMMAD BASHARAT</t>
  </si>
  <si>
    <t>GHS SATELLITE TOWN KHANPUR</t>
  </si>
  <si>
    <t>satlite town kpr</t>
  </si>
  <si>
    <t>satlite town</t>
  </si>
  <si>
    <t>Hafiz muhammad amin</t>
  </si>
  <si>
    <t>GHS SATGARHA</t>
  </si>
  <si>
    <t>Satghara, Tehsil &amp; District Okara</t>
  </si>
  <si>
    <t>GHS SATH SHAHANI</t>
  </si>
  <si>
    <t>VPO SATH SHAHANI TEHSIL NOORPUR THAL. KHUSHAB.</t>
  </si>
  <si>
    <t>SATH SHAHANI</t>
  </si>
  <si>
    <t>GHS SATHIALA</t>
  </si>
  <si>
    <t>sathiala,tehsil zafarwal district narowal</t>
  </si>
  <si>
    <t>sathiala</t>
  </si>
  <si>
    <t>GHS SATIANA JHANG</t>
  </si>
  <si>
    <t>govt. high school satiana jhang</t>
  </si>
  <si>
    <t>MUHAMMAD MANZOOR KHALID</t>
  </si>
  <si>
    <t>GHS SATLITE TOWN CHISHTIAN</t>
  </si>
  <si>
    <t>Satlite Town Chishtian</t>
  </si>
  <si>
    <t>GHS Satlite town chishtian</t>
  </si>
  <si>
    <t>Satlite Town</t>
  </si>
  <si>
    <t>GHS SAWANS</t>
  </si>
  <si>
    <t>GHS Sawans Tehsil and District Mianwali</t>
  </si>
  <si>
    <t>MUHAMMAD ARIF KHAN</t>
  </si>
  <si>
    <t>GHS SECTOR D-1 TOWNSHIP</t>
  </si>
  <si>
    <t>Govt. High School block no. 2 Sector D-1 Township Lahore</t>
  </si>
  <si>
    <t>GHS SEEKARIALI</t>
  </si>
  <si>
    <t>GHS Sikeryali</t>
  </si>
  <si>
    <t>GHS SEELWAN</t>
  </si>
  <si>
    <t>Kundian Urban 1</t>
  </si>
  <si>
    <t>Dr Sher Afgan Khan</t>
  </si>
  <si>
    <t>GHS SEET PUR</t>
  </si>
  <si>
    <t>Govt. Boys High School Seet Pur</t>
  </si>
  <si>
    <t>Muhammad Shahzad Liaqat</t>
  </si>
  <si>
    <t>GHS SEHJA</t>
  </si>
  <si>
    <t>Govt. secondary school sehja khanpur</t>
  </si>
  <si>
    <t>LUTUF ALI</t>
  </si>
  <si>
    <t>GHS SEHJRA</t>
  </si>
  <si>
    <t>GANDA SING</t>
  </si>
  <si>
    <t>VILLAGE SEHJRA</t>
  </si>
  <si>
    <t>Muhammad Rehan</t>
  </si>
  <si>
    <t>GHS SEHMAL</t>
  </si>
  <si>
    <t>Dulloo Nashaib</t>
  </si>
  <si>
    <t>Moza Dulloo Nashaib PO Layyah Tehsil &amp; Distrect Layyh</t>
  </si>
  <si>
    <t>ghullam abbas</t>
  </si>
  <si>
    <t>GHS SEHNA</t>
  </si>
  <si>
    <t>VILLAGE AND POST OFFICE SEHNA TEHSIL KHARIAN DISTT GUJRAT</t>
  </si>
  <si>
    <t>SEHNA</t>
  </si>
  <si>
    <t>GHS SEHR</t>
  </si>
  <si>
    <t>Vpo sehr via nara kahuta rwp</t>
  </si>
  <si>
    <t>Zia Ur Rehman</t>
  </si>
  <si>
    <t>GHS SERAI</t>
  </si>
  <si>
    <t>KOTLA QAZI Nashaib NASHAIB</t>
  </si>
  <si>
    <t>BASTI SERAI</t>
  </si>
  <si>
    <t>LOHANCH NASHAIB</t>
  </si>
  <si>
    <t>RIZWAN ALAM</t>
  </si>
  <si>
    <t>GHS SHAD BAGH</t>
  </si>
  <si>
    <t>amir road shadbagh lahore</t>
  </si>
  <si>
    <t>Shadbagh</t>
  </si>
  <si>
    <t>Fazal Park</t>
  </si>
  <si>
    <t>MUHAMMAD SHAHID IQBAL</t>
  </si>
  <si>
    <t>GHS SHADAD TAL PUR</t>
  </si>
  <si>
    <t>basti talpur post office same tehsil kot chhutta distt DG Khan</t>
  </si>
  <si>
    <t>basti talpur</t>
  </si>
  <si>
    <t>SADIQ HUSSAIN</t>
  </si>
  <si>
    <t>GHS SHADI KHAN MUNDA</t>
  </si>
  <si>
    <t>SHADI KHAN MONDA</t>
  </si>
  <si>
    <t>PULL 88000 SHADI KHAN MONDA</t>
  </si>
  <si>
    <t>MOHAMMAD KAZIM KHAN</t>
  </si>
  <si>
    <t>GHS SHADIA</t>
  </si>
  <si>
    <t>GHS SHAH HUSSAIN</t>
  </si>
  <si>
    <t>GHS Shah Hussain</t>
  </si>
  <si>
    <t>GHS SHAH JEWNA CITY</t>
  </si>
  <si>
    <t>ShAh Jewana</t>
  </si>
  <si>
    <t>ShAh Jewana city, jhang</t>
  </si>
  <si>
    <t>GHS SHAH PUR</t>
  </si>
  <si>
    <t>GHS SHAH PUR BHANGOO</t>
  </si>
  <si>
    <t>village &amp;post office Shah Pur Bhangu, tehsil shakargarh, district narowal</t>
  </si>
  <si>
    <t>Shah Pur Bhangu</t>
  </si>
  <si>
    <t>asif masood</t>
  </si>
  <si>
    <t>GHS SHAH PUR CITY</t>
  </si>
  <si>
    <t>shahpur City sargodha</t>
  </si>
  <si>
    <t>Waqas Rehman</t>
  </si>
  <si>
    <t>GHS SHAH RAI SADULLAH</t>
  </si>
  <si>
    <t>Village shah rai sadullah teh fateh jang</t>
  </si>
  <si>
    <t>Shehr Rai Sadullah</t>
  </si>
  <si>
    <t>Mubashir Javed</t>
  </si>
  <si>
    <t>GHS SHAH WALA JANUBI</t>
  </si>
  <si>
    <t>Gov High School Shahwala janubi</t>
  </si>
  <si>
    <t>Abdur Rauf</t>
  </si>
  <si>
    <t>GHS SHAH WALA SHUMALI</t>
  </si>
  <si>
    <t>village shahwala shumali tehsil qaidabad distt kuushab</t>
  </si>
  <si>
    <t>GHS SHAH WALI</t>
  </si>
  <si>
    <t>SHAH WALI</t>
  </si>
  <si>
    <t>MOZA SHAH WALI VILLAGE SHAH WALI TEHSIL ROJHAN DISTRICT RAJANPUR</t>
  </si>
  <si>
    <t>Iftikharur Rehman Ahmad Fakhir</t>
  </si>
  <si>
    <t>GHS SHAH YOUSAF SHAHPUR</t>
  </si>
  <si>
    <t>shah yousaf</t>
  </si>
  <si>
    <t>post office /village shah yousaf</t>
  </si>
  <si>
    <t>mangowal kalan</t>
  </si>
  <si>
    <t>Abdur Rahman</t>
  </si>
  <si>
    <t>GHS SHAHANI</t>
  </si>
  <si>
    <t>Govt.high school shahani</t>
  </si>
  <si>
    <t>Zahid Muhammad Alias Rajab Ali</t>
  </si>
  <si>
    <t>GHS SHAHBAZ BHATTI CHAK 51 GB KHUSHPUR SAMUNDRI</t>
  </si>
  <si>
    <t>51 GB Khushpur</t>
  </si>
  <si>
    <t>Chak no.51 GB Khushpur Tehsil Samundri Faisalabad</t>
  </si>
  <si>
    <t>51 G B Khushpur</t>
  </si>
  <si>
    <t>Nara Dada</t>
  </si>
  <si>
    <t>community water supply</t>
  </si>
  <si>
    <t>GHS SHAHBAZ KHAIL</t>
  </si>
  <si>
    <t>shahbazkhael mianwali</t>
  </si>
  <si>
    <t>Shahbazkhael</t>
  </si>
  <si>
    <t>Basharat Ahmed</t>
  </si>
  <si>
    <t>GHS SHAHDARA</t>
  </si>
  <si>
    <t>near maqbara noor jahan shahdara</t>
  </si>
  <si>
    <t>qazi park</t>
  </si>
  <si>
    <t>GHS SHAHDARA BAHAWALPUR</t>
  </si>
  <si>
    <t>Model Town (C) Bahawalpur</t>
  </si>
  <si>
    <t>Model Town C</t>
  </si>
  <si>
    <t>BWP-CITY-V</t>
  </si>
  <si>
    <t>hafiz muhammad sajid</t>
  </si>
  <si>
    <t>GHS SHAHEEDAN</t>
  </si>
  <si>
    <t>P/O SHAHEEDAN</t>
  </si>
  <si>
    <t>SHAHEEDAN</t>
  </si>
  <si>
    <t>ALI KHEL</t>
  </si>
  <si>
    <t>GHS SHAHI WALA</t>
  </si>
  <si>
    <t>chack N0 98/DNB</t>
  </si>
  <si>
    <t>GOVT. HIGH SCHOOL SHAHIWAlA</t>
  </si>
  <si>
    <t>CHAK NO. 98/DNB</t>
  </si>
  <si>
    <t>GHS SHAHIA</t>
  </si>
  <si>
    <t>SHAHIA</t>
  </si>
  <si>
    <t>VILLAGE &amp; POST OFFICE SHAHIA TEHSIL HASSAN ABDAL DISTRICT ATTOCK</t>
  </si>
  <si>
    <t>SYED ATIQ UR REHMAN GILANI</t>
  </si>
  <si>
    <t>GHS SHAHID MUNIR SHAHEED DHAUL RANJHA</t>
  </si>
  <si>
    <t>Dhoul</t>
  </si>
  <si>
    <t>Dhoul Ranjha Teh Phalia District Mbdin</t>
  </si>
  <si>
    <t>GHS SHAHO BUZDAR</t>
  </si>
  <si>
    <t>Basti shahoo buzdar, Tehsil Kot Chhutta D.G Khan</t>
  </si>
  <si>
    <t>Basti Shahoo Buzdar</t>
  </si>
  <si>
    <t>GHS SHAHPUR KANJRAN</t>
  </si>
  <si>
    <t>shahpur kanjra lahore</t>
  </si>
  <si>
    <t>Tariq ajaz Qazi</t>
  </si>
  <si>
    <t>GHS SHAHPUR SADDAR</t>
  </si>
  <si>
    <t>Govt. High School, Shahpur Sadar, Tehsil Shahpur, Sargodha</t>
  </si>
  <si>
    <t>GHS SHAHPUR SYEDAN</t>
  </si>
  <si>
    <t>Shahpur syedan</t>
  </si>
  <si>
    <t>vpo shahpur syedan tehsil and district chakwal</t>
  </si>
  <si>
    <t>shahpur syedan</t>
  </si>
  <si>
    <t>choa ganj ali shah</t>
  </si>
  <si>
    <t>asif hussain awan</t>
  </si>
  <si>
    <t>GHS SHAKAR DARA</t>
  </si>
  <si>
    <t>SHAKARDARA</t>
  </si>
  <si>
    <t>GBHS SHAKARDARA (ATTOCK)</t>
  </si>
  <si>
    <t>Irfan  Ali Cheema</t>
  </si>
  <si>
    <t>GHS SHAKARGARH</t>
  </si>
  <si>
    <t>SHAKARAGARH</t>
  </si>
  <si>
    <t>ghs IKHLAS PUR ROAD SHAKARGARH</t>
  </si>
  <si>
    <t>ABKARI</t>
  </si>
  <si>
    <t>GHS SHAM KOT NAU</t>
  </si>
  <si>
    <t>Sham Kot Nou</t>
  </si>
  <si>
    <t>sham kot nou</t>
  </si>
  <si>
    <t>Ch. Muhammad Akram</t>
  </si>
  <si>
    <t>GHS SHAM KOT, KABIRWALA</t>
  </si>
  <si>
    <t>Mouza Shamkot Tehsil Kabirwala District Khanewal</t>
  </si>
  <si>
    <t>GHS SHAMAS ABAD</t>
  </si>
  <si>
    <t>Village Shamas Abad Tehsil Chunian District Kasur</t>
  </si>
  <si>
    <t>shabbir hussain</t>
  </si>
  <si>
    <t>GHS SHAMKE BHATTIAN VILLAGE SHAMKE</t>
  </si>
  <si>
    <t>shamke bhattian,lahore</t>
  </si>
  <si>
    <t>GHS SHAMS ABAD</t>
  </si>
  <si>
    <t>Gbhs shamsabad tehsil hazro district attock</t>
  </si>
  <si>
    <t>GHS SHARAQPUR MAIN ROAD</t>
  </si>
  <si>
    <t>sharaqpur sharif, teh Sharaqpur distt SKP</t>
  </si>
  <si>
    <t>GHS SHAREEN</t>
  </si>
  <si>
    <t>MOZA</t>
  </si>
  <si>
    <t>P/O SADDAR GOGERA TEHSIL &amp; DISTRICT OKARA</t>
  </si>
  <si>
    <t>SHAREEN</t>
  </si>
  <si>
    <t>GHS SHARIF CHAJRA</t>
  </si>
  <si>
    <t>Sharif Chhajra</t>
  </si>
  <si>
    <t>GHS Sharif Chhajra</t>
  </si>
  <si>
    <t>GHS SHEDANI SHARIF</t>
  </si>
  <si>
    <t>GBHS SHEDANI SHARIF TEHSIL LIAQUAT PUR DISTT: R YOU KHAN</t>
  </si>
  <si>
    <t>Muhammad Waseem Mehboob</t>
  </si>
  <si>
    <t>GHS SHEEN BAGH</t>
  </si>
  <si>
    <t>SHEENBAGH BAGH</t>
  </si>
  <si>
    <t>Village Sheen Bagh Khurd Tehsil &amp; Distt Attock.</t>
  </si>
  <si>
    <t>GHS SHEHAR FARID</t>
  </si>
  <si>
    <t>SHAHERFARID</t>
  </si>
  <si>
    <t>GHS SHAHERFARID, P.O SAME TEHSIL CHISHTIAN DISTT BAHAWALNAGAR</t>
  </si>
  <si>
    <t>hafiz muhammad akram</t>
  </si>
  <si>
    <t>GHS SHEIKH MEHMOOD WALA</t>
  </si>
  <si>
    <t>Sheikh Mehmood Wala</t>
  </si>
  <si>
    <t>Govt. High School Sheikh Mehmood Wala Tehsil Isa Khel District Mianwali</t>
  </si>
  <si>
    <t>Sheikh Mehmood wala</t>
  </si>
  <si>
    <t>Khursheed Ahmad Khan</t>
  </si>
  <si>
    <t>GHS SHEIKH PURA NAU</t>
  </si>
  <si>
    <t>sheikh pura nau</t>
  </si>
  <si>
    <t>sheikh pura nau , kasur</t>
  </si>
  <si>
    <t>sehra</t>
  </si>
  <si>
    <t>GHS SHEIKH TAYYAB</t>
  </si>
  <si>
    <t>Chak Sheikh Tayyab Tehsil Chichawatni District Sahiwal</t>
  </si>
  <si>
    <t>Chak Sheikh Tayyab</t>
  </si>
  <si>
    <t>Chak No 112/7-R</t>
  </si>
  <si>
    <t>GHS SHEIKH UMAD KOHNA KASUR</t>
  </si>
  <si>
    <t>sheikh umad kohna</t>
  </si>
  <si>
    <t>Govt. boys high school sheikh umad kohna p.o kasur</t>
  </si>
  <si>
    <t>GHS SHEIKH UMER</t>
  </si>
  <si>
    <t>Sheikh Umer Tehsil Kot Addu</t>
  </si>
  <si>
    <t>GHS SHEIKHANI</t>
  </si>
  <si>
    <t>govt. high school sheikhani teh, disst. dgkhan</t>
  </si>
  <si>
    <t>GHS SHEIKHPUR</t>
  </si>
  <si>
    <t>village &amp; post office sheikh pur teh &amp;distt Gujrat</t>
  </si>
  <si>
    <t>GHS SHEIKHUM</t>
  </si>
  <si>
    <t>Sheikham</t>
  </si>
  <si>
    <t>halla road sheikham tehsil pattoki distt kasur</t>
  </si>
  <si>
    <t>Shakil Ahmad Rizvi</t>
  </si>
  <si>
    <t>GHS SHER CHAKAR</t>
  </si>
  <si>
    <t>haveli shiekh raju jhang</t>
  </si>
  <si>
    <t>ZAFAR ABBAS</t>
  </si>
  <si>
    <t>GHS SHER GARH</t>
  </si>
  <si>
    <t>Sher garh teh Mankera District Bhakkar</t>
  </si>
  <si>
    <t>Haji Ghulam Ahmad</t>
  </si>
  <si>
    <t>GHS SHER ISLAMIA NARWALA BANGLOW FSD</t>
  </si>
  <si>
    <t>NARWALA BYPASS 58 JB</t>
  </si>
  <si>
    <t>58 JB</t>
  </si>
  <si>
    <t>ABDUL NAEEM PERVAIZ</t>
  </si>
  <si>
    <t>GHS SHER MUHAMMAD WALA</t>
  </si>
  <si>
    <t>po sher muhammad wala tehsil bhera distt sargodha</t>
  </si>
  <si>
    <t>GHS SHER SHAH COLONY LAHORE</t>
  </si>
  <si>
    <t>sher shah colony</t>
  </si>
  <si>
    <t>b block sher shah colony raiwind road lahore</t>
  </si>
  <si>
    <t>bhobatian</t>
  </si>
  <si>
    <t>Mian Zahoor Ul Haq</t>
  </si>
  <si>
    <t>GHS SHERAN WALA</t>
  </si>
  <si>
    <t>SARISHTA NASHAIB</t>
  </si>
  <si>
    <t>GHS SHERAN WALA P/O JAMAN SHAH TEHSIL &amp; DISTT LAYYAH</t>
  </si>
  <si>
    <t>SHERAN WALA</t>
  </si>
  <si>
    <t>MALIK SALEEM ABBAS</t>
  </si>
  <si>
    <t>GHS SHERO</t>
  </si>
  <si>
    <t>Noor Wahi Maril</t>
  </si>
  <si>
    <t>moza noir Wahi maril village sheru jadeed post office khas teh kot chutta distt dera ghazi khan</t>
  </si>
  <si>
    <t>Sheru Jadeed</t>
  </si>
  <si>
    <t>Jhakar Imam Shah</t>
  </si>
  <si>
    <t>Muhammad Saleem Ayaz</t>
  </si>
  <si>
    <t>GHS SHIKAR PUR</t>
  </si>
  <si>
    <t>P/O Shikarpur</t>
  </si>
  <si>
    <t>Shahid Ibrahim</t>
  </si>
  <si>
    <t>GHS SHORI MANIKA</t>
  </si>
  <si>
    <t>SHORI MANIKA</t>
  </si>
  <si>
    <t>VILLAGE SHORI MANIKA P/O THATTA KHERU MATMAL TEH.PINDI BHATTIAN DIST.HAFIZABAD</t>
  </si>
  <si>
    <t>THATTA KHERU MATMAL</t>
  </si>
  <si>
    <t>GHS SHORKOT CANTT</t>
  </si>
  <si>
    <t>Ch Abid Hussain</t>
  </si>
  <si>
    <t>GHS SHORKOT CITY</t>
  </si>
  <si>
    <t>Tehsil Chowk Shorkot City</t>
  </si>
  <si>
    <t>GHAZANFER ABBAS</t>
  </si>
  <si>
    <t>GHS Shuhada-E-APS Memorial</t>
  </si>
  <si>
    <t>Gadai East</t>
  </si>
  <si>
    <t>Block 39, D G Khan</t>
  </si>
  <si>
    <t>Block 39</t>
  </si>
  <si>
    <t>AKHTAR ABBAS KHOSA</t>
  </si>
  <si>
    <t>GHS SHUJABAD</t>
  </si>
  <si>
    <t>OLD MULTAN ROAD NEAR MEPCO OFFICE</t>
  </si>
  <si>
    <t>GHS SIAL SHARIF</t>
  </si>
  <si>
    <t>MUHIBPUR</t>
  </si>
  <si>
    <t>P.O KHAS SIAL SHARIF SARGODHA</t>
  </si>
  <si>
    <t>SIAL SHARIF</t>
  </si>
  <si>
    <t>GHS SIDHAR</t>
  </si>
  <si>
    <t>V.P.O Sidhar Teh/District Chakwal</t>
  </si>
  <si>
    <t>Bikahri Kallan</t>
  </si>
  <si>
    <t>GHS SIHAL</t>
  </si>
  <si>
    <t>Village Post Office Sihal Tehsil and District Rawalpindi</t>
  </si>
  <si>
    <t>Ahtisham Khan</t>
  </si>
  <si>
    <t>GHS SIKANDER ABAD</t>
  </si>
  <si>
    <t>SIKANDER ABAD</t>
  </si>
  <si>
    <t>GOVT.HIGH SCHOOL SIKANDER ABAD NEAR UBL BANK SIKANDER ABAD</t>
  </si>
  <si>
    <t>Muhammad akmal</t>
  </si>
  <si>
    <t>GHS SIKHANI WALA</t>
  </si>
  <si>
    <t>GHS SHAKEEL AHMAD SHAHEED SIKHANI WALA</t>
  </si>
  <si>
    <t>Saleem Abbas Khan</t>
  </si>
  <si>
    <t>hand pump,water pump</t>
  </si>
  <si>
    <t>GHS SIMLA ISLAMIA</t>
  </si>
  <si>
    <t>GHS SIMLA ISLAMIA NAMAK MANDI RWP.</t>
  </si>
  <si>
    <t>GUNJ MANDI</t>
  </si>
  <si>
    <t>GHS SINGWALA</t>
  </si>
  <si>
    <t>GHS Singwala VPO SANGWALA TEH. TALAGANG</t>
  </si>
  <si>
    <t>Abdul Naseer</t>
  </si>
  <si>
    <t>GHS SIR SUBA SHAH</t>
  </si>
  <si>
    <t>vpo sir suba shah tehsil kallar syedan district rawalpindi</t>
  </si>
  <si>
    <t>Sir Suba Shah</t>
  </si>
  <si>
    <t>AKHLAQ AHMED</t>
  </si>
  <si>
    <t>GHS SIR SYED KATAS</t>
  </si>
  <si>
    <t>Katas</t>
  </si>
  <si>
    <t>Govt sir syed high school katas</t>
  </si>
  <si>
    <t>rizwan mehmood</t>
  </si>
  <si>
    <t>GHS SIR SYED M.B.DIN</t>
  </si>
  <si>
    <t>GOVT. SIR SYED HIGH SCHOOL, M.B.DIN</t>
  </si>
  <si>
    <t>MOHALLAH GURRAH</t>
  </si>
  <si>
    <t>KHURSHID AKBAR</t>
  </si>
  <si>
    <t>GHS SIR SYED MONA</t>
  </si>
  <si>
    <t>MONA</t>
  </si>
  <si>
    <t>Govt.Sir Syed High School Mona Chakwal</t>
  </si>
  <si>
    <t>Muhammad Iqbal ansari</t>
  </si>
  <si>
    <t>MOTOR</t>
  </si>
  <si>
    <t>GHS SIR SYED PAKKI KOTLI</t>
  </si>
  <si>
    <t>Govt. Sir Syed High School Pakki Kotli Sialkot</t>
  </si>
  <si>
    <t>MUHAMMAD AFZAL BUTT</t>
  </si>
  <si>
    <t>GHS SIVIA</t>
  </si>
  <si>
    <t>SIVIA</t>
  </si>
  <si>
    <t>V.P.O. SIVIA TEH.&amp;DISTT. MANDI BAHA UD DIN</t>
  </si>
  <si>
    <t>GHS SKAESAR BAR</t>
  </si>
  <si>
    <t>Sakesar Bar</t>
  </si>
  <si>
    <t>sakesar Bar Tehsil and District Sargodha</t>
  </si>
  <si>
    <t>GHS SOBHIANA GHARBI</t>
  </si>
  <si>
    <t>SOBHIANA GHARBI</t>
  </si>
  <si>
    <t>VILLAGE HASSAN NAGAR MOUZA SOBHIANA GHARBI</t>
  </si>
  <si>
    <t>HASSAN NAGAR</t>
  </si>
  <si>
    <t>MUBBASHIR HASSAN KHAN</t>
  </si>
  <si>
    <t>GHS SODHI JAY WALI</t>
  </si>
  <si>
    <t>Sodhi Jay wali tehsil Naushera District Khushab</t>
  </si>
  <si>
    <t>khura</t>
  </si>
  <si>
    <t>Muhammad Sultan Mehmood</t>
  </si>
  <si>
    <t>GHS SOHA JHUNJ</t>
  </si>
  <si>
    <t>SOHA JHUNJ</t>
  </si>
  <si>
    <t>CHAK 63DB</t>
  </si>
  <si>
    <t>SADAR NAEEM KHAN</t>
  </si>
  <si>
    <t>GHS SOHAWA</t>
  </si>
  <si>
    <t>GHS SOHAWA DHILLWAN</t>
  </si>
  <si>
    <t>sohawa dhillwan</t>
  </si>
  <si>
    <t>ghs sohawa dhillwan tehsil kamoke district gujranwala</t>
  </si>
  <si>
    <t>rana dilshad ahmad khan</t>
  </si>
  <si>
    <t>GHS SOHAWRA</t>
  </si>
  <si>
    <t>Village Sohawara tehsile Shakargarh NWL</t>
  </si>
  <si>
    <t>SAJJAD BASHIR</t>
  </si>
  <si>
    <t>GHS SOHDRA</t>
  </si>
  <si>
    <t>MAIN SIALKOT ROAD,SOHDRA MORE</t>
  </si>
  <si>
    <t>muhammad afzal Ghumn</t>
  </si>
  <si>
    <t>GHS SOJHANDA</t>
  </si>
  <si>
    <t>OFFICE OF THE HEADMASTER, GBHS SOJHANDA. VPO Sojhanda Teh and Distt Attock</t>
  </si>
  <si>
    <t>Syed Ali Hassan Naqvi</t>
  </si>
  <si>
    <t>GHS SOKAR</t>
  </si>
  <si>
    <t>sokar</t>
  </si>
  <si>
    <t>vpo sokar</t>
  </si>
  <si>
    <t>Zia sajid Khan</t>
  </si>
  <si>
    <t>GHS SONDHA</t>
  </si>
  <si>
    <t>Chak Soondha Bahawalnagar</t>
  </si>
  <si>
    <t>GHS SOOIAN WALA</t>
  </si>
  <si>
    <t>sooianwala post office qadirabad colony teh &amp; District Hafizabad</t>
  </si>
  <si>
    <t>GHS SOOK KALAN</t>
  </si>
  <si>
    <t>village and post office sook kalan tehsil and district gujrat</t>
  </si>
  <si>
    <t>MUHAMAMD ILYAS SHAH</t>
  </si>
  <si>
    <t>GHS SOON MIANI</t>
  </si>
  <si>
    <t>Soonmiani</t>
  </si>
  <si>
    <t>soonmiani</t>
  </si>
  <si>
    <t>Mohammad Amin</t>
  </si>
  <si>
    <t>GHS SOORAG</t>
  </si>
  <si>
    <t>SURAG</t>
  </si>
  <si>
    <t>GBHS SURAG VPO SURAG TEHSIL PINDIGHEB DISTT ATTOCK</t>
  </si>
  <si>
    <t>sadarzada sultan mahmood</t>
  </si>
  <si>
    <t>GHS SORE</t>
  </si>
  <si>
    <t>village &amp; PO Sore, Teh. Kahuta, Dist. Rawalpindi.</t>
  </si>
  <si>
    <t>Muhammad Hammad Arshad Abbasi</t>
  </si>
  <si>
    <t>GHS SUKH PUR</t>
  </si>
  <si>
    <t>SUKHPUR</t>
  </si>
  <si>
    <t>VILLAGE SUKHPUR P/O SAME TEHSIL DEPALPUR</t>
  </si>
  <si>
    <t>GHS SUKHAIL</t>
  </si>
  <si>
    <t>BASTI AND MOZA SUKHAIL AHMED PUR EAST</t>
  </si>
  <si>
    <t>shahid naeem akhtar</t>
  </si>
  <si>
    <t>GHS SUKHANA BAJWA</t>
  </si>
  <si>
    <t>GHS Sukhana Bajwa</t>
  </si>
  <si>
    <t>Dhensar paien</t>
  </si>
  <si>
    <t>Muhammad Shahid Akram</t>
  </si>
  <si>
    <t>GHS SUKHEKE MANDI</t>
  </si>
  <si>
    <t>RAILWAY ROAD SUKHEKE</t>
  </si>
  <si>
    <t>SUKHEKE</t>
  </si>
  <si>
    <t>Ghulam Hyder</t>
  </si>
  <si>
    <t>GHS SUKHO</t>
  </si>
  <si>
    <t>sukho</t>
  </si>
  <si>
    <t>vpo sukho</t>
  </si>
  <si>
    <t>GHS SUKHO CHAK</t>
  </si>
  <si>
    <t>SUKHO CHAK TEH SHAKARGARH DISTRICT NAROWAL</t>
  </si>
  <si>
    <t>SUKHO CHAK</t>
  </si>
  <si>
    <t>GHS SULEMANIA PUBLIC SAMANABAD</t>
  </si>
  <si>
    <t>govt. sulemania public high school, samanabad, lahore.</t>
  </si>
  <si>
    <t>donggi Ground</t>
  </si>
  <si>
    <t>GHS SULTAN ABAD SGD</t>
  </si>
  <si>
    <t>PAF Road Sargodha</t>
  </si>
  <si>
    <t>GHS SULTAN BAHOO</t>
  </si>
  <si>
    <t>SULTAN BAHOO</t>
  </si>
  <si>
    <t>GHS SULTAN BAHOO TEHSILAHMAD PUR SIAL JHANG</t>
  </si>
  <si>
    <t>GHS SULTAN KHEL</t>
  </si>
  <si>
    <t>sultan khel sharki</t>
  </si>
  <si>
    <t>HABIB ULLAH KHAN</t>
  </si>
  <si>
    <t>samarsible pump</t>
  </si>
  <si>
    <t>GHS SULTAN PUR HUMMER P/O SHER SHAH MULTAN</t>
  </si>
  <si>
    <t>Basti Sultan pur Hammar Multan</t>
  </si>
  <si>
    <t>Syed Masood Ali</t>
  </si>
  <si>
    <t>GHS SULTANKE VIA RAIWIND</t>
  </si>
  <si>
    <t>Sultanke</t>
  </si>
  <si>
    <t>Govt. High School Sultanke, Sundar Raiwind Road, Lahore</t>
  </si>
  <si>
    <t>GHS SUMRA PUBLIC HASSAN PARWANA ROAD MULTAN</t>
  </si>
  <si>
    <t>Guldin Colony</t>
  </si>
  <si>
    <t>Hassan Parwana Road Near GPO Multan</t>
  </si>
  <si>
    <t>abid fareed khan Anjum</t>
  </si>
  <si>
    <t>GHS SURAJ MIANI SURAJ MIANI</t>
  </si>
  <si>
    <t>Raj Ghat</t>
  </si>
  <si>
    <t>Aray wali gali mari wala school suraj miani multan</t>
  </si>
  <si>
    <t>Raj ghat</t>
  </si>
  <si>
    <t>raj ghat</t>
  </si>
  <si>
    <t>ZAFAR IQBAL BABAR</t>
  </si>
  <si>
    <t>GHS SURAKKI</t>
  </si>
  <si>
    <t>Govt. High School Surraki Teh. Nowshera Distt. Khushab</t>
  </si>
  <si>
    <t>GHS SURBA</t>
  </si>
  <si>
    <t>ARYARI</t>
  </si>
  <si>
    <t>V PO SURBA KOTLISATTIAN RAWALPINDI</t>
  </si>
  <si>
    <t>SURBA</t>
  </si>
  <si>
    <t>ZULFIQAR AHMED</t>
  </si>
  <si>
    <t>GHS SURGDHAN</t>
  </si>
  <si>
    <t>GHS. Surgdhan P/O Surgdhan Sohawa Jhelum</t>
  </si>
  <si>
    <t>riaz hussain</t>
  </si>
  <si>
    <t>GHS SUTLUJ OKARA</t>
  </si>
  <si>
    <t>5/4.L Okara</t>
  </si>
  <si>
    <t>G.T Road Okara</t>
  </si>
  <si>
    <t>RAI MUHAMMAD AKBAR</t>
  </si>
  <si>
    <t>GHS SYED WALA</t>
  </si>
  <si>
    <t>SYEDWALA</t>
  </si>
  <si>
    <t>Syedwala Teh&amp;Distt Nankana sahib</t>
  </si>
  <si>
    <t>Abu Bakar Saeed</t>
  </si>
  <si>
    <t>GHS SYED WALA NANKANA</t>
  </si>
  <si>
    <t>colleges road Syed Wala tehsil and distt nankana sahib</t>
  </si>
  <si>
    <t>askar ali asghar</t>
  </si>
  <si>
    <t>GHS T.I.CHAWINDA</t>
  </si>
  <si>
    <t>Boarding house chawinda,</t>
  </si>
  <si>
    <t>Dr Zulfiqar Ali Mohal</t>
  </si>
  <si>
    <t>GHS T.I.GHATALIAN</t>
  </si>
  <si>
    <t>GHATIALIAN TEHSIL PASRUR DISTRICT SIALKOT</t>
  </si>
  <si>
    <t>GHS TABLIGH UL ISLAM JHELUM</t>
  </si>
  <si>
    <t>CIVIL LINE JHELUM</t>
  </si>
  <si>
    <t>PIRAAN GHAIB</t>
  </si>
  <si>
    <t>JHELUM -II</t>
  </si>
  <si>
    <t>MUHAMMAD NAEEM QURESHI</t>
  </si>
  <si>
    <t>GHS TAEED-UL-ISLAM KASUR RARA GUJRAN WALA RAILWAY ROAD KASUR</t>
  </si>
  <si>
    <t>Rearrange Gujrain Kasur</t>
  </si>
  <si>
    <t>govt taeed ul islam high school rarra gujjran kasur</t>
  </si>
  <si>
    <t>city kasur</t>
  </si>
  <si>
    <t>MUHAMMAD ZUBAIR TAHIR</t>
  </si>
  <si>
    <t>GHS TAHILI GORAYA</t>
  </si>
  <si>
    <t>Tahli Goraya</t>
  </si>
  <si>
    <t>V&amp; P/O Tahli goraya</t>
  </si>
  <si>
    <t>QAZI TANVEER AHMAD</t>
  </si>
  <si>
    <t>GHS TAHLI MANGINI</t>
  </si>
  <si>
    <t>tehsi bhawana distt chiniot</t>
  </si>
  <si>
    <t>GHS TAHLI TALBANI</t>
  </si>
  <si>
    <t>tahli talbani</t>
  </si>
  <si>
    <t>ghs tahli talbani  kpt</t>
  </si>
  <si>
    <t>Tahli Talbani</t>
  </si>
  <si>
    <t>syed imam shah</t>
  </si>
  <si>
    <t>Muhammad Faryad</t>
  </si>
  <si>
    <t>GHS TAHLIAN WALA</t>
  </si>
  <si>
    <t>Tahlianwala</t>
  </si>
  <si>
    <t>Govt High School Tahlianwala jhelum</t>
  </si>
  <si>
    <t>GHS TAIL</t>
  </si>
  <si>
    <t>Qasba Salas</t>
  </si>
  <si>
    <t>Qasba Salas, Muhammad Pur-Qasba Marhal Road, Tehsile Sadar District Multan</t>
  </si>
  <si>
    <t>Tail</t>
  </si>
  <si>
    <t>Mahboob Ashraf</t>
  </si>
  <si>
    <t>GHS TAIMOOR SHAHEED COLONY</t>
  </si>
  <si>
    <t>taimooor shaheed</t>
  </si>
  <si>
    <t>Peoples Colony Vehari</t>
  </si>
  <si>
    <t>U-Block Taimoor Shaheed Colony Vehari</t>
  </si>
  <si>
    <t>GHS TAJPURA SCHEME LAHORE CANTT</t>
  </si>
  <si>
    <t>Dubai chouk Tajpurs scheme Lhr. Cantt.</t>
  </si>
  <si>
    <t>SYED MUHAMMAD SAQLAIN</t>
  </si>
  <si>
    <t>GHS TAKHAT HAZARA</t>
  </si>
  <si>
    <t>TAKHT HAZARA</t>
  </si>
  <si>
    <t>BASHIR AHMAD AKHTAR</t>
  </si>
  <si>
    <t>GHS TAKHT PARI</t>
  </si>
  <si>
    <t>GHS TAKHT PARI RWP</t>
  </si>
  <si>
    <t>GHS TAKKAL</t>
  </si>
  <si>
    <t>Takal</t>
  </si>
  <si>
    <t>VILLAGE&amp; PO TAKAL TEHSIL KALLAR SYEDAN RAWALPINDI</t>
  </si>
  <si>
    <t>TAKAL</t>
  </si>
  <si>
    <t>GHS TAL KOT</t>
  </si>
  <si>
    <t>ghs talkot garden road moza taliri m.garh</t>
  </si>
  <si>
    <t>City Ii</t>
  </si>
  <si>
    <t>SHAHID MAHMOOD</t>
  </si>
  <si>
    <t>GHS TALAI WALA</t>
  </si>
  <si>
    <t>talai wala tehsil jampur district rajanpur</t>
  </si>
  <si>
    <t>Talai wala</t>
  </si>
  <si>
    <t>Khalid Mahmood Siddiqi</t>
  </si>
  <si>
    <t>GHS TALBANI</t>
  </si>
  <si>
    <t>mouza shams abad</t>
  </si>
  <si>
    <t>mouza  shams abad tehsil liaquatpur district rahim yar khan</t>
  </si>
  <si>
    <t>GHS TALEEM ISLAM MURARIAN DT.GUJRAT</t>
  </si>
  <si>
    <t>VPO MURARIAN TEHSIL KHARIAN DISTT. GUJRAT</t>
  </si>
  <si>
    <t>GHS TALEEM UL ISLAM</t>
  </si>
  <si>
    <t>darul barkaat chenab nagar</t>
  </si>
  <si>
    <t>GHS TALEEM UL QURAN KHARIAN</t>
  </si>
  <si>
    <t>main bazar kharian tehsil kharian  distt gujrat</t>
  </si>
  <si>
    <t>MUHAMMAD FAZAIL AKHTAR</t>
  </si>
  <si>
    <t>GHS TALEEM-UD-DIN J.P.JATTAN</t>
  </si>
  <si>
    <t>JALALPUR JATTAN</t>
  </si>
  <si>
    <t>Main Bazar JALALPUR JATTAN</t>
  </si>
  <si>
    <t>CH.NASIR MAHMOOD</t>
  </si>
  <si>
    <t>GHS TALEEM-UL-QURAN QUAID ABAD</t>
  </si>
  <si>
    <t>Quaid Abad pirwadai Rawalpindi</t>
  </si>
  <si>
    <t>Quaid Abad</t>
  </si>
  <si>
    <t>quaid Abad</t>
  </si>
  <si>
    <t>GHS TALEEM-UL-QURAN TAXILA</t>
  </si>
  <si>
    <t>GHS Taleem ul Quran, Taxila</t>
  </si>
  <si>
    <t>Sara e kala</t>
  </si>
  <si>
    <t>SHER MUHAMMAD KHAN NIAZI</t>
  </si>
  <si>
    <t>GHS TALHARA</t>
  </si>
  <si>
    <t>vpo Talhara tehsil Daska distt sialkot</t>
  </si>
  <si>
    <t>TALHARA</t>
  </si>
  <si>
    <t>MUHAMMAD HAFEEZ</t>
  </si>
  <si>
    <t>GHS TALIM UL ISLAM KHARIAN</t>
  </si>
  <si>
    <t>Government Taleem ul Islam High School Guliana road Kharian</t>
  </si>
  <si>
    <t>Kharian City</t>
  </si>
  <si>
    <t>FARQAN WAHEED</t>
  </si>
  <si>
    <t>GHS TALKOT SHUJA ABAD</t>
  </si>
  <si>
    <t>Near Dera Javed Ali Shah</t>
  </si>
  <si>
    <t>Shujabad City</t>
  </si>
  <si>
    <t>munawar hussain kamal</t>
  </si>
  <si>
    <t>GHS TALOKAR</t>
  </si>
  <si>
    <t>GHS Talokar</t>
  </si>
  <si>
    <t>Muzzammil Mukhtar</t>
  </si>
  <si>
    <t>GHS TALWANDI</t>
  </si>
  <si>
    <t>talwandi p/o talwandi tehsil chunian district kasur</t>
  </si>
  <si>
    <t>SYED IFTIKHAR-UL-HAQ</t>
  </si>
  <si>
    <t>GHS TALWANDI KHAJOOR WALI</t>
  </si>
  <si>
    <t>talwandi khajoor wali</t>
  </si>
  <si>
    <t>ghs talwandi khajoor wali gujranwala</t>
  </si>
  <si>
    <t>ABDUL RASHID</t>
  </si>
  <si>
    <t>GHS TALWANDI MUSA KHAN</t>
  </si>
  <si>
    <t>Saadar</t>
  </si>
  <si>
    <t>GHS talwandi musa khan</t>
  </si>
  <si>
    <t>GHS TAMACHI WALA</t>
  </si>
  <si>
    <t>PEER ADIL</t>
  </si>
  <si>
    <t>Perr Adil D.G.KHAN</t>
  </si>
  <si>
    <t>GHS TAMBOLI</t>
  </si>
  <si>
    <t>tamboli</t>
  </si>
  <si>
    <t>government high school tamboli tehsil kamoke district gujranwala</t>
  </si>
  <si>
    <t>gunnour</t>
  </si>
  <si>
    <t>farooq ahmad aajiz</t>
  </si>
  <si>
    <t>GHS TAMEER MILLAT</t>
  </si>
  <si>
    <t>City SDK</t>
  </si>
  <si>
    <t>Club Road Sadiqabad</t>
  </si>
  <si>
    <t>City Sadiqabad</t>
  </si>
  <si>
    <t>M.C Sadiqabad</t>
  </si>
  <si>
    <t>Malik Munir Ahmad</t>
  </si>
  <si>
    <t>GHS TAMIR-E-MILLAT AMANAT ALI COLONY RYK</t>
  </si>
  <si>
    <t>Amanat  Colony</t>
  </si>
  <si>
    <t>Govt. Tamir-e-millat boys high school, Amanat colony Rahim Yar Khan</t>
  </si>
  <si>
    <t>Amanat Colony</t>
  </si>
  <si>
    <t>Abdul Majid Khan</t>
  </si>
  <si>
    <t>GHS TAMIR-E-MILLAT M.B.DIN (WAPDA Colony)</t>
  </si>
  <si>
    <t>wapda colony mandi bahauddin</t>
  </si>
  <si>
    <t>WAPDA COLONY</t>
  </si>
  <si>
    <t>MUHAMMAD IQBAL ZIA</t>
  </si>
  <si>
    <t>GHS TANZEEM-E-ISLAMI MADRISSA MELLA WALI GALI</t>
  </si>
  <si>
    <t>Hamaetian</t>
  </si>
  <si>
    <t>Mela gali hamaetian BWP.</t>
  </si>
  <si>
    <t>syed sohail hameed</t>
  </si>
  <si>
    <t>GHS TAPIALA DOST MUHAMMAD</t>
  </si>
  <si>
    <t>GHS TAPPIALA DOST MUHAMMAD</t>
  </si>
  <si>
    <t>bharpur ali akhtar</t>
  </si>
  <si>
    <t>GHS TARANDA GORGAGE</t>
  </si>
  <si>
    <t>TRANDA GURGAJE</t>
  </si>
  <si>
    <t>GHS TARAP</t>
  </si>
  <si>
    <t>VPO TARAP JAND</t>
  </si>
  <si>
    <t>MALIK AMIR MUHAMMAD</t>
  </si>
  <si>
    <t>GHS TARINDA SAWAY KHAN</t>
  </si>
  <si>
    <t>Tarinda Sway Khan</t>
  </si>
  <si>
    <t>Govt, Boys sec, school tarinda saway khan Rahim yar khan</t>
  </si>
  <si>
    <t>Nazir Ali Anjum</t>
  </si>
  <si>
    <t>GHS TARIQ COLONY MAMUNKANJAN</t>
  </si>
  <si>
    <t>TARIQ COLONY , MAMUNKANJAN</t>
  </si>
  <si>
    <t>TARIQ COLONY</t>
  </si>
  <si>
    <t>MC MAMUNKANJAN</t>
  </si>
  <si>
    <t>MUHAMMAD GULZAR</t>
  </si>
  <si>
    <t>GHS TARIQ ISLAMIA CHAK 254 RB</t>
  </si>
  <si>
    <t>254 RB</t>
  </si>
  <si>
    <t>GHS TARIQ ISLAMIA CHAK 254 RB KOT TARIQ, FAISALABAD</t>
  </si>
  <si>
    <t>254 RB KOT TARIQ</t>
  </si>
  <si>
    <t>257 RB Jehangir</t>
  </si>
  <si>
    <t>MUHAMMAD ZUBAIR ANJUM</t>
  </si>
  <si>
    <t>GHS TARIQ LAHORE CANTT</t>
  </si>
  <si>
    <t>karachi mohalla near old officer colony saddar lahore cantt</t>
  </si>
  <si>
    <t>Contomentbord</t>
  </si>
  <si>
    <t>Aftab Zain-ur-Rehman</t>
  </si>
  <si>
    <t>GHS TARIQ SHEIKHUPURA</t>
  </si>
  <si>
    <t>civil line sheikhupura</t>
  </si>
  <si>
    <t>Sheikhupura Urban 2</t>
  </si>
  <si>
    <t>Karim Bakhash</t>
  </si>
  <si>
    <t>GHS TATEY PUR MULTAN MAUZA TATEY PUR</t>
  </si>
  <si>
    <t>Tatey Pur</t>
  </si>
  <si>
    <t>ghs tatey pur, mong wadh road tatey pur multan</t>
  </si>
  <si>
    <t>GHS TATRAL</t>
  </si>
  <si>
    <t>TATRAL</t>
  </si>
  <si>
    <t>VPO TATRAL TEHSIL AND DISTRICT CHAKWAL</t>
  </si>
  <si>
    <t>DAB</t>
  </si>
  <si>
    <t>Amjad Ali Malik</t>
  </si>
  <si>
    <t>GHS TAUNSA</t>
  </si>
  <si>
    <t>urban taunsa</t>
  </si>
  <si>
    <t>GOVT BOYS HIGH SCHOOL TAUNSA</t>
  </si>
  <si>
    <t>ZULFIQAR ALI MALGHANI</t>
  </si>
  <si>
    <t>GHS TAUNSA BERAJ</t>
  </si>
  <si>
    <t>PATTAL GHAIR MUSTAKIL</t>
  </si>
  <si>
    <t>Taunsa Barrage Colony tehsil Kot Addu, District Muzaffargarh</t>
  </si>
  <si>
    <t>Taunsa barrage Colony</t>
  </si>
  <si>
    <t>Zaffar Abbas</t>
  </si>
  <si>
    <t>GHS TAUNSA CITY</t>
  </si>
  <si>
    <t>Nizam Abad Near Judges Colony Taunsa Sharif</t>
  </si>
  <si>
    <t>Nizam Abad Taunsa</t>
  </si>
  <si>
    <t>GHS TAXILA</t>
  </si>
  <si>
    <t>Gheela</t>
  </si>
  <si>
    <t>gbhs taxila</t>
  </si>
  <si>
    <t>saraiy kala chowk</t>
  </si>
  <si>
    <t>Shafique-ur-Rehman</t>
  </si>
  <si>
    <t>GHS TECH KOT HUSSAIN KHAN</t>
  </si>
  <si>
    <t>KOT HUSSAIN KHAN</t>
  </si>
  <si>
    <t>VILLAGE KOT HUSSAIN KHAN TEH &amp; DISTRICT NANKANA SAHIB</t>
  </si>
  <si>
    <t>SYED ASAD UL HUSSNAIN</t>
  </si>
  <si>
    <t>GHS TECHNICAL BAHAWALPUR</t>
  </si>
  <si>
    <t>Bwp City 1</t>
  </si>
  <si>
    <t>Farid Gate Bahawalpur</t>
  </si>
  <si>
    <t>Bwp CITY</t>
  </si>
  <si>
    <t>UC-4</t>
  </si>
  <si>
    <t>Aezaz Ahmad Khan</t>
  </si>
  <si>
    <t>GHS TECHNICAL MODEL JAUHAR ABAD</t>
  </si>
  <si>
    <t>Near college jauharabad</t>
  </si>
  <si>
    <t>GHS TECHNICAL PANAJAN KASANA</t>
  </si>
  <si>
    <t>VPO panjan kasana Tehsil kharian</t>
  </si>
  <si>
    <t>MUHAMMAD YOUSAF</t>
  </si>
  <si>
    <t>GHS TECHNICAL PEOPLES COLONY FSD</t>
  </si>
  <si>
    <t>GHS TECHNICAL PEOPLES COLONY NO. 1 FAISALABAD</t>
  </si>
  <si>
    <t>PEOPLES COLONY NO. 1</t>
  </si>
  <si>
    <t>Nisar Ahmad Awan</t>
  </si>
  <si>
    <t>GHS TEHI</t>
  </si>
  <si>
    <t>PINDI ROAD VPO TEHI</t>
  </si>
  <si>
    <t>GHS TENCH BHATTA</t>
  </si>
  <si>
    <t>Trench Bhatta</t>
  </si>
  <si>
    <t>Mohallah Hajian Tench Bhatta Rawalpindi</t>
  </si>
  <si>
    <t>Muhammad Sajid Rafiq</t>
  </si>
  <si>
    <t>GHS THAHEEM WALA</t>
  </si>
  <si>
    <t>Chani Goth Road Basti Thaheem Wala Alipur</t>
  </si>
  <si>
    <t>GHS THAKKAL ARAIN</t>
  </si>
  <si>
    <t>P/o fateh pur kamal mouza jhoran tehsil khan pur</t>
  </si>
  <si>
    <t>Thakal arain</t>
  </si>
  <si>
    <t>MALIK BILAL MAJEED</t>
  </si>
  <si>
    <t>GHS THAMEY WALI</t>
  </si>
  <si>
    <t>PO thamaywali</t>
  </si>
  <si>
    <t>Malik Akhlaq Ahmed</t>
  </si>
  <si>
    <t>GHS THANIL KAMAL</t>
  </si>
  <si>
    <t>THANIL KAMAL</t>
  </si>
  <si>
    <t>THANIL KAMAL CHAKWAL</t>
  </si>
  <si>
    <t>hasan raza</t>
  </si>
  <si>
    <t>GHS THARJIAL KALAN</t>
  </si>
  <si>
    <t>THARJIAL KALAN</t>
  </si>
  <si>
    <t>GHS THARJIAL KALAN P/O THARJIALKALAN, TEHSIL GUJARKHAN, RWP</t>
  </si>
  <si>
    <t>tharjial kalan</t>
  </si>
  <si>
    <t>ZAFFAR SAEED</t>
  </si>
  <si>
    <t>GHS THATHA KHALIL</t>
  </si>
  <si>
    <t>Village Thatha Khalil, Taxila</t>
  </si>
  <si>
    <t>thatha khalil</t>
  </si>
  <si>
    <t>GHS THATHA KHERU MUTMAL</t>
  </si>
  <si>
    <t>That ha Kheru Mutmal</t>
  </si>
  <si>
    <t>GHS Thatha Kheru Mutmal</t>
  </si>
  <si>
    <t>Thatha Kheru Mutmal</t>
  </si>
  <si>
    <t>GHS THATHA MANAK</t>
  </si>
  <si>
    <t>Village Thatha Manak, Post Office same, Tehsl Nowshera Virkan, District Gujranwala</t>
  </si>
  <si>
    <t>GHS THATHI BALA RAJA</t>
  </si>
  <si>
    <t>THATTI BALA RAJA</t>
  </si>
  <si>
    <t>Govt. High School Thatti Bala Raja</t>
  </si>
  <si>
    <t>Thatti Bala Raja</t>
  </si>
  <si>
    <t>Pir Panja</t>
  </si>
  <si>
    <t>MUHAMMAD IQBAL JAVED</t>
  </si>
  <si>
    <t>GHS THATHI JALAL</t>
  </si>
  <si>
    <t>Thathi Jalal</t>
  </si>
  <si>
    <t>thathi jalal sahiwal sargodha</t>
  </si>
  <si>
    <t>Imran latif</t>
  </si>
  <si>
    <t>GHS THATTA</t>
  </si>
  <si>
    <t>GHS THATTA TEH:JAND, DISTT:ATTOCK</t>
  </si>
  <si>
    <t>GHS THATTA BAHADAR SINGH</t>
  </si>
  <si>
    <t>Tlbi jay singh</t>
  </si>
  <si>
    <t>GHS THATHA BAHADUR SINGH SAHIWAL</t>
  </si>
  <si>
    <t>THATHA BAHADUR SINGH</t>
  </si>
  <si>
    <t>KERYAL</t>
  </si>
  <si>
    <t>Qutab Ali</t>
  </si>
  <si>
    <t>GHS THATTA MUSA</t>
  </si>
  <si>
    <t>thatha musa</t>
  </si>
  <si>
    <t>ghs thatha musa gujrat</t>
  </si>
  <si>
    <t>Mudassar Javed</t>
  </si>
  <si>
    <t>GHS THATTA POUR</t>
  </si>
  <si>
    <t>VPO Thatta pour Tehsil and District Gujrat</t>
  </si>
  <si>
    <t>Ansar Javed</t>
  </si>
  <si>
    <t>GHS THATTA QURESHI</t>
  </si>
  <si>
    <t>thatha qureshi</t>
  </si>
  <si>
    <t>ghs thatha qureshi</t>
  </si>
  <si>
    <t>THATHA QURESHI</t>
  </si>
  <si>
    <t>Allah Bakhsh Asim</t>
  </si>
  <si>
    <t>GHS THEEKER</t>
  </si>
  <si>
    <t>ghs theekar</t>
  </si>
  <si>
    <t>Theekat</t>
  </si>
  <si>
    <t>Muhammad Sashim Raja</t>
  </si>
  <si>
    <t>GHS THEEKRIAN</t>
  </si>
  <si>
    <t>g.t road lalamusa</t>
  </si>
  <si>
    <t>GHS THEH SHEIKUM</t>
  </si>
  <si>
    <t>theh sheikham kasur</t>
  </si>
  <si>
    <t>khalid Maqsood</t>
  </si>
  <si>
    <t>GHS THEKRIAN</t>
  </si>
  <si>
    <t>Thekerian</t>
  </si>
  <si>
    <t>Vill Thekerian Tehsil Gujarkhan Distt Rawalpindi</t>
  </si>
  <si>
    <t>Panjgaran Kalan</t>
  </si>
  <si>
    <t>Ch Muhammad Khalid</t>
  </si>
  <si>
    <t>GHS THEKRIAN MONIAN</t>
  </si>
  <si>
    <t>Thekrian Monian</t>
  </si>
  <si>
    <t>thekrian Monian</t>
  </si>
  <si>
    <t>Chakori Belowal</t>
  </si>
  <si>
    <t>GHS THERI PERU WALI</t>
  </si>
  <si>
    <t>There Peru Wali</t>
  </si>
  <si>
    <t>muza theri Peru wali teh minchin abad did bahawal nagar</t>
  </si>
  <si>
    <t>Theriperuwali</t>
  </si>
  <si>
    <t>latif ahmad</t>
  </si>
  <si>
    <t>water suply by other village cnection</t>
  </si>
  <si>
    <t>GHS THIRPAL</t>
  </si>
  <si>
    <t>vpo Thirpal Tehsil and district Chakwal</t>
  </si>
  <si>
    <t>Muhammad Athar Hussain</t>
  </si>
  <si>
    <t>GHS THOA MEHRAM KHAN</t>
  </si>
  <si>
    <t>vpo thoha mehram khan</t>
  </si>
  <si>
    <t>Syed Akhter Abbas</t>
  </si>
  <si>
    <t>GHS THOHA BAHADUR</t>
  </si>
  <si>
    <t>VPO Thoha Bahadur Chakwal</t>
  </si>
  <si>
    <t>GHS THOHA KHALISA</t>
  </si>
  <si>
    <t>village and p.o thoha khalsa tehsil kahuta distt. rawalpindi</t>
  </si>
  <si>
    <t>Thohs Khalsa</t>
  </si>
  <si>
    <t>Masood Akhter</t>
  </si>
  <si>
    <t>GHS THOON</t>
  </si>
  <si>
    <t>THOON</t>
  </si>
  <si>
    <t>VILLAGE THOON P.O KAHUTI SATTIAN DISTT RAWALPINDI</t>
  </si>
  <si>
    <t>BHATTIAN</t>
  </si>
  <si>
    <t>Asim Qayyum</t>
  </si>
  <si>
    <t>Pipe line</t>
  </si>
  <si>
    <t>GHS THRO MANDI</t>
  </si>
  <si>
    <t>Throo Mandi</t>
  </si>
  <si>
    <t>Throo MAndi P.O throo HArian Tehsil Psrur District Sialkot</t>
  </si>
  <si>
    <t>GHS THUTHA RAI BAHADAR</t>
  </si>
  <si>
    <t>VPO Thutha Rai Bahadur</t>
  </si>
  <si>
    <t>Khizar Mehmood</t>
  </si>
  <si>
    <t>GHS TIBBA GEHLI</t>
  </si>
  <si>
    <t>Tibba Gehli</t>
  </si>
  <si>
    <t>Tibba Gehli Post office Hassu Balail Tehsil A.p.sial Disst. Jhang</t>
  </si>
  <si>
    <t>GHS TIBBA IMAM</t>
  </si>
  <si>
    <t>high school tibba imam</t>
  </si>
  <si>
    <t>Tibba Imam</t>
  </si>
  <si>
    <t>nazir ahmad</t>
  </si>
  <si>
    <t>GHS TIBBA NAINA KAJUN</t>
  </si>
  <si>
    <t>Ghs tibba naina tehsil kallor kot district Bhakkar</t>
  </si>
  <si>
    <t>Tibba Naina</t>
  </si>
  <si>
    <t>Kanjan Dagar</t>
  </si>
  <si>
    <t>Sakha ullah</t>
  </si>
  <si>
    <t>GHS TIBBA QAIM DIN</t>
  </si>
  <si>
    <t>Tibba Qaim Din</t>
  </si>
  <si>
    <t>Tibba qaim din</t>
  </si>
  <si>
    <t>Shajar hussain</t>
  </si>
  <si>
    <t>GHS TIBBI IZZAT</t>
  </si>
  <si>
    <t>Mouza Tibbi Izzat Tehsil Ahmad Pur East District Bahawalpur.</t>
  </si>
  <si>
    <t>Abdul Rauf Sipra</t>
  </si>
  <si>
    <t>GHS TIBBI KHURD</t>
  </si>
  <si>
    <t>Tibbi Khurd tehsil Karor distt. layyah</t>
  </si>
  <si>
    <t>GHS TIBBI LAL BAIG</t>
  </si>
  <si>
    <t>Tibbi Lal Baig</t>
  </si>
  <si>
    <t>GHS TIBBI LAL BAIG P/ o Tibbi Lal baig tehsil arifwala district pakpattan</t>
  </si>
  <si>
    <t>Machhi singh</t>
  </si>
  <si>
    <t>GHS TIBBI LUNDAN</t>
  </si>
  <si>
    <t>Tibbi Lundan p/o Dajal</t>
  </si>
  <si>
    <t>Hafiz Tahir Waqas Gurmani</t>
  </si>
  <si>
    <t>GHS TIBBI NIZAM</t>
  </si>
  <si>
    <t>Ghs Tibbi nizam</t>
  </si>
  <si>
    <t>GHS TIBBI SOLGI</t>
  </si>
  <si>
    <t>NEAR OFFICE OF THE  U/C WAH LASHARI, TIBBI SOLGI</t>
  </si>
  <si>
    <t>TIBBI SOLGI</t>
  </si>
  <si>
    <t>GHS TIBI GUL MUHAMMAD</t>
  </si>
  <si>
    <t>Tibi Gul Muhammad  Muhammad</t>
  </si>
  <si>
    <t>tibi Gul Muhammad  p/O KOTSAMABA tehsil, distt Ryk</t>
  </si>
  <si>
    <t>GHS TITRAL</t>
  </si>
  <si>
    <t>gbhs tatral</t>
  </si>
  <si>
    <t>GHS TOBA BALOCHAN</t>
  </si>
  <si>
    <t>Toba Balochan Tehsil Minchanabad &amp; District Bahawalnagar</t>
  </si>
  <si>
    <t>Aftab Ahmed Babar</t>
  </si>
  <si>
    <t>GHS TOBA DOMEL</t>
  </si>
  <si>
    <t>DOMEL</t>
  </si>
  <si>
    <t>GBHS TOBA DOMEL TEHSIL JAND DISTRICT ATTOCK</t>
  </si>
  <si>
    <t>TOBA DOMEL</t>
  </si>
  <si>
    <t>Saleem Shahid</t>
  </si>
  <si>
    <t>GHS TOBA QALANDAR SHAH BWN</t>
  </si>
  <si>
    <t>TOBA QALANADAR SHAH</t>
  </si>
  <si>
    <t>toba qalandar shah bwn</t>
  </si>
  <si>
    <t>TOBA QALNADAR SHAH</t>
  </si>
  <si>
    <t>Jan Mohammad</t>
  </si>
  <si>
    <t>GHS TOBAH</t>
  </si>
  <si>
    <t>vpo toba tehsil pd khan district jhelum</t>
  </si>
  <si>
    <t>ASIF IQBAL</t>
  </si>
  <si>
    <t>GHS TODAR PUR BASTI CHUJJU SHAH SHUJABAD</t>
  </si>
  <si>
    <t>TODAR PUR</t>
  </si>
  <si>
    <t>GHS TODAR PUR SHUJABAD</t>
  </si>
  <si>
    <t>CHUJJU SHAH</t>
  </si>
  <si>
    <t>Hafiz Niaz Ahmad Khan</t>
  </si>
  <si>
    <t>GHS TOLA BANGI KHEL</t>
  </si>
  <si>
    <t>Tola Bangi Khel tehsil esa  khel dist mianwali</t>
  </si>
  <si>
    <t>Tola Bangi  Khel</t>
  </si>
  <si>
    <t>GHS TOLA MANGALI</t>
  </si>
  <si>
    <t>TOLA MANGALI</t>
  </si>
  <si>
    <t>GOVT.HAMID SAIF SHAHEED H/S TOLA MANGALI MIANWALI</t>
  </si>
  <si>
    <t>KOT CHANDANA</t>
  </si>
  <si>
    <t>sajid ur rehman</t>
  </si>
  <si>
    <t>GHS TOOT</t>
  </si>
  <si>
    <t>v. p. o toot</t>
  </si>
  <si>
    <t>Mara Sharif</t>
  </si>
  <si>
    <t>Noor Ellahi</t>
  </si>
  <si>
    <t>GHS TOWNSHIP MAIN MARKET</t>
  </si>
  <si>
    <t>ghs township main market lahore</t>
  </si>
  <si>
    <t>Mudassar Hussain</t>
  </si>
  <si>
    <t>GHS TRAG</t>
  </si>
  <si>
    <t>ghs trag bannu road p/o trag tehsil essa khel distt mianwali</t>
  </si>
  <si>
    <t>JAVED HASSAN KHAN</t>
  </si>
  <si>
    <t>GHS TRAGGAR MULTAN</t>
  </si>
  <si>
    <t>Moza traggarh, tehsil Multan saddar, district multan</t>
  </si>
  <si>
    <t>GHS TRAHIA</t>
  </si>
  <si>
    <t>TRAHIA</t>
  </si>
  <si>
    <t>GHS TRAHIA RAWALPINDI</t>
  </si>
  <si>
    <t>Qazi Azhar Mehmood</t>
  </si>
  <si>
    <t>boRE</t>
  </si>
  <si>
    <t>GHS TRANDA MUHAMMAD PANAH</t>
  </si>
  <si>
    <t>Rafiq Ahmad Qureshi</t>
  </si>
  <si>
    <t>GHS TREMIN</t>
  </si>
  <si>
    <t>High School Trimin</t>
  </si>
  <si>
    <t>Qazi Ata Ullah</t>
  </si>
  <si>
    <t>GHS TRIGRI</t>
  </si>
  <si>
    <t>TRIGRI</t>
  </si>
  <si>
    <t>Village trigri tehsil and District gujranwala</t>
  </si>
  <si>
    <t>Talwandi Khajoorwali</t>
  </si>
  <si>
    <t>MAQSOOD ALMAS</t>
  </si>
  <si>
    <t>GHS TRUG CITY</t>
  </si>
  <si>
    <t>V&amp;p. O trag teh esa khel distt Mianwali</t>
  </si>
  <si>
    <t>Sajid Nawaz Khan</t>
  </si>
  <si>
    <t>GHS TT KHANPUR MODEL TOWN B KHANPUR</t>
  </si>
  <si>
    <t>Model Town B Khan Pur</t>
  </si>
  <si>
    <t>GHS TULAMBA</t>
  </si>
  <si>
    <t>Govt. High School Mohallah kot islam Tulamba Tehsil Mian Channu Distt. Khanewal</t>
  </si>
  <si>
    <t>Mohallah kot islam Tulamba</t>
  </si>
  <si>
    <t>GHS TURKISH COLONY MUZAFFARGARH</t>
  </si>
  <si>
    <t>TURKISH COLONY DG KHAN ROAD MUZAFFARGARH</t>
  </si>
  <si>
    <t>TURKISH COLONY dG KHAN ROAD MUZAFFARGARH</t>
  </si>
  <si>
    <t>BHUTTA PUR</t>
  </si>
  <si>
    <t>GHS TURKISH MODEL VILLAGE RAKH AZMAT WALA</t>
  </si>
  <si>
    <t>RAKH AZMAT WALA</t>
  </si>
  <si>
    <t>TURKISH MODEL VILLAGE RAKH AZMAT WALA</t>
  </si>
  <si>
    <t>Haseeb Ur Rehman</t>
  </si>
  <si>
    <t>GHS TURKISH MODEL VILLAGE RAKH FAZIL PUR</t>
  </si>
  <si>
    <t>Rakh Fazilpur</t>
  </si>
  <si>
    <t>Turkish model village Rakh fazilpur</t>
  </si>
  <si>
    <t>GHS TURTI PUR</t>
  </si>
  <si>
    <t>Turti Pur</t>
  </si>
  <si>
    <t>Ghs turtipur</t>
  </si>
  <si>
    <t>GHS UCH GUL IMAM</t>
  </si>
  <si>
    <t>ghsuchgulimam@gmail.com</t>
  </si>
  <si>
    <t>Such Gul Imam</t>
  </si>
  <si>
    <t>Ejaz Hussain Baqi</t>
  </si>
  <si>
    <t>GHS UCH SHAREEF</t>
  </si>
  <si>
    <t>Uch Sharif</t>
  </si>
  <si>
    <t>Ali Pur road Uch Sharif</t>
  </si>
  <si>
    <t>MC Uch Sharif</t>
  </si>
  <si>
    <t>mehmood ul hassan</t>
  </si>
  <si>
    <t>GHS UCHHALI</t>
  </si>
  <si>
    <t>Main Bazar Uchhali</t>
  </si>
  <si>
    <t>Muhammad Sultan Akbar</t>
  </si>
  <si>
    <t>GHS UCHHRI</t>
  </si>
  <si>
    <t>vpo uchhri</t>
  </si>
  <si>
    <t>GHS UDHEY WALA</t>
  </si>
  <si>
    <t>Kotki Berooni</t>
  </si>
  <si>
    <t>VILL udheywala p/o KAMAR MUSHANI TEHSIL is KHEL ditty mianwali</t>
  </si>
  <si>
    <t>Udheywala</t>
  </si>
  <si>
    <t>GHS UDHOWALI</t>
  </si>
  <si>
    <t>UDHOWALI</t>
  </si>
  <si>
    <t>GOVT. HIGH SCHOOL UDHOWALI DISTT. GUJRANWALA</t>
  </si>
  <si>
    <t>MUDASSAR HUSSAIN</t>
  </si>
  <si>
    <t>GHS UGALI</t>
  </si>
  <si>
    <t>vpo ugali, tehsil noshehra, district khushab</t>
  </si>
  <si>
    <t>Khuda Dost</t>
  </si>
  <si>
    <t>GHS UMAIR SHAHEED KAMOKE</t>
  </si>
  <si>
    <t>gt road kamoke</t>
  </si>
  <si>
    <t>ZIA ULLAH SHAKIR</t>
  </si>
  <si>
    <t>GHS UMAR WADDA DASHTI</t>
  </si>
  <si>
    <t>P/I  THUL HAMZA  TEH.LQ PUR  DIST. RY KHAN</t>
  </si>
  <si>
    <t>GHS UMAR WALI</t>
  </si>
  <si>
    <t>Govt.High school Umar wali (Bhakkar)</t>
  </si>
  <si>
    <t>Maibal Daggar</t>
  </si>
  <si>
    <t>SAMI ULLAH</t>
  </si>
  <si>
    <t>GHS UMER PUR JANUBI</t>
  </si>
  <si>
    <t>ghs umer pur janubi</t>
  </si>
  <si>
    <t>Arif Mahmood Khan</t>
  </si>
  <si>
    <t>GHS UNILEVER R.Y.KHAN</t>
  </si>
  <si>
    <t>Noor e Wali</t>
  </si>
  <si>
    <t>chowk pathanistan RahimYarkhan</t>
  </si>
  <si>
    <t>RahimYarkhan</t>
  </si>
  <si>
    <t>hafiz haq nawaz</t>
  </si>
  <si>
    <t>GHS UNITED MUSLIM CHAK NO. 97 RB FSD</t>
  </si>
  <si>
    <t>97 RB</t>
  </si>
  <si>
    <t>CHAK NO  97 RB FSD.</t>
  </si>
  <si>
    <t>CHAK NO 97 RB</t>
  </si>
  <si>
    <t>MUHAMMAD MUNIR</t>
  </si>
  <si>
    <t>GHS UPPI RAWANA</t>
  </si>
  <si>
    <t>GHS Uppi Rawana Tehsil Kotmomin District Sargodha</t>
  </si>
  <si>
    <t>19SB</t>
  </si>
  <si>
    <t>Muhammad Javed Afzal</t>
  </si>
  <si>
    <t>GHS URBAN AREA ISLAM COLONY</t>
  </si>
  <si>
    <t>Islam Colony pakpattan</t>
  </si>
  <si>
    <t>Tariq Anjam Chaudhary</t>
  </si>
  <si>
    <t>GHS URBAN AREA SAHIWAL</t>
  </si>
  <si>
    <t>old bakar mandi Sahiwal</t>
  </si>
  <si>
    <t>83/ 6 R  Swl</t>
  </si>
  <si>
    <t>Tahir Saleem S/o Khushi Muhammad</t>
  </si>
  <si>
    <t>GHS URLA</t>
  </si>
  <si>
    <t>Misson Koat Bhowa</t>
  </si>
  <si>
    <t>basti urla p/o sultan pur tehsil ali pur district muzaffargarh</t>
  </si>
  <si>
    <t>GHS USAMA BIN TARIQ SHAHEED DEWALIAN</t>
  </si>
  <si>
    <t>GHS Dewalian Usama Bin Tariq Shaheed Teh and Distt Chakwal</t>
  </si>
  <si>
    <t>Matloob Shah</t>
  </si>
  <si>
    <t>GHS USMAN KHATTAR</t>
  </si>
  <si>
    <t>Usama Khattar</t>
  </si>
  <si>
    <t>Usman khattar</t>
  </si>
  <si>
    <t>fida hussain</t>
  </si>
  <si>
    <t>GHS USMAN KORIA</t>
  </si>
  <si>
    <t>usman koria p/o shah jamal tehsil and district muzaffar garh</t>
  </si>
  <si>
    <t>Ghulam Murtaza Hanfi</t>
  </si>
  <si>
    <t>GHS USMAN WALA</t>
  </si>
  <si>
    <t>Usman wala, kasur</t>
  </si>
  <si>
    <t>Mumtaaz ali</t>
  </si>
  <si>
    <t>GHS UTHWAL CHAKWAL</t>
  </si>
  <si>
    <t>uthwal</t>
  </si>
  <si>
    <t>vpo uthwal tehsil &amp; distt chakwal</t>
  </si>
  <si>
    <t>Rizwan Hussain</t>
  </si>
  <si>
    <t>GHS UTTERA</t>
  </si>
  <si>
    <t>UTTERA</t>
  </si>
  <si>
    <t>THESIL AHMAD PUR EAST DISTRICT BAHAWALPUR</t>
  </si>
  <si>
    <t>KHURRAM PUR</t>
  </si>
  <si>
    <t>GHS VANIA WALA</t>
  </si>
  <si>
    <t>Vaniawala</t>
  </si>
  <si>
    <t>Vaniawala, Gujranwala</t>
  </si>
  <si>
    <t>HAFEEZ-UR-REHMAN DAR</t>
  </si>
  <si>
    <t>GHS VANJARI</t>
  </si>
  <si>
    <t>vanjari p/o kamar mushani tehsil isa khel District Mianwali</t>
  </si>
  <si>
    <t>Imtiaz Ahmed Malik</t>
  </si>
  <si>
    <t>GHS VEHGAL</t>
  </si>
  <si>
    <t>Wehgal</t>
  </si>
  <si>
    <t>village wehgal kasur</t>
  </si>
  <si>
    <t>tassawur hussain</t>
  </si>
  <si>
    <t>GHS VEHOVA</t>
  </si>
  <si>
    <t>SAKAYA USER COMMITTY</t>
  </si>
  <si>
    <t>GHS VERAM</t>
  </si>
  <si>
    <t>GHS Veeram p/o Kanjrur teh shakargarh dist Narowal</t>
  </si>
  <si>
    <t>Muhammad Mohsin Faraz</t>
  </si>
  <si>
    <t>GHS VERO WALA</t>
  </si>
  <si>
    <t>verowal p/o verowal</t>
  </si>
  <si>
    <t>GHS VERPAL</t>
  </si>
  <si>
    <t>GHS VICHVEEN</t>
  </si>
  <si>
    <t>VICHVEEN Bala</t>
  </si>
  <si>
    <t>Wichveen</t>
  </si>
  <si>
    <t>GHS VINNI</t>
  </si>
  <si>
    <t>Govt high school vinni tehsil and district hafizabad</t>
  </si>
  <si>
    <t>fiaz ahmad</t>
  </si>
  <si>
    <t>GHS VIRK</t>
  </si>
  <si>
    <t>Village Virk, P/O Bhagowal, tehsil Pasrur.</t>
  </si>
  <si>
    <t>virk</t>
  </si>
  <si>
    <t>GHS WAAD GARAN (SADAR PURA)</t>
  </si>
  <si>
    <t>WAD GRAN</t>
  </si>
  <si>
    <t>WILLAGE WAD GRAN P.O  PHUKLIAN TEH&amp;DISTT SIALKOT</t>
  </si>
  <si>
    <t>MUHAMMAD   IQBAL</t>
  </si>
  <si>
    <t>GHS WACHOKE KALAN</t>
  </si>
  <si>
    <t>Wachoke</t>
  </si>
  <si>
    <t>Govt. High School Wachoki Kalan, Tehsil &amp; Distt.Hafizabad</t>
  </si>
  <si>
    <t>Wachoke Kalan</t>
  </si>
  <si>
    <t>GHS WADAY WALI</t>
  </si>
  <si>
    <t>Wadhey Wali</t>
  </si>
  <si>
    <t>GHS Wadhey Wali tehsil Karor District Layyah</t>
  </si>
  <si>
    <t>Wadhey Wali New</t>
  </si>
  <si>
    <t>GHS WADOOR</t>
  </si>
  <si>
    <t>Tehsil.district dgkhan Mouza Wadoor</t>
  </si>
  <si>
    <t>Atif Ahmad</t>
  </si>
  <si>
    <t>GHS WAFAQI COLONY LAHORE</t>
  </si>
  <si>
    <t>shah di khoi</t>
  </si>
  <si>
    <t>F/G 93 Wafaqi Colony Lahore</t>
  </si>
  <si>
    <t>dhna singh wala</t>
  </si>
  <si>
    <t>wafaqi colony</t>
  </si>
  <si>
    <t>Muhammad Salem Iqbal</t>
  </si>
  <si>
    <t>GHS WAGH</t>
  </si>
  <si>
    <t>Wagh</t>
  </si>
  <si>
    <t>vpo wagh jhelum</t>
  </si>
  <si>
    <t>Abdulrauf</t>
  </si>
  <si>
    <t>GHS WAGHAL</t>
  </si>
  <si>
    <t>Village and post office waghal tehsil kottli sattian rawalpindi</t>
  </si>
  <si>
    <t>Local pipe line</t>
  </si>
  <si>
    <t>GHS WAH VILLAGE</t>
  </si>
  <si>
    <t>wah village</t>
  </si>
  <si>
    <t>GBHS WAH VILLAGE</t>
  </si>
  <si>
    <t>WAH</t>
  </si>
  <si>
    <t>GHS WAHEER</t>
  </si>
  <si>
    <t>Vpo Waheer Khushab</t>
  </si>
  <si>
    <t>GHS WAHGA</t>
  </si>
  <si>
    <t>WAHGA Lahore</t>
  </si>
  <si>
    <t>Village &amp; P/O WAHGA Lahore</t>
  </si>
  <si>
    <t>WAHGA</t>
  </si>
  <si>
    <t>GHS WAHGRAIN BATA PUR</t>
  </si>
  <si>
    <t>Wahgrian</t>
  </si>
  <si>
    <t>Main Bhasin Raod near Ranger's check post P.O Batapur Lahore</t>
  </si>
  <si>
    <t>Rana Muhammad Sarwar</t>
  </si>
  <si>
    <t>GHS WAHI ALI ARIAN</t>
  </si>
  <si>
    <t>wahi ali arain</t>
  </si>
  <si>
    <t>haqran stop parmat jalalpur road lodhran</t>
  </si>
  <si>
    <t>GHS WAINS MEHRAM BASTI TEH. SHUJABAD</t>
  </si>
  <si>
    <t>agar khani</t>
  </si>
  <si>
    <t>Basti Mehram Mouza agar khani</t>
  </si>
  <si>
    <t>mehram basti</t>
  </si>
  <si>
    <t>GHS WAISA</t>
  </si>
  <si>
    <t>niamat abad Waisa tehsil hazro Attock</t>
  </si>
  <si>
    <t>Nimat Abad</t>
  </si>
  <si>
    <t>kamalpur Musa</t>
  </si>
  <si>
    <t>abdul waheed butt</t>
  </si>
  <si>
    <t>GHS WAJJAN</t>
  </si>
  <si>
    <t>Jangrah</t>
  </si>
  <si>
    <t>Village Wajjan Tehsil Taunsa Distt. Dera Ghazi Khan</t>
  </si>
  <si>
    <t>Village Wajjan</t>
  </si>
  <si>
    <t>Khurshid Ahmad Qaisrani</t>
  </si>
  <si>
    <t>GHS WALANA</t>
  </si>
  <si>
    <t>WALANA</t>
  </si>
  <si>
    <t>BASTI WALANA SADIQ ABAD</t>
  </si>
  <si>
    <t>Syed Azhar Hassan Jamil</t>
  </si>
  <si>
    <t>GHS WALI PUR BORA 175/RB</t>
  </si>
  <si>
    <t>Walipur Bura</t>
  </si>
  <si>
    <t>Walipur Bura 175 RB.Tehsil Shahkot, Nankana Sahib</t>
  </si>
  <si>
    <t>Walipur Bura 175RB</t>
  </si>
  <si>
    <t>MUHAMMAD ASIM RASHID</t>
  </si>
  <si>
    <t>GHS WALLAH</t>
  </si>
  <si>
    <t>wallah  teh lalian</t>
  </si>
  <si>
    <t>UMER HAYAT</t>
  </si>
  <si>
    <t>WATER PUMP  HAND PUMP</t>
  </si>
  <si>
    <t>GHS WALLAY WALA</t>
  </si>
  <si>
    <t>GADAI SHUMALI(NORTH)</t>
  </si>
  <si>
    <t>NEAR SAMINA CHOWK MULTAN ROAD D.G.KHAN</t>
  </si>
  <si>
    <t>WALAY WALA</t>
  </si>
  <si>
    <t>ABDUL HAMEED SIYAL</t>
  </si>
  <si>
    <t>GHS WALTON</t>
  </si>
  <si>
    <t>Govt. High school, walton road, Lahore Cantt</t>
  </si>
  <si>
    <t>Walton cantt</t>
  </si>
  <si>
    <t>Tariq Rafiq</t>
  </si>
  <si>
    <t>GHS WAN BHACHRAN</t>
  </si>
  <si>
    <t>GHS WAN BHACHRAN  TEHSIL &amp; DISTRICT MIANWALI</t>
  </si>
  <si>
    <t>WAN BHACHRAN</t>
  </si>
  <si>
    <t>GHS WAN KHARA</t>
  </si>
  <si>
    <t>Wan Khara Tehsil Chunian District Kasur</t>
  </si>
  <si>
    <t>MUHAMMAD</t>
  </si>
  <si>
    <t>GHS WANDHER</t>
  </si>
  <si>
    <t>chak no 599/tda</t>
  </si>
  <si>
    <t>599/tda</t>
  </si>
  <si>
    <t>GHS WANG</t>
  </si>
  <si>
    <t>Wang Awal</t>
  </si>
  <si>
    <t>Mouza Wang Awal, Post Office Kot Mithan, Tehsil and District Rajanpur.</t>
  </si>
  <si>
    <t>GHS WANHAR</t>
  </si>
  <si>
    <t>WANHAR</t>
  </si>
  <si>
    <t>wanhar</t>
  </si>
  <si>
    <t>bidhar</t>
  </si>
  <si>
    <t>mohammad aatif usman</t>
  </si>
  <si>
    <t>GHS WANNI</t>
  </si>
  <si>
    <t>WANNI</t>
  </si>
  <si>
    <t>ghs wanni taxila rawalpindi</t>
  </si>
  <si>
    <t>THATHA KHALIL</t>
  </si>
  <si>
    <t>QAISER MAHMOOD  JAJJA</t>
  </si>
  <si>
    <t>GHS WARA SEHRAN</t>
  </si>
  <si>
    <t>p/o wara sehran tehsil karor distt layyah</t>
  </si>
  <si>
    <t>Ali Asad Ullah</t>
  </si>
  <si>
    <t>GHS WARBURTON CITY NANKANA SAHIB</t>
  </si>
  <si>
    <t>javed iqbal ashraf</t>
  </si>
  <si>
    <t>GHS WARBURTON GAON</t>
  </si>
  <si>
    <t>DR. GHULAM NABI SHAKIR</t>
  </si>
  <si>
    <t>FILTERED WATER ARRANGED BY SCHOOL</t>
  </si>
  <si>
    <t>GHS WARSI WAHIN</t>
  </si>
  <si>
    <t>wairsi wahen</t>
  </si>
  <si>
    <t>wairsi wahen p/o fateh pur mailsi vehari</t>
  </si>
  <si>
    <t>GHS WARWAL</t>
  </si>
  <si>
    <t>VPO WARWAL, TEHSIL &amp; DISTRICT CHAKWAL</t>
  </si>
  <si>
    <t>GHS WASANDAY WALI</t>
  </si>
  <si>
    <t>GhazanfarGarh</t>
  </si>
  <si>
    <t>wasabday wali</t>
  </si>
  <si>
    <t>GHS WASAWEY WALA</t>
  </si>
  <si>
    <t>wasawewala</t>
  </si>
  <si>
    <t>Muhammad Zareen Abid</t>
  </si>
  <si>
    <t>GHS WASNAL</t>
  </si>
  <si>
    <t>NAUMAN SAFDAR</t>
  </si>
  <si>
    <t>WATER BORE</t>
  </si>
  <si>
    <t>GHS WASU ASTANA</t>
  </si>
  <si>
    <t>WASU</t>
  </si>
  <si>
    <t>WASU ASTANA TEHSIL 18 HAZARI JHANG</t>
  </si>
  <si>
    <t>WASU ASTANA</t>
  </si>
  <si>
    <t>MUHAMMAD NOOR ZAMAN</t>
  </si>
  <si>
    <t>GHS WATAN ISLAMIA BRANDRATH ROAD</t>
  </si>
  <si>
    <t>brandreth road lahore</t>
  </si>
  <si>
    <t>brandreth road</t>
  </si>
  <si>
    <t>amir mahmood</t>
  </si>
  <si>
    <t>GHS WAZIRABAD</t>
  </si>
  <si>
    <t>College Road Wazirabad</t>
  </si>
  <si>
    <t>wazirabad city</t>
  </si>
  <si>
    <t>GHS WEEROO CHAKWAL</t>
  </si>
  <si>
    <t>VERO</t>
  </si>
  <si>
    <t>Village Vero Post office Lakhwal Tehsil &amp; District Chakwal</t>
  </si>
  <si>
    <t>GHS WEESLAN</t>
  </si>
  <si>
    <t>BASTI WEESLAN MULTAN ROAD BAHAWALPUR</t>
  </si>
  <si>
    <t>BASTI WEESLAN</t>
  </si>
  <si>
    <t>Manzoor Hussain Shah</t>
  </si>
  <si>
    <t>GHS WIG</t>
  </si>
  <si>
    <t>ghs wig tehsil mankera district bhakkar</t>
  </si>
  <si>
    <t>wig</t>
  </si>
  <si>
    <t>litten</t>
  </si>
  <si>
    <t>mehboob hussain</t>
  </si>
  <si>
    <t>GHS YARA SULLAH</t>
  </si>
  <si>
    <t>YARA SULLAH</t>
  </si>
  <si>
    <t>R/O YARA SULLAH PO HAIDERABAD, MANKERA BHAKKAR</t>
  </si>
  <si>
    <t>GHS YARAY KI</t>
  </si>
  <si>
    <t>Yaraykay</t>
  </si>
  <si>
    <t>Yaray Kay P/O Sangra Tehsil Lalian Distt. Chiniot</t>
  </si>
  <si>
    <t>SARFRAZ KHAN</t>
  </si>
  <si>
    <t>GHS YARAY WALA</t>
  </si>
  <si>
    <t>Hunjrai mustaqil sharqi</t>
  </si>
  <si>
    <t>chah yaray wala p/o d.d.panah</t>
  </si>
  <si>
    <t>yaray wala</t>
  </si>
  <si>
    <t>muhammad sulaman</t>
  </si>
  <si>
    <t>GHS YAZMAN</t>
  </si>
  <si>
    <t>yazman city</t>
  </si>
  <si>
    <t>CITY YAZMAN</t>
  </si>
  <si>
    <t>ABDUL GHAFOOR</t>
  </si>
  <si>
    <t>GHS YOUSAF SHAH</t>
  </si>
  <si>
    <t>YOUSAF SHAH POST OFFICE YOUSAF SHAH TEHSIL AND DISTRICT BHAKKAR</t>
  </si>
  <si>
    <t>YOUSAF SHAH</t>
  </si>
  <si>
    <t>Attaullah Qureshi</t>
  </si>
  <si>
    <t>GHS ZAFAR ABAD</t>
  </si>
  <si>
    <t>P/O ZAFAR ABAD TEHSIL LIAQUAT PUR DISTRICT RAHIM YAR KHAN</t>
  </si>
  <si>
    <t>ZAFAR ABAD</t>
  </si>
  <si>
    <t>Bashir Ahmad Khan</t>
  </si>
  <si>
    <t>GHS ZAFAR WAL</t>
  </si>
  <si>
    <t>MIAN MUHAMMAD JAMEEL</t>
  </si>
  <si>
    <t>GHS ZAHEER ABAD SHAHEED</t>
  </si>
  <si>
    <t>Zaheer abad Shaheed</t>
  </si>
  <si>
    <t>GHS Zaheer Abad shaheed tehsil mailsi district vehari</t>
  </si>
  <si>
    <t>GHS ZAHOOR HAYAT COLONY BHALWAL</t>
  </si>
  <si>
    <t>ZAHOOR HAYAT COLONY BHALWAL</t>
  </si>
  <si>
    <t>BHALWAL III</t>
  </si>
  <si>
    <t>GHS ZAHOORA</t>
  </si>
  <si>
    <t>village and p/o zahoora tehsil &amp; district sialkot</t>
  </si>
  <si>
    <t>GHS ZAKHIRA BERANWALA</t>
  </si>
  <si>
    <t>Chak 2</t>
  </si>
  <si>
    <t>GHSchak no 2 Zakhera baranwala</t>
  </si>
  <si>
    <t>chak 2</t>
  </si>
  <si>
    <t>Nazar Qayyum</t>
  </si>
  <si>
    <t>GHS ZAMEY WALA</t>
  </si>
  <si>
    <t>GHULAMAAN</t>
  </si>
  <si>
    <t>GHS ZAMAY WALA</t>
  </si>
  <si>
    <t>ZAMAY WALA</t>
  </si>
  <si>
    <t>GHULAMAAN NO. 2</t>
  </si>
  <si>
    <t>Muhammad IMRAN</t>
  </si>
  <si>
    <t>GHS ZAMINDAR GUJRAT</t>
  </si>
  <si>
    <t>GOVT. ZAMINDAR HIGH SCHOOL BHIMBER ROAD GUJRAT</t>
  </si>
  <si>
    <t>Chak Mehmada Sharqi gujrat</t>
  </si>
  <si>
    <t>TARIQ MEHMOOD ATIQUE</t>
  </si>
  <si>
    <t>GHS ZAMINDARA 145/9-L</t>
  </si>
  <si>
    <t>Chak no 145/9-L Sahiwal</t>
  </si>
  <si>
    <t>Chak No 145/9-L Sahiwal</t>
  </si>
  <si>
    <t>Chak No 141/9-L Sahiwal</t>
  </si>
  <si>
    <t>GHS ZAMINDARA ISLAMIA CHAK 177 GB SAMUNDRI</t>
  </si>
  <si>
    <t>CHAK 177GB</t>
  </si>
  <si>
    <t>GOVT. HIGH SCHOOL 177GB SAMUNDRI FAISALABAD</t>
  </si>
  <si>
    <t>CHAK NO 175GB</t>
  </si>
  <si>
    <t>GHS ZARAI FORM</t>
  </si>
  <si>
    <t>dhoke kashmirian</t>
  </si>
  <si>
    <t>data gunj bukhsh road near 6th road rawalpindi</t>
  </si>
  <si>
    <t>na</t>
  </si>
  <si>
    <t>Muhammad Abdullah Khan Muhammad AbdullahKhan</t>
  </si>
  <si>
    <t>GHS ZARGHAM SHAHEED(APS) P/O MAKHDOOM PUR ROAD, KABIRWALA</t>
  </si>
  <si>
    <t>kabirwala (Rural)</t>
  </si>
  <si>
    <t>Makhdoomp pur road kabirwala</t>
  </si>
  <si>
    <t>mc kabirwala</t>
  </si>
  <si>
    <t>GHS ZIA-UL-ALOOM RAJA BAZAR</t>
  </si>
  <si>
    <t>Rawalpindi City</t>
  </si>
  <si>
    <t>Ghs zia ul uloom, raja bazar, rawalpindi</t>
  </si>
  <si>
    <t>Raja Bazar</t>
  </si>
  <si>
    <t>Purana Qilla</t>
  </si>
  <si>
    <t>Sheikh Tariq Husssin</t>
  </si>
  <si>
    <t>GHS ZIA-UL-SHAMS ISLAM (MEETA)</t>
  </si>
  <si>
    <t>Meta</t>
  </si>
  <si>
    <t>Govt.zia Shams Ul Islam HS META, SARGODHA</t>
  </si>
  <si>
    <t>sial sharif</t>
  </si>
  <si>
    <t>Muhammad Ali Khan</t>
  </si>
  <si>
    <t>GHSS 105/15-L VANJARI MIAN CHANNU</t>
  </si>
  <si>
    <t>105/15-L Wanjari</t>
  </si>
  <si>
    <t>105/15-L Wanjari (Mian Channu, Khanewal)</t>
  </si>
  <si>
    <t>GHSS 120/9-L KAMEER</t>
  </si>
  <si>
    <t>120/9-L Kamir</t>
  </si>
  <si>
    <t>GHSS 120/9-L kamir</t>
  </si>
  <si>
    <t>Muncipal Committee Kamir</t>
  </si>
  <si>
    <t>MUHAMMAD IBRAHIM S/O MUHAMMAD SIDDIQUE</t>
  </si>
  <si>
    <t>GHSS 127/EB ARIFWALA</t>
  </si>
  <si>
    <t>CHAK 127/EB</t>
  </si>
  <si>
    <t>Chak 127/EB , Thana Ahmad Yar ,Tehsil Arifwala, District PakPattan</t>
  </si>
  <si>
    <t>Chak 127/EB</t>
  </si>
  <si>
    <t>TURBINE</t>
  </si>
  <si>
    <t>GHSS 135/10-R, JAHANIAN</t>
  </si>
  <si>
    <t>thatha sadiq abad</t>
  </si>
  <si>
    <t>chak no 135/10.r khanewal</t>
  </si>
  <si>
    <t>chak no 135/10.r</t>
  </si>
  <si>
    <t>GHSS 138/10-R, JAHANIAN</t>
  </si>
  <si>
    <t>CHAK # 138/10.R</t>
  </si>
  <si>
    <t>GHSS 142 EB</t>
  </si>
  <si>
    <t>GHSS 142/EB</t>
  </si>
  <si>
    <t>CHAK # 142/EB</t>
  </si>
  <si>
    <t>CHAK # 148/EB</t>
  </si>
  <si>
    <t>GHSS 153 RB CHAK JHUMRA</t>
  </si>
  <si>
    <t>Ghss 153 RB fsd</t>
  </si>
  <si>
    <t>Ashfaq Ahmad Javed</t>
  </si>
  <si>
    <t>GHSS 168/9-L</t>
  </si>
  <si>
    <t>168/9 L</t>
  </si>
  <si>
    <t>Chak no 168/9.L tehsil chichawatni distt sahiwal</t>
  </si>
  <si>
    <t>MUHAMMAD MUSHTAQ</t>
  </si>
  <si>
    <t>GHSS 18/MR DUNYA PUR ROAD</t>
  </si>
  <si>
    <t>CHAK 18 MR MULTAN OLD DUNYA PUR ROAD P/O SAME</t>
  </si>
  <si>
    <t>CHAK 18 MR</t>
  </si>
  <si>
    <t>EHSAN SHAHID SIDDIQI</t>
  </si>
  <si>
    <t>GHSS 19/9-R KACHA KHUH KHANEWAL</t>
  </si>
  <si>
    <t>Chak NO 19/9R</t>
  </si>
  <si>
    <t>Chak No 19/9R</t>
  </si>
  <si>
    <t>GHSS 198 EB</t>
  </si>
  <si>
    <t>CHAK NO 198 EB VEHARI</t>
  </si>
  <si>
    <t>CHAK NO 198 EB</t>
  </si>
  <si>
    <t>GHSS 203/RB MANANWALA</t>
  </si>
  <si>
    <t>MANAWALA</t>
  </si>
  <si>
    <t>CHAK 203 RB MANAWALA FAISALABAD</t>
  </si>
  <si>
    <t>203rb MANAWALA</t>
  </si>
  <si>
    <t>MUNIR HUSSAIN</t>
  </si>
  <si>
    <t>GHSS 4/14-L KASSOWAL</t>
  </si>
  <si>
    <t>CHAK NO.4/14L KASSOWAL</t>
  </si>
  <si>
    <t>AHMAD NAWAZ NASIR</t>
  </si>
  <si>
    <t>GHSS 40/3.R OKARA</t>
  </si>
  <si>
    <t>Chak/40/3r</t>
  </si>
  <si>
    <t>Chak40/3r</t>
  </si>
  <si>
    <t>39/3R</t>
  </si>
  <si>
    <t>GHSS 45/12-L</t>
  </si>
  <si>
    <t>Chak#45/12.L Tehsil Chichawatni Distrect Sahiwal</t>
  </si>
  <si>
    <t>GHSS 494 GB</t>
  </si>
  <si>
    <t>GHSS 494 GB CHAK NO 494 GB</t>
  </si>
  <si>
    <t>chak no.507 gb</t>
  </si>
  <si>
    <t>GHSS 53 M LODHRAN</t>
  </si>
  <si>
    <t>Chak No.53/M</t>
  </si>
  <si>
    <t>Chak No. 53/M, Gailywala, Tehsil &amp; District Lodhran</t>
  </si>
  <si>
    <t>Ghulam Hussain chohan</t>
  </si>
  <si>
    <t>GHSS 56/5-L</t>
  </si>
  <si>
    <t>56/5-l</t>
  </si>
  <si>
    <t>chak no 56/5-l sahiwal</t>
  </si>
  <si>
    <t>GHSS 58-A/GD</t>
  </si>
  <si>
    <t>58-a/gD</t>
  </si>
  <si>
    <t>58-A/GD</t>
  </si>
  <si>
    <t>ch. safdar ali</t>
  </si>
  <si>
    <t>GHSS 70/D</t>
  </si>
  <si>
    <t>70/D</t>
  </si>
  <si>
    <t>chak no 70/d akpattan</t>
  </si>
  <si>
    <t>70/d</t>
  </si>
  <si>
    <t>GHSS 73/5-L</t>
  </si>
  <si>
    <t>MUGHAL</t>
  </si>
  <si>
    <t>GHSS 73/5L Teh &amp; Distt.  SAHIWAL</t>
  </si>
  <si>
    <t>44 5/L Fojian</t>
  </si>
  <si>
    <t>Muhammad Ali S/O Abdullah</t>
  </si>
  <si>
    <t>GHSS 96/12-L</t>
  </si>
  <si>
    <t>Chak 96/12L</t>
  </si>
  <si>
    <t>chak no 96/12.L tehsil chichawatni district sahiwal</t>
  </si>
  <si>
    <t>Chak No 96/12L</t>
  </si>
  <si>
    <t>GHSS ABBASIA BAHAWALPUR</t>
  </si>
  <si>
    <t>DERA IZZAT</t>
  </si>
  <si>
    <t>mODEL tOWN (a) sERWER SHAHEED ROAD BAHAWALPUR</t>
  </si>
  <si>
    <t>CANTONMENT AREA</t>
  </si>
  <si>
    <t>Muhammad Saleem Ch.</t>
  </si>
  <si>
    <t>GHSS ADAMKAY CHEEMA</t>
  </si>
  <si>
    <t>Verowala Road Adamke Cheema Tehsil Daska District Sialkot</t>
  </si>
  <si>
    <t>GHSS ADHI KOT</t>
  </si>
  <si>
    <t>BILAL ABDUL SAMI</t>
  </si>
  <si>
    <t>SELF Arrangement</t>
  </si>
  <si>
    <t>GHSS ADHWAL RAWALPINDI</t>
  </si>
  <si>
    <t>VPO Adhwal</t>
  </si>
  <si>
    <t>SYED GHULAM MUJTABA</t>
  </si>
  <si>
    <t>GHSS AHMAD NAGAR</t>
  </si>
  <si>
    <t>AHMEDNAGAR</t>
  </si>
  <si>
    <t>syed zafar ul husnain</t>
  </si>
  <si>
    <t>GHSS AILAM PUR NEAR ADDA BOSAN</t>
  </si>
  <si>
    <t>Band bosan Ailampur Multan</t>
  </si>
  <si>
    <t>Muhammad Jamil Khalid</t>
  </si>
  <si>
    <t>GHSS AJNIAN WALA SHIEKHUPURA</t>
  </si>
  <si>
    <t>ajnainwala</t>
  </si>
  <si>
    <t>GOVT. PUBLIC HIGHER SECODNARY SCHOOL AJNAINWALA</t>
  </si>
  <si>
    <t>AJNAINWALA</t>
  </si>
  <si>
    <t>AJANIANWALA</t>
  </si>
  <si>
    <t>DR.TARIQ RIAZ</t>
  </si>
  <si>
    <t>GHSS ALLAH DITTA BARIAN</t>
  </si>
  <si>
    <t>barian muirree</t>
  </si>
  <si>
    <t>Massot</t>
  </si>
  <si>
    <t>rana saood yusuf</t>
  </si>
  <si>
    <t>GHSS AMRA KALAN</t>
  </si>
  <si>
    <t>GHSS Amra Kalan VPO Amra Kalan Tehsil Kharian District Gujrat</t>
  </si>
  <si>
    <t>GHSS ARIF MUSTAFA ABAD</t>
  </si>
  <si>
    <t>govt. arif higher secondary school mustafa abad lahore</t>
  </si>
  <si>
    <t>Muhammad Rafiqe Baluch</t>
  </si>
  <si>
    <t>GHSS ASHRAF WALA</t>
  </si>
  <si>
    <t>ghullaman</t>
  </si>
  <si>
    <t>ashraf wala p/o zamay wala teh# kallur kot</t>
  </si>
  <si>
    <t>ashraf wala</t>
  </si>
  <si>
    <t>ghullaman no 2</t>
  </si>
  <si>
    <t>GHSS ATTACHED WITH GCET KOT LAKHPAT</t>
  </si>
  <si>
    <t>Chandrai Road Chungi Amer Sidhu Lhr</t>
  </si>
  <si>
    <t>Quaid e Millat Colony</t>
  </si>
  <si>
    <t>Muhammad Mohsin Iqbal</t>
  </si>
  <si>
    <t>GHSS ATTOCK NO.2</t>
  </si>
  <si>
    <t>ATTOCK CITY</t>
  </si>
  <si>
    <t>MOH. MEHR PURA ATTOCK</t>
  </si>
  <si>
    <t>muhammad hanif</t>
  </si>
  <si>
    <t>GHSS AUSIA</t>
  </si>
  <si>
    <t>ausia</t>
  </si>
  <si>
    <t>VPO AUSIA TEHSIL MURREE DISTRICT RAWALPINDI</t>
  </si>
  <si>
    <t>AUSIA</t>
  </si>
  <si>
    <t>MUHAMMAD KHURSHID QURESHI</t>
  </si>
  <si>
    <t>GHSS AWAGAT</t>
  </si>
  <si>
    <t>Chao No 67 GB</t>
  </si>
  <si>
    <t>KASHIF ZIA</t>
  </si>
  <si>
    <t>GHSS AYAZ ABAD MARAL MULTAN</t>
  </si>
  <si>
    <t>AyyazAbad Marral Multan</t>
  </si>
  <si>
    <t>Ayyaz Abad Marral</t>
  </si>
  <si>
    <t>MUSHARRAF NAWAZ</t>
  </si>
  <si>
    <t>GHSS BAGAR SARGANA, SARAI SIDHU</t>
  </si>
  <si>
    <t>MOUZA BAGAR SARGANA TEHSIL KABIRWALA DISTRICT KHANEWAL</t>
  </si>
  <si>
    <t>MUHAMMAD IRFAN KHALID SIDDIQI</t>
  </si>
  <si>
    <t>GHSS BAGH TC BAGH TOBA ROAD JHANG</t>
  </si>
  <si>
    <t>bagh</t>
  </si>
  <si>
    <t>toba road jhang sadar</t>
  </si>
  <si>
    <t>urban bagh</t>
  </si>
  <si>
    <t>GHSS BAGIRAN WALA</t>
  </si>
  <si>
    <t>V.P.O BAGRIANWALA TEHSIL KHARIAN DISTRICT GUJRAT</t>
  </si>
  <si>
    <t>IFTIKHAR HUSSAIN SHAH</t>
  </si>
  <si>
    <t>GHSS BAHADAR PUR</t>
  </si>
  <si>
    <t>BAHADARPUR</t>
  </si>
  <si>
    <t>Bahadarpur Tehsil Jalalpur Pirwala District Multan</t>
  </si>
  <si>
    <t>ABDUL HAQ</t>
  </si>
  <si>
    <t>GHSS BAMA BALA</t>
  </si>
  <si>
    <t>Bama Bala P/O Same Tehsil Renalakhurd District Okara</t>
  </si>
  <si>
    <t>Muhammad Akram Shah</t>
  </si>
  <si>
    <t>GHSS BARA GHAR NANKANA SAHIB</t>
  </si>
  <si>
    <t>G.H.S.S BARA GHAR TEH &amp; DISTT NANKANA SAHIB</t>
  </si>
  <si>
    <t>IMTIAZ AHMAD</t>
  </si>
  <si>
    <t>GHSS BASHARAT CHOA SAIDEN SHAH</t>
  </si>
  <si>
    <t>basharat</t>
  </si>
  <si>
    <t>ghss basharat tehsil c s shah distt chakwal</t>
  </si>
  <si>
    <t>AMIR SULTAN</t>
  </si>
  <si>
    <t>GHSS BASSALI</t>
  </si>
  <si>
    <t>V &amp; PO Bassali</t>
  </si>
  <si>
    <t>Dr Muhammad Tahir Mahmood</t>
  </si>
  <si>
    <t>GHSS BEHARI COLONY MUSLIM CHOWK GREEN TOWN</t>
  </si>
  <si>
    <t>GHSS bEHARI COLONY MUSLIM CHOWK GREEN TOWN, LAHORE.</t>
  </si>
  <si>
    <t>muhammad shoaib khan</t>
  </si>
  <si>
    <t>GHSS BEWAL</t>
  </si>
  <si>
    <t>bewal</t>
  </si>
  <si>
    <t>vpo bewal gujar khan rwp</t>
  </si>
  <si>
    <t>Saeed Akhtar</t>
  </si>
  <si>
    <t>GHSS BHABRA</t>
  </si>
  <si>
    <t>BHABRA</t>
  </si>
  <si>
    <t>GHSS BHAGWAL</t>
  </si>
  <si>
    <t>GHSS BHAINI BUDHLA ROAD MULTAN</t>
  </si>
  <si>
    <t>BUDHLA ROAD MAUZA BHAINI MULTAN POST OFFICE KHAD FACTORY MULTAN</t>
  </si>
  <si>
    <t>Muhammd Rashid</t>
  </si>
  <si>
    <t>GHSS BHAMBA KALAN</t>
  </si>
  <si>
    <t>Bhamba kalan Kot rahda kishen Kasur</t>
  </si>
  <si>
    <t>bhamba</t>
  </si>
  <si>
    <t>Nasir Aziz Bhatti</t>
  </si>
  <si>
    <t>GHSS BHARPUR TEH &amp; DISTT CHAKWAL</t>
  </si>
  <si>
    <t>VPO BHARPUR TEHSIL KALLAR KAHAR DISTRICT CHAKWAL</t>
  </si>
  <si>
    <t>GHSS BHIKHI SHARIF</t>
  </si>
  <si>
    <t>BHIKHI SHARIF</t>
  </si>
  <si>
    <t>VPO BHIKHI SHARIF,TEH &amp; DISTT MBDIN</t>
  </si>
  <si>
    <t>AURANGZEB GONDAL</t>
  </si>
  <si>
    <t>GHSS BHOWANA</t>
  </si>
  <si>
    <t>MUNAWAR ABBAS</t>
  </si>
  <si>
    <t>GHSS BOSAL</t>
  </si>
  <si>
    <t>bosal</t>
  </si>
  <si>
    <t>bosal sukha teh Malakwal Distt M.B.Din</t>
  </si>
  <si>
    <t>KHALID MAHMAOOD</t>
  </si>
  <si>
    <t>GHSS BUA</t>
  </si>
  <si>
    <t>village &amp; p/o Bua  Teh.shakargarh District Narowal</t>
  </si>
  <si>
    <t>GHSS BUDH</t>
  </si>
  <si>
    <t>Basti budh mouza Budh</t>
  </si>
  <si>
    <t>GHSS BUDHLA SANT MULTAN</t>
  </si>
  <si>
    <t>Budhla Sant Multan</t>
  </si>
  <si>
    <t>GHSS BUS STAND PAKPATTAN</t>
  </si>
  <si>
    <t>Sahiwal Road Near General bus stand</t>
  </si>
  <si>
    <t>urban 4</t>
  </si>
  <si>
    <t>Hafiz Muhammad Shafiq</t>
  </si>
  <si>
    <t>GHSS CDI ISLAMIA TALWANDI BHINDRAN</t>
  </si>
  <si>
    <t>talwandi bhindran</t>
  </si>
  <si>
    <t>talwandi bhindran teh and dist nwl</t>
  </si>
  <si>
    <t>GHSS CENTRAL MODEL NST SARGODHA</t>
  </si>
  <si>
    <t>Z block NST sgd</t>
  </si>
  <si>
    <t>DR.HAFIZ MUHAMMAD ABDULLAH</t>
  </si>
  <si>
    <t>water tangee</t>
  </si>
  <si>
    <t>GHSS CHAK 104 JB FSD</t>
  </si>
  <si>
    <t>HARMOEY</t>
  </si>
  <si>
    <t>CHAK NO. 104/JB, TEHSIL SADDAR, DISTT. FAISALABAD</t>
  </si>
  <si>
    <t>CHAK NO. 113/JB PHULLAHI</t>
  </si>
  <si>
    <t>Ali Raza Anjum</t>
  </si>
  <si>
    <t>GHSS CHAK 123/6-R</t>
  </si>
  <si>
    <t>Chak No123/6R</t>
  </si>
  <si>
    <t>Chak No.123/6R</t>
  </si>
  <si>
    <t>Chak No 123/6R</t>
  </si>
  <si>
    <t>Chak No142/6R</t>
  </si>
  <si>
    <t>MUHAMMAD ASHRAF NADEEM</t>
  </si>
  <si>
    <t>GHSS CHAK 207/M</t>
  </si>
  <si>
    <t>207/M</t>
  </si>
  <si>
    <t>Chak No. 207/M Chishtian</t>
  </si>
  <si>
    <t>GHSS CHAK 379 JB</t>
  </si>
  <si>
    <t>Tts</t>
  </si>
  <si>
    <t>GHSS CHAK 477 EB</t>
  </si>
  <si>
    <t>chak no 477/eb</t>
  </si>
  <si>
    <t>CHAK NO 477/EB PO SAME VEHARI</t>
  </si>
  <si>
    <t>chak no 477/eb vehari</t>
  </si>
  <si>
    <t>muhammad amin</t>
  </si>
  <si>
    <t>GHSS CHAK 66 JB THIKRIWALA FSD</t>
  </si>
  <si>
    <t>Chak No. 66/JB Dhandra</t>
  </si>
  <si>
    <t>Chak No. 66/JB Dhandra Teh &amp; Distt Faisalabad</t>
  </si>
  <si>
    <t>GHSS CHAK 718 GB</t>
  </si>
  <si>
    <t>CHAK NO 718 GB KAMALIA</t>
  </si>
  <si>
    <t>CHAK NO 718 GB</t>
  </si>
  <si>
    <t>GHSS CHAK 74 JB THIKRIWALA FSD</t>
  </si>
  <si>
    <t>chak no 74jb jhang road faisalabad</t>
  </si>
  <si>
    <t>MUHAMMAD ABUBAKAR SADAR</t>
  </si>
  <si>
    <t>GHSS CHAK BEDI</t>
  </si>
  <si>
    <t>Chak bedi, Pakpattam</t>
  </si>
  <si>
    <t>ahmad ali</t>
  </si>
  <si>
    <t>GHSS CHAK JHUMRA FSD</t>
  </si>
  <si>
    <t>JHUMRA CITY</t>
  </si>
  <si>
    <t>SANGLA HILL ROAD CHAK JHUMRA CITY</t>
  </si>
  <si>
    <t>MUMTAZ-UL-HASSAN</t>
  </si>
  <si>
    <t>GHSS CHAK NO 562 GB</t>
  </si>
  <si>
    <t>562 gb</t>
  </si>
  <si>
    <t>chak no. 562 gb</t>
  </si>
  <si>
    <t>GHSS CHAK NO. 13 GB RANDHIR</t>
  </si>
  <si>
    <t>Chak no 13/GB</t>
  </si>
  <si>
    <t>Chak no 13/GB Randhir</t>
  </si>
  <si>
    <t>Chak No 13/GB Randhir</t>
  </si>
  <si>
    <t>muhammad abdus salam tayyab</t>
  </si>
  <si>
    <t>GHSS CHAK NO. 139-A/TDA LAYYAH</t>
  </si>
  <si>
    <t>CHAK NO 139 A TDA LAYYAH</t>
  </si>
  <si>
    <t>CHAK NO. 139 A TDA LAYYAH</t>
  </si>
  <si>
    <t>Syed Agha Hassan</t>
  </si>
  <si>
    <t>GHSS CHAK NO. 72/GB</t>
  </si>
  <si>
    <t>chak no 72 gb</t>
  </si>
  <si>
    <t>73 gb</t>
  </si>
  <si>
    <t>ABDUL WAJID</t>
  </si>
  <si>
    <t>GHSS CHAK NO. 9/1-AL AKHTAR ABAD</t>
  </si>
  <si>
    <t>9/1-AL</t>
  </si>
  <si>
    <t>Mumtaz Ali</t>
  </si>
  <si>
    <t>GHSS CHAK NO. 93/ML</t>
  </si>
  <si>
    <t>chak no.93/ml</t>
  </si>
  <si>
    <t>93/ml</t>
  </si>
  <si>
    <t>Malik Liaqat Ali</t>
  </si>
  <si>
    <t>GHSS CHAK NO.104 NB</t>
  </si>
  <si>
    <t>CHAK NO 104 NB</t>
  </si>
  <si>
    <t>CHAK NO 104NB TEHSIL AND DISTRICT SARGODHA</t>
  </si>
  <si>
    <t>CH AHMAD NAWAZ</t>
  </si>
  <si>
    <t>GHSS CHAK NO.109 SB</t>
  </si>
  <si>
    <t>chak 109 sb</t>
  </si>
  <si>
    <t>Chak number 109 sb, sargohda</t>
  </si>
  <si>
    <t>Chak 109 sb</t>
  </si>
  <si>
    <t>109/SB</t>
  </si>
  <si>
    <t>HAFIZ MUHAMMAD SAEED</t>
  </si>
  <si>
    <t>GHSS CHAK NO.120 TDA</t>
  </si>
  <si>
    <t>Chak No 120 TDA</t>
  </si>
  <si>
    <t>GHSS CHAK NO.120 TDA LAYYAH</t>
  </si>
  <si>
    <t>GHSS CHAK NO.126 SB</t>
  </si>
  <si>
    <t>CHAK NO 126 SB</t>
  </si>
  <si>
    <t>gHSS CHAK NO 126 SB</t>
  </si>
  <si>
    <t>GHSS CHAK NO.188/M</t>
  </si>
  <si>
    <t>chak no. 188 m</t>
  </si>
  <si>
    <t>GOVT. H.S.S CHAK NO. 188 M HASILPUR BAHAWALPUR</t>
  </si>
  <si>
    <t>Chak No. 188 M</t>
  </si>
  <si>
    <t>GHSS CHAK NO.21/DRB</t>
  </si>
  <si>
    <t>Chak No 21Drb</t>
  </si>
  <si>
    <t>chak no 21/drb</t>
  </si>
  <si>
    <t>channan peer</t>
  </si>
  <si>
    <t>qazi ghulam murtaza</t>
  </si>
  <si>
    <t>GHSS CHAK NO.36/DNB</t>
  </si>
  <si>
    <t>chak no. 36/DNB</t>
  </si>
  <si>
    <t>chak no. 36/dNB</t>
  </si>
  <si>
    <t>chak no.36 /DNB</t>
  </si>
  <si>
    <t>Ch Ata-ur-rehman</t>
  </si>
  <si>
    <t>GHSS CHAK NO.452 GB FSD</t>
  </si>
  <si>
    <t>REHMEY SHAH</t>
  </si>
  <si>
    <t>govt. higher secondary school 452 gB fSD</t>
  </si>
  <si>
    <t>chak no. 452 gB</t>
  </si>
  <si>
    <t>chak no. 452 GB</t>
  </si>
  <si>
    <t>Mazhar Hussain Shah</t>
  </si>
  <si>
    <t>GHSS CHAK NO.46 SB</t>
  </si>
  <si>
    <t>CHAK NO 46 SB</t>
  </si>
  <si>
    <t>CHAK NO 46 SB TEHSIL &amp; DISTRICT SARGODHA</t>
  </si>
  <si>
    <t>CHAK NO 45 SB</t>
  </si>
  <si>
    <t>GHSS CHAK NO.60 NB</t>
  </si>
  <si>
    <t>Chak no 60nb</t>
  </si>
  <si>
    <t>chak no.60nb tehsil and district sargodha</t>
  </si>
  <si>
    <t>19nb</t>
  </si>
  <si>
    <t>MIRZA MUHAMMAD ASLAM</t>
  </si>
  <si>
    <t>GHSS CHAK NO.67/ML</t>
  </si>
  <si>
    <t>CHAK NO.67/ML TEHSIL MANKERA DISTT.BHAKKAR</t>
  </si>
  <si>
    <t>chak no.67/ML</t>
  </si>
  <si>
    <t>CHAK NO.67 ML</t>
  </si>
  <si>
    <t>ZAFAR ULLAH KHAN NIAZI</t>
  </si>
  <si>
    <t>GHSS CHAK NO.68/DB</t>
  </si>
  <si>
    <t>chak no 68 DB Tehsil Yazman Bahawalpur</t>
  </si>
  <si>
    <t>kHAWAJA ABDUL KHALIQ</t>
  </si>
  <si>
    <t>GHSS CHAK NO.82 NB</t>
  </si>
  <si>
    <t>Chak No 82</t>
  </si>
  <si>
    <t>Chak No 82 NB sargodha</t>
  </si>
  <si>
    <t>Chak No 82 NB</t>
  </si>
  <si>
    <t>Chak 82nb</t>
  </si>
  <si>
    <t>Naeem Sabir</t>
  </si>
  <si>
    <t>GHSS CHAK NO.88 SB</t>
  </si>
  <si>
    <t>CHAK 88 SB TEH. &amp; dISTT. SARGODHA</t>
  </si>
  <si>
    <t>CHAK 88 SB</t>
  </si>
  <si>
    <t>CHAK NO 88 SB</t>
  </si>
  <si>
    <t>GHSS CHAKRALA</t>
  </si>
  <si>
    <t>vpo chakrala</t>
  </si>
  <si>
    <t>chakrala</t>
  </si>
  <si>
    <t>bun hafiz jee</t>
  </si>
  <si>
    <t>GHSS CHANNI GOTH</t>
  </si>
  <si>
    <t>Chani Goth P/O Chani Goth Tehsil Ahmadpur East</t>
  </si>
  <si>
    <t>GHSS CHARISTIAN</t>
  </si>
  <si>
    <t>Raja Bazar Rawalpindi</t>
  </si>
  <si>
    <t>purana Qila rwp</t>
  </si>
  <si>
    <t>MALIK MUZAFFAR KHAN</t>
  </si>
  <si>
    <t>GHSS CHINJI</t>
  </si>
  <si>
    <t>GHSS CHOA SAIDAN SHAH</t>
  </si>
  <si>
    <t>CHOA S SHAH</t>
  </si>
  <si>
    <t>KHEWRA ROAD CHOA S SHAH</t>
  </si>
  <si>
    <t>GHSS CHOK BAHADAR PUR</t>
  </si>
  <si>
    <t>Chowk Bahadarpur</t>
  </si>
  <si>
    <t>ashiq hussain naeem</t>
  </si>
  <si>
    <t>GHSS CHOUA KHALSA</t>
  </si>
  <si>
    <t>choha khalsa po khas</t>
  </si>
  <si>
    <t>Dr javaid iqbal awan</t>
  </si>
  <si>
    <t>GHSS CHOWK SARWAR SHAHEED</t>
  </si>
  <si>
    <t>GHSS CHRISTIAN SIALKOT CANTT.</t>
  </si>
  <si>
    <t>Cantt Sialkot</t>
  </si>
  <si>
    <t>GCHSS SLK Cantt ,Near Ghanta Garh Chowk, Sialkot Cantt.</t>
  </si>
  <si>
    <t>cantonment water filter</t>
  </si>
  <si>
    <t>GHSS CITY MUSLIM FSD</t>
  </si>
  <si>
    <t>AMIN TOWN FAISALABAD</t>
  </si>
  <si>
    <t>AMIN TOWN</t>
  </si>
  <si>
    <t>muhammad malik</t>
  </si>
  <si>
    <t>GHSS COMPREHENSIVE BOSAN ROAD MULTAN</t>
  </si>
  <si>
    <t>Tara Mubarik Doom</t>
  </si>
  <si>
    <t>Govt. Comprehensive Higher Secondary School, Bosan Road, Multan</t>
  </si>
  <si>
    <t>RAUSHAN BADSHAH</t>
  </si>
  <si>
    <t>GHSS COMPREHENSIVE SAMANABAD FSD.</t>
  </si>
  <si>
    <t>G. Comp. Higher Secondary School Samanabad Faisalabad</t>
  </si>
  <si>
    <t>HAFIZ ABDUL NASIR</t>
  </si>
  <si>
    <t>GHSS COMPREHENSIVE SHEIKHUPURA</t>
  </si>
  <si>
    <t>Moh. Rasool nagar near Railway station SKP</t>
  </si>
  <si>
    <t>Moh. Rasool Nagar SKP</t>
  </si>
  <si>
    <t>GHSS COMPRESHENSIVE GHORAY SHAH</t>
  </si>
  <si>
    <t>Govt. (Boys) Comprehensive Higher Secondary School Ghorey Shah Road, Lahore</t>
  </si>
  <si>
    <t>Ghorey Shah Gujjar Pura</t>
  </si>
  <si>
    <t>muhammad akram ikram</t>
  </si>
  <si>
    <t>Tube well</t>
  </si>
  <si>
    <t>GHSS CRESCENT MODEL FAISALABAD</t>
  </si>
  <si>
    <t>BOLEY DI JHUGGI</t>
  </si>
  <si>
    <t>SHEIKHUPURA ROAD FSD</t>
  </si>
  <si>
    <t>Boley Di Jughi</t>
  </si>
  <si>
    <t>SAEED AHMAD ZAFAR</t>
  </si>
  <si>
    <t>GHSS DAHRANWALA</t>
  </si>
  <si>
    <t>dahranwala</t>
  </si>
  <si>
    <t>Dahranwala City</t>
  </si>
  <si>
    <t>chak no 169murad</t>
  </si>
  <si>
    <t>chak no 169 murad</t>
  </si>
  <si>
    <t>nasir mahmood</t>
  </si>
  <si>
    <t>GHSS DAJAL</t>
  </si>
  <si>
    <t>HAFIZ AHMAD HASSAN</t>
  </si>
  <si>
    <t>Water Line from Committee</t>
  </si>
  <si>
    <t>GHSS DANDA SHAH BILAWAL</t>
  </si>
  <si>
    <t>VPO GHSS DANDA SHAH BILAWAL</t>
  </si>
  <si>
    <t>GHSS DARKHANA, ABDUL HAKIM</t>
  </si>
  <si>
    <t>darkhana</t>
  </si>
  <si>
    <t>chak no 6 d darkhana post office abdul hakim</t>
  </si>
  <si>
    <t>6-d darkhana</t>
  </si>
  <si>
    <t>muhammad rehan gohar</t>
  </si>
  <si>
    <t>GHSS DAUD</t>
  </si>
  <si>
    <t>government Higuer Secondary school Daud, Narowal</t>
  </si>
  <si>
    <t>Abdul Majeed Chatha</t>
  </si>
  <si>
    <t>GHSS DAUD KHEL</t>
  </si>
  <si>
    <t>DAUD KHEL</t>
  </si>
  <si>
    <t>MOH LAMAY KHEL CITY DAUD KHEL</t>
  </si>
  <si>
    <t>MALIK MUHAMMAD ASHRAF</t>
  </si>
  <si>
    <t>GHSS DAURDAD</t>
  </si>
  <si>
    <t>Daurdad</t>
  </si>
  <si>
    <t>VILLAGE &amp; PO  Daurdad Teh &amp; Distt Attock</t>
  </si>
  <si>
    <t>BOLIANWAL</t>
  </si>
  <si>
    <t>TAHIR MAHMOOD KHAN</t>
  </si>
  <si>
    <t>GHSS DENNYS RAWALPINDI</t>
  </si>
  <si>
    <t>kashmir road saddar rawalpindi</t>
  </si>
  <si>
    <t>jamshaid iqbal</t>
  </si>
  <si>
    <t>GHSS DEVI</t>
  </si>
  <si>
    <t>devi</t>
  </si>
  <si>
    <t>vPO Devi Teh gujar khan Distt Rawalpindi</t>
  </si>
  <si>
    <t>Azhar Mehmood Satti</t>
  </si>
  <si>
    <t>GHSS DHANDA</t>
  </si>
  <si>
    <t>village and po dhanda kotli sattian</t>
  </si>
  <si>
    <t>dhanda</t>
  </si>
  <si>
    <t>waghal</t>
  </si>
  <si>
    <t>aziz ahmed abbasi</t>
  </si>
  <si>
    <t>GHSS DHANDLAH</t>
  </si>
  <si>
    <t>DHANDLAH</t>
  </si>
  <si>
    <t>BASTI BAKHTAWER</t>
  </si>
  <si>
    <t>MUHAMMAD MAQSOOD AKHTER</t>
  </si>
  <si>
    <t>GHSS DHAREMA</t>
  </si>
  <si>
    <t>dharema Sargodha</t>
  </si>
  <si>
    <t>Akhtar Nawaz</t>
  </si>
  <si>
    <t>GHSS DHEEDWAL</t>
  </si>
  <si>
    <t>dheedwal</t>
  </si>
  <si>
    <t>vpo dheedwal</t>
  </si>
  <si>
    <t>Nisar Ahmad Malik</t>
  </si>
  <si>
    <t>GHSS DIJKOT FAISALABAD</t>
  </si>
  <si>
    <t>CHAK NO. 263 RB</t>
  </si>
  <si>
    <t>DIJKOT CHAK NO. 263 RB MC DIJKOT WARD NO.3 SAMUNDRI ROAD</t>
  </si>
  <si>
    <t>WARD NO.3</t>
  </si>
  <si>
    <t>GHSS DINA</t>
  </si>
  <si>
    <t>GT ROAD DINA TEHSIL DINA DIST JHLEUM</t>
  </si>
  <si>
    <t>DINA 1</t>
  </si>
  <si>
    <t>Mubashar Ahmad</t>
  </si>
  <si>
    <t>GHSS DOMELI</t>
  </si>
  <si>
    <t>ghs.domeli sohawa jhelum</t>
  </si>
  <si>
    <t>JAVED IQBAL AWAN</t>
  </si>
  <si>
    <t>GHSS DUNGA BUNGA</t>
  </si>
  <si>
    <t>GHSS dunga bunga</t>
  </si>
  <si>
    <t>M C Dunga Bunga</t>
  </si>
  <si>
    <t>MUHAMMAD HUSSAIN JAVED</t>
  </si>
  <si>
    <t>GHSS F-6 PAC KAMRA</t>
  </si>
  <si>
    <t>ARF Colony</t>
  </si>
  <si>
    <t>GBHSS ARF PAC KAMRA Attock</t>
  </si>
  <si>
    <t>AZAM KHAN</t>
  </si>
  <si>
    <t>GHSS FAROOQ ABAD</t>
  </si>
  <si>
    <t>near ptcl exchange</t>
  </si>
  <si>
    <t>moh. ptcl exchange</t>
  </si>
  <si>
    <t>hafiz  muhammad latif ur rehman</t>
  </si>
  <si>
    <t>GHSS FAZILPUR</t>
  </si>
  <si>
    <t>Hajipur Road FAZILPUR</t>
  </si>
  <si>
    <t>DR.  SAEED AHMAD BUKHARI</t>
  </si>
  <si>
    <t>GHSS FEROZAA</t>
  </si>
  <si>
    <t>CHAK 70/A</t>
  </si>
  <si>
    <t>UC Hayat Lar Feroza</t>
  </si>
  <si>
    <t>GHSS G.T.ROAD GUJRANWALA</t>
  </si>
  <si>
    <t>Sheikhupura More G.T Road Gujranwala</t>
  </si>
  <si>
    <t>Rana Zafar Shahzad</t>
  </si>
  <si>
    <t>GHSS GAGGOO</t>
  </si>
  <si>
    <t>GAGGOO</t>
  </si>
  <si>
    <t>SHAIKH FAZAL ROAD GAGGOO</t>
  </si>
  <si>
    <t>GHSS GANDA SINGH WALA</t>
  </si>
  <si>
    <t>GANDA SINGH WALA</t>
  </si>
  <si>
    <t>15-Km Feroze pur Road Ganda Singh Wala Kasur</t>
  </si>
  <si>
    <t>Ganda Singh Wala</t>
  </si>
  <si>
    <t>HAHBIB -UR -REHMAN</t>
  </si>
  <si>
    <t>GHSS GARH MAHARAJA</t>
  </si>
  <si>
    <t>Muhammad Saleem Bhatti</t>
  </si>
  <si>
    <t>GHSS GD ISLAMIA MANGRI</t>
  </si>
  <si>
    <t>VILLAGE MAINGRI PO NOORKOT TEHSIL SHAKAR GARH DISTRICT NAROWAL</t>
  </si>
  <si>
    <t>GHSS GHAKHAR</t>
  </si>
  <si>
    <t>Zulfiqar Ali Chattha</t>
  </si>
  <si>
    <t>GHSS GHAZI GHAT</t>
  </si>
  <si>
    <t>bait uttara</t>
  </si>
  <si>
    <t>p/O ghazi ghat</t>
  </si>
  <si>
    <t>GHSS GHAZI PUR JALALPUR PIRWALA</t>
  </si>
  <si>
    <t>Allah Bachaya Khan</t>
  </si>
  <si>
    <t>GHSS GHOTA FATEH GARH</t>
  </si>
  <si>
    <t>govt higher secondary school ghota fateh garh narowal</t>
  </si>
  <si>
    <t>Ghota</t>
  </si>
  <si>
    <t>abdul rasheed</t>
  </si>
  <si>
    <t>GHSS GHOURGHUSHTI</t>
  </si>
  <si>
    <t>GHOURGHUSHTI</t>
  </si>
  <si>
    <t>NEAR UNION COUNCIL GHOURGHUSHTI</t>
  </si>
  <si>
    <t>MUHAMMAD TAJ</t>
  </si>
  <si>
    <t>GHSS GHUINKE</t>
  </si>
  <si>
    <t>govt. higher secondary school ghuinke (sialkot)</t>
  </si>
  <si>
    <t>ghuinke</t>
  </si>
  <si>
    <t>GHSS GIROTE</t>
  </si>
  <si>
    <t>GIROTE</t>
  </si>
  <si>
    <t>GHSS GIROTE.VPO GIROTE. TEH. AND DISTT. KHUSHAB</t>
  </si>
  <si>
    <t>Tasadduq Husain</t>
  </si>
  <si>
    <t>GHSS GOHAR WALA</t>
  </si>
  <si>
    <t>GOHAR WALA</t>
  </si>
  <si>
    <t>P.O gohar wala teh. mankera distt bhakkar</t>
  </si>
  <si>
    <t>GHSS GOLEKI</t>
  </si>
  <si>
    <t>AAMIR RIZWAN</t>
  </si>
  <si>
    <t>GHSS GONDAL SARGODHA</t>
  </si>
  <si>
    <t>gondal shahpur Sargodha</t>
  </si>
  <si>
    <t>khalid mahmood</t>
  </si>
  <si>
    <t>GHSS GUJRAT</t>
  </si>
  <si>
    <t>ghss gujrat</t>
  </si>
  <si>
    <t>SAEED AKHTAR MEO</t>
  </si>
  <si>
    <t>GHSS GULIANA</t>
  </si>
  <si>
    <t>GULIANA</t>
  </si>
  <si>
    <t>VILLAGE AND POST OFFICE GULIANA</t>
  </si>
  <si>
    <t>Mian Shaukat Ali</t>
  </si>
  <si>
    <t>GHSS HAIDER ABAD</t>
  </si>
  <si>
    <t>P/O HAIDERABAD THAL</t>
  </si>
  <si>
    <t>HAIDERABAD THAL</t>
  </si>
  <si>
    <t>Muhammad Yousef</t>
  </si>
  <si>
    <t>GHSS HAJI PUR</t>
  </si>
  <si>
    <t>hajipur</t>
  </si>
  <si>
    <t>Abid Hussain Zia</t>
  </si>
  <si>
    <t>GHSS HALLOWAL</t>
  </si>
  <si>
    <t>Hallowal Tehsil and District Narowal</t>
  </si>
  <si>
    <t>Muhammad Zaman</t>
  </si>
  <si>
    <t>GHSS HARNOLI</t>
  </si>
  <si>
    <t>ghss harnoli</t>
  </si>
  <si>
    <t>Sagheer Ahmad Khan</t>
  </si>
  <si>
    <t>GHSS HARRAPA</t>
  </si>
  <si>
    <t>HARAPPA</t>
  </si>
  <si>
    <t>NEAR HARAPPA MUSEUM, HARAPPA CITY</t>
  </si>
  <si>
    <t>GHSS HASSAN ABDAL</t>
  </si>
  <si>
    <t>MOH. DHOKE MISKEEN HASSAN ABDAL</t>
  </si>
  <si>
    <t>MC Hassanabdal</t>
  </si>
  <si>
    <t>MUHAMMAD ASAD</t>
  </si>
  <si>
    <t>GHSS HASSU BALAIL</t>
  </si>
  <si>
    <t>GHSS Hassu Balail Ahmad Pur Sial Jhang</t>
  </si>
  <si>
    <t>mustafa iqbal</t>
  </si>
  <si>
    <t>GHSS HAVELI BAHADUR SHAH</t>
  </si>
  <si>
    <t>HAVELI bahadar  BAHADUR SHAH</t>
  </si>
  <si>
    <t>GOVT HIGHER SECONDARY SCHOOL HAVELI BAHADUR SHAH JHANG</t>
  </si>
  <si>
    <t>HAVELI BAHADUR SHAH</t>
  </si>
  <si>
    <t>Muhammad Masood Ur Rehman</t>
  </si>
  <si>
    <t>GHSS HUJJAN</t>
  </si>
  <si>
    <t>hujjan</t>
  </si>
  <si>
    <t>MASOOD HUSNAN SHAH</t>
  </si>
  <si>
    <t>GHSS IQBAL MEMORIAL GOHAD PUR</t>
  </si>
  <si>
    <t>gohad pur p/o same</t>
  </si>
  <si>
    <t>gohad pur</t>
  </si>
  <si>
    <t>nazir hussain</t>
  </si>
  <si>
    <t>GHSS IQBAL NAGAR</t>
  </si>
  <si>
    <t>GHSS Iqba lNagar ,G.T Road Iqbal Nagar, Tehsil Chichawatni District Sahiwal</t>
  </si>
  <si>
    <t>Chak 7/14L</t>
  </si>
  <si>
    <t>HAFIZ SALEEM AKHTAT/ S/O MIAN SIRAJ DIN</t>
  </si>
  <si>
    <t>GHSS ISLAMIA CHAK NO. 232 JB</t>
  </si>
  <si>
    <t>GHSS Chak no 232. jhang.</t>
  </si>
  <si>
    <t>CHAK NO 232 JB</t>
  </si>
  <si>
    <t>syed nazakat ul husnain</t>
  </si>
  <si>
    <t>GHSS ISLAMIA DANDI NIZAM</t>
  </si>
  <si>
    <t>Dandi Nizam Tehsil Sarai Alamgir District Gujrat</t>
  </si>
  <si>
    <t>Dandi Niizam</t>
  </si>
  <si>
    <t>Muhammad Waseem Anwar</t>
  </si>
  <si>
    <t>GHSS ISLAMIA GARHA MORE</t>
  </si>
  <si>
    <t>GARHA MORE TEH. MAILSI DISTT.VEHARI</t>
  </si>
  <si>
    <t>GULZAR AHMAD</t>
  </si>
  <si>
    <t>GHSS ISLAMIA KANJRUR</t>
  </si>
  <si>
    <t>Village and P/O Kanjrur</t>
  </si>
  <si>
    <t>Muhammad Khalid Bhatti</t>
  </si>
  <si>
    <t>GHSS ISLAMIA NEW CAMPUS</t>
  </si>
  <si>
    <t>Faisal Abad road Okara</t>
  </si>
  <si>
    <t>Mc Okara</t>
  </si>
  <si>
    <t>MUHAMMAD RIAZ QAMAR</t>
  </si>
  <si>
    <t>GHSS ISLAMIA NO. 1 MURREE ROAD RAWALPINDI</t>
  </si>
  <si>
    <t>Arya mohallah</t>
  </si>
  <si>
    <t>GHSS ISLAMIA NO.1 EMINABAD</t>
  </si>
  <si>
    <t>wahndo road govt. higher secondary school eminabad</t>
  </si>
  <si>
    <t>M.Arfan Khokhar</t>
  </si>
  <si>
    <t>GHSS JABBAL</t>
  </si>
  <si>
    <t>jabbal p/o jabbal tehsil zafarwal district narowal</t>
  </si>
  <si>
    <t>RIAZ MAHMOOD</t>
  </si>
  <si>
    <t>GHSS JALAL PUR SHARIF</t>
  </si>
  <si>
    <t>VPO JALAL PUR SHARIF TEHSIL PIND DADAN KHAN DISTRICT JAHLIM.</t>
  </si>
  <si>
    <t>Jalal pur Sharif</t>
  </si>
  <si>
    <t>SAEED UR RAHMAN</t>
  </si>
  <si>
    <t>GHSS JALALPUR PIRWALA</t>
  </si>
  <si>
    <t>Govt.H/S/S Jalalpur Pirwala</t>
  </si>
  <si>
    <t>Jalalpur city</t>
  </si>
  <si>
    <t>Muncipal Commity JPPW</t>
  </si>
  <si>
    <t>MUHAMMAD ABID</t>
  </si>
  <si>
    <t>GHSS JALLA ARIAN</t>
  </si>
  <si>
    <t>jallah arain</t>
  </si>
  <si>
    <t>jallah ararin</t>
  </si>
  <si>
    <t>M.SHAHBAZ TAHIR</t>
  </si>
  <si>
    <t>GHSS JALLAH JEEM</t>
  </si>
  <si>
    <t>JALLAH JEEM</t>
  </si>
  <si>
    <t>JALLAH JEEM MAILSI</t>
  </si>
  <si>
    <t>GHSS JALLO MORE LAHORE CANTT</t>
  </si>
  <si>
    <t>JALLOMORE</t>
  </si>
  <si>
    <t>DOGRAE KALAN</t>
  </si>
  <si>
    <t>GHSS JAMAL DIN WALI</t>
  </si>
  <si>
    <t>jamal din wali tehsil sadiq abad</t>
  </si>
  <si>
    <t>GHSS JAMAN SHAH</t>
  </si>
  <si>
    <t>CHAK NO.149 C TDA</t>
  </si>
  <si>
    <t>purana jaman shah dari road p.o jaman shah tehsil and district layyah</t>
  </si>
  <si>
    <t>PURANA JAMAN SHAH</t>
  </si>
  <si>
    <t>AKHTAR  HUSSAIN</t>
  </si>
  <si>
    <t>GHSS JASSO KANWAIN SARAI SIDHU</t>
  </si>
  <si>
    <t>Jasso Kanwain</t>
  </si>
  <si>
    <t>P/O Jasso kanwain Kabirwala Khanewal</t>
  </si>
  <si>
    <t>GHSS JHANDEER WAH</t>
  </si>
  <si>
    <t>JHANDIRWAH</t>
  </si>
  <si>
    <t>JHANDIRWAH P/O SAME</t>
  </si>
  <si>
    <t>Mumtaz Hussain Shah</t>
  </si>
  <si>
    <t>GHSS JODH PUR, KABIRWALA</t>
  </si>
  <si>
    <t>Government HSS Jodh Pur Teh kabirwala District Khanewal</t>
  </si>
  <si>
    <t>MUHAMMAD AZHAR ILYAS</t>
  </si>
  <si>
    <t>GHSS KALEKE MANDI</t>
  </si>
  <si>
    <t>kaleke</t>
  </si>
  <si>
    <t>GHSS kaleke mandi teh &amp;disstt Hafizabad</t>
  </si>
  <si>
    <t>farooq ahmad</t>
  </si>
  <si>
    <t>GHSS KALLAR KAHAR</t>
  </si>
  <si>
    <t>vpo kallar kahar</t>
  </si>
  <si>
    <t>tankers  on payment</t>
  </si>
  <si>
    <t>GHSS KALYAR WALA</t>
  </si>
  <si>
    <t>mouza kalyar wala P.O Rodu Sultan Jhang</t>
  </si>
  <si>
    <t>shoukat ilyas</t>
  </si>
  <si>
    <t>GHSS KAMAR MUSHANI</t>
  </si>
  <si>
    <t>Sodhari</t>
  </si>
  <si>
    <t>KAMAR MUSHANI</t>
  </si>
  <si>
    <t>ZARMEEN SHAH</t>
  </si>
  <si>
    <t>GHSS KANGAN PUR</t>
  </si>
  <si>
    <t>Govt. Higher Secondary School kangan pur</t>
  </si>
  <si>
    <t>Muhammad Ali Bhatti</t>
  </si>
  <si>
    <t>tube well, water pump,govt. water supply</t>
  </si>
  <si>
    <t>GHSS KARAM PUR</t>
  </si>
  <si>
    <t>Muhammad Arshad Chaudhary</t>
  </si>
  <si>
    <t>GHSS KARYAL KALAN</t>
  </si>
  <si>
    <t>GHSS karyal kalan Tehsil nowshera Virkan District Gujranwala</t>
  </si>
  <si>
    <t>sanaullah shaheen</t>
  </si>
  <si>
    <t>GHSS KASSOKE</t>
  </si>
  <si>
    <t>KASSOKE</t>
  </si>
  <si>
    <t>KASSOKE TEHSIL AND DISTRICT HAFIZABAD</t>
  </si>
  <si>
    <t>GHSS KATHA SAGHRAL</t>
  </si>
  <si>
    <t>katha saghral khushab</t>
  </si>
  <si>
    <t>Muhammad Saddique</t>
  </si>
  <si>
    <t>GHSS KATHALA CHENAB</t>
  </si>
  <si>
    <t>Village and P.O Kathala Chenab Gujrat</t>
  </si>
  <si>
    <t>GHSS KAUNTRILA</t>
  </si>
  <si>
    <t>VILL AND PO KAUNTRILA TEHSIL GUJARKHAN DISTRICT RAWALPINDI</t>
  </si>
  <si>
    <t>GHSS KHALIQ ABAD</t>
  </si>
  <si>
    <t>POST OFFICE KHALIQABAD TEHSIL AND DISTRICT KHUSHAB</t>
  </si>
  <si>
    <t>ALAMGIR RAZA</t>
  </si>
  <si>
    <t>GHSS KHAN BELA</t>
  </si>
  <si>
    <t>KLP ROAD KHAN BELA</t>
  </si>
  <si>
    <t>Arshad Javed</t>
  </si>
  <si>
    <t>GHSS KHANPUR</t>
  </si>
  <si>
    <t>Govt. Higher Secondary School for Boys Khan Pur Sheikhupura</t>
  </si>
  <si>
    <t>GHSS KHANQAH DOGRAN</t>
  </si>
  <si>
    <t>Ghss khanqah Diagram tehsil Safdarabad district Sheikhupura</t>
  </si>
  <si>
    <t>Khanqah  Dogran</t>
  </si>
  <si>
    <t>Mc Khanqah Dogran</t>
  </si>
  <si>
    <t>DR. AFZAAL HUSSAIN</t>
  </si>
  <si>
    <t>GHSS KHOHAR</t>
  </si>
  <si>
    <t>village &amp; post office khohar tehsil sarai alamgir district gujrat</t>
  </si>
  <si>
    <t>AFTAB ALI</t>
  </si>
  <si>
    <t>GHSS KHOUR COMPANY</t>
  </si>
  <si>
    <t>vpo khour company tehsil pindigheb district attock</t>
  </si>
  <si>
    <t>SAIF UR REHMAN</t>
  </si>
  <si>
    <t>P.O.L donation</t>
  </si>
  <si>
    <t>GHSS KHUDIAN KHAS DEPALPUR ROAD</t>
  </si>
  <si>
    <t>Depalpur Road khudian khas</t>
  </si>
  <si>
    <t>GHSS KHUNDA</t>
  </si>
  <si>
    <t>KHUNDA</t>
  </si>
  <si>
    <t>VILLAGE KHUNDA TEHSIL JAND ATTOCK</t>
  </si>
  <si>
    <t>GHSS KHURRIANWALA</t>
  </si>
  <si>
    <t>khurrianwala</t>
  </si>
  <si>
    <t>KHALID MANZOOR</t>
  </si>
  <si>
    <t>GHSS KHUSHAB</t>
  </si>
  <si>
    <t>khushab</t>
  </si>
  <si>
    <t>girote road khushab</t>
  </si>
  <si>
    <t>Mc Khb</t>
  </si>
  <si>
    <t>qazi muhammad amin</t>
  </si>
  <si>
    <t>GHSS KHUTREE BANGLA</t>
  </si>
  <si>
    <t>Khutri Banglow</t>
  </si>
  <si>
    <t>ADDA KHUTRI BANGLOW</t>
  </si>
  <si>
    <t>Chak No121/DNB</t>
  </si>
  <si>
    <t>KHAN SHABBIR</t>
  </si>
  <si>
    <t>GHSS KOLO TARAR</t>
  </si>
  <si>
    <t>KOLO TARAR</t>
  </si>
  <si>
    <t>dr. malik riaz hussain</t>
  </si>
  <si>
    <t>GHSS KOT CHUTTA</t>
  </si>
  <si>
    <t>KOT CHUTTA NO. 2</t>
  </si>
  <si>
    <t>GBHSS KOT CHUTTA</t>
  </si>
  <si>
    <t>mC KOT CHUTTA NO. 2</t>
  </si>
  <si>
    <t>GHSS KOT FATEH KHAN</t>
  </si>
  <si>
    <t>Vpo kot fateh khan attock</t>
  </si>
  <si>
    <t>GHSS KOT MELA RAM RAILWAY STATION MULTAN</t>
  </si>
  <si>
    <t>GHSS Kot Mela Ram P/o Kot Abbas Shaheed Multan</t>
  </si>
  <si>
    <t>GHSS KOT MUBARAK</t>
  </si>
  <si>
    <t>Ishrat Jalil</t>
  </si>
  <si>
    <t>GHSS KOT NAINAN</t>
  </si>
  <si>
    <t>GOVT.HIGHER SECONDARY SCHOOL KOTNAINAN</t>
  </si>
  <si>
    <t>JAVED MANZOOR</t>
  </si>
  <si>
    <t>GHSS KOT SAMABA</t>
  </si>
  <si>
    <t>MC Kot Samaba</t>
  </si>
  <si>
    <t>GHSS KOTLA ARAB ALI KHAN</t>
  </si>
  <si>
    <t>Kotla A A Khan</t>
  </si>
  <si>
    <t>kotla A.A khan, tehsil kharian, district gujrat</t>
  </si>
  <si>
    <t>Kotla AA Khan</t>
  </si>
  <si>
    <t>GHSS KOTLI LOHARAN</t>
  </si>
  <si>
    <t>kotli loharan</t>
  </si>
  <si>
    <t>govt higher secondary school, kotli loharan, sialkot</t>
  </si>
  <si>
    <t>GHSS KUND SARGANA, SARAI SIDHU</t>
  </si>
  <si>
    <t>Kund Sargana, Tehsil Kabirwala, Distt. Khanewal</t>
  </si>
  <si>
    <t>Muhammad Aslam Shahid</t>
  </si>
  <si>
    <t>electric and hand pump</t>
  </si>
  <si>
    <t>GHSS LAB EXCELLENT (WITH QAED CHINOT)</t>
  </si>
  <si>
    <t>City Chniot</t>
  </si>
  <si>
    <t>Tehsil chok lahore road chiniot</t>
  </si>
  <si>
    <t>GHSS LAB SAMANABAD (ATTACH WITH GCET)</t>
  </si>
  <si>
    <t>G Lab HSS Samanabad Fsd</t>
  </si>
  <si>
    <t>GHSS LAB. (ATTACH WITH GCET) KHANPUR</t>
  </si>
  <si>
    <t>govt.Boys lab.higher secondary school Din Pur Chowk khan pur</t>
  </si>
  <si>
    <t>muhammad Pura khanpur</t>
  </si>
  <si>
    <t>GHSS Lab. (ATTACH WITH QAED) KOT ADU</t>
  </si>
  <si>
    <t>Opposite Green Market Gt road Kot Addu</t>
  </si>
  <si>
    <t>Chah Nano Wala</t>
  </si>
  <si>
    <t>GHSS Lab. (ATTACH WITH QAED) MUZAFFARGARH</t>
  </si>
  <si>
    <t>MC (city)</t>
  </si>
  <si>
    <t>GHSS LAB. MODEL (ATTACH WITH GCET) RANGEEL PUR</t>
  </si>
  <si>
    <t>Range else Pur</t>
  </si>
  <si>
    <t>range else Pur multan</t>
  </si>
  <si>
    <t>Ghulam Abbas Nasir</t>
  </si>
  <si>
    <t>GHSS LAB. MODEL CHUNGI NO.6  MULTAN</t>
  </si>
  <si>
    <t>Govt. Laboratory Model Higher Secondary School Chungi no.06 Bosan Road Multan</t>
  </si>
  <si>
    <t>Rana Javed Mustafa</t>
  </si>
  <si>
    <t>GHSS LAB. MODEL PASRUR</t>
  </si>
  <si>
    <t>katchary road Pasrur</t>
  </si>
  <si>
    <t>Muhammad Raees</t>
  </si>
  <si>
    <t>GHSS LABORATORY (ATTACH GCET (M)</t>
  </si>
  <si>
    <t>NEAR THANA MOR, CHICHAWATNI ROAD, KAMALIA</t>
  </si>
  <si>
    <t>ZAFAR MAHMOOD KHAN</t>
  </si>
  <si>
    <t>GHSS LABORATORY (ATTACH WITH GCET (M) MIANWALI)</t>
  </si>
  <si>
    <t>Taro Khel</t>
  </si>
  <si>
    <t>watta khel road mwi</t>
  </si>
  <si>
    <t>Wanhi Ghundwali</t>
  </si>
  <si>
    <t>GHSS LABORATORY 4/FW (ATTACH WITH QAED) CHISHTIAN</t>
  </si>
  <si>
    <t>Chak No. 4/FW</t>
  </si>
  <si>
    <t>Chak No. 4/FW Chishtian</t>
  </si>
  <si>
    <t>Ward Chak No. 4/FW</t>
  </si>
  <si>
    <t>GHSS LABORTARY (ATTACH WIH GCET) SAHIWAL</t>
  </si>
  <si>
    <t>Govt. Lab Higher Secondary School ,(QAED) Sahiwal</t>
  </si>
  <si>
    <t>Rana Sohail Bukhtiar</t>
  </si>
  <si>
    <t>GHSS LADHANA</t>
  </si>
  <si>
    <t>GOVERNMENT HIGHER SECONDARY SCHOOL LADHANA</t>
  </si>
  <si>
    <t>water purification plant</t>
  </si>
  <si>
    <t>GHSS LADHAY WALA WARRIACH</t>
  </si>
  <si>
    <t>ladhaywala warriach gujranwala</t>
  </si>
  <si>
    <t>ladhywala warriach</t>
  </si>
  <si>
    <t>ladhywala warriach grw</t>
  </si>
  <si>
    <t>saeed akhtar</t>
  </si>
  <si>
    <t>GHSS LAL GARH</t>
  </si>
  <si>
    <t>Govt. Higher Secondary School Lal Garh , p/o Lal Garh, tehsil Jampur, District Rajanpur</t>
  </si>
  <si>
    <t>Muhammad Mustanir-ur- Rehman</t>
  </si>
  <si>
    <t>GHSS LAL SOHANRA</t>
  </si>
  <si>
    <t>Bilal Nagar Lal Sohanra</t>
  </si>
  <si>
    <t>Chak 38 BC</t>
  </si>
  <si>
    <t>GHSS LAR MULTAN</t>
  </si>
  <si>
    <t>Ghss Lar multan</t>
  </si>
  <si>
    <t>syed Khalid Hussian Hamdani Hamdani</t>
  </si>
  <si>
    <t>GHSS LAWA</t>
  </si>
  <si>
    <t>gHSS LAWA CHAKWAL</t>
  </si>
  <si>
    <t>THANA</t>
  </si>
  <si>
    <t>ghias ud din Khalid</t>
  </si>
  <si>
    <t>GHSS LCM MODEL FAISALABAD</t>
  </si>
  <si>
    <t>samundari road</t>
  </si>
  <si>
    <t>dar ul ehsan town</t>
  </si>
  <si>
    <t>GHSS LEHTRAR</t>
  </si>
  <si>
    <t>LEHTRAR BALA</t>
  </si>
  <si>
    <t>P.O LEHTRAR TEH. KOTLI SATTIAN</t>
  </si>
  <si>
    <t>UNSAR HUSSAIN</t>
  </si>
  <si>
    <t>GHSS LILLA</t>
  </si>
  <si>
    <t>LILLA</t>
  </si>
  <si>
    <t>GHSS LOCO SHED</t>
  </si>
  <si>
    <t>Mungtal</t>
  </si>
  <si>
    <t>GOVT HIGHER SECONDARY SCHOOL LOCO SHED RAWALPINDI</t>
  </si>
  <si>
    <t>Mumgtal</t>
  </si>
  <si>
    <t>DHOKE MANGTAL</t>
  </si>
  <si>
    <t>MUSHTAQ AHMED SIAL</t>
  </si>
  <si>
    <t>GHSS LODHRAN</t>
  </si>
  <si>
    <t>GHSS Lodhran Kherorpacca Road Lodhran</t>
  </si>
  <si>
    <t>Gangay Wala</t>
  </si>
  <si>
    <t>MUHAMMAD IRSHAD CHOHAN</t>
  </si>
  <si>
    <t>GHSS LUDDAN</t>
  </si>
  <si>
    <t>luddan</t>
  </si>
  <si>
    <t>Principal GHSS Luddan</t>
  </si>
  <si>
    <t>Mohallah RIAZ Kot Luddan</t>
  </si>
  <si>
    <t>sultan mehmood</t>
  </si>
  <si>
    <t>sub marcibale pump</t>
  </si>
  <si>
    <t>GHSS MADRESSA</t>
  </si>
  <si>
    <t>Nanak chand</t>
  </si>
  <si>
    <t>chak madrissa p/o same bahawalngar</t>
  </si>
  <si>
    <t>chak madrissa</t>
  </si>
  <si>
    <t>Kat Ganga Sing</t>
  </si>
  <si>
    <t>muhammad shabbir tariq</t>
  </si>
  <si>
    <t>GHSS MAHMOOD KOT</t>
  </si>
  <si>
    <t>PANWAR SHUMALI</t>
  </si>
  <si>
    <t>ghss mahmood kot</t>
  </si>
  <si>
    <t>MAHMOOD KOT CITY</t>
  </si>
  <si>
    <t>GHSS MAKHANA WALI</t>
  </si>
  <si>
    <t>village Makhnanwali Districrt Mandi Bahauddin</t>
  </si>
  <si>
    <t>muhammad nawaz qamar</t>
  </si>
  <si>
    <t>GHSS MAKHDOOM AALI DUNYA PUR</t>
  </si>
  <si>
    <t>BAKHAT ALI</t>
  </si>
  <si>
    <t>GHSS MAKHDOOM PUR, KHANEWAL</t>
  </si>
  <si>
    <t>PATI Sarkar</t>
  </si>
  <si>
    <t>THANA  ROAD MAKHDUM PUR</t>
  </si>
  <si>
    <t>MAKHDOOM  PUR</t>
  </si>
  <si>
    <t>shahzada mazhar yousaf</t>
  </si>
  <si>
    <t>GHSS MALAL</t>
  </si>
  <si>
    <t>IMTIAZ AHMED</t>
  </si>
  <si>
    <t>GHSS MALHOWALI</t>
  </si>
  <si>
    <t>Vpo Malhowali tehsil Pindigheb district Attock</t>
  </si>
  <si>
    <t>GHSS MALKA HANS</t>
  </si>
  <si>
    <t>mohala rait pura malka hans</t>
  </si>
  <si>
    <t>GHSS MANA AHMEDANI</t>
  </si>
  <si>
    <t>JAMPUR ROAD NEAR MANA ADDA, MANA AHMADANI.TEHSIL KOT CHHUTTA , D.G.KHAN.</t>
  </si>
  <si>
    <t>GHSS MANDI AHAMD ABAD</t>
  </si>
  <si>
    <t>GHSS MANDI SADIQ GANJ</t>
  </si>
  <si>
    <t>MANDI SADIQ GUNJ</t>
  </si>
  <si>
    <t>GHAZNAVIA</t>
  </si>
  <si>
    <t>GHSS MANDI SHAH JEWNA</t>
  </si>
  <si>
    <t>GHSS Mandi Shah Jewna Jhang</t>
  </si>
  <si>
    <t>GHSS MANDIALA TEGHA GUJRANWALA</t>
  </si>
  <si>
    <t>Mandiala Tega Kamoke Gujranwala</t>
  </si>
  <si>
    <t>GHSS MANGA MANDI</t>
  </si>
  <si>
    <t>Manga Mandi Multan road lahore</t>
  </si>
  <si>
    <t>Manga Mandu</t>
  </si>
  <si>
    <t>Liaqat Ali Malik</t>
  </si>
  <si>
    <t>GHSS MARAKA QUARTERS MULTAN ROAD</t>
  </si>
  <si>
    <t>Maraka Quarters Multan Road Lahore</t>
  </si>
  <si>
    <t>Maraka Quarters</t>
  </si>
  <si>
    <t>Muhammad Bakhtiar</t>
  </si>
  <si>
    <t>GHSS MARI ALLAH BACHAYA</t>
  </si>
  <si>
    <t>MARI ALLAH BACHAYA</t>
  </si>
  <si>
    <t>SHAHID MAJEED</t>
  </si>
  <si>
    <t>GHSS MC ALAMA IQBAL FSD</t>
  </si>
  <si>
    <t>GUJJAR BASTI</t>
  </si>
  <si>
    <t>ALLAMA IQBAL ROAD fAIASALABAD</t>
  </si>
  <si>
    <t>MUHAMMAD IQBAL RAO</t>
  </si>
  <si>
    <t>GHSS MC GHULAM MUHAMMAD ABAD FSD</t>
  </si>
  <si>
    <t>Ghulam Muhammad Abad Fsd</t>
  </si>
  <si>
    <t>c.block opposite general hospital gulag Muhammad abad faisalabad</t>
  </si>
  <si>
    <t>City Fsd</t>
  </si>
  <si>
    <t>A BLOCK GHULAM MUHAMMAD ABAD FSD</t>
  </si>
  <si>
    <t>MUHAMMAD ZAHOOR JOHAR</t>
  </si>
  <si>
    <t>GHSS MC GUJAR KHAN</t>
  </si>
  <si>
    <t>Main G.T road Gujar Khan</t>
  </si>
  <si>
    <t>Waqar Ahmed Qazi</t>
  </si>
  <si>
    <t>GHSS MC HAJI ABAD FSD</t>
  </si>
  <si>
    <t>GOVT MC HIGHER SECONDARY SCHOOL, JAMIA SALFIA ROAD, hAJIABAD, FAISALABAD</t>
  </si>
  <si>
    <t>HAJIABAD</t>
  </si>
  <si>
    <t>muhammad naeem rashad</t>
  </si>
  <si>
    <t>GHSS MC ISLAMIA JHELUM</t>
  </si>
  <si>
    <t>MUHAMMADI CHOWK</t>
  </si>
  <si>
    <t>GOVT. MC ISLAMIA HIGHER SECONDARY SCHOOL JHELUM</t>
  </si>
  <si>
    <t>ISLAMIA SCHOOL</t>
  </si>
  <si>
    <t>JHELUM CITY</t>
  </si>
  <si>
    <t>RANA MUHAMMAD AZAM KHAN</t>
  </si>
  <si>
    <t>GHSS MC MODEL PEOPLES COLONY 1 FSD</t>
  </si>
  <si>
    <t>Peoples conly No1 Fsd</t>
  </si>
  <si>
    <t>Peoples Colony No.1 N/B Faisal Hospital</t>
  </si>
  <si>
    <t>ManzoorAhmad</t>
  </si>
  <si>
    <t>GHSS MCLEOD GANJ</t>
  </si>
  <si>
    <t>AHMAD PUR MCLEODGUNJ  MCLEODGUNJ GUNJ</t>
  </si>
  <si>
    <t>HEAD SULMANKI ROAD MCLEODGUNJ GUNJ</t>
  </si>
  <si>
    <t>MCLEODGUNJ GUNJ</t>
  </si>
  <si>
    <t>AHMAD PUR MCLEODGUNJ GUNJ</t>
  </si>
  <si>
    <t>GHSS MEHRAJKAY</t>
  </si>
  <si>
    <t>merajke teh pasrur, sialkot</t>
  </si>
  <si>
    <t>muhammad ayub sabir</t>
  </si>
  <si>
    <t>GHSS MIDH RANJHA</t>
  </si>
  <si>
    <t>Village Midh Ranjha Tehsil Kotmoman District Sargodha</t>
  </si>
  <si>
    <t>Muhammad Bakhsh Anwar</t>
  </si>
  <si>
    <t>GHSS MITHA TIWNA</t>
  </si>
  <si>
    <t>mohallah ajtanwala mitha Tiwana disst. khushab</t>
  </si>
  <si>
    <t>Ata Ur Rehman</t>
  </si>
  <si>
    <t>GHSS MITHAN KOT</t>
  </si>
  <si>
    <t>Katcha KOT MITHAN</t>
  </si>
  <si>
    <t>railway road kot MITHAN</t>
  </si>
  <si>
    <t>Kot MITHAN</t>
  </si>
  <si>
    <t>RAO SANA ULLAH</t>
  </si>
  <si>
    <t>GHSS MITROO</t>
  </si>
  <si>
    <t>MITROO</t>
  </si>
  <si>
    <t>P/O KHAS MITROO (VEHARI)</t>
  </si>
  <si>
    <t>ALI AKBAR</t>
  </si>
  <si>
    <t>GHSS MOCHH</t>
  </si>
  <si>
    <t>Mohala Alam khan khel, near Adda , p.o mochh</t>
  </si>
  <si>
    <t>mochh</t>
  </si>
  <si>
    <t>abid hussain khan</t>
  </si>
  <si>
    <t>GHSS MODDO KHALWAN</t>
  </si>
  <si>
    <t>Maddo Kahlwan  Narowal</t>
  </si>
  <si>
    <t>Maddo Kahlwan</t>
  </si>
  <si>
    <t>MUHAMMAAD BASHIR SAHU</t>
  </si>
  <si>
    <t>GHSS MODEL (ATTACH WITH GCET) BAGHDAD ROAD BAHAWALPUR</t>
  </si>
  <si>
    <t>Govt.Higher secondary school attached QAED male baghdad road Bahawalpur</t>
  </si>
  <si>
    <t>GHSS MODEL (ATTACH WITH QAED (M) LALAMUSA)</t>
  </si>
  <si>
    <t>Barkat Pakrk Lalamusa</t>
  </si>
  <si>
    <t>Barkat Park Lalamusa</t>
  </si>
  <si>
    <t>Lalamusa MC</t>
  </si>
  <si>
    <t>hand pump,water pump,supply</t>
  </si>
  <si>
    <t>GHSS MODEL (ATTACH WITH QAED) GUJRAT</t>
  </si>
  <si>
    <t>Court Road Gujrat</t>
  </si>
  <si>
    <t>Greeb Pura</t>
  </si>
  <si>
    <t>Malik Bashir Ahmed</t>
  </si>
  <si>
    <t>GHSS MODEL HAFIZABAD</t>
  </si>
  <si>
    <t>GOVT. MODEL HIGHER SECONDARY SCHOOL HAFIZABAD</t>
  </si>
  <si>
    <t>GHARI AWAN</t>
  </si>
  <si>
    <t>Muhammad Inayat Ullah</t>
  </si>
  <si>
    <t>GHSS MODEL KHANEWAL</t>
  </si>
  <si>
    <t>MC Khanewal</t>
  </si>
  <si>
    <t>OPPOSITE DC OFFICE KHANEWAL</t>
  </si>
  <si>
    <t>MC KHANEWAL</t>
  </si>
  <si>
    <t>AQIDAT HUSSAIN</t>
  </si>
  <si>
    <t>GHSS MODEL LAB (GCET) NAROWAL</t>
  </si>
  <si>
    <t>Govt lab model higher secondary school Narowal</t>
  </si>
  <si>
    <t>Mohala Ghosia</t>
  </si>
  <si>
    <t>Doctor Mahmood Ahmad Kawish</t>
  </si>
  <si>
    <t>GHSS MODEL LAYYAH</t>
  </si>
  <si>
    <t>GHULAM FAROOQ</t>
  </si>
  <si>
    <t>GHSS MODEL NO.1 RAJANPUR</t>
  </si>
  <si>
    <t>khurshshed gillani road rajanur</t>
  </si>
  <si>
    <t>Rajanpurpur</t>
  </si>
  <si>
    <t>GHSS MODEL VEHARI</t>
  </si>
  <si>
    <t>JINNAH ROAD VEHARI</t>
  </si>
  <si>
    <t>g BLOCK</t>
  </si>
  <si>
    <t>MAIN CITY</t>
  </si>
  <si>
    <t>Muhammad Afzal Bhatti</t>
  </si>
  <si>
    <t>GHSS MORE KHUNDA</t>
  </si>
  <si>
    <t>MORE KHUNDA</t>
  </si>
  <si>
    <t>govt.higher secondary school more khunda</t>
  </si>
  <si>
    <t>GHSS MOZANG LAHORE</t>
  </si>
  <si>
    <t>Govt. Higher Secondary School Mozang, Lahore</t>
  </si>
  <si>
    <t>Mr. Israr Ali</t>
  </si>
  <si>
    <t>GHSS MUBARAK PUR</t>
  </si>
  <si>
    <t>Chak Loharan road mubarakpur</t>
  </si>
  <si>
    <t>GHSS MUHAMMAD PUR</t>
  </si>
  <si>
    <t>MUHAMMAD PUR -2</t>
  </si>
  <si>
    <t>P\O MUHAMMAD PUR U/C MUHAMMAD PUR-2</t>
  </si>
  <si>
    <t>MUHAMMAD PUR-2</t>
  </si>
  <si>
    <t>GHSS MUSA KHEL</t>
  </si>
  <si>
    <t>near police station musa khel.post office musa khel.mianwali</t>
  </si>
  <si>
    <t>Ahmad Hassan Khawaja</t>
  </si>
  <si>
    <t>GHSS MUSLIM MODEL KOTLA AFGHANAN</t>
  </si>
  <si>
    <t>Kotla Afghanan post office kanjrur Tehsil shakargarh district Narowal</t>
  </si>
  <si>
    <t>K0tla Afghanan</t>
  </si>
  <si>
    <t>Kotli Bare Khan</t>
  </si>
  <si>
    <t>KHALID MAHMOOD KHAN</t>
  </si>
  <si>
    <t>GHSS MUSLIM SAID PUR ROAD RAWALPINDI</t>
  </si>
  <si>
    <t>ASGHAR MAAL</t>
  </si>
  <si>
    <t>SAID PUR ROAD RAWALPINDI</t>
  </si>
  <si>
    <t>SAID PUR ROAD</t>
  </si>
  <si>
    <t>ASGHA MAAL SCHEEME</t>
  </si>
  <si>
    <t>GHSS NANGAL SAHDAN</t>
  </si>
  <si>
    <t>NANGAL Sahdan SAHDAN</t>
  </si>
  <si>
    <t>Nangal Sahdan muridke sheikhupura.</t>
  </si>
  <si>
    <t>GHSS NARI</t>
  </si>
  <si>
    <t>NARI</t>
  </si>
  <si>
    <t>VILLAGE POST OFFICE NARI</t>
  </si>
  <si>
    <t>Saleem Anwar</t>
  </si>
  <si>
    <t>GHSS NAWAZ AHMED ROSHAN BHEELA</t>
  </si>
  <si>
    <t>Roshan Bheela Kaaur</t>
  </si>
  <si>
    <t>muhammad naeem</t>
  </si>
  <si>
    <t>GHSS NEHANG SGD</t>
  </si>
  <si>
    <t>Village and P.O. Nehang Teh. Sahiwal Distt. Sargodha</t>
  </si>
  <si>
    <t>Munir Ahmad Sial</t>
  </si>
  <si>
    <t>GHSS NOKHAR</t>
  </si>
  <si>
    <t>v.p.o.nokhar tehsil nowshera virkan distt; gujranwala.</t>
  </si>
  <si>
    <t>m abdul rauf</t>
  </si>
  <si>
    <t>GHSS NOOR SHAH</t>
  </si>
  <si>
    <t>israr hussain</t>
  </si>
  <si>
    <t>GHSS NUSRAT-UL-ISLAM NUSRAT ROAD OPP. MISSION HOSPITAL MULTAN</t>
  </si>
  <si>
    <t>Nusrat Road Multan Cantt</t>
  </si>
  <si>
    <t>muhammad siddique</t>
  </si>
  <si>
    <t>GHSS OKANWALA</t>
  </si>
  <si>
    <t>ghss okanwala</t>
  </si>
  <si>
    <t>GHSS PACHNAND</t>
  </si>
  <si>
    <t>v.po pachnand teh.lawa disst.chakwal</t>
  </si>
  <si>
    <t>muhammad yaqoob</t>
  </si>
  <si>
    <t>GHSS PADSHAHAN</t>
  </si>
  <si>
    <t>V P O Padshahan Teh. &amp; Distt. Chakwal</t>
  </si>
  <si>
    <t>Dr. Abdul Waheed</t>
  </si>
  <si>
    <t>GHSS PARIAL</t>
  </si>
  <si>
    <t>Parial Tehsil&amp; District Rawalpindi</t>
  </si>
  <si>
    <t>Ch Imtiaz Ahmad</t>
  </si>
  <si>
    <t>GHSS PHAPHRIL</t>
  </si>
  <si>
    <t>VPO Phaphril</t>
  </si>
  <si>
    <t>Sajid Mehmood Abbasi</t>
  </si>
  <si>
    <t>GHSS PHUKLIAN</t>
  </si>
  <si>
    <t>pHUKLIAN</t>
  </si>
  <si>
    <t>PHUKLIAN</t>
  </si>
  <si>
    <t>mehmood ahmed jajja</t>
  </si>
  <si>
    <t>GHSS PINDORI JABBAR</t>
  </si>
  <si>
    <t>BALYAM PINDORI</t>
  </si>
  <si>
    <t>GBHSS PINDORI JABBER TEH. GUJAR KHAN DISTT. RAWALPINDI.</t>
  </si>
  <si>
    <t>PINDORI JABBER</t>
  </si>
  <si>
    <t>GHSS PRACTISING</t>
  </si>
  <si>
    <t>Churhatta Pachaad North</t>
  </si>
  <si>
    <t>govt. boys higher secondary school (QAED) male Dg khan</t>
  </si>
  <si>
    <t>DG Khan City</t>
  </si>
  <si>
    <t>Urban 17 Siddique Abad</t>
  </si>
  <si>
    <t>Syeda Farzana Sajjad Bukhari</t>
  </si>
  <si>
    <t>GHSS PRACTISING (ATTACH WITH GCET) KASUR</t>
  </si>
  <si>
    <t>M.A JINNAH ROAD OPPOSITE POLICE CHOKI NO. 2, KASUR</t>
  </si>
  <si>
    <t>muhammad tahir</t>
  </si>
  <si>
    <t>GHSS PUBLIC JALAL PUR BHATTIAN</t>
  </si>
  <si>
    <t>qazi ashfaq ahmad</t>
  </si>
  <si>
    <t>GHSS PUBLIC KUNJAH</t>
  </si>
  <si>
    <t>GOVT PUBLIC HIGHER SECONDARY SCHOOL KUNJAH</t>
  </si>
  <si>
    <t>MAJID MAHMOOD</t>
  </si>
  <si>
    <t>GHSS QABOOLA</t>
  </si>
  <si>
    <t>49/EB</t>
  </si>
  <si>
    <t>PAKPATTAN ROAD QABOOLA</t>
  </si>
  <si>
    <t>Syed Sikandar Hayat</t>
  </si>
  <si>
    <t>GHSS QADIR PUR</t>
  </si>
  <si>
    <t>Qadir Pur P/O fateh pur kamal tehsil khan pur</t>
  </si>
  <si>
    <t>FIDA HUSSAIN SAEEDI</t>
  </si>
  <si>
    <t>GHSS QADIR PUR LAR BAHAWALPUR ROAD ADDA BASIRA</t>
  </si>
  <si>
    <t>GHSS QADIR PUR RAN MULTAN</t>
  </si>
  <si>
    <t>Ghss Qadir Pur Ran Multan</t>
  </si>
  <si>
    <t>Qadir Pur Ran City</t>
  </si>
  <si>
    <t>Abdul rahman</t>
  </si>
  <si>
    <t>GHSS QADIRABAD</t>
  </si>
  <si>
    <t>saida road ghss qadir abad</t>
  </si>
  <si>
    <t>SALIK MAHFOOZ</t>
  </si>
  <si>
    <t>GHSS RAJA RAM SHUJABAD</t>
  </si>
  <si>
    <t>rajaram</t>
  </si>
  <si>
    <t>Govt. Higher Secondary School Rajaram</t>
  </si>
  <si>
    <t>Rajaram</t>
  </si>
  <si>
    <t>GHSS RAJANA</t>
  </si>
  <si>
    <t>ghsss rajana</t>
  </si>
  <si>
    <t>CH IFTIKHAR Ahmad</t>
  </si>
  <si>
    <t>GHSS RAMBRI</t>
  </si>
  <si>
    <t>village &amp; po Rambri tehsil Zafarwal district narowal</t>
  </si>
  <si>
    <t>GHSS RASHID MINHAS</t>
  </si>
  <si>
    <t>rashid minhas hss sukheke near RHC sukheke mandi distt. hafizabat</t>
  </si>
  <si>
    <t>hafiz Muhammad Anwar</t>
  </si>
  <si>
    <t>GHSS RAYYA KHASS</t>
  </si>
  <si>
    <t>rayya khas tehsil and district Narowal</t>
  </si>
  <si>
    <t>Muhammad Akbar Rana</t>
  </si>
  <si>
    <t>GHSS RENALA KHURD</t>
  </si>
  <si>
    <t>SHER GARH ROAD RENALA KHURD</t>
  </si>
  <si>
    <t>Mc RENALA KHURD</t>
  </si>
  <si>
    <t>GHSS RIND JADA</t>
  </si>
  <si>
    <t>rind jada</t>
  </si>
  <si>
    <t>p/o rind jada</t>
  </si>
  <si>
    <t>Bashir Ahmad Hashmi</t>
  </si>
  <si>
    <t>GHSS RODU SULTAN</t>
  </si>
  <si>
    <t>RODU SULTAN</t>
  </si>
  <si>
    <t>RODU SULTAN P/O SAME TEHSIL 18-HAZARI, JHANG</t>
  </si>
  <si>
    <t>ATA-UR-RAHMAN KHAN</t>
  </si>
  <si>
    <t>GHSS ROHILLAN WALI</t>
  </si>
  <si>
    <t>GT Road Ali pur Near Police Station Rohillanwali</t>
  </si>
  <si>
    <t>GHSS SABRIA SIRAJIA PEOPLES COLONY NO. 2 FSD</t>
  </si>
  <si>
    <t>Peoples Colony No.2</t>
  </si>
  <si>
    <t>Peoples Colony No2</t>
  </si>
  <si>
    <t>rana naseer ud din</t>
  </si>
  <si>
    <t>GHSS SAGRI</t>
  </si>
  <si>
    <t>Ramial</t>
  </si>
  <si>
    <t>vpo sagri rwp</t>
  </si>
  <si>
    <t>GHSS SAHUKA</t>
  </si>
  <si>
    <t>MOZA SAHUKA</t>
  </si>
  <si>
    <t>TASLEEM Hussain Shah</t>
  </si>
  <si>
    <t>GHSS SAIGOLABAD CHAKWAL</t>
  </si>
  <si>
    <t>vpo saigolabad</t>
  </si>
  <si>
    <t>Anwar-ul-Haq Shah</t>
  </si>
  <si>
    <t>GHSS SAKHI SARWAR</t>
  </si>
  <si>
    <t>Sakhi Satwar West</t>
  </si>
  <si>
    <t>Malik Ghulam Rasool</t>
  </si>
  <si>
    <t>GHSS SALAM</t>
  </si>
  <si>
    <t>SALAM</t>
  </si>
  <si>
    <t>GHSS. Salam tehsil bhalwal distt sargodha</t>
  </si>
  <si>
    <t>Mahzar Iqbal</t>
  </si>
  <si>
    <t>GHSS SAMEEJABAD MULTAN</t>
  </si>
  <si>
    <t>Mohalla Sharif Pura Sameejabad No.1 Multan.</t>
  </si>
  <si>
    <t>Mehr Khalid Mehmood</t>
  </si>
  <si>
    <t>GHSS SAMINA</t>
  </si>
  <si>
    <t>SAMINA SADAT</t>
  </si>
  <si>
    <t>GHSS SAMINA, D.G.KHAN</t>
  </si>
  <si>
    <t>SAMINA</t>
  </si>
  <si>
    <t>Doctor Abid Hussain</t>
  </si>
  <si>
    <t>GHSS SAMOTE</t>
  </si>
  <si>
    <t>SAMOTE</t>
  </si>
  <si>
    <t>P.O. SAMOTE, TEHSIL KALLAR SYEDAN, DISTT. RAWALPINDI</t>
  </si>
  <si>
    <t>MUHAMMAD NADEEM AHMAD</t>
  </si>
  <si>
    <t>GHSS SANDHALIAN WALI</t>
  </si>
  <si>
    <t>Govt.higher secondary school sandhilianwali</t>
  </si>
  <si>
    <t>SANDHILIANWALI</t>
  </si>
  <si>
    <t>sandhilianwali</t>
  </si>
  <si>
    <t>Muhammad  Iqbal</t>
  </si>
  <si>
    <t>GHSS SANDIAN WALA, KWL</t>
  </si>
  <si>
    <t>sandian wala</t>
  </si>
  <si>
    <t>mouza sandian wala Tehsil kabir wala Khanewal</t>
  </si>
  <si>
    <t>Sandianwala Wala</t>
  </si>
  <si>
    <t>GHSS SARDAR PUR, SARAI SIDHU</t>
  </si>
  <si>
    <t>P/O SARDAR PUR TEHSIL KABIRWALA</t>
  </si>
  <si>
    <t>GHSS SARGODHA (Old name GCET)</t>
  </si>
  <si>
    <t>satellite town  A block Sargodha</t>
  </si>
  <si>
    <t>Stown</t>
  </si>
  <si>
    <t>GHSS SATELLITE TOWN BAHAWALPUR</t>
  </si>
  <si>
    <t>SATELLITE TOWN BAHAWALPUR</t>
  </si>
  <si>
    <t>Haji Muhammad Afzal</t>
  </si>
  <si>
    <t>GHSS SATIANA, FAISALABAD</t>
  </si>
  <si>
    <t>CHAK NO 39 GB, SATIANA</t>
  </si>
  <si>
    <t>GHSS SHADAN LUND</t>
  </si>
  <si>
    <t>p/o shadan lound , d.g.khan</t>
  </si>
  <si>
    <t>shadan lound</t>
  </si>
  <si>
    <t>GHSS SHADI KHAN</t>
  </si>
  <si>
    <t>vpo shadi khan tehsil hazro district attock</t>
  </si>
  <si>
    <t>arif saeed</t>
  </si>
  <si>
    <t>GHSS SHAH JAMAL</t>
  </si>
  <si>
    <t>main adda khan garh road</t>
  </si>
  <si>
    <t>GHSS SHAH NIKDAR</t>
  </si>
  <si>
    <t>SHAHNIKDAR</t>
  </si>
  <si>
    <t>GHSS SHAH SADAR DIN</t>
  </si>
  <si>
    <t>SHAH SADAR DIN</t>
  </si>
  <si>
    <t>GOVT BOYS HIGHER SECONDARY SCHOOL  SHAH SADAR DIN DGKHAN</t>
  </si>
  <si>
    <t>GHSS SHAHEEN ABAD</t>
  </si>
  <si>
    <t>shaheenabad Sillanwali Sargodha</t>
  </si>
  <si>
    <t>Shaheenabad Sillanwali Sargodha</t>
  </si>
  <si>
    <t>GHSS SHAHPUR SADAR (Old Name GCET)</t>
  </si>
  <si>
    <t>Shahpur sadar</t>
  </si>
  <si>
    <t>SYED GHULAM RAZA SHAH</t>
  </si>
  <si>
    <t>GHSS SHAMSHEERA ABAD</t>
  </si>
  <si>
    <t>Chak No 16 ML</t>
  </si>
  <si>
    <t>Chak No 9 ML Piplan (Mianwali)</t>
  </si>
  <si>
    <t>Chak No 16 ML Piplan</t>
  </si>
  <si>
    <t>TARIQ AYYUB NIAZI</t>
  </si>
  <si>
    <t>GHSS SHEHAR SULTAN</t>
  </si>
  <si>
    <t>Jatoi Road Shaher Sultan</t>
  </si>
  <si>
    <t>Jatoi Road</t>
  </si>
  <si>
    <t>CHAUDRY MUHAMMAD WAKEEL</t>
  </si>
  <si>
    <t>GHSS SHEIKH FAZAL</t>
  </si>
  <si>
    <t>GHSS SHEIKH FAZAL BUREWALA</t>
  </si>
  <si>
    <t>Dr.M.Javid Muzaffar Iqbal Chishti</t>
  </si>
  <si>
    <t>GHSS SHEIKH WAHIN</t>
  </si>
  <si>
    <t>sheikhwahin</t>
  </si>
  <si>
    <t>GHSS SHER GARH</t>
  </si>
  <si>
    <t>MUHAMMAD SAJJAD ASLAM</t>
  </si>
  <si>
    <t>GHSS SIALKOT CITY</t>
  </si>
  <si>
    <t>Baba Beri</t>
  </si>
  <si>
    <t>pul aik zafarwal road</t>
  </si>
  <si>
    <t>nekapura</t>
  </si>
  <si>
    <t>duburji arrain</t>
  </si>
  <si>
    <t>MAHMOOD ARSHAD</t>
  </si>
  <si>
    <t>GHSS SINAWAN</t>
  </si>
  <si>
    <t>sinawam</t>
  </si>
  <si>
    <t>IRSHAD AHMAD KORIA</t>
  </si>
  <si>
    <t>GHSS SOHAWA BOLANI</t>
  </si>
  <si>
    <t>VPO Sohawa Bolani Distt Mandi bahauddin</t>
  </si>
  <si>
    <t>Mukhtar ahmad</t>
  </si>
  <si>
    <t>GHSS TABBI SAR</t>
  </si>
  <si>
    <t>Poss Bangi Khela Darmiani</t>
  </si>
  <si>
    <t>Tabbi SAR</t>
  </si>
  <si>
    <t>GHSS TAJ GARH</t>
  </si>
  <si>
    <t>Ghss Taj Garh, Rahim Yar Khan</t>
  </si>
  <si>
    <t>muhammad munir nadeem</t>
  </si>
  <si>
    <t>GHSS TAMMAN</t>
  </si>
  <si>
    <t>GHSS Tamman Vop Tamman</t>
  </si>
  <si>
    <t>ASIF HANIF MALIK</t>
  </si>
  <si>
    <t>GHSS TANDA</t>
  </si>
  <si>
    <t>VILLAGE &amp; POST OFFICE TANDA TEHSIL &amp; DISTT. GUJRAT</t>
  </si>
  <si>
    <t>ATTA ELAHI CHAUDHRY</t>
  </si>
  <si>
    <t>GHSS TATLAY AALI</t>
  </si>
  <si>
    <t>tatlay aali</t>
  </si>
  <si>
    <t>ghss tatlay aali</t>
  </si>
  <si>
    <t>tatlay Aali</t>
  </si>
  <si>
    <t>muhammad sadiq</t>
  </si>
  <si>
    <t>GHSS THILL</t>
  </si>
  <si>
    <t>Vill po Thill Tehsil Sarai Alamgir District Gujrat</t>
  </si>
  <si>
    <t>PERVAIZ AHMAD CHEEMA</t>
  </si>
  <si>
    <t>GHSS TIBBA SULTAN PUR</t>
  </si>
  <si>
    <t>TIBBA SULTAN PUR</t>
  </si>
  <si>
    <t>WARDA NO.03 QUTAB PUR ROAD TIBBA SULTAN PUR</t>
  </si>
  <si>
    <t>SHAHID LATIF</t>
  </si>
  <si>
    <t>GHSS TIBBI QAISRANI</t>
  </si>
  <si>
    <t>GOVT.BOYS HIGHER SECONDARY SCHOOL TIBBI QAISRANI P/O TIBBI QAISRANI TEHSIL TAUNSA SHARIF DISTRICT DERA GHAZI KHAN</t>
  </si>
  <si>
    <t>GHSS TULAMBA, TULAMBA</t>
  </si>
  <si>
    <t>GHSS TULAMBA P/O OFFICE TULAMBA TEHSIL MIAN CHANNU DISTT. KHANEWAL.</t>
  </si>
  <si>
    <t>MUNICIPAL COMMITEE</t>
  </si>
  <si>
    <t>GHSS UGGOKI</t>
  </si>
  <si>
    <t>Ugoki Sialkot</t>
  </si>
  <si>
    <t>MAROOF AHMAD</t>
  </si>
  <si>
    <t>GHSS UMER KOT</t>
  </si>
  <si>
    <t>Govt. higher secodary school umerkot tehsil rojhan distt. rajanpur</t>
  </si>
  <si>
    <t>Irshad Ahmad Shad</t>
  </si>
  <si>
    <t>GHSS VANIKE TARAR</t>
  </si>
  <si>
    <t>VANIKE TARAR</t>
  </si>
  <si>
    <t>GHSS VIJH</t>
  </si>
  <si>
    <t>GHSS VIJH TEHSIL SAHIWAL DISTRICT SARGODHA</t>
  </si>
  <si>
    <t>GHSS WADALA SANDHUWAN</t>
  </si>
  <si>
    <t>wadala sandhwan</t>
  </si>
  <si>
    <t>basharat hussain</t>
  </si>
  <si>
    <t>GHSS WAHNDO GUJRANWALA</t>
  </si>
  <si>
    <t>WAHNDO</t>
  </si>
  <si>
    <t>POST OFFICE WAHNDO TEHSIL KAMOKE DISTRICT GUJRANWALA</t>
  </si>
  <si>
    <t>Mian Muhammad Iqbal</t>
  </si>
  <si>
    <t>GHSS WAN BHACHRAN</t>
  </si>
  <si>
    <t>GHSS Wan Bhachran (Mianwali)</t>
  </si>
  <si>
    <t>Muzaffar Pure</t>
  </si>
  <si>
    <t>GHSS WAN RADHA RAM PATTOKI</t>
  </si>
  <si>
    <t>Govt. Higher Secondary School Wan Radha Ram(Kasur)</t>
  </si>
  <si>
    <t>GHSS WARYAM WALA</t>
  </si>
  <si>
    <t>KOT LAL</t>
  </si>
  <si>
    <t>WARYAM WALA P/O WARYAM WALA TEHSIL SHORKOT DISTT. JHANG</t>
  </si>
  <si>
    <t>WARYAM WALA</t>
  </si>
  <si>
    <t>CHAYN WALA</t>
  </si>
  <si>
    <t>NAZAR HUSSAIN</t>
  </si>
  <si>
    <t>GHSS YAROO</t>
  </si>
  <si>
    <t>yaroo Khosa</t>
  </si>
  <si>
    <t>Tipu Sultan</t>
  </si>
  <si>
    <t>GHSS ZAHIR PEER</t>
  </si>
  <si>
    <t>Rukan Pur Road near RHC Zahir Pir</t>
  </si>
  <si>
    <t>Hafiz Town</t>
  </si>
  <si>
    <t>MC Zahir pir</t>
  </si>
  <si>
    <t>GMCMS BHAUTTAN WALA</t>
  </si>
  <si>
    <t>Bhutt</t>
  </si>
  <si>
    <t>village Bhutan wala isakhel</t>
  </si>
  <si>
    <t>Bhuttawala</t>
  </si>
  <si>
    <t>GMCPS MC NO. 3 CHAKWAL</t>
  </si>
  <si>
    <t>DHOKE FEROZ</t>
  </si>
  <si>
    <t>GMCPS NO 3  DHOKE FEROZ CHAKWAL</t>
  </si>
  <si>
    <t>GMES 1/8-R, TULAMBA</t>
  </si>
  <si>
    <t>1/8r</t>
  </si>
  <si>
    <t>GGMMS1/8rmian channu</t>
  </si>
  <si>
    <t>GMES 10/8-AR, TULAMBA</t>
  </si>
  <si>
    <t>10/8AR</t>
  </si>
  <si>
    <t>14/8AR</t>
  </si>
  <si>
    <t>Parveen Ehsaan</t>
  </si>
  <si>
    <t>GMES 107/10-R, JAHANIAN</t>
  </si>
  <si>
    <t>Hussna Tahira</t>
  </si>
  <si>
    <t>GMES 109/10-R, JAHANIAN</t>
  </si>
  <si>
    <t>109/10r</t>
  </si>
  <si>
    <t>chak No. 109/10r jhania</t>
  </si>
  <si>
    <t>Chak 109/10r</t>
  </si>
  <si>
    <t>Sabahat Hameed</t>
  </si>
  <si>
    <t>GMES 113/10-R, JAHANIAN</t>
  </si>
  <si>
    <t>113/10R</t>
  </si>
  <si>
    <t>chak no 113/10.R</t>
  </si>
  <si>
    <t>Chak 113/10R</t>
  </si>
  <si>
    <t>GMES 122/15-L, MIAN CHANNU</t>
  </si>
  <si>
    <t>122 15/l</t>
  </si>
  <si>
    <t>122/15l</t>
  </si>
  <si>
    <t>123/15/</t>
  </si>
  <si>
    <t>Nasreen Rashid</t>
  </si>
  <si>
    <t>GMES 126/10-R, JAHANIAN</t>
  </si>
  <si>
    <t>126/10-R</t>
  </si>
  <si>
    <t>Chak No.126/10-R Jahanian Dist Khamewal</t>
  </si>
  <si>
    <t>Henna Andleeb</t>
  </si>
  <si>
    <t>GMES 132/10-R QADEEM, JAHANIAN</t>
  </si>
  <si>
    <t>GMMMS chak no132/10R QADEEM tehsil jahanian district khanewal</t>
  </si>
  <si>
    <t>Chak No 132/10r Qadeem</t>
  </si>
  <si>
    <t>132/10r Qadeem</t>
  </si>
  <si>
    <t>Sumayya Fatima</t>
  </si>
  <si>
    <t>GMES 135/16-L NORTH, MIAN CHANNU</t>
  </si>
  <si>
    <t>135/15L</t>
  </si>
  <si>
    <t>Chak No 135/16.L(N)</t>
  </si>
  <si>
    <t>Chak NO 135/16L</t>
  </si>
  <si>
    <t>GMES 137/16-L, MIAN CHANNU</t>
  </si>
  <si>
    <t>Nazamabad</t>
  </si>
  <si>
    <t>137/16L post office kacha khu mian chanu</t>
  </si>
  <si>
    <t>137/16-L</t>
  </si>
  <si>
    <t>GMES 138/10-R, JAHANIAN</t>
  </si>
  <si>
    <t>138/10-r</t>
  </si>
  <si>
    <t>GMMS 138/10-R new</t>
  </si>
  <si>
    <t>138/10-r New</t>
  </si>
  <si>
    <t>139/10-r Old</t>
  </si>
  <si>
    <t>GMES 14 GHAGH, ABDUL HAKIM</t>
  </si>
  <si>
    <t>14 Ghagh</t>
  </si>
  <si>
    <t>Got Model Elementary School 14 Ghagh Tehsil Kabirwala</t>
  </si>
  <si>
    <t>Chak No 14 Ghagh</t>
  </si>
  <si>
    <t>Sajida Gull</t>
  </si>
  <si>
    <t>GMES 15/V, KHANEWAL</t>
  </si>
  <si>
    <t>Govt model middle school15/v kwl</t>
  </si>
  <si>
    <t>chak no 14v kwl</t>
  </si>
  <si>
    <t>SHAMSHAD AKHTAR</t>
  </si>
  <si>
    <t>GMES 156 EB</t>
  </si>
  <si>
    <t>chak 156 E.B Burewala</t>
  </si>
  <si>
    <t>156/EB</t>
  </si>
  <si>
    <t>Rashida Naheed</t>
  </si>
  <si>
    <t>GMES 16/M</t>
  </si>
  <si>
    <t>CHAK NO 16/M</t>
  </si>
  <si>
    <t>GMES 167/10-R, KHANEWAL</t>
  </si>
  <si>
    <t>167/10-R</t>
  </si>
  <si>
    <t>Chak No.167/10.R Khnewal</t>
  </si>
  <si>
    <t>GmES 169/10-R, KHANEWAL</t>
  </si>
  <si>
    <t>169/10R</t>
  </si>
  <si>
    <t>169/10Rold</t>
  </si>
  <si>
    <t>170/10R</t>
  </si>
  <si>
    <t>GMES 173/10-R, JAHANIAN</t>
  </si>
  <si>
    <t>173/10-R</t>
  </si>
  <si>
    <t>GMMS173/10-R jadeed jahania</t>
  </si>
  <si>
    <t>GMES 21/8-R, TULAMBA</t>
  </si>
  <si>
    <t>21/8R</t>
  </si>
  <si>
    <t>chak 21/8R  Tulamba TEHSIL mian channu district khanewal</t>
  </si>
  <si>
    <t>Chughtta Punjuana</t>
  </si>
  <si>
    <t>GMES 23/M DUNAYARPUR</t>
  </si>
  <si>
    <t>23M</t>
  </si>
  <si>
    <t>GMES 23M. Dunyapur. Lodhran</t>
  </si>
  <si>
    <t>Chak no 384WB</t>
  </si>
  <si>
    <t>Hafiza Humera Batool</t>
  </si>
  <si>
    <t>GMES 25/10-R, KACHA KHUH</t>
  </si>
  <si>
    <t>25/10R</t>
  </si>
  <si>
    <t>GMES 25/10R</t>
  </si>
  <si>
    <t>23/10R Kacha Khu</t>
  </si>
  <si>
    <t>naseem akram</t>
  </si>
  <si>
    <t>GMES 33 KB (OLD)</t>
  </si>
  <si>
    <t>chak no.33/KB</t>
  </si>
  <si>
    <t>33/KB</t>
  </si>
  <si>
    <t>91/EB</t>
  </si>
  <si>
    <t>GMES 33/2-RA</t>
  </si>
  <si>
    <t>33/2ra</t>
  </si>
  <si>
    <t>GMES 33/2ra okara</t>
  </si>
  <si>
    <t>Rukhsana Yahya</t>
  </si>
  <si>
    <t>GMES 346/WB</t>
  </si>
  <si>
    <t>346/wb</t>
  </si>
  <si>
    <t>357/wb</t>
  </si>
  <si>
    <t>Zubeda Bi Bi</t>
  </si>
  <si>
    <t>GMES 353/WB</t>
  </si>
  <si>
    <t>Chak No 353/wb</t>
  </si>
  <si>
    <t>chak no 353/w.b Tehsil Dunyapur District LodhranL</t>
  </si>
  <si>
    <t>chak No 353/wb</t>
  </si>
  <si>
    <t>shazia nasim</t>
  </si>
  <si>
    <t>GMES 359 EB NO 1</t>
  </si>
  <si>
    <t>GMES 359 E.B Burewala</t>
  </si>
  <si>
    <t>359 Eb</t>
  </si>
  <si>
    <t>175 EB</t>
  </si>
  <si>
    <t>Nabila Habib</t>
  </si>
  <si>
    <t>GMES 43/10-R, KHANEWAL</t>
  </si>
  <si>
    <t>43/10r</t>
  </si>
  <si>
    <t>chak# 43/10.r khanewal</t>
  </si>
  <si>
    <t>GMES 47-A/15-L, MIAN CHANNU</t>
  </si>
  <si>
    <t>47-A/ 15-L</t>
  </si>
  <si>
    <t>chk#47A/15-L mian channu</t>
  </si>
  <si>
    <t>47-A/15-L</t>
  </si>
  <si>
    <t>Noor Afshan Khan</t>
  </si>
  <si>
    <t>GMES 513/EB</t>
  </si>
  <si>
    <t>513 eb</t>
  </si>
  <si>
    <t>gmes 513 eb</t>
  </si>
  <si>
    <t>521 eb</t>
  </si>
  <si>
    <t>Kosar Sarwar</t>
  </si>
  <si>
    <t>GMES 54 TDA</t>
  </si>
  <si>
    <t>Chena</t>
  </si>
  <si>
    <t>gmes54tda 54tda</t>
  </si>
  <si>
    <t>54tda</t>
  </si>
  <si>
    <t>Maryam  Kouser</t>
  </si>
  <si>
    <t>GMES 54/10-R JAHANIAN</t>
  </si>
  <si>
    <t>54/10R</t>
  </si>
  <si>
    <t>Chak No 54/10R</t>
  </si>
  <si>
    <t>chak no 54/10R</t>
  </si>
  <si>
    <t>57/10R</t>
  </si>
  <si>
    <t>Tahira Nasrin</t>
  </si>
  <si>
    <t>GMES 57/10-R, P/O VEHNIWAL, JAHANIAN</t>
  </si>
  <si>
    <t>chak no.57/10.R post office vehniwal</t>
  </si>
  <si>
    <t>Hadia Younas</t>
  </si>
  <si>
    <t>GMES 61/15-L, MIAN CHANNU</t>
  </si>
  <si>
    <t>61/15-L</t>
  </si>
  <si>
    <t>chak No 61/15-L tehsil Mian channu distt khanewal</t>
  </si>
  <si>
    <t>Chak No 61/15-L Mian Channu</t>
  </si>
  <si>
    <t>GMES 65/15-L, KACHA KHUH</t>
  </si>
  <si>
    <t>65/15-L</t>
  </si>
  <si>
    <t>Chak No. 65/15-L Dist. KHANEWAL</t>
  </si>
  <si>
    <t>Chak No. 65/15-L</t>
  </si>
  <si>
    <t>CHAK NO.81/15-L</t>
  </si>
  <si>
    <t>GMES 71/10-R, KHANEWAL</t>
  </si>
  <si>
    <t>71 10r</t>
  </si>
  <si>
    <t>house #2a opposite unilever tea factory kwl</t>
  </si>
  <si>
    <t>71 10t</t>
  </si>
  <si>
    <t>GMES 74/15-L, KACHA KHUH</t>
  </si>
  <si>
    <t>74/15-L</t>
  </si>
  <si>
    <t>GMES 74/15-L Kacha Khu Khanewal</t>
  </si>
  <si>
    <t>Hadia Afzal</t>
  </si>
  <si>
    <t>GMES 8/D, ABDUL HAKIM</t>
  </si>
  <si>
    <t>8D</t>
  </si>
  <si>
    <t>Chak no. 8D teh kabirwala</t>
  </si>
  <si>
    <t>REHANA YASMIN</t>
  </si>
  <si>
    <t>GMES 81/15-L, P/O 78/15-L, KACHA KHUH</t>
  </si>
  <si>
    <t>Theky Wali</t>
  </si>
  <si>
    <t>chak#81/15-L theky wali</t>
  </si>
  <si>
    <t>81/15l</t>
  </si>
  <si>
    <t>81/15L</t>
  </si>
  <si>
    <t>Musarrat Parveen</t>
  </si>
  <si>
    <t>GMES 83/15-L, MIAN CHANNU</t>
  </si>
  <si>
    <t>Wanjari</t>
  </si>
  <si>
    <t>GMES,83/15-L,Tehsil mian channu , district khanewal</t>
  </si>
  <si>
    <t>83/15-l</t>
  </si>
  <si>
    <t>84/15-l</t>
  </si>
  <si>
    <t>Hafiza Tayaba Noreen</t>
  </si>
  <si>
    <t>GMES 84/10-R, KHANEWAL</t>
  </si>
  <si>
    <t>84/10r</t>
  </si>
  <si>
    <t>GMES84/10r khanewal</t>
  </si>
  <si>
    <t>Saadia tehreem</t>
  </si>
  <si>
    <t>GMES 86/15-L, P/O 84/15-L, MIAN CHANNU</t>
  </si>
  <si>
    <t>86/15L</t>
  </si>
  <si>
    <t>86/15.L mian channu</t>
  </si>
  <si>
    <t>GMES 93/15-L, MIAN CHANNU</t>
  </si>
  <si>
    <t>chak no 93/15-l</t>
  </si>
  <si>
    <t>93/15-l</t>
  </si>
  <si>
    <t>GMES 99/15-L, MIAN CHANNU</t>
  </si>
  <si>
    <t>99/15L</t>
  </si>
  <si>
    <t>chack no99/15.L mian channu</t>
  </si>
  <si>
    <t>Chak No 99/15L</t>
  </si>
  <si>
    <t>GMES ADIL PUR</t>
  </si>
  <si>
    <t>Adil Pur</t>
  </si>
  <si>
    <t>Village Adil Pur P. O Dhoda, Tehsil Pasrur District Sialkot</t>
  </si>
  <si>
    <t>Iqra Nisa</t>
  </si>
  <si>
    <t>GMES AKBAR ABAD</t>
  </si>
  <si>
    <t>Akbarabad village Tehsil and District Sialkot</t>
  </si>
  <si>
    <t>GMES ALLAH HOO, ABDUL HAKIM</t>
  </si>
  <si>
    <t>Hussain abad Awal</t>
  </si>
  <si>
    <t>Moza Allah Hoo</t>
  </si>
  <si>
    <t>Allah Hoo</t>
  </si>
  <si>
    <t>Laila Roman</t>
  </si>
  <si>
    <t>GMES AMAN PUR TARAP</t>
  </si>
  <si>
    <t>Aman Pur</t>
  </si>
  <si>
    <t>VPO Aman Pur Tehsil Jand District Attock</t>
  </si>
  <si>
    <t>GMES ARABIA ISLAMIA BUREWALA</t>
  </si>
  <si>
    <t>st Nb 07 madina Colony burewala</t>
  </si>
  <si>
    <t>Ward Nb 6</t>
  </si>
  <si>
    <t>GMES BAIKHO CHHORE</t>
  </si>
  <si>
    <t>Bhekochore</t>
  </si>
  <si>
    <t>village bhekochore post office kotla ambanwala</t>
  </si>
  <si>
    <t>Sana Arslan</t>
  </si>
  <si>
    <t>GMES BARKHURDAR</t>
  </si>
  <si>
    <t>moza barkhurdar tehs il bhowana dist chiniot</t>
  </si>
  <si>
    <t>Sammandar</t>
  </si>
  <si>
    <t>SADIA  SARWAR</t>
  </si>
  <si>
    <t>GMES BASTI GASSORA</t>
  </si>
  <si>
    <t>GMES Basti gassora</t>
  </si>
  <si>
    <t>Basti Gassora</t>
  </si>
  <si>
    <t>GMES BASTI JORANA PO BAHAWAL NAGAR</t>
  </si>
  <si>
    <t>Rojhanawali</t>
  </si>
  <si>
    <t>GGES Basti jourana BWN</t>
  </si>
  <si>
    <t>GMES BASTI LAL KAMAL</t>
  </si>
  <si>
    <t>Lal Kamal</t>
  </si>
  <si>
    <t>GMES Basti Lal Kamal</t>
  </si>
  <si>
    <t>Chamber Kulyar</t>
  </si>
  <si>
    <t>Syeda Qamar In Nisa</t>
  </si>
  <si>
    <t>GMES BHAKRAY WALI</t>
  </si>
  <si>
    <t>Bakhraywali</t>
  </si>
  <si>
    <t>Bakhraywali  tehsil pasrur dist sialkot</t>
  </si>
  <si>
    <t>Nishat Mahmood</t>
  </si>
  <si>
    <t>GMES BHALOOR BHARMNA</t>
  </si>
  <si>
    <t>Bhaloor</t>
  </si>
  <si>
    <t>GMES Bhalor P/O Kingra</t>
  </si>
  <si>
    <t>Pervaiz Hussain</t>
  </si>
  <si>
    <t>GMES BHAROKAY</t>
  </si>
  <si>
    <t>VILLAGE BHAROKAY. P.O.BADIANA. TEHSIL SIALKOT.DISTRICT SIALKOT</t>
  </si>
  <si>
    <t>BHAROKAY</t>
  </si>
  <si>
    <t>Farhat Dilpazir</t>
  </si>
  <si>
    <t>GMES BHARTHAN WALA</t>
  </si>
  <si>
    <t>village Bharthanwala.p.o kotli loharan west tehsil and district sialkot</t>
  </si>
  <si>
    <t>Rabia Zainab</t>
  </si>
  <si>
    <t>GMES BHARTHANWALA</t>
  </si>
  <si>
    <t>Post Office, Khas, Bharthanwala.</t>
  </si>
  <si>
    <t>Fareeha</t>
  </si>
  <si>
    <t>GMES BHEDIAN</t>
  </si>
  <si>
    <t>Bhedian</t>
  </si>
  <si>
    <t>village bhedian tehsil hassanabdal district attock</t>
  </si>
  <si>
    <t>Tasleem Bano</t>
  </si>
  <si>
    <t>GMES BHILO MAHAR</t>
  </si>
  <si>
    <t>BHILO MAHAR</t>
  </si>
  <si>
    <t>BHILO MAHAR teh Daska</t>
  </si>
  <si>
    <t>Nadeem sadiq</t>
  </si>
  <si>
    <t>GMES BHOTH NO1</t>
  </si>
  <si>
    <t>village Bhoth near Church</t>
  </si>
  <si>
    <t>Sana Hayat</t>
  </si>
  <si>
    <t>GMES BHUSSI KATHIA</t>
  </si>
  <si>
    <t>Bhussi Kathia</t>
  </si>
  <si>
    <t>bhussi kathia</t>
  </si>
  <si>
    <t>Ambreen Iftikhar</t>
  </si>
  <si>
    <t>GMES BUTTER</t>
  </si>
  <si>
    <t>Butter Sialkot</t>
  </si>
  <si>
    <t>village Butter P.O addahTeh and District sialkot</t>
  </si>
  <si>
    <t>GMES CANAL COLONY DAUD KHEL</t>
  </si>
  <si>
    <t>daud khel paka</t>
  </si>
  <si>
    <t>ggmes canal calony daud khel</t>
  </si>
  <si>
    <t>daud khel</t>
  </si>
  <si>
    <t>daud khel rural paki  shah mardan</t>
  </si>
  <si>
    <t>sadaf aziz</t>
  </si>
  <si>
    <t>GMES CHAK 314 GB</t>
  </si>
  <si>
    <t>Nawan Hushair Poor</t>
  </si>
  <si>
    <t>chak no 314G. B tehsil and district t. t singh</t>
  </si>
  <si>
    <t>Hafizah Mamoona Manzoor</t>
  </si>
  <si>
    <t>GMES CHAK 348 GB DHARI</t>
  </si>
  <si>
    <t>Chak No 348 GB Chak348 Dhairi</t>
  </si>
  <si>
    <t>Chak No 348 GB  Dhairi</t>
  </si>
  <si>
    <t>Chak No 348 GB Chak348 GB  Dhairi</t>
  </si>
  <si>
    <t>Chak No350 GB</t>
  </si>
  <si>
    <t>Rabia  Mubarak</t>
  </si>
  <si>
    <t>GMES CHAK 354/WB</t>
  </si>
  <si>
    <t>chak354/wb</t>
  </si>
  <si>
    <t>chak number 354/wb</t>
  </si>
  <si>
    <t>354/wb</t>
  </si>
  <si>
    <t>chak 353/wb</t>
  </si>
  <si>
    <t>hUMAIRA yASMEEN</t>
  </si>
  <si>
    <t>GMES CHAK 389 JB</t>
  </si>
  <si>
    <t>Chak No389jb</t>
  </si>
  <si>
    <t>Chak no 389jb Teh &amp; District Toba Tek singh</t>
  </si>
  <si>
    <t>Chak No 389jb</t>
  </si>
  <si>
    <t>Chak No384jb</t>
  </si>
  <si>
    <t>kausar malik</t>
  </si>
  <si>
    <t>GMES CHAK 401 JB I</t>
  </si>
  <si>
    <t>Chak No 401JB</t>
  </si>
  <si>
    <t>chak no 401 jb 1</t>
  </si>
  <si>
    <t>Chak 401 Jb 1</t>
  </si>
  <si>
    <t>Chak 393 Jb Khanpur</t>
  </si>
  <si>
    <t>Tahira yaqoob</t>
  </si>
  <si>
    <t>GMES CHAK 410 JB</t>
  </si>
  <si>
    <t>Chak No 410 JB</t>
  </si>
  <si>
    <t>chak no. 410 j.b</t>
  </si>
  <si>
    <t>Chak No410 JB</t>
  </si>
  <si>
    <t>Chak No 314 GB</t>
  </si>
  <si>
    <t>Asima Bashir</t>
  </si>
  <si>
    <t>GMES CHAK 45/3-R</t>
  </si>
  <si>
    <t>45/4R</t>
  </si>
  <si>
    <t>Chak No. 45/3.R Okara</t>
  </si>
  <si>
    <t>Ishrat Saeed</t>
  </si>
  <si>
    <t>GMES CHAK 513 GB</t>
  </si>
  <si>
    <t>513 Gb</t>
  </si>
  <si>
    <t>Chak No 513 GB T.T.Singh</t>
  </si>
  <si>
    <t>Chak No 513 GB</t>
  </si>
  <si>
    <t>189 GB</t>
  </si>
  <si>
    <t>Mariam Rafique</t>
  </si>
  <si>
    <t>GMES CHAK 685/26 GB</t>
  </si>
  <si>
    <t>GMES chak no 685/26 GB</t>
  </si>
  <si>
    <t>685/26GB</t>
  </si>
  <si>
    <t>Khurshida Baad</t>
  </si>
  <si>
    <t>Summara Shezadi</t>
  </si>
  <si>
    <t>GMES CHAK 702/44 GB</t>
  </si>
  <si>
    <t>Chak no 702/44gb</t>
  </si>
  <si>
    <t>702/44</t>
  </si>
  <si>
    <t>326 Gb</t>
  </si>
  <si>
    <t>GMES CHAK 741 GB</t>
  </si>
  <si>
    <t>741gb</t>
  </si>
  <si>
    <t>chak nmbr 741 g b</t>
  </si>
  <si>
    <t>741 GB</t>
  </si>
  <si>
    <t>Kot  Pathana</t>
  </si>
  <si>
    <t>GMES CHAK AMBO</t>
  </si>
  <si>
    <t>chak ambo</t>
  </si>
  <si>
    <t>p/o chaprar tehseel/district sialkot</t>
  </si>
  <si>
    <t>Asma Sadeeqa</t>
  </si>
  <si>
    <t>GMES CHAK IKHTIAR</t>
  </si>
  <si>
    <t>Chak Ikhtiar</t>
  </si>
  <si>
    <t>chak ikhtiar</t>
  </si>
  <si>
    <t>GMES CHAK NO 202 JB</t>
  </si>
  <si>
    <t>GOVERNMENTMODELELEMENTRYSCHOOLCHAKNO#202J.B TEHSIL BHOWANA DISTRICT CHINIOT.</t>
  </si>
  <si>
    <t>Chak NO #202</t>
  </si>
  <si>
    <t>BALOAWANA</t>
  </si>
  <si>
    <t>GMES CHAK NO 208 JB</t>
  </si>
  <si>
    <t>208 Sahmal</t>
  </si>
  <si>
    <t>Chak no 208 jb sahmal tÄ›Å¡il bhowana district chiniot</t>
  </si>
  <si>
    <t>208jb</t>
  </si>
  <si>
    <t>GMES CHAK NO 236 JB</t>
  </si>
  <si>
    <t>Miroo Ka Chak 236jb</t>
  </si>
  <si>
    <t>chak#236Jb teh bhowana Dist chiniot</t>
  </si>
  <si>
    <t>Chak#236</t>
  </si>
  <si>
    <t>Chak#184JB</t>
  </si>
  <si>
    <t>Naila  Jabeen</t>
  </si>
  <si>
    <t>GMES CHAK NO. 11 ML</t>
  </si>
  <si>
    <t>Chak No 11ml</t>
  </si>
  <si>
    <t>chak no 11ml tehsil piplan district mianwali</t>
  </si>
  <si>
    <t>GMES CHAK NO. 12 ML</t>
  </si>
  <si>
    <t>Chak  No 12 ML</t>
  </si>
  <si>
    <t>P.O Box Chak No. 12 ML, Tehsil Piplan, Distt. Mianwali</t>
  </si>
  <si>
    <t>Chak No 12 ML</t>
  </si>
  <si>
    <t>Muafia Noureen</t>
  </si>
  <si>
    <t>GMES CHAK NO. 18 ML</t>
  </si>
  <si>
    <t>9ml</t>
  </si>
  <si>
    <t>GMES chak #18ml</t>
  </si>
  <si>
    <t>18ml</t>
  </si>
  <si>
    <t>GMES CHAK NO. 31/10-R KACHA KHUH</t>
  </si>
  <si>
    <t>31/10R</t>
  </si>
  <si>
    <t>Chack no 31/10R P/O 29/10R</t>
  </si>
  <si>
    <t>Majida Khan</t>
  </si>
  <si>
    <t>GMES CHAK NO. 439/6-R</t>
  </si>
  <si>
    <t>439/6-R</t>
  </si>
  <si>
    <t>chak No 439/6-R</t>
  </si>
  <si>
    <t>Javeria Nawaz</t>
  </si>
  <si>
    <t>GMES CHAK NO.115/DB (E)</t>
  </si>
  <si>
    <t>115DB</t>
  </si>
  <si>
    <t>115/db east</t>
  </si>
  <si>
    <t>chak nu 67/db</t>
  </si>
  <si>
    <t>Maryam Nazar</t>
  </si>
  <si>
    <t>GMES CHAK NO.19-A/ML</t>
  </si>
  <si>
    <t>19 AML</t>
  </si>
  <si>
    <t>CHACK NO 19AML</t>
  </si>
  <si>
    <t>19AML</t>
  </si>
  <si>
    <t>HAFIZ WALA</t>
  </si>
  <si>
    <t>GMES CHAK NO.41 TDA</t>
  </si>
  <si>
    <t>41TDA</t>
  </si>
  <si>
    <t>Govt Model Elementary  School  41 TDA  Bhakkar</t>
  </si>
  <si>
    <t>GMES CHAK NO.49/A</t>
  </si>
  <si>
    <t>chak 49/A</t>
  </si>
  <si>
    <t>GGMES CHAK 49/A</t>
  </si>
  <si>
    <t>49/A</t>
  </si>
  <si>
    <t>muqaddas safdar</t>
  </si>
  <si>
    <t>GMES CHAK NO.49/A 3-R</t>
  </si>
  <si>
    <t>chak no 49/3R Raesaan wala Okara</t>
  </si>
  <si>
    <t>49/3R Raesaan Wala</t>
  </si>
  <si>
    <t>Iram  Noreen</t>
  </si>
  <si>
    <t>GMES CHAK NO.51 TDA</t>
  </si>
  <si>
    <t>51/TDA</t>
  </si>
  <si>
    <t>GMES chak no. 51TDA</t>
  </si>
  <si>
    <t>Saray Mahojar 205</t>
  </si>
  <si>
    <t>Reehana Yasmin</t>
  </si>
  <si>
    <t>GMES CHAK NO.60/DB</t>
  </si>
  <si>
    <t>chak no 60 db</t>
  </si>
  <si>
    <t>Chak No 60 Db</t>
  </si>
  <si>
    <t>Chak No 63 DB</t>
  </si>
  <si>
    <t>Aamna Aslam</t>
  </si>
  <si>
    <t>GMES CHAK SARDAR</t>
  </si>
  <si>
    <t>Desi</t>
  </si>
  <si>
    <t>post office 384W/B chak sardar dunyapur district lodhran</t>
  </si>
  <si>
    <t>Chak Sarar Khan</t>
  </si>
  <si>
    <t>384W/B</t>
  </si>
  <si>
    <t>Aqsa Yaseen</t>
  </si>
  <si>
    <t>GMES CHAPPAR</t>
  </si>
  <si>
    <t>Chappar</t>
  </si>
  <si>
    <t>village chappar post office lota</t>
  </si>
  <si>
    <t>GMES CHAPRARI</t>
  </si>
  <si>
    <t>Chaprari</t>
  </si>
  <si>
    <t>chaprari p/o chaprar markaz said our</t>
  </si>
  <si>
    <t>Fozia Kazmi</t>
  </si>
  <si>
    <t>GMES CHELAYKAY</t>
  </si>
  <si>
    <t>Chalakey</t>
  </si>
  <si>
    <t>Chalakey tehsil Daska District Sialkot.</t>
  </si>
  <si>
    <t>Chalakey Goraya</t>
  </si>
  <si>
    <t>Budah Goraya</t>
  </si>
  <si>
    <t>Rehana Ijaz</t>
  </si>
  <si>
    <t>GMES CHHOUNI SULAHERIAN</t>
  </si>
  <si>
    <t>Sulehrian</t>
  </si>
  <si>
    <t>chouni sulehrian</t>
  </si>
  <si>
    <t>Chouni Sulehrian</t>
  </si>
  <si>
    <t>Dhera Sandha</t>
  </si>
  <si>
    <t>Nasreen Ali Muhammad</t>
  </si>
  <si>
    <t>GMES CHUGHATA PUNJUANA, TULAMBA</t>
  </si>
  <si>
    <t>chughatta punjuana</t>
  </si>
  <si>
    <t>GMES.CHUGHATTA PUNJUANA MARKAZ TULAMBA 1st</t>
  </si>
  <si>
    <t>basti sanpal</t>
  </si>
  <si>
    <t>GMES CITY PASRUR NO. 1</t>
  </si>
  <si>
    <t>Mohallah Namay Shah Pasrur</t>
  </si>
  <si>
    <t>GMES CM SATOKAY</t>
  </si>
  <si>
    <t>vill.sattoki p.o malomehey teh. daska distt.sialkot</t>
  </si>
  <si>
    <t>Malo Mehay</t>
  </si>
  <si>
    <t>Musarrat Choudray</t>
  </si>
  <si>
    <t>GMES DALAKAY</t>
  </si>
  <si>
    <t>Dalakey Goraya</t>
  </si>
  <si>
    <t>village dalaky goraya tehsil daska disst Sialkot</t>
  </si>
  <si>
    <t>Birthanwala</t>
  </si>
  <si>
    <t>Faiza Riaz</t>
  </si>
  <si>
    <t>GMES DAR-UL-YAMAN</t>
  </si>
  <si>
    <t>GM/E SCHOOL DAR UL YAMAN</t>
  </si>
  <si>
    <t>darul yaman chenab nagar</t>
  </si>
  <si>
    <t>KHICHIYAN</t>
  </si>
  <si>
    <t>Yusra Saba</t>
  </si>
  <si>
    <t>GMES DERA JAND</t>
  </si>
  <si>
    <t>dera jand</t>
  </si>
  <si>
    <t>GMESchool dera jand</t>
  </si>
  <si>
    <t>Koukab Nasreen</t>
  </si>
  <si>
    <t>GMES DHARAM KOT</t>
  </si>
  <si>
    <t>Dharamkot</t>
  </si>
  <si>
    <t>Govt E/S dharamkot</t>
  </si>
  <si>
    <t>Fouzia Shareef</t>
  </si>
  <si>
    <t>GMES DHILAM GHAZI</t>
  </si>
  <si>
    <t>Dhilam Ghazi</t>
  </si>
  <si>
    <t>Village Dhilam ghazi tehsil and district  Sialkot</t>
  </si>
  <si>
    <t>GMES DHOK JOURI</t>
  </si>
  <si>
    <t>dhok jouri</t>
  </si>
  <si>
    <t>Dhok jouri</t>
  </si>
  <si>
    <t>Kubra Perveen</t>
  </si>
  <si>
    <t>GMES DHUNNI</t>
  </si>
  <si>
    <t>Shugafta Begum</t>
  </si>
  <si>
    <t>GMES DUL THE BHANI 57/4 TUKRA</t>
  </si>
  <si>
    <t>Darsana</t>
  </si>
  <si>
    <t>tukra 57/4 p/o 739 gb jakhar teshil kamalia</t>
  </si>
  <si>
    <t>Tukra 57/4</t>
  </si>
  <si>
    <t>Plot 57/4 Tukra</t>
  </si>
  <si>
    <t>GMES EANGAN</t>
  </si>
  <si>
    <t>Engan</t>
  </si>
  <si>
    <t>village engan ,p/o chahar bajwa ,tehsil passrur</t>
  </si>
  <si>
    <t>Samra Inam</t>
  </si>
  <si>
    <t>GMES GORCHA NASHEB</t>
  </si>
  <si>
    <t>Gorcha Nasheb</t>
  </si>
  <si>
    <t>Kachi Shahni</t>
  </si>
  <si>
    <t>Shagufta Kauser</t>
  </si>
  <si>
    <t>GMES GUJJ</t>
  </si>
  <si>
    <t>Gujj</t>
  </si>
  <si>
    <t>village guj post office budha goraya teh,daska,dist sialkot</t>
  </si>
  <si>
    <t>GMES GULYAL JAND</t>
  </si>
  <si>
    <t>Gulial</t>
  </si>
  <si>
    <t>Govt,Model,Elementary,School,Gulial</t>
  </si>
  <si>
    <t>GMES GURDHAN PUR</t>
  </si>
  <si>
    <t>Gurdan Pur</t>
  </si>
  <si>
    <t>village Gurdan pur tehsil and district Sialkot</t>
  </si>
  <si>
    <t>GMES GURHI MALIAN</t>
  </si>
  <si>
    <t>Gurhi Malian</t>
  </si>
  <si>
    <t>Village Gurhi Mallian Sialkot</t>
  </si>
  <si>
    <t>Gurhi Mallian</t>
  </si>
  <si>
    <t>Ghazala Sana</t>
  </si>
  <si>
    <t>GMES HAIBET PUR</t>
  </si>
  <si>
    <t>Haibetpur</t>
  </si>
  <si>
    <t>govt model elementary school haibetpur</t>
  </si>
  <si>
    <t>Tamsila Liaqat</t>
  </si>
  <si>
    <t>GMES HALEEM WALA</t>
  </si>
  <si>
    <t>Mujaldi Wala</t>
  </si>
  <si>
    <t>Government Model Elementary school Haleem Wala</t>
  </si>
  <si>
    <t>Haleem Wala</t>
  </si>
  <si>
    <t>Thathi Smaija</t>
  </si>
  <si>
    <t>Sidrah Yousaf</t>
  </si>
  <si>
    <t>GMES HASEL WALA P.O HASIL WALA</t>
  </si>
  <si>
    <t>Pai Wagnan</t>
  </si>
  <si>
    <t>basti hasil wala moza pai Wagnan</t>
  </si>
  <si>
    <t>Hasilwala</t>
  </si>
  <si>
    <t>Nasirudin wahin</t>
  </si>
  <si>
    <t>GMES HUSSAIN ABAD</t>
  </si>
  <si>
    <t>p/O &amp; moza Hussain abad tehsil &amp; district bhakkar</t>
  </si>
  <si>
    <t>Zainab Sultana</t>
  </si>
  <si>
    <t>GMES JAL WALA</t>
  </si>
  <si>
    <t>Thatisamaja</t>
  </si>
  <si>
    <t>basti jal wala Moza thathi sameja lodhran</t>
  </si>
  <si>
    <t>JAL WALA</t>
  </si>
  <si>
    <t>Munazza Naz</t>
  </si>
  <si>
    <t>GMES JALL JANUBI</t>
  </si>
  <si>
    <t>jall janobi p/o jall shomali teh piplan district mainwali</t>
  </si>
  <si>
    <t>Jall janobi</t>
  </si>
  <si>
    <t>GMES JHULKI</t>
  </si>
  <si>
    <t>Jhulki</t>
  </si>
  <si>
    <t>village jhulki tehsil and district sialkot</t>
  </si>
  <si>
    <t>GMES KALAR WALA</t>
  </si>
  <si>
    <t>Abadi kalar wala, moza Suleman , Tehsil Bhowana, District Chiniot ,P/O DD DHONDY SHAH</t>
  </si>
  <si>
    <t>Thatta Muhammad Shah</t>
  </si>
  <si>
    <t>GMES KALAS</t>
  </si>
  <si>
    <t>vill p/o kalas, tehsil bhera dist sargodha</t>
  </si>
  <si>
    <t>kalas</t>
  </si>
  <si>
    <t>Rameela kalsoom</t>
  </si>
  <si>
    <t>GMES KALU WALI SYEDAN</t>
  </si>
  <si>
    <t>Kalowali Syedan</t>
  </si>
  <si>
    <t>kalowali syedan p/o ahmadabad pasrur</t>
  </si>
  <si>
    <t>Sanam Khanam</t>
  </si>
  <si>
    <t>GMES KALWANT PUR</t>
  </si>
  <si>
    <t>Kalwant Pur</t>
  </si>
  <si>
    <t>GMES Kalwant pur, Po ghar Mahal, Teh Dina, Distt Jhelum</t>
  </si>
  <si>
    <t>GARH MAHAL</t>
  </si>
  <si>
    <t>Farhat Almas</t>
  </si>
  <si>
    <t>GMES KAMAL PUR SHER JANG</t>
  </si>
  <si>
    <t>Kamal Pur Sher Jang</t>
  </si>
  <si>
    <t>Village Kamal pur sher jang , District Attock , Tehsil Jand</t>
  </si>
  <si>
    <t>Syeda Rashida Memoona Naqvi</t>
  </si>
  <si>
    <t>GMES KHAIR ABAD</t>
  </si>
  <si>
    <t>GMES Khairabad</t>
  </si>
  <si>
    <t>Khairabad</t>
  </si>
  <si>
    <t>Atiqa Sameen</t>
  </si>
  <si>
    <t>supply water from factory</t>
  </si>
  <si>
    <t>GMES KHAIRAY</t>
  </si>
  <si>
    <t>Khairey</t>
  </si>
  <si>
    <t>khairey p/o kalaswala Pasrour Sialkot</t>
  </si>
  <si>
    <t>GMES KHATTI CHOOR, NAWAN SHEHR</t>
  </si>
  <si>
    <t>ggems khattichoor markaz nawan shehr kabirwala</t>
  </si>
  <si>
    <t>Khatti Choor</t>
  </si>
  <si>
    <t>GMES KINGRA</t>
  </si>
  <si>
    <t>VPO Kingra, Tehsil Pasrur Distt. Sialkot.</t>
  </si>
  <si>
    <t>GMES KOHAR</t>
  </si>
  <si>
    <t>village kohar sialkot</t>
  </si>
  <si>
    <t>Syeda Zainab Kubra</t>
  </si>
  <si>
    <t>GMES KOT KARAM BUKHSH</t>
  </si>
  <si>
    <t>Ghuinke teh Daska Disst Sialkot</t>
  </si>
  <si>
    <t>Kot Karam Bukhsh</t>
  </si>
  <si>
    <t>Khalida Iftikhar Ghuman</t>
  </si>
  <si>
    <t>GMES KOTEHRA</t>
  </si>
  <si>
    <t>Mandi Bahaudin</t>
  </si>
  <si>
    <t>Hira Younas</t>
  </si>
  <si>
    <t>GMES KOTLA AMBAN WALA</t>
  </si>
  <si>
    <t>Kotla Ambanwala</t>
  </si>
  <si>
    <t>p/o box kotla ambanwala tehsil &amp; distt sialkot</t>
  </si>
  <si>
    <t>kotla ambanwala</t>
  </si>
  <si>
    <t>charind</t>
  </si>
  <si>
    <t>Muqadas Ayub</t>
  </si>
  <si>
    <t>GMES KOTLI NONAN</t>
  </si>
  <si>
    <t>Kotli Noona</t>
  </si>
  <si>
    <t>G G E S Kootli noona</t>
  </si>
  <si>
    <t>Ally Wali</t>
  </si>
  <si>
    <t>Muddasar Shahzade</t>
  </si>
  <si>
    <t>GMES LADAY</t>
  </si>
  <si>
    <t>Lodhay</t>
  </si>
  <si>
    <t>lodhay tehsil daska district sialkot</t>
  </si>
  <si>
    <t>GMES LALIAN</t>
  </si>
  <si>
    <t>Kiran Baka</t>
  </si>
  <si>
    <t>GMES LOHARAN WALI</t>
  </si>
  <si>
    <t>Loharanwali</t>
  </si>
  <si>
    <t>village Loharanwali po qila kalar wala teh. daska distt. skt</t>
  </si>
  <si>
    <t>Sonia Tabassum</t>
  </si>
  <si>
    <t>GMES LUDHIAL</t>
  </si>
  <si>
    <t>Ludhial</t>
  </si>
  <si>
    <t>ludhial,tehsil fateh jang</t>
  </si>
  <si>
    <t>Adila Anwar</t>
  </si>
  <si>
    <t>GMES MAI SPOORAN</t>
  </si>
  <si>
    <t>Mai Safooran</t>
  </si>
  <si>
    <t>GMES MAI SAFOORAN</t>
  </si>
  <si>
    <t>Naseem Faryad</t>
  </si>
  <si>
    <t>GMES MAJU KATHIA</t>
  </si>
  <si>
    <t>Mehram Kathia</t>
  </si>
  <si>
    <t>Gmes maju kathia moza mehram kathia basti shahadat k kamalia</t>
  </si>
  <si>
    <t>Sundas Zahid</t>
  </si>
  <si>
    <t>GMES MALOKAY</t>
  </si>
  <si>
    <t>Malokay</t>
  </si>
  <si>
    <t>Malokay P/IO qika kalar waka teh pasrur distt sialkot</t>
  </si>
  <si>
    <t>Rizwana Yousaf</t>
  </si>
  <si>
    <t>GMES MARI INDUS</t>
  </si>
  <si>
    <t>GGMES MARI INDUS</t>
  </si>
  <si>
    <t>Tahira Muhammad Hussain</t>
  </si>
  <si>
    <t>GMES MASEET WALA</t>
  </si>
  <si>
    <t>maseetwala teh isakhel dict  mianwali</t>
  </si>
  <si>
    <t>GMES MEHAL</t>
  </si>
  <si>
    <t>Mehal</t>
  </si>
  <si>
    <t>Wad Gran</t>
  </si>
  <si>
    <t>Zahida Battool</t>
  </si>
  <si>
    <t>GMES MODEL 14/D, ABDUL HAKIM</t>
  </si>
  <si>
    <t>14D</t>
  </si>
  <si>
    <t>14d</t>
  </si>
  <si>
    <t>Humera Zahoor</t>
  </si>
  <si>
    <t>GMES MOHALLA TEHRA JAND</t>
  </si>
  <si>
    <t>Tehra</t>
  </si>
  <si>
    <t>Mohalla tehra jand district attock</t>
  </si>
  <si>
    <t>Maria Khatoon</t>
  </si>
  <si>
    <t>GMES MONGA WALA NO.2 P/O HAJI PUR, KABIRWALA</t>
  </si>
  <si>
    <t>mongan Wala</t>
  </si>
  <si>
    <t>moza mongan Wala p/O HAJI PUR KABIRWALA</t>
  </si>
  <si>
    <t>Monga Wala</t>
  </si>
  <si>
    <t>Amna Noreen</t>
  </si>
  <si>
    <t>GMES NAI ABADI NOOR PURA</t>
  </si>
  <si>
    <t>noor pura pasroor road sialkot</t>
  </si>
  <si>
    <t>Dehira Sandha</t>
  </si>
  <si>
    <t>GMES NOOR PUR</t>
  </si>
  <si>
    <t>GMES PANDORIAN</t>
  </si>
  <si>
    <t>pandoriyan</t>
  </si>
  <si>
    <t>Pandoriyan</t>
  </si>
  <si>
    <t>asma Shahzadi</t>
  </si>
  <si>
    <t>GMES PATHAN WALI</t>
  </si>
  <si>
    <t>Pathanwali</t>
  </si>
  <si>
    <t>Village Pathanwali P/O khaas, Tehsil&amp;District Sialkot.</t>
  </si>
  <si>
    <t>Prag pur</t>
  </si>
  <si>
    <t>IRUM SHAHZADI</t>
  </si>
  <si>
    <t>GMES PINDI PEERAN</t>
  </si>
  <si>
    <t>Pindi Peeran</t>
  </si>
  <si>
    <t>gmes pindi peeran</t>
  </si>
  <si>
    <t>Shazia Tabbasm</t>
  </si>
  <si>
    <t>GMES PREM KOT</t>
  </si>
  <si>
    <t>Praim Kot</t>
  </si>
  <si>
    <t>praim kot</t>
  </si>
  <si>
    <t>GMES PUNJ GRAIN</t>
  </si>
  <si>
    <t>GMES PUNJGRAIN</t>
  </si>
  <si>
    <t>Punjgrain</t>
  </si>
  <si>
    <t>Rukhsar Saleem</t>
  </si>
  <si>
    <t>GMES QAZI PHARANG</t>
  </si>
  <si>
    <t>Qazi Paharang</t>
  </si>
  <si>
    <t>Govt model e/s Qazi paharang</t>
  </si>
  <si>
    <t>Talwandi Inayat   Khan</t>
  </si>
  <si>
    <t>GMES QILA USMAN GHANI</t>
  </si>
  <si>
    <t>Qila Usman Ghanni</t>
  </si>
  <si>
    <t>qila usman ghanni</t>
  </si>
  <si>
    <t>GMES RACHARA</t>
  </si>
  <si>
    <t>Rachara</t>
  </si>
  <si>
    <t>vill  Rachara  Teh  Daska  Distt Sialkot</t>
  </si>
  <si>
    <t>GMES RAKHANAY</t>
  </si>
  <si>
    <t>Rakhanay</t>
  </si>
  <si>
    <t>village rakhanay tehsil &amp; district sialkot</t>
  </si>
  <si>
    <t>Pindi Araiyan</t>
  </si>
  <si>
    <t>GMES REHMAT ABAD</t>
  </si>
  <si>
    <t>village Rehmat abad p/o box pertanwali</t>
  </si>
  <si>
    <t>Pertanwali</t>
  </si>
  <si>
    <t>GMES SAAD ULLAH PUR LODRAAN</t>
  </si>
  <si>
    <t>dak khana qurashiwala saadullah pur,tehsil and District lodhran</t>
  </si>
  <si>
    <t>Saima Qamar</t>
  </si>
  <si>
    <t>GMES SAIR MOHAL CHAK 743 GB</t>
  </si>
  <si>
    <t>Wahgahi</t>
  </si>
  <si>
    <t>GMES743 GB Teh.Kamalia.</t>
  </si>
  <si>
    <t>743 GB</t>
  </si>
  <si>
    <t>Shaista Malik</t>
  </si>
  <si>
    <t>GMES SALEH PUR</t>
  </si>
  <si>
    <t>salehpur</t>
  </si>
  <si>
    <t>village salehpur p/o chaprar Tehsil and district sialkot</t>
  </si>
  <si>
    <t>Humaira Noor Hussain</t>
  </si>
  <si>
    <t>GMES SANDHAN WALA</t>
  </si>
  <si>
    <t>Sindhanwala</t>
  </si>
  <si>
    <t>sandhanwala</t>
  </si>
  <si>
    <t>Razia Butt</t>
  </si>
  <si>
    <t>GMES SANDRANA</t>
  </si>
  <si>
    <t>Sundrana Syedan</t>
  </si>
  <si>
    <t>Village Sundrana Syedan Tehsil and District Sialkot</t>
  </si>
  <si>
    <t>Dheera Sandah</t>
  </si>
  <si>
    <t>Hinna Qammar</t>
  </si>
  <si>
    <t>GMES SARWAR BHOJIA KAMALIA</t>
  </si>
  <si>
    <t>Choki Chadar</t>
  </si>
  <si>
    <t>GMES SARWAR BHOJIA MOZA CHOKI CHADAR</t>
  </si>
  <si>
    <t>Azmat shahQadir Bux</t>
  </si>
  <si>
    <t>Bushra Ghani</t>
  </si>
  <si>
    <t>GMES SEKHWAN</t>
  </si>
  <si>
    <t>Sekhwan</t>
  </si>
  <si>
    <t>village sekhwan</t>
  </si>
  <si>
    <t>SAIRA HASSAN</t>
  </si>
  <si>
    <t>GMES SHAH PUR PHUL</t>
  </si>
  <si>
    <t>shah pur phull</t>
  </si>
  <si>
    <t>GGMES Shah pur phull</t>
  </si>
  <si>
    <t>Memona Iqbal</t>
  </si>
  <si>
    <t>GMES SHAHBAL SHAH</t>
  </si>
  <si>
    <t>Shahbal Shah</t>
  </si>
  <si>
    <t>shahbal shah</t>
  </si>
  <si>
    <t>Shahbal shah</t>
  </si>
  <si>
    <t>GMES SHATAB GARH</t>
  </si>
  <si>
    <t>shatab garh sialkot</t>
  </si>
  <si>
    <t>Nazish Fardos</t>
  </si>
  <si>
    <t>GMES SULEMAN KHELAN WALA</t>
  </si>
  <si>
    <t>Wanbuhchran</t>
  </si>
  <si>
    <t>pacca Ghanjera</t>
  </si>
  <si>
    <t>Wanbuchran</t>
  </si>
  <si>
    <t>GMES SULTAN MEHMOOD, SARAI SIDHU (UPGRADED SED L#S.O(B-1)KHANEWAL/2017 DATED 03-11-2017)</t>
  </si>
  <si>
    <t>Chak Sultan Mehood</t>
  </si>
  <si>
    <t>Moza chak sultan mehmood</t>
  </si>
  <si>
    <t>Chak Sultan Mehmood</t>
  </si>
  <si>
    <t>GMES TANAZA DAM</t>
  </si>
  <si>
    <t>Tanaza Dam</t>
  </si>
  <si>
    <t>BLPRI Kheri Moorat Tanaza Dam</t>
  </si>
  <si>
    <t>Jangal</t>
  </si>
  <si>
    <t>Nazima Khatoon</t>
  </si>
  <si>
    <t>GMES TAYYAB KHEL NANGINI</t>
  </si>
  <si>
    <t>TAYAB KHEL NANGNI MOZA MUZAFAR PUR DISTRICT MIANWALI</t>
  </si>
  <si>
    <t>GMES THATHA FATEH ALI</t>
  </si>
  <si>
    <t>Thatha Fateh Ali</t>
  </si>
  <si>
    <t>thata fateh Ali</t>
  </si>
  <si>
    <t>Thata Fateh Ali</t>
  </si>
  <si>
    <t>GMES THATHI SHAH MUHAMMAD</t>
  </si>
  <si>
    <t>Thathi shah mohammad</t>
  </si>
  <si>
    <t>Thathi shah mohammad post off.qadirabad teh.phalia distt.m.b.din</t>
  </si>
  <si>
    <t>Qadrabd</t>
  </si>
  <si>
    <t>Maryam Shahzadi</t>
  </si>
  <si>
    <t>GMES THATTI GUJRAN NO.1</t>
  </si>
  <si>
    <t>Thatti</t>
  </si>
  <si>
    <t>Village  Thatti Gujran tehsil Fateh Jang District Attack</t>
  </si>
  <si>
    <t>Waheeda Fakhar</t>
  </si>
  <si>
    <t>GMES UGGO CHAK</t>
  </si>
  <si>
    <t>Uggochak</t>
  </si>
  <si>
    <t>uggochak post office qila kalar wala daska sialkot</t>
  </si>
  <si>
    <t>Razia Afzal</t>
  </si>
  <si>
    <t>GMES UNCHA PAHARANG</t>
  </si>
  <si>
    <t>Uncha Paharang</t>
  </si>
  <si>
    <t>village uncha paharang tehsil pasrur district sialkot</t>
  </si>
  <si>
    <t>Sadaf Yaqoob</t>
  </si>
  <si>
    <t>GMES URA</t>
  </si>
  <si>
    <t>govt model elementary school ura</t>
  </si>
  <si>
    <t>Ura</t>
  </si>
  <si>
    <t>Sughran Begum</t>
  </si>
  <si>
    <t>GMES VEER GARH 6 KASSI, KABIRWALA</t>
  </si>
  <si>
    <t>Veer Garh 6 Kassi</t>
  </si>
  <si>
    <t>GMMS veer Garh 6 kassi</t>
  </si>
  <si>
    <t>GMES VEER WALA</t>
  </si>
  <si>
    <t>Veerwala</t>
  </si>
  <si>
    <t>V/P Veerwala Via Satrah Teh Daska Distt Sialkot</t>
  </si>
  <si>
    <t>Saira Yaqoob Butt</t>
  </si>
  <si>
    <t>GMES WADIAN WALA</t>
  </si>
  <si>
    <t>p o box khas wadianwala.</t>
  </si>
  <si>
    <t>Muhammad Sarfraz Bajwa</t>
  </si>
  <si>
    <t>GMES WAHI WARYAM</t>
  </si>
  <si>
    <t>Wahi Waryam</t>
  </si>
  <si>
    <t>basti chit wala mouza wahi waryam</t>
  </si>
  <si>
    <t>Basti Chit Wala</t>
  </si>
  <si>
    <t>GMES WARRAH</t>
  </si>
  <si>
    <t>Thutha Muhammad Shah</t>
  </si>
  <si>
    <t>moza warrah thutha Muhammad shah</t>
  </si>
  <si>
    <t>Warrah</t>
  </si>
  <si>
    <t>GMES YAROO KHEL</t>
  </si>
  <si>
    <t>Govt. girls community model.elementary school yaru khel mianwali.</t>
  </si>
  <si>
    <t>Azra Kalsoom</t>
  </si>
  <si>
    <t>GMHS DASKA</t>
  </si>
  <si>
    <t>kuchahry chowk Daska</t>
  </si>
  <si>
    <t>Humaira Hafeez</t>
  </si>
  <si>
    <t>GMHS GUJRAN WALI</t>
  </si>
  <si>
    <t>Gujranwali</t>
  </si>
  <si>
    <t>gujranwali</t>
  </si>
  <si>
    <t>ASSIA KAUSER</t>
  </si>
  <si>
    <t>GMHS JAHANIAN, JAHANIAN</t>
  </si>
  <si>
    <t>GMHS JAHANIAN</t>
  </si>
  <si>
    <t>GMHS JOYIA JAHANGIR</t>
  </si>
  <si>
    <t>Joia Jahangir</t>
  </si>
  <si>
    <t>Govt.  Model E/S Joia Jahangir</t>
  </si>
  <si>
    <t>Bahkan Wala</t>
  </si>
  <si>
    <t>Zunaira Zareen</t>
  </si>
  <si>
    <t>GMHS KASHMIR KOTLI FAQIR CHAND</t>
  </si>
  <si>
    <t>vpo kotli faqir Chand tehsil pasrur district sialkot</t>
  </si>
  <si>
    <t>GMHS LAPAY WALI</t>
  </si>
  <si>
    <t>Lappy Wali</t>
  </si>
  <si>
    <t>lappy wali</t>
  </si>
  <si>
    <t>Talat Parveen Rana</t>
  </si>
  <si>
    <t>GMHS MALO MEHAY</t>
  </si>
  <si>
    <t>malomahay</t>
  </si>
  <si>
    <t>govt.girls model high school malomahay</t>
  </si>
  <si>
    <t>GMHS MODEL</t>
  </si>
  <si>
    <t>Liaquatpur</t>
  </si>
  <si>
    <t>Govt Model High School Kachehri Road Liaquatpur</t>
  </si>
  <si>
    <t>MUHAMMAD SALEEM ASIF</t>
  </si>
  <si>
    <t>GMHS TALWARA MUGHLAN</t>
  </si>
  <si>
    <t>talwara mughlan sialkot</t>
  </si>
  <si>
    <t>asia khanum</t>
  </si>
  <si>
    <t>Electric water cooler</t>
  </si>
  <si>
    <t>GMHSS CHAWINDA</t>
  </si>
  <si>
    <t>zafarwal road chawinda</t>
  </si>
  <si>
    <t>SHAGUFTA BATOOL</t>
  </si>
  <si>
    <t>GMMPS CHAK NO 64 4R</t>
  </si>
  <si>
    <t>64/4R</t>
  </si>
  <si>
    <t>GMMS  SAID PURA</t>
  </si>
  <si>
    <t>Said PUR</t>
  </si>
  <si>
    <t>Shahida Ishaq</t>
  </si>
  <si>
    <t>GMMS 103/P</t>
  </si>
  <si>
    <t>Chak no 103/p</t>
  </si>
  <si>
    <t>Chak No 103/P</t>
  </si>
  <si>
    <t>Madrissa Owned Motor Pump</t>
  </si>
  <si>
    <t>GMMS 117/10-R, JAHANIAN</t>
  </si>
  <si>
    <t>Govt model middle school 117 10 R</t>
  </si>
  <si>
    <t>Chak 117 10 R</t>
  </si>
  <si>
    <t>117 10 R</t>
  </si>
  <si>
    <t>Ms Zatoon Bashir</t>
  </si>
  <si>
    <t>GMMS 144/5-R</t>
  </si>
  <si>
    <t>Chak 144/5R</t>
  </si>
  <si>
    <t>chak 144/5R</t>
  </si>
  <si>
    <t>Chak 178/7R</t>
  </si>
  <si>
    <t>GMMS 151/10-R, JAHANIAN</t>
  </si>
  <si>
    <t>151/10 R</t>
  </si>
  <si>
    <t>Govt.Model Middle school 151/10 r</t>
  </si>
  <si>
    <t>Shabnum Javeed</t>
  </si>
  <si>
    <t>GMMS 17/4-L OKARA CANTT</t>
  </si>
  <si>
    <t>chak no 17/4. l okara cantt</t>
  </si>
  <si>
    <t>Chak No 17/4l Okara Cantt</t>
  </si>
  <si>
    <t>GMMS 179/7-R</t>
  </si>
  <si>
    <t>Chak No 179 /7R</t>
  </si>
  <si>
    <t>Chak no 179 /7 - R Tehsil liaquat pur distt Rahim Yar khan</t>
  </si>
  <si>
    <t>Chak No 179 /7 - R</t>
  </si>
  <si>
    <t>MUHAMMAD FAHEEM KHAN</t>
  </si>
  <si>
    <t>water filtration plant Saudi NGO</t>
  </si>
  <si>
    <t>GMMS 232/9R S</t>
  </si>
  <si>
    <t>232/9-R</t>
  </si>
  <si>
    <t>chak no 232/9-R</t>
  </si>
  <si>
    <t>Chak No 232/9-R S</t>
  </si>
  <si>
    <t>Arbaz Arshad</t>
  </si>
  <si>
    <t>GMMS 26/10-R, KACHA KHUH</t>
  </si>
  <si>
    <t>26/10 R</t>
  </si>
  <si>
    <t>chak no 26/10 r</t>
  </si>
  <si>
    <t>26/10r</t>
  </si>
  <si>
    <t>30/10r</t>
  </si>
  <si>
    <t>Najma Kanwal</t>
  </si>
  <si>
    <t>GMMS 262/P</t>
  </si>
  <si>
    <t>GMMS chak no 262p</t>
  </si>
  <si>
    <t>Chak 220p</t>
  </si>
  <si>
    <t>Shaman jee</t>
  </si>
  <si>
    <t>GMMS 268/HR BASTI PUL</t>
  </si>
  <si>
    <t>268/hr</t>
  </si>
  <si>
    <t>chak no 268/hr basti pul</t>
  </si>
  <si>
    <t>GMMS 3/D</t>
  </si>
  <si>
    <t>3D</t>
  </si>
  <si>
    <t>3/D p.O Rajowal Tehsil Depalpur district okara</t>
  </si>
  <si>
    <t>Qilla dewan sing</t>
  </si>
  <si>
    <t>Shah Bahram</t>
  </si>
  <si>
    <t>GMMS 313/6-R</t>
  </si>
  <si>
    <t>Chak 313/6R</t>
  </si>
  <si>
    <t>chak  313/6/R liaquatpur</t>
  </si>
  <si>
    <t>Chak 313/R</t>
  </si>
  <si>
    <t>Masood mohsin</t>
  </si>
  <si>
    <t>GMMS 46/A</t>
  </si>
  <si>
    <t>chak 46/A</t>
  </si>
  <si>
    <t>Muhammad Ayyub Akhtar</t>
  </si>
  <si>
    <t>GMMS 46/D</t>
  </si>
  <si>
    <t>46/D</t>
  </si>
  <si>
    <t>GMMS 46/D markaz pipli pahar Tehsil depalpur</t>
  </si>
  <si>
    <t>46/d</t>
  </si>
  <si>
    <t>Sobha Ram</t>
  </si>
  <si>
    <t>Munawar Shamim</t>
  </si>
  <si>
    <t>GMMS 55 TUKRA</t>
  </si>
  <si>
    <t>Inayt Shah</t>
  </si>
  <si>
    <t>chack 55 tukra kamalia</t>
  </si>
  <si>
    <t>55 Tukra</t>
  </si>
  <si>
    <t>661/2gb Kamalia</t>
  </si>
  <si>
    <t>shafqat ali</t>
  </si>
  <si>
    <t>GMMS 723 GB FOREST BLOCK-3</t>
  </si>
  <si>
    <t>723 GB B-3 Forest</t>
  </si>
  <si>
    <t>Chak No 723 GB B-3 Forest Kamalia TT Singh</t>
  </si>
  <si>
    <t>723 GB</t>
  </si>
  <si>
    <t>Azhar Abbas</t>
  </si>
  <si>
    <t>GMMS 9/FW FEEDER</t>
  </si>
  <si>
    <t>9/FW FEEDER</t>
  </si>
  <si>
    <t>9/ Fw</t>
  </si>
  <si>
    <t>GMMS 9/FW TINDRAN WALA</t>
  </si>
  <si>
    <t>9/FW</t>
  </si>
  <si>
    <t>9/Fw P/o Bakhshan Khan tehsil Chishtian Dist. Bahawalnagar</t>
  </si>
  <si>
    <t>Irshad Ahmed</t>
  </si>
  <si>
    <t>GMMS ABADI CHADHRAN</t>
  </si>
  <si>
    <t>27/GD</t>
  </si>
  <si>
    <t>Abadi chadhran 27/GD</t>
  </si>
  <si>
    <t>Abadi Chadhran 27GD</t>
  </si>
  <si>
    <t>GMMS ABADI CHAKAR KAY</t>
  </si>
  <si>
    <t>Abadi Chakar-Kay</t>
  </si>
  <si>
    <t>33/A waqas street Mazar colony near PTCL exchange Depalpur</t>
  </si>
  <si>
    <t>Shahid Rafique</t>
  </si>
  <si>
    <t>GMMS ABDUL GHANI LAR PO JAJJA ABASIAN</t>
  </si>
  <si>
    <t>basti ghani lar</t>
  </si>
  <si>
    <t>Abdul ghani Lar</t>
  </si>
  <si>
    <t>GMMS ABDUL KAREEM TUMRANI</t>
  </si>
  <si>
    <t>Basti tumrani Baloch P/O shedani sharif</t>
  </si>
  <si>
    <t>Tumrani Baloch</t>
  </si>
  <si>
    <t>Allah Diwaya</t>
  </si>
  <si>
    <t>GMMS ABDUL KARIM JAMALI</t>
  </si>
  <si>
    <t>basti Allah Dina.Iqbal Abad</t>
  </si>
  <si>
    <t>Allah Dina</t>
  </si>
  <si>
    <t>TARIQ HANIF</t>
  </si>
  <si>
    <t>GMMS ABDUL REHMAN</t>
  </si>
  <si>
    <t>basti faridabad</t>
  </si>
  <si>
    <t>GMMS ABDULLAH KHAN</t>
  </si>
  <si>
    <t>basti hazoor bux mouza fazal pur</t>
  </si>
  <si>
    <t>Ghulam Murtaza Asif</t>
  </si>
  <si>
    <t>GMMS ABID COLONY (MOUDIB)</t>
  </si>
  <si>
    <t>Chak No 10 NP</t>
  </si>
  <si>
    <t>Awami colony sdk</t>
  </si>
  <si>
    <t>Chak No10Np</t>
  </si>
  <si>
    <t>GMMS ABU TARB SHABLI TOWN BUND ROAD</t>
  </si>
  <si>
    <t>Shibli Town</t>
  </si>
  <si>
    <t>GOVT MASJID MAKTAB SCHOOL, ABU TURAB, SHIBLI TOWN, BUND ROAD, LAHORE.</t>
  </si>
  <si>
    <t>Sheikh Muhammad Moghis</t>
  </si>
  <si>
    <t>GMMS ADLANA FARID KA</t>
  </si>
  <si>
    <t>Adlana Dhudi</t>
  </si>
  <si>
    <t>edlana fridk</t>
  </si>
  <si>
    <t>Freed Ka</t>
  </si>
  <si>
    <t>Lalika</t>
  </si>
  <si>
    <t>Muhammad Ramzan Zahid</t>
  </si>
  <si>
    <t>GMMS ADP BHANA SAHIBA</t>
  </si>
  <si>
    <t>Gmms Bhana Sahiba</t>
  </si>
  <si>
    <t>Bhana sahiba</t>
  </si>
  <si>
    <t>Bonga Ameer singh</t>
  </si>
  <si>
    <t>GMMS ADP SHAH JAGDEER</t>
  </si>
  <si>
    <t>Shah Jagdeer</t>
  </si>
  <si>
    <t>dakali abadi 46/2l shah jagdeer</t>
  </si>
  <si>
    <t>44/2 L</t>
  </si>
  <si>
    <t>GMMS ADP WEER KAY</t>
  </si>
  <si>
    <t>Veer Kay</t>
  </si>
  <si>
    <t>Govt M M S Veer Kay Markaz Attari Teh Depalpur, Distt Okara</t>
  </si>
  <si>
    <t>MC Mandi</t>
  </si>
  <si>
    <t>GMMS AHL-E-HADEES MASJID FORT ABBAS</t>
  </si>
  <si>
    <t>Ali town fort abbas</t>
  </si>
  <si>
    <t>Abdul Rehman Umer</t>
  </si>
  <si>
    <t>GMMS AHMAD DIN BATWANI</t>
  </si>
  <si>
    <t>Chak 4 NP</t>
  </si>
  <si>
    <t>Basti chah kinni wala</t>
  </si>
  <si>
    <t>Basti Chah Kinni Wala</t>
  </si>
  <si>
    <t>Sajjad U Rehman</t>
  </si>
  <si>
    <t>GMMS AHSAN SHARIF</t>
  </si>
  <si>
    <t>bast ahsan sharif</t>
  </si>
  <si>
    <t>Ahsan Shreef</t>
  </si>
  <si>
    <t>Akhtar Abbas Shah</t>
  </si>
  <si>
    <t>GMMS AKHTAR ABAD</t>
  </si>
  <si>
    <t>GHOOKA</t>
  </si>
  <si>
    <t>Dara Mora Ghoka P/O Allah Abad LQP</t>
  </si>
  <si>
    <t>DARA MORA</t>
  </si>
  <si>
    <t>GMMS ALI BUX NOMBAR DAR</t>
  </si>
  <si>
    <t>Basti gulshan Imam din</t>
  </si>
  <si>
    <t>Basti Gulshan Imam</t>
  </si>
  <si>
    <t>Shabbeer Ahmad</t>
  </si>
  <si>
    <t>GMMS ALI HAJVAIRY KOT BARKAT</t>
  </si>
  <si>
    <t>KOT BARKAT SHAHDRA LAHORE</t>
  </si>
  <si>
    <t>GMMS ALI HAJVERY KOT BARKAT SHAHDRA LAHORE</t>
  </si>
  <si>
    <t>KOT BARKAT</t>
  </si>
  <si>
    <t>Shaukat Ali Shahzad</t>
  </si>
  <si>
    <t>GMMS ALI PUR</t>
  </si>
  <si>
    <t>gmms ali pur</t>
  </si>
  <si>
    <t>GMMS ALLA ABAD</t>
  </si>
  <si>
    <t>awan pura nearsugur mill</t>
  </si>
  <si>
    <t>4 fordwah awan pura</t>
  </si>
  <si>
    <t>Urban CTN</t>
  </si>
  <si>
    <t>GMMS ALLAH YAR SHEIKH</t>
  </si>
  <si>
    <t>Basti Haji Ibrahim Somro</t>
  </si>
  <si>
    <t>Kachi Muhammmad Khan</t>
  </si>
  <si>
    <t>GMMS AMIN PARK BUND NO.2 ROAD LAHORE</t>
  </si>
  <si>
    <t>Gunjay Kalam</t>
  </si>
  <si>
    <t>leechi wala bagh amin park no 2</t>
  </si>
  <si>
    <t>Amin Park No 2</t>
  </si>
  <si>
    <t>New Amin Park No 2</t>
  </si>
  <si>
    <t>GMMS AMLI KAY ATHAR SHAH</t>
  </si>
  <si>
    <t>Amli Ke Athar Shah</t>
  </si>
  <si>
    <t>Amli ke Athar shah Teh.Dipalpur  Distt.Okara</t>
  </si>
  <si>
    <t>GMMS ANWAR PEER SHUJA ABAD</t>
  </si>
  <si>
    <t>chah dedhi wala moza pounta shujabad</t>
  </si>
  <si>
    <t>Dedhi Wala</t>
  </si>
  <si>
    <t>Ehsan Ahmad</t>
  </si>
  <si>
    <t>GMMS AOULAKH NASHEB</t>
  </si>
  <si>
    <t>Aoulakh Nashaib</t>
  </si>
  <si>
    <t>Aoulakh Nashaib Tehsil Karor Disrict Layyah</t>
  </si>
  <si>
    <t>GMMS ARNUM FARM</t>
  </si>
  <si>
    <t>Military Farm Arnum</t>
  </si>
  <si>
    <t>Arnum Farm</t>
  </si>
  <si>
    <t>Asif javed</t>
  </si>
  <si>
    <t>GMMS AYA NAGAR KHURD</t>
  </si>
  <si>
    <t>Ayya Khurd</t>
  </si>
  <si>
    <t>ayya khurd</t>
  </si>
  <si>
    <t>Labanwala</t>
  </si>
  <si>
    <t>WajId Ali</t>
  </si>
  <si>
    <t>GMMS AZIZ ALLAH DIGROCHA</t>
  </si>
  <si>
    <t>Bhapla Kacha</t>
  </si>
  <si>
    <t>Aziz Allah Dirgrocha Mauza Bhapla kacha tehsil Liaquat pur Disst Rahim yar khan</t>
  </si>
  <si>
    <t>Aziz Allah Dirgrocha</t>
  </si>
  <si>
    <t>Ghulam  Farid</t>
  </si>
  <si>
    <t>GMMS BABRAN</t>
  </si>
  <si>
    <t>basti babran</t>
  </si>
  <si>
    <t>Sultan Ahmed</t>
  </si>
  <si>
    <t>GMMS BACHAL SHAH</t>
  </si>
  <si>
    <t>Bachal Shah</t>
  </si>
  <si>
    <t>moza bachal shah uc fateh pur p/o dauwala</t>
  </si>
  <si>
    <t>Lal Muhammad</t>
  </si>
  <si>
    <t>GMMS BAGH U ALOOM CHAK NO 204/M</t>
  </si>
  <si>
    <t>Chak No 204/M E</t>
  </si>
  <si>
    <t>Chak no. 204/M  E Tehsil: chishtian Dist: Bahawalnagar</t>
  </si>
  <si>
    <t>FAHAD MAHMOOD</t>
  </si>
  <si>
    <t>GMMS BAHADAR KA</t>
  </si>
  <si>
    <t>Hussain Abad Hithar</t>
  </si>
  <si>
    <t>BahadarKa Basti Mohib Ali</t>
  </si>
  <si>
    <t>Hafiz Mohaib Ali</t>
  </si>
  <si>
    <t>GMMS BAIGAY KHAIRAY WALA</t>
  </si>
  <si>
    <t>CHAH Kamal Wala</t>
  </si>
  <si>
    <t>CHAH KAMAL WAKA 90 TDA</t>
  </si>
  <si>
    <t>CHAK NO 90 TDA CHAH KAMAL WALA</t>
  </si>
  <si>
    <t>Mohammad Aslam</t>
  </si>
  <si>
    <t>GMMS BAIT MACHI</t>
  </si>
  <si>
    <t>GMMS BAIT MACHI BASTI MITHAL KHAN</t>
  </si>
  <si>
    <t>BASTI MITHAL KHAN</t>
  </si>
  <si>
    <t>GMMS BAQIL PUR</t>
  </si>
  <si>
    <t>Wazir Ahmed Abad</t>
  </si>
  <si>
    <t>Basti Baqil Pur Moza Wazir Ahmed Abad Post Office Bhong Tehsil Sadiq Abad District Rahim Yar Khan</t>
  </si>
  <si>
    <t>Baqil Pur</t>
  </si>
  <si>
    <t>GMMS BASHIR ABAD</t>
  </si>
  <si>
    <t>Chak 14np</t>
  </si>
  <si>
    <t>Basti Muhammad riaz bajwa chak 14,np</t>
  </si>
  <si>
    <t>Basti Muhammed Diaz Bajwa</t>
  </si>
  <si>
    <t>Khalid Mehmood Bajwa</t>
  </si>
  <si>
    <t>GMMS BASTI ABDUL RAHMAN</t>
  </si>
  <si>
    <t>BAHADAR PUR-MALE</t>
  </si>
  <si>
    <t>Basti Raees Qadir Bukhsh Moza Kotla Hayat Tehsil Sadik Abad</t>
  </si>
  <si>
    <t>Basti Raees Qadir Bukhsh</t>
  </si>
  <si>
    <t>Hafiz  Nazir Ahmad</t>
  </si>
  <si>
    <t>GMMS BASTI ABDUL WAHID</t>
  </si>
  <si>
    <t>basti Abdul wahid</t>
  </si>
  <si>
    <t>Basti A  Wahid</t>
  </si>
  <si>
    <t>GMMS BASTI BALOCHAN</t>
  </si>
  <si>
    <t>GMMS Balouchan</t>
  </si>
  <si>
    <t>Basti Khair Muhammad</t>
  </si>
  <si>
    <t>iSHRAT FARKHANDA</t>
  </si>
  <si>
    <t>GMMS BASTI BARKAT ALI</t>
  </si>
  <si>
    <t>22 N/P</t>
  </si>
  <si>
    <t>GMMS Basti Barkat Ali</t>
  </si>
  <si>
    <t>GMMS BASTI BHAND</t>
  </si>
  <si>
    <t>Pati Ali</t>
  </si>
  <si>
    <t>Basti Bhand Karor Nasheeb</t>
  </si>
  <si>
    <t>Basti Bhand</t>
  </si>
  <si>
    <t>Faisal Ali</t>
  </si>
  <si>
    <t>GMMS BASTI BHUCHRI</t>
  </si>
  <si>
    <t>Chak 757 G B</t>
  </si>
  <si>
    <t>gmms school basti bhachri chak # 757 GB,tehsil pirmahal,district toba tek singh.</t>
  </si>
  <si>
    <t>Basti Bhachary</t>
  </si>
  <si>
    <t>Nadeem abbas</t>
  </si>
  <si>
    <t>GMMS BASTI BLOUCHAN</t>
  </si>
  <si>
    <t>Yakhtyr Maha</t>
  </si>
  <si>
    <t>basti balochaan</t>
  </si>
  <si>
    <t>TARANDA GORGAGE</t>
  </si>
  <si>
    <t>SHAHID FAROOQ</t>
  </si>
  <si>
    <t>GMMS BASTI CHAH KALOO</t>
  </si>
  <si>
    <t>chah kaloo rahim yar khan</t>
  </si>
  <si>
    <t>CHAH KALOO</t>
  </si>
  <si>
    <t>Muhammad boota</t>
  </si>
  <si>
    <t>GMMS BASTI CHALANDRAN</t>
  </si>
  <si>
    <t>Deera Shamas</t>
  </si>
  <si>
    <t>GMMS basti chalandran</t>
  </si>
  <si>
    <t>Kumb Chachran</t>
  </si>
  <si>
    <t>GMMS BASTI CHOHAN SHARIF</t>
  </si>
  <si>
    <t>Basti chohan</t>
  </si>
  <si>
    <t>CHOHAN Shreef</t>
  </si>
  <si>
    <t>asifa arif</t>
  </si>
  <si>
    <t>GMMS BASTI DADAPOTRA</t>
  </si>
  <si>
    <t>Basti Dadpotra</t>
  </si>
  <si>
    <t>Basti Dadpotra chak no 282/HR</t>
  </si>
  <si>
    <t>Chak No 282/HR</t>
  </si>
  <si>
    <t>GMMS BASTI DERKHASTI (DERGHA E HUSSAINIA)</t>
  </si>
  <si>
    <t>JHOK GHULAB SHAH</t>
  </si>
  <si>
    <t>JHOK GHULAB shah</t>
  </si>
  <si>
    <t>Jhoke Gulab shah</t>
  </si>
  <si>
    <t>Nasir Nawaz Siddiqui</t>
  </si>
  <si>
    <t>GMMS BASTI FATEH MUHAMMAD</t>
  </si>
  <si>
    <t>Chack 10</t>
  </si>
  <si>
    <t>Basti Fateh Muhammad Sadiq Abad</t>
  </si>
  <si>
    <t>Basti Fateh Muhammad Muhammad</t>
  </si>
  <si>
    <t>MUHAMMAD AKMAL SHAHEEN</t>
  </si>
  <si>
    <t>GMMS BASTI GHULAM NABI KHOKHAR</t>
  </si>
  <si>
    <t>Sadiqpur</t>
  </si>
  <si>
    <t>basti ghulam nabi khokhar</t>
  </si>
  <si>
    <t>Basti Ghulam Nabi Khokhar</t>
  </si>
  <si>
    <t>Khair Mohammad  Abbasi</t>
  </si>
  <si>
    <t>GMMS BASTI GHULAM QADIR</t>
  </si>
  <si>
    <t>Basti Ghulam Qadir</t>
  </si>
  <si>
    <t>Basti ghulam qadir Chak 138/P</t>
  </si>
  <si>
    <t>Sobia Akmal</t>
  </si>
  <si>
    <t>GMMS BASTI HASSAM</t>
  </si>
  <si>
    <t>Allah Dita</t>
  </si>
  <si>
    <t>GMMS BASTI JAN MUHAMMAD GABOL</t>
  </si>
  <si>
    <t>Ali Mardan</t>
  </si>
  <si>
    <t>basti Jan Muhammad gabool</t>
  </si>
  <si>
    <t>Basti Jan Muhammad Gabool</t>
  </si>
  <si>
    <t>GMMS BASTI KALYAR</t>
  </si>
  <si>
    <t>basti kalyar mouza gareeb shah tehsil liaquat Pur District Rahim Yar Khan.</t>
  </si>
  <si>
    <t>Basti Kuyar</t>
  </si>
  <si>
    <t>Muhammad Sabtain</t>
  </si>
  <si>
    <t>GMMS BASTI KARAK</t>
  </si>
  <si>
    <t>Gmms Basti karak</t>
  </si>
  <si>
    <t>Basti Khair Muhd</t>
  </si>
  <si>
    <t>GMMS BASTI KAREEM BAKHSH LAAR</t>
  </si>
  <si>
    <t>Gul Muhammed Laar</t>
  </si>
  <si>
    <t>basti Kreem bux Laar maoza gul Muhammed Laar uc chanjni</t>
  </si>
  <si>
    <t>Basti Kreem Bux Laar Maoza Gul Muhammed Laar Uc Ch</t>
  </si>
  <si>
    <t>GMMS BASTI KORRA DASHTI</t>
  </si>
  <si>
    <t>gmms kora dashti tehsil sadiq abad district ryk</t>
  </si>
  <si>
    <t>Kora Dashti</t>
  </si>
  <si>
    <t>GMMS BASTI KOT ABDULLAH</t>
  </si>
  <si>
    <t>Miansadi Sultan</t>
  </si>
  <si>
    <t>basti kotabdullah</t>
  </si>
  <si>
    <t>Kotabdullah</t>
  </si>
  <si>
    <t>GMMS BASTI LANGAR KHAN</t>
  </si>
  <si>
    <t>13np</t>
  </si>
  <si>
    <t>Basti langer khan</t>
  </si>
  <si>
    <t>Langar khan</t>
  </si>
  <si>
    <t>Bhattawahan</t>
  </si>
  <si>
    <t>Mhammad Afzal</t>
  </si>
  <si>
    <t>GMMS BASTI MACHIAN</t>
  </si>
  <si>
    <t>54 Np</t>
  </si>
  <si>
    <t>GMMS BASTI MAHTAB DIN</t>
  </si>
  <si>
    <t>Mud Akbar Shah</t>
  </si>
  <si>
    <t>Basti Mahtab Din kot Samaba tehsil and district rahim yar khan</t>
  </si>
  <si>
    <t>Basti Mehtab Din</t>
  </si>
  <si>
    <t>Muhammad Asif Khurshid</t>
  </si>
  <si>
    <t>GMMS BASTI MAIKAN</t>
  </si>
  <si>
    <t>MUD KORA</t>
  </si>
  <si>
    <t>BASTI MAIKAN ,TEHSIL RYK</t>
  </si>
  <si>
    <t>MAIKAN</t>
  </si>
  <si>
    <t>GMMS BASTI MALKAN</t>
  </si>
  <si>
    <t>Darri Azeem Khan</t>
  </si>
  <si>
    <t>Basti Qazi Abdul Rehman p/o Dari Azeem Khan RYK</t>
  </si>
  <si>
    <t>Basti Qazi Abdul Rehman</t>
  </si>
  <si>
    <t>Muhammad Munawar</t>
  </si>
  <si>
    <t>GMMS BASTI MATLOOB MOSQUE REHAN</t>
  </si>
  <si>
    <t>9/Fw</t>
  </si>
  <si>
    <t>9/Fw Purani Hatya Bakshan khan</t>
  </si>
  <si>
    <t>chak 9/Fw</t>
  </si>
  <si>
    <t>Muhammad Rizwan Akram</t>
  </si>
  <si>
    <t>GMMS BASTI MAZHAR KHAN</t>
  </si>
  <si>
    <t>basti mazhar khan</t>
  </si>
  <si>
    <t>Mzar Khan</t>
  </si>
  <si>
    <t>Hassan Ali</t>
  </si>
  <si>
    <t>GMMS BASTI MOCHIAN</t>
  </si>
  <si>
    <t>dhukran</t>
  </si>
  <si>
    <t>basti ghos buksh,moza dhukran,tehsil and district rahim yar khan</t>
  </si>
  <si>
    <t>basti ghos buksh</t>
  </si>
  <si>
    <t>Muhammad Asif Nadeem</t>
  </si>
  <si>
    <t>GMMS BASTI NAU DAKHLI</t>
  </si>
  <si>
    <t>BANGALWALA</t>
  </si>
  <si>
    <t>BASTI NAU DAAKHLI, MULTAN</t>
  </si>
  <si>
    <t>BASTI NAU DAAHLI</t>
  </si>
  <si>
    <t>SHABAN ALI</t>
  </si>
  <si>
    <t>GMMS BASTI NAZAM DIN 667/8 GB</t>
  </si>
  <si>
    <t>667/8 gb basti nizam din pir mahal</t>
  </si>
  <si>
    <t>667/8 GB Basti Nizam Din</t>
  </si>
  <si>
    <t>GMMS BASTI PANWARAN</t>
  </si>
  <si>
    <t>Pasti Panwaran mouza Allah ditta bhela</t>
  </si>
  <si>
    <t>Ayaz Ahmed Sabir</t>
  </si>
  <si>
    <t>GMMS BASTI PAROO SHAH</t>
  </si>
  <si>
    <t>Basti Paroo Shah moza fazal abad tehsil rahim Yar khan</t>
  </si>
  <si>
    <t>Basti Paroo Shah</t>
  </si>
  <si>
    <t>Rajan Pur Klan</t>
  </si>
  <si>
    <t>abdul haq shah</t>
  </si>
  <si>
    <t>GMMS BASTI PIR JAMAN SULTAN</t>
  </si>
  <si>
    <t>GMMS Basti Pir Juman Sultan</t>
  </si>
  <si>
    <t>Basti Pir Jumman</t>
  </si>
  <si>
    <t>Muhammad Din Tabssum</t>
  </si>
  <si>
    <t>GMMS BASTI QADIR BUX</t>
  </si>
  <si>
    <t>CHAK QADIR BUKHSH MUSLAH MOZA BUNGA MACHI</t>
  </si>
  <si>
    <t>Chak Qadir Bakhsh Muslah</t>
  </si>
  <si>
    <t>GMMS BASTI QADU KHAN</t>
  </si>
  <si>
    <t>Nazar MUHAMMAD</t>
  </si>
  <si>
    <t>Basti and Yar Ali moza nazar the Muhammad</t>
  </si>
  <si>
    <t>Basti I Yar Ali</t>
  </si>
  <si>
    <t>GMMS BASTI RAHMAT ALI</t>
  </si>
  <si>
    <t>M Nawaz Wasa</t>
  </si>
  <si>
    <t>basti imam bux dak khana basti shadi</t>
  </si>
  <si>
    <t>Basti Imam Bux</t>
  </si>
  <si>
    <t>GMMS BASTI RAMZAN</t>
  </si>
  <si>
    <t>74np</t>
  </si>
  <si>
    <t>basti ramzan mauza Chak 74np ryk</t>
  </si>
  <si>
    <t>Basti Ramzan</t>
  </si>
  <si>
    <t>GMMS BASTI SAMAJAH</t>
  </si>
  <si>
    <t>GMMS BASTI SAMEJA,  BASTI SAMEJAH</t>
  </si>
  <si>
    <t>Basti Samajha</t>
  </si>
  <si>
    <t>Muhammad Iqbal Tabassum</t>
  </si>
  <si>
    <t>GMMS BASTI SARWAR</t>
  </si>
  <si>
    <t>GMMS basti sarwar</t>
  </si>
  <si>
    <t>Basti Sarwar</t>
  </si>
  <si>
    <t>Muhammad Zulqarnain</t>
  </si>
  <si>
    <t>GMMS BASTI SHER MUHAMMAD</t>
  </si>
  <si>
    <t>Kot Sher Muhammed Muhammad</t>
  </si>
  <si>
    <t>Basti Sher Muhammad PO Adda Nehar Gujyani tehsil and district Bahawalnagar</t>
  </si>
  <si>
    <t>Basti Sher Muhammad</t>
  </si>
  <si>
    <t>Muhammmad Afzal</t>
  </si>
  <si>
    <t>GMMS BASTI SUBHAN KHAN</t>
  </si>
  <si>
    <t>basti mukhtair khan fazil pur</t>
  </si>
  <si>
    <t>Basti Mukhtair Khan</t>
  </si>
  <si>
    <t>GMMS BASTI TANVRI</t>
  </si>
  <si>
    <t>Gunji</t>
  </si>
  <si>
    <t>chak no.206p basti tamvari</t>
  </si>
  <si>
    <t>Basti Tanvari</t>
  </si>
  <si>
    <t>Mohammad Essa</t>
  </si>
  <si>
    <t>GMMS BASTI YAR MUHAMMAD MACHI</t>
  </si>
  <si>
    <t>Rahmoo</t>
  </si>
  <si>
    <t>Bsti Yar Muhammad Machi Mouza Rahmoo tehsil sadiqabad District Rahim Yar khan</t>
  </si>
  <si>
    <t>Basti Yar Muhammad Machi</t>
  </si>
  <si>
    <t>Farhat Suboor</t>
  </si>
  <si>
    <t>GMMS BASTI YOUSAF DHUDH</t>
  </si>
  <si>
    <t>Chak Naseer Abad</t>
  </si>
  <si>
    <t>basti noor Muhammad chadar 33/NP sadiqabad</t>
  </si>
  <si>
    <t>Noor Muhammad Chadar</t>
  </si>
  <si>
    <t>Tauqeer Ali</t>
  </si>
  <si>
    <t>GMMS BHANDAN WALI</t>
  </si>
  <si>
    <t>Tibbi Khurd Nasheeb</t>
  </si>
  <si>
    <t>Basti khaira Tehsil Karor District Layyah</t>
  </si>
  <si>
    <t>Basti Khaira</t>
  </si>
  <si>
    <t>GMMS BHANDOOR FAROOQ ABAD</t>
  </si>
  <si>
    <t>Bhandor</t>
  </si>
  <si>
    <t>bhandoor</t>
  </si>
  <si>
    <t>Abrar Khan</t>
  </si>
  <si>
    <t>GMMS BHANI BHATIAN</t>
  </si>
  <si>
    <t>GMMS bhani bhatian plot A</t>
  </si>
  <si>
    <t>Pot A</t>
  </si>
  <si>
    <t>GMMS BHANI SULEMANKI</t>
  </si>
  <si>
    <t>Bhani Sulemanki</t>
  </si>
  <si>
    <t>BHENI SULEMANKI</t>
  </si>
  <si>
    <t>JAMALKOT</t>
  </si>
  <si>
    <t>LOOQAS</t>
  </si>
  <si>
    <t>GMMS BHARA MASTOI</t>
  </si>
  <si>
    <t>Basti Haji Ghulam Rasool Kobhar</t>
  </si>
  <si>
    <t>GMMS BHENI HAJI AKBAR MULTAN</t>
  </si>
  <si>
    <t>Bhani Haji Akbar wali Qadir pur Ran District   Multan</t>
  </si>
  <si>
    <t>Bhani  Haji Akbar W</t>
  </si>
  <si>
    <t>Qadir Pur Gharbi</t>
  </si>
  <si>
    <t>GMMS BHENI MAHARAAN</t>
  </si>
  <si>
    <t>basti bheni maharan</t>
  </si>
  <si>
    <t>Bheni Maharan</t>
  </si>
  <si>
    <t>GMMS BHUTA WAHAN</t>
  </si>
  <si>
    <t>Adda hafiz abad</t>
  </si>
  <si>
    <t>Adda Hafiz Abad</t>
  </si>
  <si>
    <t>Muhammad Fahad Khalid</t>
  </si>
  <si>
    <t>GMMS BIBI CHACHAR</t>
  </si>
  <si>
    <t>basti bibi Chachar</t>
  </si>
  <si>
    <t>Bibi Chachar</t>
  </si>
  <si>
    <t>Hannan Habib</t>
  </si>
  <si>
    <t>GMMS BILAL MASJID  FORT ABBAS</t>
  </si>
  <si>
    <t>274/HR</t>
  </si>
  <si>
    <t>Thokar par Bilal Masjid Fortabbas</t>
  </si>
  <si>
    <t>Riaz Ahmed Ijaz</t>
  </si>
  <si>
    <t>GMMS BILAL UR REHMAN</t>
  </si>
  <si>
    <t>b-3 china scheme lahore</t>
  </si>
  <si>
    <t>gujjar pura china scheme lahore</t>
  </si>
  <si>
    <t>nadeem tariq</t>
  </si>
  <si>
    <t>GMMS BISHAN SINGH</t>
  </si>
  <si>
    <t>Bishan Sing</t>
  </si>
  <si>
    <t>chak sarkari</t>
  </si>
  <si>
    <t>Chak Sarkari</t>
  </si>
  <si>
    <t>Mohammad Hanif Saqib</t>
  </si>
  <si>
    <t>GMMS BORIYAN WALA P/O BUMB</t>
  </si>
  <si>
    <t>Bumb</t>
  </si>
  <si>
    <t>Borian wala</t>
  </si>
  <si>
    <t>Muhammad Shokat Hussain</t>
  </si>
  <si>
    <t>GMMS BUNGLY YAR MUHAMMAD</t>
  </si>
  <si>
    <t>Basti Allah Din Monza Noorpur</t>
  </si>
  <si>
    <t>Basti Allah Din  Kosh</t>
  </si>
  <si>
    <t>Madan Ram</t>
  </si>
  <si>
    <t>GMMS CHAH BALOCHAN</t>
  </si>
  <si>
    <t>Jewen Pura</t>
  </si>
  <si>
    <t>GMMS Chah Balochan</t>
  </si>
  <si>
    <t>Chah Balochan</t>
  </si>
  <si>
    <t>TahIr Nadeem</t>
  </si>
  <si>
    <t>water brought from filter plant</t>
  </si>
  <si>
    <t>GMMS CHAH KHOKHRAN WALA</t>
  </si>
  <si>
    <t>chak no.113 EB</t>
  </si>
  <si>
    <t>GMMS Chah Khokhran wala</t>
  </si>
  <si>
    <t>Chak No.113 EB</t>
  </si>
  <si>
    <t>chak 109 EB</t>
  </si>
  <si>
    <t>Ghulam Mustafa Shahid</t>
  </si>
  <si>
    <t>GMMS CHAH LAL WALA</t>
  </si>
  <si>
    <t>Chah Lalwala</t>
  </si>
  <si>
    <t>chah lalwala</t>
  </si>
  <si>
    <t>GMMS CHAK 14/FW HAKEEM WALI</t>
  </si>
  <si>
    <t>10/ F-W</t>
  </si>
  <si>
    <t>14/F.W(Hakeem Wali)</t>
  </si>
  <si>
    <t>14/F-W Hakeem Wali</t>
  </si>
  <si>
    <t>10/ Fw</t>
  </si>
  <si>
    <t>GMMS CHAK 191 P</t>
  </si>
  <si>
    <t>chak no 191/p post office chak no 194/p Tehsil sadiqabad district Rahimyarkhan</t>
  </si>
  <si>
    <t>191/p</t>
  </si>
  <si>
    <t>Ejaz Ahmed Bajwa</t>
  </si>
  <si>
    <t>GMMS CHAK 248/HL</t>
  </si>
  <si>
    <t>248HL</t>
  </si>
  <si>
    <t>Chak No. 248</t>
  </si>
  <si>
    <t>SAKEENA KOUSAR</t>
  </si>
  <si>
    <t>GMMS CHAK 251 GB NAI ABADI</t>
  </si>
  <si>
    <t>251 GB Uggi</t>
  </si>
  <si>
    <t>251GB Uggi</t>
  </si>
  <si>
    <t>GMMS CHAK 256 GB</t>
  </si>
  <si>
    <t>Chak no 256 gb new</t>
  </si>
  <si>
    <t>Chak no 256 gb</t>
  </si>
  <si>
    <t>GMMS CHAK 269 GB KOT QASIM</t>
  </si>
  <si>
    <t>Chak 269 GB Kot Qasim</t>
  </si>
  <si>
    <t>Chak 269 GB</t>
  </si>
  <si>
    <t>Mazhar Ahmad</t>
  </si>
  <si>
    <t>GMMS CHAK 279/HR</t>
  </si>
  <si>
    <t>Chak 279/HR</t>
  </si>
  <si>
    <t>Azaafi Basti Chak No 279/HR</t>
  </si>
  <si>
    <t>Chak No 279/HR</t>
  </si>
  <si>
    <t>GMMS CHAK 292/HR</t>
  </si>
  <si>
    <t>292 Hr</t>
  </si>
  <si>
    <t>chak no 292 hr</t>
  </si>
  <si>
    <t>289 Hr</t>
  </si>
  <si>
    <t>Muhammad Saqib Rafiq</t>
  </si>
  <si>
    <t>GMMS CHAK 38 D CHORASTA</t>
  </si>
  <si>
    <t>38D</t>
  </si>
  <si>
    <t>chorasta 38D</t>
  </si>
  <si>
    <t>M Latif</t>
  </si>
  <si>
    <t>GMMS CHAK 42/P</t>
  </si>
  <si>
    <t>sherh garh</t>
  </si>
  <si>
    <t>Govt mms chak 42/p bb dist.Ryk teh kpr</t>
  </si>
  <si>
    <t>chak 42/p</t>
  </si>
  <si>
    <t>SAIMA NIZAMI</t>
  </si>
  <si>
    <t>GMMS CHAK 43 D KHURD</t>
  </si>
  <si>
    <t>Chak 43/D Khurd</t>
  </si>
  <si>
    <t>Chak no. 43/D khurd Tehsil Depalpur District Okara</t>
  </si>
  <si>
    <t>Doulowal</t>
  </si>
  <si>
    <t>GMMS CHAK 43-A/4.L</t>
  </si>
  <si>
    <t>Chack 43/A4L tahlo</t>
  </si>
  <si>
    <t>chak no 43/a 4L</t>
  </si>
  <si>
    <t>Chak No 43/A 4L</t>
  </si>
  <si>
    <t>35/2R</t>
  </si>
  <si>
    <t>GMMS CHAK 512 GB BAGHRI BLUCHAN</t>
  </si>
  <si>
    <t>bagri blochan</t>
  </si>
  <si>
    <t>bagri blochan 512gb</t>
  </si>
  <si>
    <t>Bagri Bluchan 512gb</t>
  </si>
  <si>
    <t>189/GB</t>
  </si>
  <si>
    <t>kousar arshad</t>
  </si>
  <si>
    <t>GMMS CHAK 64 SP</t>
  </si>
  <si>
    <t>bagian</t>
  </si>
  <si>
    <t>gmms 64/sp bagian</t>
  </si>
  <si>
    <t>64/sp bagian</t>
  </si>
  <si>
    <t>Muhammad Faisal Iqbal</t>
  </si>
  <si>
    <t>GMMS CHAK 7/D</t>
  </si>
  <si>
    <t>Dharme Wala</t>
  </si>
  <si>
    <t>7D</t>
  </si>
  <si>
    <t>Arora Mian Khan</t>
  </si>
  <si>
    <t>GMMS CHAK 723 GB</t>
  </si>
  <si>
    <t>Chak No 723 GB</t>
  </si>
  <si>
    <t>Chak No 723 GB, Kamalia</t>
  </si>
  <si>
    <t>722/GB</t>
  </si>
  <si>
    <t>GMMS CHAK 81/M JALALPUR PIRWALA</t>
  </si>
  <si>
    <t>Chak 81/m</t>
  </si>
  <si>
    <t>basti Jhok Chak 81 M permat road Jalal pur pir wala</t>
  </si>
  <si>
    <t>Muhammad Nasir Abbas</t>
  </si>
  <si>
    <t>GMMS CHAK 87/M P/O BAHADUR PUR JALALPUR PIRWALA</t>
  </si>
  <si>
    <t>Chak 87M</t>
  </si>
  <si>
    <t>chak 87M P/O Bahadar pur Tehsil JPPW</t>
  </si>
  <si>
    <t>Chak 87m</t>
  </si>
  <si>
    <t>GMMS CHAK 9/FW EID GAH BAKHSHAN KHAN</t>
  </si>
  <si>
    <t>9/fw bakshankhan</t>
  </si>
  <si>
    <t>Umaira Anwer</t>
  </si>
  <si>
    <t>GMMS CHAK AHMAD KHAN KHOKHAR</t>
  </si>
  <si>
    <t>Chak Ahmed Khan</t>
  </si>
  <si>
    <t>chak ahmed khan khokhar</t>
  </si>
  <si>
    <t>Chak Ahmed Khan Khokhar</t>
  </si>
  <si>
    <t>GMMS CHAK AHMED YAR</t>
  </si>
  <si>
    <t>Chak Ahmad Yar</t>
  </si>
  <si>
    <t>chak ahmad yar</t>
  </si>
  <si>
    <t>GMMS CHAK BEGUM</t>
  </si>
  <si>
    <t>CHAK BEGUM</t>
  </si>
  <si>
    <t>Ghaus Pur CHAK BEGUM Tehsil Depalpur District Okara</t>
  </si>
  <si>
    <t>Mohib  Ali Utar</t>
  </si>
  <si>
    <t>TanveerYaseen</t>
  </si>
  <si>
    <t>GMMS CHAK BILLI MAR</t>
  </si>
  <si>
    <t>BILIMAR</t>
  </si>
  <si>
    <t>GMMS BILLIMAR  FARID ABAD BILLIMAR P.O Haveli Lakha Tehsil Depalpur District Okara</t>
  </si>
  <si>
    <t>BILLMAR</t>
  </si>
  <si>
    <t>MOHIB ALI OTAR</t>
  </si>
  <si>
    <t>GMMS CHAK NO 12-1/AL KARKNI</t>
  </si>
  <si>
    <t>Karkni</t>
  </si>
  <si>
    <t>G.M.M.S chak no.12/1AL karkni</t>
  </si>
  <si>
    <t>12/1AL Karkni</t>
  </si>
  <si>
    <t>GMMS CHAK NO 14 FW JAMIA MASJAD</t>
  </si>
  <si>
    <t>Chack No 9/fw p/O Bakhshan Khan Tehsil chishtian dist Bahawalnagar</t>
  </si>
  <si>
    <t>Muhammad Jamil Babar</t>
  </si>
  <si>
    <t>GMMS CHAK NO 170/M</t>
  </si>
  <si>
    <t>170/m</t>
  </si>
  <si>
    <t>Azafi basti 170/m dahran wala chishtian</t>
  </si>
  <si>
    <t>Azafi basti 170/m</t>
  </si>
  <si>
    <t>167/M</t>
  </si>
  <si>
    <t>GMMS CHAK NO 176 M (NORTH)</t>
  </si>
  <si>
    <t>Chak No 176/M North</t>
  </si>
  <si>
    <t>GMMS 176/M NORTH</t>
  </si>
  <si>
    <t>Chak No176/M North</t>
  </si>
  <si>
    <t>GMMS CHAK NO 186 7R W</t>
  </si>
  <si>
    <t>Chak 186/7R West</t>
  </si>
  <si>
    <t>chak  no.186/7.r(w)</t>
  </si>
  <si>
    <t>186/7R West</t>
  </si>
  <si>
    <t>Muhammad abbas akhtar</t>
  </si>
  <si>
    <t>GMMS CHAK NO 20/3-R NO. 2</t>
  </si>
  <si>
    <t>Chak No 20/3R</t>
  </si>
  <si>
    <t>GMMS 20/3R , CHAK 20/3R GULSHAN COLONY HAROONABAD</t>
  </si>
  <si>
    <t>CHAK NO 20/3R GULSHAN COLONY</t>
  </si>
  <si>
    <t>CHAK NO 20/3R</t>
  </si>
  <si>
    <t>GMMS CHAK NO 204 M. REHMAN BASTI</t>
  </si>
  <si>
    <t>Rehman Basti 204/M</t>
  </si>
  <si>
    <t>Rehman Basti Chak No 204/M Tehsil Chishtian Dist: Bahawalnagar</t>
  </si>
  <si>
    <t>Chak No 204/M W</t>
  </si>
  <si>
    <t>Coolers</t>
  </si>
  <si>
    <t>GMMS CHAK NO 209/P</t>
  </si>
  <si>
    <t>Chak 209/P</t>
  </si>
  <si>
    <t>chak209/p</t>
  </si>
  <si>
    <t>209/P</t>
  </si>
  <si>
    <t>Javaria Tahir</t>
  </si>
  <si>
    <t>GMMS CHAK NO 21 P</t>
  </si>
  <si>
    <t>Chak 21-P</t>
  </si>
  <si>
    <t>Chak 21-P, P/O Chak 23/P Tehsil Khanpur Disst: Rahim Yar Khan</t>
  </si>
  <si>
    <t>21-P</t>
  </si>
  <si>
    <t>Mud Bhora</t>
  </si>
  <si>
    <t>GMMS CHAK NO 215/P NOOR PEER (MOUDIB)</t>
  </si>
  <si>
    <t>Gongi</t>
  </si>
  <si>
    <t>Gmms chak No 215p Noor Peer Moudib Sadiq Abad</t>
  </si>
  <si>
    <t>Chak No 215p</t>
  </si>
  <si>
    <t>Ashfaq Ahmed</t>
  </si>
  <si>
    <t>GMMS CHAK NO 230-A/TDA</t>
  </si>
  <si>
    <t>chak no 230A  tda</t>
  </si>
  <si>
    <t>Chak No 230A  Tda</t>
  </si>
  <si>
    <t>GMMS CHAK NO 233/9-R N</t>
  </si>
  <si>
    <t>FTS-IV-MALE</t>
  </si>
  <si>
    <t>Chak 233-9R N</t>
  </si>
  <si>
    <t>Chak 233-9R N, Tehsil Fort Abbas Distt. Bahawalnagar</t>
  </si>
  <si>
    <t>238 /9R</t>
  </si>
  <si>
    <t>GMMS CHAK NO 240 HB</t>
  </si>
  <si>
    <t>240 HB</t>
  </si>
  <si>
    <t>Chak 240 HB</t>
  </si>
  <si>
    <t>Masood Hussain shah</t>
  </si>
  <si>
    <t>GMMS CHAK NO 244 TDA</t>
  </si>
  <si>
    <t>Chak No 244</t>
  </si>
  <si>
    <t>chak no.244/tda fateh pur tehsil karor district Layyah</t>
  </si>
  <si>
    <t>Chak No 244/tda</t>
  </si>
  <si>
    <t>Seyed Abid Mahmood Shah</t>
  </si>
  <si>
    <t>GMMS CHAK NO 26/P-I</t>
  </si>
  <si>
    <t>bus stop mari Allah bachaya</t>
  </si>
  <si>
    <t>Mari ALLAH BACHAYA</t>
  </si>
  <si>
    <t>GMMS CHAK NO 331 HR</t>
  </si>
  <si>
    <t>chak 331/HR COLONY</t>
  </si>
  <si>
    <t>GMMS CHAK NO 34/NP</t>
  </si>
  <si>
    <t>Bohiwar</t>
  </si>
  <si>
    <t>bisti jam sona lar</t>
  </si>
  <si>
    <t>Chak 34 Np</t>
  </si>
  <si>
    <t>Muhammad Riaz Ashraf</t>
  </si>
  <si>
    <t>GMMS CHAK NO 424 HR</t>
  </si>
  <si>
    <t>424/HR</t>
  </si>
  <si>
    <t>424/HR marot</t>
  </si>
  <si>
    <t>Kamal Mustefa</t>
  </si>
  <si>
    <t>GMMS CHAK NO 65 NP</t>
  </si>
  <si>
    <t>65NP</t>
  </si>
  <si>
    <t>65NP p/o shikhwahan</t>
  </si>
  <si>
    <t>BOLAQIWALI</t>
  </si>
  <si>
    <t>Khursheed Ahmed</t>
  </si>
  <si>
    <t>GMMS CHAK NO 758 GB</t>
  </si>
  <si>
    <t>Chak 758 Gb</t>
  </si>
  <si>
    <t>Chak No. 758 GB</t>
  </si>
  <si>
    <t>Chak No758 GB</t>
  </si>
  <si>
    <t>762/GB</t>
  </si>
  <si>
    <t>GMMS CHAK NO 77 1L ab</t>
  </si>
  <si>
    <t>Chak no 77 1.l ab</t>
  </si>
  <si>
    <t>77/1l ab</t>
  </si>
  <si>
    <t>GMMS CHAK NO 9/NP</t>
  </si>
  <si>
    <t>Fateh Katta</t>
  </si>
  <si>
    <t>chak 9 NP sadiq abad</t>
  </si>
  <si>
    <t>chak 9 NP</t>
  </si>
  <si>
    <t>GMMS CHAK NO. 102/ TDA</t>
  </si>
  <si>
    <t>Pir Siwag</t>
  </si>
  <si>
    <t>Basti Ganji wala Chak No. 102 / TDA</t>
  </si>
  <si>
    <t>Garray Wala</t>
  </si>
  <si>
    <t>GMMS CHAK NO. 106 TDA</t>
  </si>
  <si>
    <t>Chak No .106 Tda basti malana tehsil karor lal esan district layyah</t>
  </si>
  <si>
    <t>MUHAMMAD KASHIF HAFEEZ FAROOQI</t>
  </si>
  <si>
    <t>GMMS CHAK NO. 116-B/TDA</t>
  </si>
  <si>
    <t>116 B/TDA</t>
  </si>
  <si>
    <t>Chak116B/TDA  Teh. Karor, dist. Layyah
.</t>
  </si>
  <si>
    <t>116B/ TDA</t>
  </si>
  <si>
    <t>Tanvir Abbas</t>
  </si>
  <si>
    <t>GMMS CHAK NO. 116-C/TDA</t>
  </si>
  <si>
    <t>Chak No 116-c tda</t>
  </si>
  <si>
    <t>chak no 116-c/tda</t>
  </si>
  <si>
    <t>Chak No 116-c/tda</t>
  </si>
  <si>
    <t>GMMS CHAK NO. 134/NP</t>
  </si>
  <si>
    <t>Chak 134 Np</t>
  </si>
  <si>
    <t>Mms school chak 134 np</t>
  </si>
  <si>
    <t>Tranda Guarguage</t>
  </si>
  <si>
    <t>Muhammad Sadiq Sabri</t>
  </si>
  <si>
    <t>GMMS CHAK NO. 142/6-R</t>
  </si>
  <si>
    <t>chak 142/6R</t>
  </si>
  <si>
    <t>Chak No 142/6R</t>
  </si>
  <si>
    <t>MEHMOOD AHMED</t>
  </si>
  <si>
    <t>GMMS CHAK NO. 192/7-R</t>
  </si>
  <si>
    <t>chak No 192/7R tehsil Haroonabad</t>
  </si>
  <si>
    <t>Rashid Mehmood</t>
  </si>
  <si>
    <t>GMMS CHAK NO. 200/8-R E</t>
  </si>
  <si>
    <t>200/8r</t>
  </si>
  <si>
    <t>Chak 200/8-R(E) Fortabbs</t>
  </si>
  <si>
    <t>200/8r-E</t>
  </si>
  <si>
    <t>Naseemullah</t>
  </si>
  <si>
    <t>GMMS CHAK NO. 22/D</t>
  </si>
  <si>
    <t>Chak NoNo22 D</t>
  </si>
  <si>
    <t>Gmms Chak no.22/D</t>
  </si>
  <si>
    <t>22D</t>
  </si>
  <si>
    <t>GMMS CHAK NO. 227-A/TDA</t>
  </si>
  <si>
    <t>Chak No 227A/TDA</t>
  </si>
  <si>
    <t>chak no227A/TDA fatehpur tehsil karor district Layyah</t>
  </si>
  <si>
    <t>GMMS CHAK NO. 231/9-R S</t>
  </si>
  <si>
    <t>Chak No 231/9-R S</t>
  </si>
  <si>
    <t>chak no 231/9-R, teh.fort abbas</t>
  </si>
  <si>
    <t>GMMS CHAK NO. 240/P</t>
  </si>
  <si>
    <t>chak 240/p</t>
  </si>
  <si>
    <t>chak n0o 240/p</t>
  </si>
  <si>
    <t>93/P</t>
  </si>
  <si>
    <t>amjad sahi</t>
  </si>
  <si>
    <t>GMMS CHAK NO. 247 TDA DERA G. HUSSAIN</t>
  </si>
  <si>
    <t>Gps247dera Ghulam Hussain</t>
  </si>
  <si>
    <t>chak 247  t..d.a dera Ghulam Hussain</t>
  </si>
  <si>
    <t>247tda</t>
  </si>
  <si>
    <t>GMMS CHAK NO. 256 TDA</t>
  </si>
  <si>
    <t>Nowshehra Thal Klan</t>
  </si>
  <si>
    <t>Chack no 256 TDA teh karor Dist layyah</t>
  </si>
  <si>
    <t>Chak No 256 TDA</t>
  </si>
  <si>
    <t>GMMS CHAK NO. 259 TDA NO. 2</t>
  </si>
  <si>
    <t>chak no 289/TDA</t>
  </si>
  <si>
    <t>chak no 298/tDA tehsil karor distt layyah</t>
  </si>
  <si>
    <t>289/tDA</t>
  </si>
  <si>
    <t>Mazher Maqsood</t>
  </si>
  <si>
    <t>GMMS CHAK NO. 26/D</t>
  </si>
  <si>
    <t>26/D</t>
  </si>
  <si>
    <t>chak no 26/D</t>
  </si>
  <si>
    <t>GMMS CHAK NO. 276/HR</t>
  </si>
  <si>
    <t>276/HR</t>
  </si>
  <si>
    <t>Chak no 276/hr Thesil Fort Abas Ditt  Bhawalnagar</t>
  </si>
  <si>
    <t>M Amin</t>
  </si>
  <si>
    <t>GMMS CHAK NO. 29/GD</t>
  </si>
  <si>
    <t>29/gd</t>
  </si>
  <si>
    <t>CHAN PEER</t>
  </si>
  <si>
    <t>GMMS CHAK NO. 30/D</t>
  </si>
  <si>
    <t>30 D</t>
  </si>
  <si>
    <t>chak 30 d depalpur</t>
  </si>
  <si>
    <t>GMMS CHAK NO. 319/HR</t>
  </si>
  <si>
    <t>Janglaat Colony</t>
  </si>
  <si>
    <t>chak no 319/hr maroot tehsil fortabbas dist Bwn</t>
  </si>
  <si>
    <t>GMMS CHAK NO. 33-D</t>
  </si>
  <si>
    <t>Chak 33 D</t>
  </si>
  <si>
    <t>chak 33 D</t>
  </si>
  <si>
    <t>Qila Javind Singh</t>
  </si>
  <si>
    <t>GMMS CHAK NO. 340 HR</t>
  </si>
  <si>
    <t>Chak  340 HR Marot</t>
  </si>
  <si>
    <t>Chak No 340 HR</t>
  </si>
  <si>
    <t>Water 1 Cooler</t>
  </si>
  <si>
    <t>GMMS CHAK NO. 39/P</t>
  </si>
  <si>
    <t>GMM 39P, basti gul bahar,uc darri azeem,tehsil ryk and district ryk</t>
  </si>
  <si>
    <t>Basti Gul Bahar</t>
  </si>
  <si>
    <t>GMMS CHAK NO. 45/NP</t>
  </si>
  <si>
    <t>chak 45/np postoffice kot sabzal tehsilsadiqabad district  Rahim yar khan</t>
  </si>
  <si>
    <t>Ghulam Muhammad Mohana</t>
  </si>
  <si>
    <t>Muhammad Alamgir</t>
  </si>
  <si>
    <t>GMMS CHAK NO. 56/NP</t>
  </si>
  <si>
    <t>Thull Khair Muhammed Muhammad Khan</t>
  </si>
  <si>
    <t>Basti Malkan Thull khair Muhammad khan P/O Rukan Pur</t>
  </si>
  <si>
    <t>GMMS CHAK NO. 66/P SOUTH</t>
  </si>
  <si>
    <t>Chak No  66 P</t>
  </si>
  <si>
    <t>G mms chak no 66p south</t>
  </si>
  <si>
    <t>Chak No 66p South</t>
  </si>
  <si>
    <t>GMMS CHAK NO. 83 TDA</t>
  </si>
  <si>
    <t>83 Tda</t>
  </si>
  <si>
    <t>83 tda tehsil karor layyah</t>
  </si>
  <si>
    <t>GMMS CHAK NO.260/HR WEST</t>
  </si>
  <si>
    <t>Chak#260 HR W</t>
  </si>
  <si>
    <t>chak no 260/h.r west</t>
  </si>
  <si>
    <t>Chak# 260 HR W</t>
  </si>
  <si>
    <t>GMMS CHAK NO.267 HR DERA GHULAM MUHAMMAD</t>
  </si>
  <si>
    <t>267/HR</t>
  </si>
  <si>
    <t>Chak no 267/H.R Dera Ghulam Muhammad</t>
  </si>
  <si>
    <t>Bashir Ahmad Najmi</t>
  </si>
  <si>
    <t>GMMS CHAK NO.5 RAKH DHEREMA AZAFI ABADI</t>
  </si>
  <si>
    <t>Chak No 5 Rakh Dharema Azafi Abadi</t>
  </si>
  <si>
    <t>GMMS CHAK NO 5 RAKH DHAREMA AZAFI ABADI</t>
  </si>
  <si>
    <t>58/NB</t>
  </si>
  <si>
    <t>GMMS CHAK NO.70 NB</t>
  </si>
  <si>
    <t>Chak NO70NB</t>
  </si>
  <si>
    <t>Govt M M School Basti Hameed Chak No 70 NB Sargodha</t>
  </si>
  <si>
    <t>ChakNo70NB</t>
  </si>
  <si>
    <t>Khalid Mehmood Shah</t>
  </si>
  <si>
    <t>GMMS CHAK RAM ZAKHIRA</t>
  </si>
  <si>
    <t>Ram Zakheera</t>
  </si>
  <si>
    <t>Ram Zakheera Tehsil Renala Khurd District Okara</t>
  </si>
  <si>
    <t>GMMS CHANGA</t>
  </si>
  <si>
    <t>moza changa</t>
  </si>
  <si>
    <t>Dharmywala</t>
  </si>
  <si>
    <t>M shahid</t>
  </si>
  <si>
    <t>GMMS CHAORIAN WALA</t>
  </si>
  <si>
    <t>Goail</t>
  </si>
  <si>
    <t>distt. SKP  teh. Ferozewala. p/o babakwal chaorianwala</t>
  </si>
  <si>
    <t>Chaorianwala</t>
  </si>
  <si>
    <t>GMMS CHISHTI NOU ABAD</t>
  </si>
  <si>
    <t>Chishti Nou Abad</t>
  </si>
  <si>
    <t>chishti Nou abad</t>
  </si>
  <si>
    <t>Klason Hameed</t>
  </si>
  <si>
    <t>Muhammad Iqbal Anjum</t>
  </si>
  <si>
    <t>GMMS CHISHTIA COLONY FAS</t>
  </si>
  <si>
    <t>Chishtia colony Fort Abbas</t>
  </si>
  <si>
    <t>Mohammad Shafique Abid</t>
  </si>
  <si>
    <t>GMMS CHOTTA MUHANA</t>
  </si>
  <si>
    <t>kikri</t>
  </si>
  <si>
    <t>basti ramzan mohana po muhammad pur sdk</t>
  </si>
  <si>
    <t>basti ramzan mohana</t>
  </si>
  <si>
    <t>bhadar pur</t>
  </si>
  <si>
    <t>GMMS CHOUS NAGAR</t>
  </si>
  <si>
    <t>Chak Fazal Shah</t>
  </si>
  <si>
    <t>ghousnagar</t>
  </si>
  <si>
    <t>Ghousnagar</t>
  </si>
  <si>
    <t>38D/kalan</t>
  </si>
  <si>
    <t>GMMS DARA SANATEKA</t>
  </si>
  <si>
    <t>Dara Sanateka</t>
  </si>
  <si>
    <t>village dara sanateka p.o Rampura teh/distt Bahawalnagar</t>
  </si>
  <si>
    <t>Shahzad Ahmed</t>
  </si>
  <si>
    <t>GMMS DARBAR HAJI SHAH</t>
  </si>
  <si>
    <t>basti dadpootra ghimi, tehsil liaqatpur</t>
  </si>
  <si>
    <t>basti dadpootra</t>
  </si>
  <si>
    <t>GMMS DARKHANA</t>
  </si>
  <si>
    <t>Basti dirkhana mouza buchi wala p\o SAMTIA tehsil karor layyah</t>
  </si>
  <si>
    <t>GMMS DARUL KHARA</t>
  </si>
  <si>
    <t>Daru khambra Daulat pur</t>
  </si>
  <si>
    <t>Daru Khambra</t>
  </si>
  <si>
    <t>GMMS DERA AMIR NAWAZ KHAN</t>
  </si>
  <si>
    <t>Jung Bilawal</t>
  </si>
  <si>
    <t>moza Jung Bilawal,  tehsil liaquat Pur</t>
  </si>
  <si>
    <t>dera Ameer Nawaz</t>
  </si>
  <si>
    <t>GMMS DERA BASTAN SHAH</t>
  </si>
  <si>
    <t>Phullarwan Wazir Kay</t>
  </si>
  <si>
    <t>GMMS DERA GHULAM MUHAMMAD DHAREMA</t>
  </si>
  <si>
    <t>gmms dera ghulam muhammad dharema</t>
  </si>
  <si>
    <t>Hafiz Abdul Aziz</t>
  </si>
  <si>
    <t>GMMS DERA HABIB MANANWALA</t>
  </si>
  <si>
    <t>Model Town Mananwala</t>
  </si>
  <si>
    <t>Dear Habib</t>
  </si>
  <si>
    <t>GMMS DERA HAQ NAWAZ</t>
  </si>
  <si>
    <t>Basti Tota Naich</t>
  </si>
  <si>
    <t>GMMS DERA ILYAS WATTO</t>
  </si>
  <si>
    <t>Chah Peer Ali</t>
  </si>
  <si>
    <t>Chah Peer Ali P/O Ferozewattwan Tehsil and District Sheikhupura</t>
  </si>
  <si>
    <t>Feroze Wattowan 1</t>
  </si>
  <si>
    <t>GMMS DERA JUGJEET</t>
  </si>
  <si>
    <t>dera jugjeet Singh</t>
  </si>
  <si>
    <t>Dera Jugjeet Singh</t>
  </si>
  <si>
    <t>GMMS DERA LOHARAN</t>
  </si>
  <si>
    <t>Basti Ibrahim Khan   Zafar Abad UC Zafar Abad LQP</t>
  </si>
  <si>
    <t>Basti Ibrahim Khan</t>
  </si>
  <si>
    <t>Mahmood Ul Hassan</t>
  </si>
  <si>
    <t>GMMS DERA SARDAR MUHAMMAD</t>
  </si>
  <si>
    <t>jhalar gujjaran kharianwala sheikhupura</t>
  </si>
  <si>
    <t>Jhalar Gujjaran</t>
  </si>
  <si>
    <t>GMMS DERA SHARIF WAHGA</t>
  </si>
  <si>
    <t>Kheropur</t>
  </si>
  <si>
    <t>kheropur Malian sheikhupura</t>
  </si>
  <si>
    <t>Kheropur Mallian</t>
  </si>
  <si>
    <t>Tariq Hameed</t>
  </si>
  <si>
    <t>GMMS DERA SHER MUHAMMAD</t>
  </si>
  <si>
    <t>p/0 pallu shah</t>
  </si>
  <si>
    <t>Sheir Muhammad</t>
  </si>
  <si>
    <t>Habib ullah</t>
  </si>
  <si>
    <t>GMMS DERA ZAILDAR</t>
  </si>
  <si>
    <t>Dera Zaildar</t>
  </si>
  <si>
    <t>dera zaildar kurlkey androon skp</t>
  </si>
  <si>
    <t>Rana Muhammad Yousaf</t>
  </si>
  <si>
    <t>GMMS DEWALA (DERA JUMA KHAN)</t>
  </si>
  <si>
    <t>Rakhwan</t>
  </si>
  <si>
    <t>GPS dewala Dera Juma khan tehsile karor distt Layyah</t>
  </si>
  <si>
    <t>Dera Juma Khan</t>
  </si>
  <si>
    <t>gull hassan</t>
  </si>
  <si>
    <t>GMMS DHARANI</t>
  </si>
  <si>
    <t>basti Dherani</t>
  </si>
  <si>
    <t>Dherani</t>
  </si>
  <si>
    <t>Sadiq  Yasin</t>
  </si>
  <si>
    <t>GMMS DHOK GUJAR</t>
  </si>
  <si>
    <t>Dhok Gujjar</t>
  </si>
  <si>
    <t>village Dhok gujjar p o area the c s shah distt Chakwa1986</t>
  </si>
  <si>
    <t>Resham Khan</t>
  </si>
  <si>
    <t>GMMS DHOK LOHARA</t>
  </si>
  <si>
    <t>Dhoke Chitti</t>
  </si>
  <si>
    <t>dhoke chitti uc ara</t>
  </si>
  <si>
    <t>GMMS DHOK MUSTFA ABAD</t>
  </si>
  <si>
    <t>Mohallah Mustafaabad,jalalpur jattan</t>
  </si>
  <si>
    <t>Jalalpur JATTAN</t>
  </si>
  <si>
    <t>MC   Jalalpur JATTAN</t>
  </si>
  <si>
    <t>Chand Muhammad Azeem</t>
  </si>
  <si>
    <t>GMMS DHOK PANAH</t>
  </si>
  <si>
    <t>dhoke panah</t>
  </si>
  <si>
    <t>village dhoke panah PO dullah tehsil and district chakwal</t>
  </si>
  <si>
    <t>Dhoke Panah</t>
  </si>
  <si>
    <t>MUHAMMAD ZAHOOR KHAN</t>
  </si>
  <si>
    <t>GMMS DHOK SAIDAN P/O MANAKPUR</t>
  </si>
  <si>
    <t>Dk Syedan</t>
  </si>
  <si>
    <t>village Dhok syedan post office Kallar kahar Distt Chakwal</t>
  </si>
  <si>
    <t>GMMS DHOK SHIRAZ</t>
  </si>
  <si>
    <t>Vil&amp;Po Tamman</t>
  </si>
  <si>
    <t>Dk Sheeraz</t>
  </si>
  <si>
    <t>AKHTAR KHAN</t>
  </si>
  <si>
    <t>GMMS DODHLAN</t>
  </si>
  <si>
    <t>Dodhlan</t>
  </si>
  <si>
    <t>chak no 250 h l</t>
  </si>
  <si>
    <t>Chak No 250 H L</t>
  </si>
  <si>
    <t>GMMS DONA KARIM NAGAR CHAK 49/NP</t>
  </si>
  <si>
    <t>Bait Meer Ahmad</t>
  </si>
  <si>
    <t>P/O Abad pur , Tehseel,District , Rahim Yar Khan</t>
  </si>
  <si>
    <t>Muhammad Aslam Shaheen</t>
  </si>
  <si>
    <t>GMMS DONA KHOKHRAN</t>
  </si>
  <si>
    <t>Rama Khokhran</t>
  </si>
  <si>
    <t>dona khokhran,  moza rama khokraan ,p/o meclod ganj, Tehsil Minchinabad District Bahawalnagar</t>
  </si>
  <si>
    <t>Basti Muneer Khokhar</t>
  </si>
  <si>
    <t>GMMS FAIZ MUHAMMAD MOHANA</t>
  </si>
  <si>
    <t>basti faiz mohana teh s d k disst r y k</t>
  </si>
  <si>
    <t>Faiz M Mohana</t>
  </si>
  <si>
    <t>Mohammad Jahangir</t>
  </si>
  <si>
    <t>GMMS FAQIR BUX MARAL CHOK CHADHAR</t>
  </si>
  <si>
    <t>GMMS Faqeer Bux Maral Chok Chadhar Tehsil. Sadiqabad District. Rahim Yar Khan.</t>
  </si>
  <si>
    <t>Haji Mola Bux</t>
  </si>
  <si>
    <t>Raheemabad</t>
  </si>
  <si>
    <t>GMMS FAROOQ ABAD</t>
  </si>
  <si>
    <t>CHAK NO 107/NP</t>
  </si>
  <si>
    <t>Basti Jamman Shah, Chak No. 107/N.P, Daak Khana Nawan Kot, Tehsil Khan Pur, District Rahim Yar Khan.</t>
  </si>
  <si>
    <t>CHAK NO107/NP</t>
  </si>
  <si>
    <t>AYUB DILDAR</t>
  </si>
  <si>
    <t>GMMS FATEH MUHAMMAD</t>
  </si>
  <si>
    <t>Basti Shah bux,nazar Muhammad jhulan,p/o Jamal din wali SDK</t>
  </si>
  <si>
    <t>Shah Bux</t>
  </si>
  <si>
    <t>GMMS FAZIL MUHAMMAD BOWANA</t>
  </si>
  <si>
    <t>Yakhtyar Maha</t>
  </si>
  <si>
    <t>moza yakhtyar maha</t>
  </si>
  <si>
    <t>Basty Bowan</t>
  </si>
  <si>
    <t>saif ur rehman</t>
  </si>
  <si>
    <t>GMMS FEROZ ABAD</t>
  </si>
  <si>
    <t>dera bhaseena wala Shah pur sargodha</t>
  </si>
  <si>
    <t>Dera Bhaseena Wala</t>
  </si>
  <si>
    <t>Kashif Shahzad</t>
  </si>
  <si>
    <t>GMMS GHAFFAR ABAD</t>
  </si>
  <si>
    <t>Palu Shah</t>
  </si>
  <si>
    <t>basti ghaffar abad pallu shah rahim Yar khan</t>
  </si>
  <si>
    <t>Ghaffar Abad</t>
  </si>
  <si>
    <t>M Waqas</t>
  </si>
  <si>
    <t>GMMS GHALEEJA</t>
  </si>
  <si>
    <t>BAKHRANI</t>
  </si>
  <si>
    <t>basti jam abdul Aziz mouza bakhrani</t>
  </si>
  <si>
    <t>Basti Jam Abdul Aziz</t>
  </si>
  <si>
    <t>GMMS GHANIR PO ZAHIR PIR</t>
  </si>
  <si>
    <t>Basti Ghaneer P.O Zahir pir, Tehsil  Khanpur.</t>
  </si>
  <si>
    <t>Muhammad Shaheen Tabassum</t>
  </si>
  <si>
    <t>GMMS GHOSIA DEGGI MOHALLA FORT ABBAS</t>
  </si>
  <si>
    <t>street no 9 ali town fortabbas</t>
  </si>
  <si>
    <t>ali town fortabbas</t>
  </si>
  <si>
    <t>GMMS GHOSIA MASOOMIA MASOOM GANG</t>
  </si>
  <si>
    <t>Hafeez Road</t>
  </si>
  <si>
    <t>Munshi</t>
  </si>
  <si>
    <t>Munshi Park</t>
  </si>
  <si>
    <t>ZAHID AZIZ Butt</t>
  </si>
  <si>
    <t>GMMS GHOUSIA BASTI MALOOK</t>
  </si>
  <si>
    <t>12faiz</t>
  </si>
  <si>
    <t>Poll dowa</t>
  </si>
  <si>
    <t>Poll Dowa</t>
  </si>
  <si>
    <t>GMMS GHOUSIA MASJID</t>
  </si>
  <si>
    <t>Tina Noor Pura</t>
  </si>
  <si>
    <t>Tina Noor Pura gosiamsjd haroonabad</t>
  </si>
  <si>
    <t>GMMS GHOUSIA MASJID LINE PAR FAS</t>
  </si>
  <si>
    <t>Abdullah Town Fort Abbas</t>
  </si>
  <si>
    <t>Khalid Hussain Shahid</t>
  </si>
  <si>
    <t>GMMS GHULAM ALI SHAH</t>
  </si>
  <si>
    <t>basti nibhau shah jun pur tehsil liaqatpur</t>
  </si>
  <si>
    <t>Basti Nibhau Shah</t>
  </si>
  <si>
    <t>GMMS GHULAM HUSSAIN KOSH</t>
  </si>
  <si>
    <t>Noor ahmad abad</t>
  </si>
  <si>
    <t>GMMS G.H.KOSH</t>
  </si>
  <si>
    <t>Ghulam Husain kosh</t>
  </si>
  <si>
    <t>GMMS GHULAM HUSSAIN MULANA</t>
  </si>
  <si>
    <t>138/NP</t>
  </si>
  <si>
    <t>basti malana mouza chak 138/np</t>
  </si>
  <si>
    <t>Tarukri</t>
  </si>
  <si>
    <t>GMMS GHULAM MUHAMMAD  KOMBOO</t>
  </si>
  <si>
    <t>Thul Wazeer Khan</t>
  </si>
  <si>
    <t>P/O Hassanabad Basti Gohar Abad Tehseel and district Rahim Yar Khan</t>
  </si>
  <si>
    <t>Goharabad</t>
  </si>
  <si>
    <t>GMMS GHULAM MUSTAFA LOLAI</t>
  </si>
  <si>
    <t>basti lamochran</t>
  </si>
  <si>
    <t>Basti Lamochran</t>
  </si>
  <si>
    <t>GMMS GHULAM RASOOL LANGAH</t>
  </si>
  <si>
    <t>Nazar Muhammad Jhullan</t>
  </si>
  <si>
    <t>Basti Tulsi Shareef,P/o Jamaldin Wali,Tehsil,Sdk,District Rahimyarkhan</t>
  </si>
  <si>
    <t>Basti Tulsi Shsreef</t>
  </si>
  <si>
    <t>Ghulam Mohayuddin</t>
  </si>
  <si>
    <t>GMMS GHULAM SARWAR RIND</t>
  </si>
  <si>
    <t>basti veen khair abad u/c Dhandi</t>
  </si>
  <si>
    <t>Basti Veen Khair Abad</t>
  </si>
  <si>
    <t>GMMS GHULAM SARWAR SHAH</t>
  </si>
  <si>
    <t>Basti Darkhan</t>
  </si>
  <si>
    <t>Hafiz muhammad naeem yaqoob</t>
  </si>
  <si>
    <t>GMMS GODI HAROONABAD</t>
  </si>
  <si>
    <t>Godi HND</t>
  </si>
  <si>
    <t>city godi HND</t>
  </si>
  <si>
    <t>MC HND</t>
  </si>
  <si>
    <t>GMMS GOHAR ABAD</t>
  </si>
  <si>
    <t>Ghoraabad</t>
  </si>
  <si>
    <t>GOHAR abad P/O Mandi Ahmad Abad</t>
  </si>
  <si>
    <t>Ghoharabad</t>
  </si>
  <si>
    <t>MC Mandi Ahmadabad</t>
  </si>
  <si>
    <t>GMMS GOLEY WALA MOZA LALI PUR P/O BUDHLA SANT</t>
  </si>
  <si>
    <t>Lailypur Pur</t>
  </si>
  <si>
    <t>chah gullay wala Moza lailypur</t>
  </si>
  <si>
    <t>GOLLAY Wals</t>
  </si>
  <si>
    <t>GMMS GORDAWAEA BLOCK PIR MAHAL</t>
  </si>
  <si>
    <t>B Plot</t>
  </si>
  <si>
    <t>b plot pirmahal</t>
  </si>
  <si>
    <t>Abu Bakr Aziz</t>
  </si>
  <si>
    <t>GMMS GULL MUHAMMAD</t>
  </si>
  <si>
    <t>Basti Gullani Miuza Gullani</t>
  </si>
  <si>
    <t>GMMS GULL SHAH</t>
  </si>
  <si>
    <t>old chishtian teh chishtian distt bahawalnagar</t>
  </si>
  <si>
    <t>muhammad nazir</t>
  </si>
  <si>
    <t>GMMS GULLU MOHANA</t>
  </si>
  <si>
    <t>Ali Pur Machiyan</t>
  </si>
  <si>
    <t>basti Gullu mahana</t>
  </si>
  <si>
    <t>Basti Gullu Mohana</t>
  </si>
  <si>
    <t>GMMS HAJI GHULAM QADIR</t>
  </si>
  <si>
    <t>Basti haji ghulam quadir ,moza fazil pur tehsil liaquatpur distt rahim year khan</t>
  </si>
  <si>
    <t>Rajab Hussain</t>
  </si>
  <si>
    <t>GMMS HAJI NOOR DIN KAMBOO</t>
  </si>
  <si>
    <t>Thul Wazir</t>
  </si>
  <si>
    <t>Haji noor din kamboh tasil and district Rahim yar khan</t>
  </si>
  <si>
    <t>Noor Din Kamboh</t>
  </si>
  <si>
    <t>Buhdadi Pur Qurashan</t>
  </si>
  <si>
    <t>GMMS HAJI RAHIM BUX KAMBOO</t>
  </si>
  <si>
    <t>Bat Merr Ahmad</t>
  </si>
  <si>
    <t>basti fareed cheock abad Pur ryk</t>
  </si>
  <si>
    <t>Basti Fareed Cheock</t>
  </si>
  <si>
    <t>GMMS HAJJI</t>
  </si>
  <si>
    <t>Sanjh ISra</t>
  </si>
  <si>
    <t>basti haji p/o basti qazi teh karor layyah</t>
  </si>
  <si>
    <t>Basti Haji</t>
  </si>
  <si>
    <t>GMMS HAKEEM MUHAMMAD SADIQ</t>
  </si>
  <si>
    <t>basti Hakim m  sadoq.</t>
  </si>
  <si>
    <t>Basti Hakim Mohammad Sadiq</t>
  </si>
  <si>
    <t>GMMS HANJAN WAHI, P/O MANKOT, NAWAN SHEHR</t>
  </si>
  <si>
    <t>HANJAN WAHI</t>
  </si>
  <si>
    <t>mouza ehsan pur</t>
  </si>
  <si>
    <t>Hanjan Wahi</t>
  </si>
  <si>
    <t>Salarwahin Nau</t>
  </si>
  <si>
    <t>Shehla Gul</t>
  </si>
  <si>
    <t>GMMS HASOO MOHANA</t>
  </si>
  <si>
    <t>Chandrami</t>
  </si>
  <si>
    <t>GMMS Hasoo Mahana,Basti yousaf,near Rashid Abad</t>
  </si>
  <si>
    <t>Basti Haji Yousaf</t>
  </si>
  <si>
    <t>Haji Muhammad Ayoub</t>
  </si>
  <si>
    <t>GMMS HASSAN KHAN</t>
  </si>
  <si>
    <t>Marhana Wali</t>
  </si>
  <si>
    <t>GMMS HAZOOR BAKHSH DADA P/O KHAN BELA</t>
  </si>
  <si>
    <t>Shehni Miani</t>
  </si>
  <si>
    <t>mauza shehni miani jalal pur pir wala multan</t>
  </si>
  <si>
    <t>Basti dadda</t>
  </si>
  <si>
    <t>GMMS HAZRAT KHAWAJA M AKBAR BASIR PUR</t>
  </si>
  <si>
    <t>GMMS HAZRAT KHAWAJA M AKBAR R.A BASIRUR</t>
  </si>
  <si>
    <t>Muhammad Yasin Raz</t>
  </si>
  <si>
    <t>GMMS HEAD 7 R</t>
  </si>
  <si>
    <t>158/7r</t>
  </si>
  <si>
    <t>Head 7r</t>
  </si>
  <si>
    <t>158 7r</t>
  </si>
  <si>
    <t>Samia Qadir</t>
  </si>
  <si>
    <t>GMMS HEERAN BASTI</t>
  </si>
  <si>
    <t>bastichhtoshah mouza bahadurpur tehsil RYK.</t>
  </si>
  <si>
    <t>Bastichhtoshah</t>
  </si>
  <si>
    <t>Ghulam Jeelani</t>
  </si>
  <si>
    <t>GMMS HUSNAIN ABAD</t>
  </si>
  <si>
    <t>Gmms Hussain Abad , Mianwali</t>
  </si>
  <si>
    <t>safiullah Khan</t>
  </si>
  <si>
    <t>GMMS IBRAHIM SHAHEED</t>
  </si>
  <si>
    <t>ZAFFRABAD</t>
  </si>
  <si>
    <t>basti awan chanjni chowk teh:LQP DISTT:RYK</t>
  </si>
  <si>
    <t>Basti Chanjni</t>
  </si>
  <si>
    <t>GMMS ILAM DIN</t>
  </si>
  <si>
    <t>basti Bala Digrocha Jamal din wali SDK</t>
  </si>
  <si>
    <t>Basti Bala Digrocha</t>
  </si>
  <si>
    <t>Muhammad Nasser Faiz</t>
  </si>
  <si>
    <t>GMMS ISLAMABAD QADIR PURRAN</t>
  </si>
  <si>
    <t>gmms basti Islamabad qadir pur ran</t>
  </si>
  <si>
    <t>Qadir Pur Ran West</t>
  </si>
  <si>
    <t>MUHAMMAD AKHTER</t>
  </si>
  <si>
    <t>GMMS JAGEER CHANALI</t>
  </si>
  <si>
    <t>Basti Fateh Muhammad arain dera ch Allah ditta</t>
  </si>
  <si>
    <t>Fateh Muhammad ARain</t>
  </si>
  <si>
    <t>Atir Naeem Qurashi</t>
  </si>
  <si>
    <t>GMMS JAM BALLU</t>
  </si>
  <si>
    <t>P/O Abad pur R.Y.Khan</t>
  </si>
  <si>
    <t>Wahid Buxhsh</t>
  </si>
  <si>
    <t>Muhammad Shah Jahan</t>
  </si>
  <si>
    <t>GMMS JAM GABOOL</t>
  </si>
  <si>
    <t>Basti Rehmat Ullah Jam Gabol</t>
  </si>
  <si>
    <t>Chak 19 Np</t>
  </si>
  <si>
    <t>Khuram Javed</t>
  </si>
  <si>
    <t>GMMS JAM SHAFIQ KHALIT</t>
  </si>
  <si>
    <t>Abdul Karim Khalti</t>
  </si>
  <si>
    <t>GMMS JAMIA MASJID FORT ABBAS</t>
  </si>
  <si>
    <t>272HR</t>
  </si>
  <si>
    <t>Jamia Masjid Fortabbas</t>
  </si>
  <si>
    <t>Fortabbas Citty</t>
  </si>
  <si>
    <t>Muhammad Riaz Anjum</t>
  </si>
  <si>
    <t>GMMS JAN MUHAMMAD</t>
  </si>
  <si>
    <t>Basti Jan Muhammad Baloch Noorwala Mrkz Trinda Muhammad Panah Teh# Liaqt Pur District Rahim Year Khan</t>
  </si>
  <si>
    <t>Basti Jan Muhammad Baloch Muhammad</t>
  </si>
  <si>
    <t>GMMS JANGI NO. 2</t>
  </si>
  <si>
    <t>Mitha Merani</t>
  </si>
  <si>
    <t>GMMS Jungi No 2</t>
  </si>
  <si>
    <t>Basti Wazeer Khan</t>
  </si>
  <si>
    <t>Zafar Iqbal Javed</t>
  </si>
  <si>
    <t>GMMS JHAREY WALA</t>
  </si>
  <si>
    <t>JHARI WALA TEHSIL KOTMOMIN DISTRICT SARGODHA</t>
  </si>
  <si>
    <t>JHARI WALA</t>
  </si>
  <si>
    <t>GURNA</t>
  </si>
  <si>
    <t>Arslan Hassnain</t>
  </si>
  <si>
    <t>GMMS JHUGIAN JATTAN</t>
  </si>
  <si>
    <t>Jhugian Jattan</t>
  </si>
  <si>
    <t>Jhugian Jattan tehsil Depal pur (Okara)</t>
  </si>
  <si>
    <t>Razzaq Ahmed</t>
  </si>
  <si>
    <t>GMMS JOI WAR</t>
  </si>
  <si>
    <t>Hameeda bad</t>
  </si>
  <si>
    <t>GmmsJoiwar markaz bahishti</t>
  </si>
  <si>
    <t>Joiwar</t>
  </si>
  <si>
    <t>SOBIA ASGHAR</t>
  </si>
  <si>
    <t>GMMS JUGIAN AZAM</t>
  </si>
  <si>
    <t>Jhugian Azam</t>
  </si>
  <si>
    <t>jhugian Azam</t>
  </si>
  <si>
    <t>Mooj Khan</t>
  </si>
  <si>
    <t>GMMS KALAY PATHAN NO 1</t>
  </si>
  <si>
    <t>Kalay pathan</t>
  </si>
  <si>
    <t>kalay pathan P/O 19/KB Tehsil Arifwala District Pakpattan</t>
  </si>
  <si>
    <t>Basti Zaman Khan</t>
  </si>
  <si>
    <t>from nearest house or mosque</t>
  </si>
  <si>
    <t>GMMS KALIA IBRAHIM</t>
  </si>
  <si>
    <t>Kalia Ibrahim</t>
  </si>
  <si>
    <t>Kalia Ibrahim Tehsil Depalpur</t>
  </si>
  <si>
    <t>GMMS KALPI</t>
  </si>
  <si>
    <t>Bhariyawala</t>
  </si>
  <si>
    <t>chack 24 Kalpi skp</t>
  </si>
  <si>
    <t>GMMS KAREEM AL-ALOOM TRANDA MEER KHAN</t>
  </si>
  <si>
    <t>Basti Ali khan P/O Khan bela Tehsil Liaquat Pur Distt. R.Y.Khan</t>
  </si>
  <si>
    <t>Basti Ali Khan</t>
  </si>
  <si>
    <t>GMMS KASOOR DARAN</t>
  </si>
  <si>
    <t>Kasoordaran</t>
  </si>
  <si>
    <t>kasoordaran</t>
  </si>
  <si>
    <t>GMMS KASSI JHANDEER</t>
  </si>
  <si>
    <t>Kassi Jhandeer</t>
  </si>
  <si>
    <t>GGMS kassi jhandeer</t>
  </si>
  <si>
    <t>Mamdhal</t>
  </si>
  <si>
    <t>Asma Nousheen</t>
  </si>
  <si>
    <t>GMMS KASUR PURA LAL MASJID</t>
  </si>
  <si>
    <t>Marzipura</t>
  </si>
  <si>
    <t>Main Bazar Kasur Pura Lahore</t>
  </si>
  <si>
    <t>Kasur Pura</t>
  </si>
  <si>
    <t>GMMS KESAKI</t>
  </si>
  <si>
    <t>Basti kasaiki markaz Bahishti moza Bismillah pur teh&amp;distRahim  yar khan</t>
  </si>
  <si>
    <t>Basti Kasaiki</t>
  </si>
  <si>
    <t>GMMS KHAWAJA NOOR MUHAMMAD</t>
  </si>
  <si>
    <t>Nikki Maneki</t>
  </si>
  <si>
    <t>Nikki maneki</t>
  </si>
  <si>
    <t>Khawaja Noor Muhammad</t>
  </si>
  <si>
    <t>MUHAMMAD AKHTAR SAJID</t>
  </si>
  <si>
    <t>GMMS KHOSHBOI PIR SHAHBAZ ROAD</t>
  </si>
  <si>
    <t>Shahbaz Road</t>
  </si>
  <si>
    <t>GMMS khoshboi pir shahbaz road bhagat pura lahore</t>
  </si>
  <si>
    <t>Gujjer Pura</t>
  </si>
  <si>
    <t>Muhammad Haroon Shah</t>
  </si>
  <si>
    <t>GMMS KHUDA BUX MOSQUE</t>
  </si>
  <si>
    <t>Ameer Muhammad</t>
  </si>
  <si>
    <t>Basti khuda bux Chk no 200/P Sadiqabad</t>
  </si>
  <si>
    <t>200/P</t>
  </si>
  <si>
    <t>Umair Saleem</t>
  </si>
  <si>
    <t>GMMS KOKAB STREET LAHORE</t>
  </si>
  <si>
    <t>jamia masjid hanfia ghousia kokab street Malik park Bilal gunj Lahore</t>
  </si>
  <si>
    <t>Mian Shamsudin Park</t>
  </si>
  <si>
    <t>Haider Asad Ullah</t>
  </si>
  <si>
    <t>GMMS KOLYARAN</t>
  </si>
  <si>
    <t>smoka</t>
  </si>
  <si>
    <t>basti kulyaran post office zahir pir teh. khanpur dist. ryk</t>
  </si>
  <si>
    <t>kulyaran</t>
  </si>
  <si>
    <t>GMMS KOONJ PURA LAHORE</t>
  </si>
  <si>
    <t>Jhuggian Nagra</t>
  </si>
  <si>
    <t>koonj pura sabzazar Lahore</t>
  </si>
  <si>
    <t>GMMS KOT FAZAL</t>
  </si>
  <si>
    <t>said pur Sadiq Abad</t>
  </si>
  <si>
    <t>GMMS KOT HADAYAT ALI</t>
  </si>
  <si>
    <t>Kot Hadayat Ali</t>
  </si>
  <si>
    <t>kot Hadayat Ali Ferozwala Skp</t>
  </si>
  <si>
    <t>Chak 39</t>
  </si>
  <si>
    <t>Tasleem Shahzad</t>
  </si>
  <si>
    <t>GMMS KOT MUHAMMAD YAR</t>
  </si>
  <si>
    <t>Bakka Rahmooka</t>
  </si>
  <si>
    <t>kot muhammad yar</t>
  </si>
  <si>
    <t>GMMS KOT MUMTAZ KHAN</t>
  </si>
  <si>
    <t>Kot Mumtaz Khan</t>
  </si>
  <si>
    <t>PO BOX KHAS BAMA BALA MARULA ROAD KOTMUMTAZKHAN RENALA KHUARD OKARA</t>
  </si>
  <si>
    <t>GMMS KOT WAHID BUKSH</t>
  </si>
  <si>
    <t>Kot Wahid bakhash</t>
  </si>
  <si>
    <t>Kot wahid bakhash</t>
  </si>
  <si>
    <t>Kot wahid Bukhash</t>
  </si>
  <si>
    <t>GMMS KOTHA</t>
  </si>
  <si>
    <t>Village kotha</t>
  </si>
  <si>
    <t>GMMS KOTHA JHANG SHESHAM</t>
  </si>
  <si>
    <t>kotha jhang shisham</t>
  </si>
  <si>
    <t>1 Sp Wasawe Wala</t>
  </si>
  <si>
    <t>GMMS KOTLA KAHN LAR</t>
  </si>
  <si>
    <t>Kotla Khan Lar</t>
  </si>
  <si>
    <t>basti Umar Bakhsh Lar mouza kotla Khan Lar</t>
  </si>
  <si>
    <t>Basti Umar Bakhsh Lar</t>
  </si>
  <si>
    <t>GMMS KULYAR WALA (BOHAR) P/O JUGU WALA</t>
  </si>
  <si>
    <t>GMMS Kulyar wala (bohar) p/o Juggo wala multan</t>
  </si>
  <si>
    <t>Kulyar Wala</t>
  </si>
  <si>
    <t>Hafiz imran mustafa</t>
  </si>
  <si>
    <t>GMMS LABHAY SHAH</t>
  </si>
  <si>
    <t>Muhallah Laabhay Shah Sadar Gogera</t>
  </si>
  <si>
    <t>GMMS LAKHAN WALA</t>
  </si>
  <si>
    <t>asti haji khan GMMS lakhan wala mouza rahmoo tehsil sadiqabad</t>
  </si>
  <si>
    <t>BASTI HAJI KHAN</t>
  </si>
  <si>
    <t>RANJHAY KHAN</t>
  </si>
  <si>
    <t>GMMS LAKHOO DI WAHI</t>
  </si>
  <si>
    <t>Lakhoo di wahi</t>
  </si>
  <si>
    <t>Lakhoo di Wahi</t>
  </si>
  <si>
    <t>GMMS LEHRASAB TOWN RENALA KHURD</t>
  </si>
  <si>
    <t>Lahrasab Town</t>
  </si>
  <si>
    <t>lahrasb town Renala khurd</t>
  </si>
  <si>
    <t>City Renala Khurd</t>
  </si>
  <si>
    <t>GMMS LUNDA BHADERA</t>
  </si>
  <si>
    <t>Lunda Bhadera</t>
  </si>
  <si>
    <t>GMMS LUNDA BHADERA P/O 10 F/W TEHSIL CHISHTIAN</t>
  </si>
  <si>
    <t>Lunda bhadera</t>
  </si>
  <si>
    <t>Farooq Awais</t>
  </si>
  <si>
    <t>GMMS LUQMAN ARAIN</t>
  </si>
  <si>
    <t>Galoor masoo Khan</t>
  </si>
  <si>
    <t>basti luqman arain post office Sardar Garh Rahim Yar khan</t>
  </si>
  <si>
    <t>Basti Luqman Arain</t>
  </si>
  <si>
    <t>Riaz  Ahmad</t>
  </si>
  <si>
    <t>GMMS MADRASSA USMANIA 272/HR</t>
  </si>
  <si>
    <t>272/hr</t>
  </si>
  <si>
    <t>chak no 272/hr</t>
  </si>
  <si>
    <t>GMMS MAHBOOB ABAD</t>
  </si>
  <si>
    <t>Jhmmat</t>
  </si>
  <si>
    <t>Mahboob abad</t>
  </si>
  <si>
    <t>Mahboob Abad</t>
  </si>
  <si>
    <t>Muhammad Naeem Tahir</t>
  </si>
  <si>
    <t>GMMS MAHBOOB SUBHANI</t>
  </si>
  <si>
    <t>Awami colony SDK</t>
  </si>
  <si>
    <t>10Np</t>
  </si>
  <si>
    <t>GMMS MAKI MASJID FORT ABAS</t>
  </si>
  <si>
    <t>MC FTS</t>
  </si>
  <si>
    <t>usman town fts</t>
  </si>
  <si>
    <t>Mc FTS</t>
  </si>
  <si>
    <t>GMMS MALI MAHAR</t>
  </si>
  <si>
    <t>Mali Mahar</t>
  </si>
  <si>
    <t>Mali mahar depalpur okara</t>
  </si>
  <si>
    <t>GMMS MALIK KARIM BUX</t>
  </si>
  <si>
    <t>Hayat Machi</t>
  </si>
  <si>
    <t>Basti ghouse bux ghobool moza hayat matchi</t>
  </si>
  <si>
    <t>Ghouse Bux</t>
  </si>
  <si>
    <t>GMMS MANASIRY RAM</t>
  </si>
  <si>
    <t>Manna siry Ram</t>
  </si>
  <si>
    <t>manna siryram</t>
  </si>
  <si>
    <t>Muhammad Manshad Saqib</t>
  </si>
  <si>
    <t>GMMS MANZOOR ABAD</t>
  </si>
  <si>
    <t>RYK DEH</t>
  </si>
  <si>
    <t>Syed Mehmood Ul Hasan</t>
  </si>
  <si>
    <t>GMMS MANZOOR CHOONIA</t>
  </si>
  <si>
    <t>Gmms manzoor chonia</t>
  </si>
  <si>
    <t>Manzoor Chonia</t>
  </si>
  <si>
    <t>GMMS MARFANI</t>
  </si>
  <si>
    <t>basti marfani</t>
  </si>
  <si>
    <t>Basti Mrfani</t>
  </si>
  <si>
    <t>GMMS MASJID UMER KHATAB FAZAL COLONY</t>
  </si>
  <si>
    <t>Masjid Umar  Khatab, Fazal colony Bund Road Lahore</t>
  </si>
  <si>
    <t>Fazal Colony</t>
  </si>
  <si>
    <t>GMMS MASJID WALNWALI</t>
  </si>
  <si>
    <t>gmms wanwali jhabbran mandi skp</t>
  </si>
  <si>
    <t>Jabbran</t>
  </si>
  <si>
    <t>Naeema Yaqub</t>
  </si>
  <si>
    <t>GMMS MEER PUR</t>
  </si>
  <si>
    <t>Meerpur</t>
  </si>
  <si>
    <t>vill meerpur po dhamkey tehsil sharqpur DST sheikhupura</t>
  </si>
  <si>
    <t>Abrar Adil</t>
  </si>
  <si>
    <t>GMMS MEHER LAL BASTI SHAH ALI</t>
  </si>
  <si>
    <t>BASTI AHMED ALI MAZARI</t>
  </si>
  <si>
    <t>GMMS MEHRAB KHAN</t>
  </si>
  <si>
    <t>gps mehrab khan</t>
  </si>
  <si>
    <t>GMMS MIAN KHAIR DIN</t>
  </si>
  <si>
    <t>Nawaz Wasa</t>
  </si>
  <si>
    <t>Basti mian khair din</t>
  </si>
  <si>
    <t>Mian Khair Din</t>
  </si>
  <si>
    <t>Buutta Wahan</t>
  </si>
  <si>
    <t>Naveed Ikram</t>
  </si>
  <si>
    <t>GMMS MIANY PO JAJJAH ABBASIAN</t>
  </si>
  <si>
    <t>Ghaghala</t>
  </si>
  <si>
    <t>Basti Pahor</t>
  </si>
  <si>
    <t>GMMS MIR GARH</t>
  </si>
  <si>
    <t>mir garh</t>
  </si>
  <si>
    <t>290 HR</t>
  </si>
  <si>
    <t>Muhammad Aslam Naz</t>
  </si>
  <si>
    <t>GMMS MOHALLA GHZRAN</t>
  </si>
  <si>
    <t>Peer Ahmad Abad</t>
  </si>
  <si>
    <t>tipu sultan shaheed colony street no.5 house no.77 teh sadiq abad distt.rahim yar khan</t>
  </si>
  <si>
    <t>Hira Kanwal</t>
  </si>
  <si>
    <t>GMMS MOHALLAH SAGRAL MULTAN KHURD</t>
  </si>
  <si>
    <t>vpo Multan Khurd tehsil talagang distrct chakwal</t>
  </si>
  <si>
    <t>TAJ RASOOL</t>
  </si>
  <si>
    <t>GMMS MOHAMMAD YAR KHAN</t>
  </si>
  <si>
    <t>Basti M Yar Khan p/o Jetha Bhutta</t>
  </si>
  <si>
    <t>Basti M Kalhora</t>
  </si>
  <si>
    <t>Partab Jee</t>
  </si>
  <si>
    <t>GMMS MOHAMMADIA RIZVIA AKRAM PARK SANDA KHURD LAHORE</t>
  </si>
  <si>
    <t>T#4 Shibli Town Akram Park Sanda Band Road Lahore</t>
  </si>
  <si>
    <t>Sanda Khurd</t>
  </si>
  <si>
    <t>GMMS MOPAL KEY</t>
  </si>
  <si>
    <t>Mopalkey</t>
  </si>
  <si>
    <t>Moza Mopalkey, P/O Same, Teh. Renala Khurd, Distt. Okara</t>
  </si>
  <si>
    <t>Liaqat Ali S/O Rashid Ahmad</t>
  </si>
  <si>
    <t>GMMS MUD RAHIM</t>
  </si>
  <si>
    <t>chak#63/p</t>
  </si>
  <si>
    <t>basti manzoor ahmed ghunia</t>
  </si>
  <si>
    <t>Basti manzoor ahmed ghunia</t>
  </si>
  <si>
    <t>GMMS MUHAMMAD ALI KHUHAWAR</t>
  </si>
  <si>
    <t>Basti Muhammad Ali khuhawar muza Jung bilawal teh. LQP</t>
  </si>
  <si>
    <t>Muhammad Ali Khuhawat</t>
  </si>
  <si>
    <t>GMMS MUHAMMAD HUSSAIN CHANDIA</t>
  </si>
  <si>
    <t>Noor Ahmedabad</t>
  </si>
  <si>
    <t>basti ibrahim Kosh, moza noor Ahmed abad,</t>
  </si>
  <si>
    <t>Basti Ibrahim Kosh</t>
  </si>
  <si>
    <t>Yasir Raza</t>
  </si>
  <si>
    <t>GMMS MUHAMMAD NAWAZ DASHTI</t>
  </si>
  <si>
    <t>Bakhshabad</t>
  </si>
  <si>
    <t>basti muhammad Nawaz Dashti mouza bakhshabad p.o. bhong teh. sadiqabad distt ryk</t>
  </si>
  <si>
    <t>Muhammad Nawaz Dashti</t>
  </si>
  <si>
    <t>M Farhan Javed</t>
  </si>
  <si>
    <t>GMMS MUHAMMAD YAAR CHISHTI</t>
  </si>
  <si>
    <t>M Yar Chishti</t>
  </si>
  <si>
    <t>Abadi Pathan Kot</t>
  </si>
  <si>
    <t>Muhammad Yar chishti</t>
  </si>
  <si>
    <t>GMMS MUHAMMADI MOSQUE FORT ABBAS</t>
  </si>
  <si>
    <t>272-HR</t>
  </si>
  <si>
    <t>muhalla line par Abby bakar town fort abbas</t>
  </si>
  <si>
    <t>Line Par Muhallah</t>
  </si>
  <si>
    <t>MC-II</t>
  </si>
  <si>
    <t>Tahir  Mahmood</t>
  </si>
  <si>
    <t>GMMS MUMTAZ ABAD</t>
  </si>
  <si>
    <t>Tibi Laran</t>
  </si>
  <si>
    <t>bux mohana</t>
  </si>
  <si>
    <t>Bux Mohana</t>
  </si>
  <si>
    <t>Hadayatullah</t>
  </si>
  <si>
    <t>GMMS MUNSHI WALA P/O JUGGO WALA</t>
  </si>
  <si>
    <t>munshi wala</t>
  </si>
  <si>
    <t>chah iqbal wala</t>
  </si>
  <si>
    <t>LAL WAH</t>
  </si>
  <si>
    <t>GMMS MUSA KAHOUT</t>
  </si>
  <si>
    <t>Musa Kahout</t>
  </si>
  <si>
    <t>village musa kahout,p.o padshahan,Teh&amp;Distt Chakwal</t>
  </si>
  <si>
    <t>Azizurrahman</t>
  </si>
  <si>
    <t>coolers</t>
  </si>
  <si>
    <t>GMMS MUSLAN WALA</t>
  </si>
  <si>
    <t>Muslanwala p\o abbakhel mianwali</t>
  </si>
  <si>
    <t>Muslanwala</t>
  </si>
  <si>
    <t>Muhammad Masood</t>
  </si>
  <si>
    <t>GMMS MUSTAFA ABAD BASTI GHULAM HUSSAIN</t>
  </si>
  <si>
    <t>Dhare Oat</t>
  </si>
  <si>
    <t>Basti Gorgej, Moza Dhare Oat, P/O Taranda Muhammad Panah</t>
  </si>
  <si>
    <t>Basti Gogej</t>
  </si>
  <si>
    <t>Muhammad Atique</t>
  </si>
  <si>
    <t>GMMS MUZA TORAIZ RATH</t>
  </si>
  <si>
    <t>Toraiz Rath</t>
  </si>
  <si>
    <t>toraiz rath p/o mari hazara tehsil arifwala district pakpattan</t>
  </si>
  <si>
    <t>GMMS NAGINA MASJID FORT ABBAS</t>
  </si>
  <si>
    <t>Gmms Marina Masjid Ali town Fort Abbas</t>
  </si>
  <si>
    <t>Tariq Shafiq</t>
  </si>
  <si>
    <t>GMMS NAI ABADI TUGHRAIL</t>
  </si>
  <si>
    <t>Nai Abadi Tughril</t>
  </si>
  <si>
    <t>GMMS Nai Abadi Tughril Mandi Ahmed Abad Distt okara</t>
  </si>
  <si>
    <t>Mandi Ahmed Abad</t>
  </si>
  <si>
    <t>GMMS NAIZABAD</t>
  </si>
  <si>
    <t>Dullah  Bhadera</t>
  </si>
  <si>
    <t>Basti Niaz Abad mouza Dullah bhadera</t>
  </si>
  <si>
    <t>NiazAbad</t>
  </si>
  <si>
    <t>GMMS NAWAB CHAKAR KE</t>
  </si>
  <si>
    <t>Nawab chakar kay</t>
  </si>
  <si>
    <t>NAWAB CHAKAR KAY</t>
  </si>
  <si>
    <t>GMMS NAWAB COLONY FORT ABBAS</t>
  </si>
  <si>
    <t>nawab colony fort abbas</t>
  </si>
  <si>
    <t>GMMS NAWAN CHAK KHARAK SINGH</t>
  </si>
  <si>
    <t>Nawan Chak Khark Singh</t>
  </si>
  <si>
    <t>nawan chak khark Singh</t>
  </si>
  <si>
    <t>GMMS NAWAN TIBBA</t>
  </si>
  <si>
    <t>Nawan Tibba  Tehsil karor District Layyah</t>
  </si>
  <si>
    <t>Nawan Tibba</t>
  </si>
  <si>
    <t>samer razaa shehzad</t>
  </si>
  <si>
    <t>GMMS NAZIR ABAD</t>
  </si>
  <si>
    <t>Nazir abad</t>
  </si>
  <si>
    <t>Basti Nazir abad markaz Dufli kabir khan</t>
  </si>
  <si>
    <t>Hafiz Muhammad Nazim</t>
  </si>
  <si>
    <t>GMMS NEW ABADI 56/F AZAFI BASTI</t>
  </si>
  <si>
    <t>10/FW</t>
  </si>
  <si>
    <t>Chak 10FW</t>
  </si>
  <si>
    <t>Soda Basti 56/F</t>
  </si>
  <si>
    <t>Muhammad Shafique Anjum</t>
  </si>
  <si>
    <t>bring water from nearby house</t>
  </si>
  <si>
    <t>GMMS NO ABAD</t>
  </si>
  <si>
    <t>Goth Amin</t>
  </si>
  <si>
    <t>MMS nou abad basti nou abad mouza goth amin</t>
  </si>
  <si>
    <t>Basti Nou Abad</t>
  </si>
  <si>
    <t>Muhammad Saleem Shahzad</t>
  </si>
  <si>
    <t>GMMS NOOR HASSAN WALA</t>
  </si>
  <si>
    <t>Dillewali Wall dera noor Hassan Wala tha
Mianwali District  mianwali</t>
  </si>
  <si>
    <t>Dillewali Wali</t>
  </si>
  <si>
    <t>GMMS NOOR MUHAMMAD PILAL</t>
  </si>
  <si>
    <t>Talay Wala</t>
  </si>
  <si>
    <t>Basti Murad Palal Moza Talaly wala</t>
  </si>
  <si>
    <t>Basti murad palal</t>
  </si>
  <si>
    <t>GMMS NOOR PUR CHAK N. 83/TDA</t>
  </si>
  <si>
    <t>Basti Noor Pur moaza deen pur teh Karor, layyah</t>
  </si>
  <si>
    <t>Muhammad Baqir Saqi</t>
  </si>
  <si>
    <t>GMMS NOOR SHAH</t>
  </si>
  <si>
    <t>Wazir Ahmad Abad</t>
  </si>
  <si>
    <t>basti darbar noor shah</t>
  </si>
  <si>
    <t>Darbar Noor Shah</t>
  </si>
  <si>
    <t>GMMS NOSHAHRA AHMED ANIA P/O DARI AZIM KHAN</t>
  </si>
  <si>
    <t>Kandawali</t>
  </si>
  <si>
    <t>P/o Dari azeem Khan RYK</t>
  </si>
  <si>
    <t>NoshahraAhmedAnia</t>
  </si>
  <si>
    <t>GMMS NOSHEHRA</t>
  </si>
  <si>
    <t>Nouraja Bhutta</t>
  </si>
  <si>
    <t>basti noshehra moza and uc.nouraja Bhutta Uc.no.172 tehsil jppw.dist.multan</t>
  </si>
  <si>
    <t>GMMS OBHACHRAN PO JAJJA ABBASIAN</t>
  </si>
  <si>
    <t>Kotla Modho</t>
  </si>
  <si>
    <t>Basti meer pur</t>
  </si>
  <si>
    <t>Naheed Naz</t>
  </si>
  <si>
    <t>GMMS PACCA BATHA</t>
  </si>
  <si>
    <t>basti pakka bhutta p/o Jamal din wali Tehsil Sadiq  Abad Distt. Rahim Yar Khan</t>
  </si>
  <si>
    <t>Pakka Bhutta</t>
  </si>
  <si>
    <t>Malik Allah Ditta</t>
  </si>
  <si>
    <t>GMMS PACCA QURESHIAN</t>
  </si>
  <si>
    <t>Basti pacca qureshian mozza ghaleja P/O missan abad teh.&amp;dist rahim yar khan</t>
  </si>
  <si>
    <t>Basti Pacca Quershain</t>
  </si>
  <si>
    <t>GMMS PARACHA COLONY</t>
  </si>
  <si>
    <t>Paracha Colony Shahdara Town Lahore</t>
  </si>
  <si>
    <t>Paracha Colony</t>
  </si>
  <si>
    <t>Mahfooz Ahmad</t>
  </si>
  <si>
    <t>GMMS PEELICHI PEER SHAHDARA</t>
  </si>
  <si>
    <t>Gmm pilchi peer shahdara Lhore</t>
  </si>
  <si>
    <t>Qazai Park</t>
  </si>
  <si>
    <t>GMMS PEER IMDAD HUSSAIN SHAH</t>
  </si>
  <si>
    <t>basti pir imdad hussain</t>
  </si>
  <si>
    <t>Pir Imdad Hussain</t>
  </si>
  <si>
    <t>Nadeem Akhtar</t>
  </si>
  <si>
    <t>GMMS PEER JAFAR LAL</t>
  </si>
  <si>
    <t>wazeer Ahmad abad</t>
  </si>
  <si>
    <t>basti abid shah mouza wazeer Ahmad abad bhong tehsi sadiq abad ryk</t>
  </si>
  <si>
    <t>basti abid shah</t>
  </si>
  <si>
    <t>Rafia Saeed</t>
  </si>
  <si>
    <t>GMMS PEERAN BHUTTAN</t>
  </si>
  <si>
    <t>Basti Chijju</t>
  </si>
  <si>
    <t>Zeshan Iqbal</t>
  </si>
  <si>
    <t>GMMS PEHALWANKA</t>
  </si>
  <si>
    <t>basti pehwalnka</t>
  </si>
  <si>
    <t>Basti Pehwalnka</t>
  </si>
  <si>
    <t>GMMS PEOPLES COLONY</t>
  </si>
  <si>
    <t>peoples colony fzw</t>
  </si>
  <si>
    <t>Qaisar Mehmood</t>
  </si>
  <si>
    <t>GMMS PHULAN KHAN</t>
  </si>
  <si>
    <t>Basti Phulan khan</t>
  </si>
  <si>
    <t>GMMS PIDH</t>
  </si>
  <si>
    <t>Pidh</t>
  </si>
  <si>
    <t>V P O Pidh Tehsil Choa Saiden Shah District Chakwal</t>
  </si>
  <si>
    <t>Nasir Kamal</t>
  </si>
  <si>
    <t>GMMS PINDI MOHLAN</t>
  </si>
  <si>
    <t>GMMS pindi Mohlan markaz pipli pahar Tehsil depalpur district okara.</t>
  </si>
  <si>
    <t>Quillah Javind sing</t>
  </si>
  <si>
    <t>GMMS PUNU ARAIN</t>
  </si>
  <si>
    <t>Tranda Gurgaig</t>
  </si>
  <si>
    <t>basti punu arain mauza tranda gurgaig liaqat pur rahim tar khan</t>
  </si>
  <si>
    <t>Punu Arain</t>
  </si>
  <si>
    <t>MUHAMMAD NAZIK</t>
  </si>
  <si>
    <t>GMMS QADIR ABAD</t>
  </si>
  <si>
    <t>MND-III-MALE</t>
  </si>
  <si>
    <t>poogal</t>
  </si>
  <si>
    <t>qadirabad mnd</t>
  </si>
  <si>
    <t>GMMS QALI FOJIAN WALI</t>
  </si>
  <si>
    <t>QALI FOJIAN WALI</t>
  </si>
  <si>
    <t>QALLI FOJIAN WALI TEHSIL DEPALPUR DISTRICT OKARA</t>
  </si>
  <si>
    <t>Mahnat Darshan</t>
  </si>
  <si>
    <t>GMMS QAZI ABDUL REHMAN</t>
  </si>
  <si>
    <t>Dudi Sanghi</t>
  </si>
  <si>
    <t>Basti Qazi abdul rehman</t>
  </si>
  <si>
    <t>Muhammad Khalid Hassan</t>
  </si>
  <si>
    <t>GMMS QAZI GHULAM RASOOL</t>
  </si>
  <si>
    <t>Gullan Gulkala</t>
  </si>
  <si>
    <t>Basty Q.Gh. Rasool Khanpur.</t>
  </si>
  <si>
    <t>Basty Qazi Gh Rasool</t>
  </si>
  <si>
    <t>MC Khanpur</t>
  </si>
  <si>
    <t>fayyaz ahmed</t>
  </si>
  <si>
    <t>GMMS QAZI MUHAMMAD DIN</t>
  </si>
  <si>
    <t>Shahbaz Pur Gharbi</t>
  </si>
  <si>
    <t>Basti Ahmad Ali Shah , Shahbaz Pur Gharbi , Uc Zafar Abad LQP</t>
  </si>
  <si>
    <t>Basti Ahmad Ali Shah</t>
  </si>
  <si>
    <t>Muhammad Khubaib</t>
  </si>
  <si>
    <t>GMMS RAHIM BAKHSH DITANI</t>
  </si>
  <si>
    <t>praran shareef</t>
  </si>
  <si>
    <t>basti moulvi haneef praran shareef,ameen abad,liaqatpur</t>
  </si>
  <si>
    <t>basti moulvi haneef</t>
  </si>
  <si>
    <t>GMMS RAHIM BAKHSH NAICH</t>
  </si>
  <si>
    <t>AMIN ABAD - MALE</t>
  </si>
  <si>
    <t>Basti Rahim Bux Naich, Mouza Pararan Sharif</t>
  </si>
  <si>
    <t>Rahim Bux Naich</t>
  </si>
  <si>
    <t>GMMS RASUL BUX WAHGA</t>
  </si>
  <si>
    <t>BADLI SHARIF</t>
  </si>
  <si>
    <t>BASTI MITHU MOZA BADLI SHARIF UC BADLI SHARIF RAHIM YAR KHAN</t>
  </si>
  <si>
    <t>BASTI MITHU</t>
  </si>
  <si>
    <t>Muhammad IBRAHIM CHUHAN</t>
  </si>
  <si>
    <t>GMMS RATHAN WALA</t>
  </si>
  <si>
    <t>Rath Mamar</t>
  </si>
  <si>
    <t>basti rathan wala mouza rath mamar</t>
  </si>
  <si>
    <t>GMMS REHEEMIA MASJID GHULAM RASOOL TOWN</t>
  </si>
  <si>
    <t>272/HR</t>
  </si>
  <si>
    <t>GMMS rahemia gulam rasool town fort abbas</t>
  </si>
  <si>
    <t>Atta ur Rehman</t>
  </si>
  <si>
    <t>GMMS REHMANIA BASTI AHMED BUX WALI P/O JALALPUR PIRWALA</t>
  </si>
  <si>
    <t>Anyat Pur</t>
  </si>
  <si>
    <t>Basti noon Sial amir moor</t>
  </si>
  <si>
    <t>Noon Sial</t>
  </si>
  <si>
    <t>AnyatPur</t>
  </si>
  <si>
    <t>Naseem Abbas</t>
  </si>
  <si>
    <t>GMMS REHMAT PURA FEROZWALA</t>
  </si>
  <si>
    <t>Rehmatpura</t>
  </si>
  <si>
    <t>rehmatpura, tehsil ferozewala, near imamia colony, sheikhupura</t>
  </si>
  <si>
    <t>Wandala Diyal Shah</t>
  </si>
  <si>
    <t>Muhammad Babar Aslam</t>
  </si>
  <si>
    <t>GMMS RIAZ SANDILAY WALA</t>
  </si>
  <si>
    <t>94 A/TDA</t>
  </si>
  <si>
    <t>BEGGA KHOO CHAK NO. 99TDA</t>
  </si>
  <si>
    <t>BEGGA KHOO</t>
  </si>
  <si>
    <t>GMMS RUSTAM GARH</t>
  </si>
  <si>
    <t>gmms rustam garh mouza sadiq pur</t>
  </si>
  <si>
    <t>Dera Rana Dilshad</t>
  </si>
  <si>
    <t>Ejaz ahmad</t>
  </si>
  <si>
    <t>GMMS SADAR KHANEKE</t>
  </si>
  <si>
    <t>sadar khaneke</t>
  </si>
  <si>
    <t>GMMS SADAT JAN PUR</t>
  </si>
  <si>
    <t>P/O JANPUR THES LIQATPUR DISST RAHIMYAR KHAN</t>
  </si>
  <si>
    <t>SYED MUHAMMAD ASGHAR SHAH</t>
  </si>
  <si>
    <t>GMMS SAFINA MASJID BHIKHI</t>
  </si>
  <si>
    <t>SHEIKHUPURA-V- MALE</t>
  </si>
  <si>
    <t>Iftikhar Ahmed Sajid</t>
  </si>
  <si>
    <t>GMMS SAGIR KOT</t>
  </si>
  <si>
    <t>Tobba Balochan</t>
  </si>
  <si>
    <t>Basti Sagir kot Minchanabd</t>
  </si>
  <si>
    <t>Sagirkot</t>
  </si>
  <si>
    <t>Tobba Baloochan</t>
  </si>
  <si>
    <t>Muhammad Raheel Aslam</t>
  </si>
  <si>
    <t>GMMS SAHIB BHATTI</t>
  </si>
  <si>
    <t>Sahib Din Bhatti</t>
  </si>
  <si>
    <t>sahib din bhatti p/o Haveli lakha Teh Depalpur Distt Okara</t>
  </si>
  <si>
    <t>Mohib Ali Utaar</t>
  </si>
  <si>
    <t>GMMS SAINSRAN</t>
  </si>
  <si>
    <t>taj. chowk basti sainsran, sadiqabad</t>
  </si>
  <si>
    <t>Saimsran</t>
  </si>
  <si>
    <t>MC-Sadiqabad</t>
  </si>
  <si>
    <t>HAMID MEHMOOD</t>
  </si>
  <si>
    <t>water spply outside</t>
  </si>
  <si>
    <t>GMMS SAKANDAR FORM BASTI GHUMAN KHAN</t>
  </si>
  <si>
    <t>Basti khair Muhammad moza bhara ,machka</t>
  </si>
  <si>
    <t>Basti Khair Mohd</t>
  </si>
  <si>
    <t>GMMS SALEEM ABAD</t>
  </si>
  <si>
    <t>saleem abad moza amlik pur p/o jan pur</t>
  </si>
  <si>
    <t>GMMS SAM WALA</t>
  </si>
  <si>
    <t>duniya pur</t>
  </si>
  <si>
    <t>ada saam wala jhang road teh. &amp; distt. muzaffargarh</t>
  </si>
  <si>
    <t>saam wala</t>
  </si>
  <si>
    <t>GMMS SAMOO WALI</t>
  </si>
  <si>
    <t>Samoo Wali</t>
  </si>
  <si>
    <t>samoo wali tehsil MND distrect BWN</t>
  </si>
  <si>
    <t>Samowali</t>
  </si>
  <si>
    <t>GMMS SDP ARAZI BAHAR SHAH</t>
  </si>
  <si>
    <t>ARAZI BAHAR SHAH</t>
  </si>
  <si>
    <t>MOUZA ARAZI BAHAR SHAH P.O JANDRAKA TEHSIL &amp; DISTRICT OKARA</t>
  </si>
  <si>
    <t>ARAZI BAHAR  SHAH</t>
  </si>
  <si>
    <t>LAKHAN</t>
  </si>
  <si>
    <t>GMMS SHAH DA KHOH</t>
  </si>
  <si>
    <t>Chak 83 Np</t>
  </si>
  <si>
    <t>shah da khoo.kot smaba rahim year khan</t>
  </si>
  <si>
    <t>Shah Da Khoo</t>
  </si>
  <si>
    <t>RASHEED AHMED</t>
  </si>
  <si>
    <t>GMMS SHAH MOHAMMAD</t>
  </si>
  <si>
    <t>M M S Shah Muhammad Mauza Dunya pur Teh Khan pur</t>
  </si>
  <si>
    <t>GMMS SHAH WALI KOHI CENTER SHUJATPUR JPP.</t>
  </si>
  <si>
    <t>Shujat Pur</t>
  </si>
  <si>
    <t>basti raan khoi shah wali</t>
  </si>
  <si>
    <t>Muhammad Waqar</t>
  </si>
  <si>
    <t>GMMS SHAHEED ABAD</t>
  </si>
  <si>
    <t>GMMS SHAHEED ABAD, MARKAZ HAYAT LAR FEROZA TEHSIL LQP DISTRICT. RYK</t>
  </si>
  <si>
    <t>SHAHEED ABAD</t>
  </si>
  <si>
    <t>Samra Firdous</t>
  </si>
  <si>
    <t>GMMS SHAKOOR ABAD BASTI</t>
  </si>
  <si>
    <t>Shkoorabad</t>
  </si>
  <si>
    <t>shkoorabad</t>
  </si>
  <si>
    <t>GMMS SHEIKH ABAD</t>
  </si>
  <si>
    <t>Rotti Shareef</t>
  </si>
  <si>
    <t>jamaldinwali,tehsil SDK,District RYK</t>
  </si>
  <si>
    <t>MUHAMMAD ASHFAQ  SADIQ</t>
  </si>
  <si>
    <t>GMMS SHER MUHAMMAD KHTWAL</t>
  </si>
  <si>
    <t>Chak No 194 P East</t>
  </si>
  <si>
    <t>chak 194p east</t>
  </si>
  <si>
    <t>Chak No 194p East</t>
  </si>
  <si>
    <t>GMMS SIDRAN</t>
  </si>
  <si>
    <t>Sawetra</t>
  </si>
  <si>
    <t>Basti Sudran</t>
  </si>
  <si>
    <t>Sudran</t>
  </si>
  <si>
    <t>Anwar Ilahi</t>
  </si>
  <si>
    <t>GMMS SMOKA</t>
  </si>
  <si>
    <t>Samoka p/o Zahir pir tehsil Khan Pur</t>
  </si>
  <si>
    <t>GMMS SODIWAL PIND BAND ROAD LAHORE</t>
  </si>
  <si>
    <t>Sadiqqia Colony</t>
  </si>
  <si>
    <t>Abu bakar saddiqia colony bund road lahore</t>
  </si>
  <si>
    <t>Abu Bakar Saddiqia Colony</t>
  </si>
  <si>
    <t>Shahinabad</t>
  </si>
  <si>
    <t>M Yasin</t>
  </si>
  <si>
    <t>GMMS SOLANG BAGH WALA</t>
  </si>
  <si>
    <t>Siwag</t>
  </si>
  <si>
    <t>Chak No 99-A/TDA Tehsil Karor Lal Esan District Layyah</t>
  </si>
  <si>
    <t>Chak 99-A/TDA</t>
  </si>
  <si>
    <t>Mureed Abbas</t>
  </si>
  <si>
    <t>GMMS SULTAN PURA</t>
  </si>
  <si>
    <t>muhallah sultan pura</t>
  </si>
  <si>
    <t>Peer Bhar Shah</t>
  </si>
  <si>
    <t>GMMS TAHIR KHURD</t>
  </si>
  <si>
    <t>Tahir Khurd</t>
  </si>
  <si>
    <t>Tahir khurd Muhammad Nagar Road Basir Pur Depalpur Okara</t>
  </si>
  <si>
    <t>GMMS TAHIR PUR DARYA PAAR</t>
  </si>
  <si>
    <t>jhok pahoraan moza  tahir pur darya paar</t>
  </si>
  <si>
    <t>Jhok Pahoraan</t>
  </si>
  <si>
    <t>GMMS TAHLI BAGHAR</t>
  </si>
  <si>
    <t>TAHLI BAGHAR</t>
  </si>
  <si>
    <t>TAHLI BAGHAR MARKAZ MANDI AHMAD ABAD</t>
  </si>
  <si>
    <t>GMMS TANZEEM BASTI AFZAL KHAN</t>
  </si>
  <si>
    <t>Chak 33/p</t>
  </si>
  <si>
    <t>Dera bhaya, chak 33/p, bagho bahar khanpur</t>
  </si>
  <si>
    <t>Dera Bhaya</t>
  </si>
  <si>
    <t>Neelam Khalid</t>
  </si>
  <si>
    <t>GMMS TANZEEM-UL-MADARIS MADINA COLONY FAQIR WALI</t>
  </si>
  <si>
    <t>madina colony Faqirwali</t>
  </si>
  <si>
    <t>Chai No 124/6R</t>
  </si>
  <si>
    <t>GMMS TARIQ ABAD</t>
  </si>
  <si>
    <t>Tariq abad  tahsil Depal pur  Disst    Okara</t>
  </si>
  <si>
    <t>ATIQ AHMAD</t>
  </si>
  <si>
    <t>GMMS TATRAL</t>
  </si>
  <si>
    <t>village Tatral Tehseel&amp;District Chakwal</t>
  </si>
  <si>
    <t>Dub</t>
  </si>
  <si>
    <t>Javed  Iqbal</t>
  </si>
  <si>
    <t>GMMS THATHI YAROO JAGIR</t>
  </si>
  <si>
    <t>Thathi yaroo Jageer</t>
  </si>
  <si>
    <t>Govt. Masjid Maktab School Thathi yaroo jageer</t>
  </si>
  <si>
    <t>Thathi yaroo jageer</t>
  </si>
  <si>
    <t>GMMS THULL WALA NO.1 P/O SHUJAABAD</t>
  </si>
  <si>
    <t>chah thul wala moza pounta tehsil shujabad district multan</t>
  </si>
  <si>
    <t>Thul Wala</t>
  </si>
  <si>
    <t>GMMS TIBBA EAST HAROON ABAD</t>
  </si>
  <si>
    <t>Tibba noorpura</t>
  </si>
  <si>
    <t>Asma Aftab</t>
  </si>
  <si>
    <t>GMMS TIBBI GUL MUHAMMAD</t>
  </si>
  <si>
    <t>tibi gul Mohammad chak 69 p</t>
  </si>
  <si>
    <t>GMMS TIBI KASANA</t>
  </si>
  <si>
    <t>tIBI kISANA</t>
  </si>
  <si>
    <t>VILLAGE tIBI kISANA</t>
  </si>
  <si>
    <t>TIBI kISANA</t>
  </si>
  <si>
    <t>BHARAJ</t>
  </si>
  <si>
    <t>MUHAMMAD  IJAZ</t>
  </si>
  <si>
    <t>GMMS USMANIA DAROGAWALA</t>
  </si>
  <si>
    <t>bilal colony daroghawala</t>
  </si>
  <si>
    <t>GMMS WAGHOWAN</t>
  </si>
  <si>
    <t>po malkani</t>
  </si>
  <si>
    <t>Dera Blocjan</t>
  </si>
  <si>
    <t>GMMS WAHID BAKHASH BHATAR</t>
  </si>
  <si>
    <t>Miyani Icha</t>
  </si>
  <si>
    <t>p/o thul hamza, basti jam nabi bux ghangla</t>
  </si>
  <si>
    <t>Jam Nabi Bux Ghangla</t>
  </si>
  <si>
    <t>Muhammad tariq</t>
  </si>
  <si>
    <t>GMMS WARD NO. 1 FORT ABBAS</t>
  </si>
  <si>
    <t>Mc Fts</t>
  </si>
  <si>
    <t>ward no 12 Gmms ward no 01</t>
  </si>
  <si>
    <t>Riaz -ul-haq</t>
  </si>
  <si>
    <t>GMMS WARD NO. 4 AKHLAQ TOWN FAS</t>
  </si>
  <si>
    <t>IKHLAAQ TOWN FORT ABBAS</t>
  </si>
  <si>
    <t>Ikhlaaq Town</t>
  </si>
  <si>
    <t>Ameer Ali Shah</t>
  </si>
  <si>
    <t>GMMS WAROOD BEHRAMKA HITHAR</t>
  </si>
  <si>
    <t>Salman Shabbir</t>
  </si>
  <si>
    <t>GMMS WAROOD DHAB WAZIR KA</t>
  </si>
  <si>
    <t>Landi Dhab Wazir Ka P/O Toba Balochan</t>
  </si>
  <si>
    <t>Landi Dhab Wazir Ka</t>
  </si>
  <si>
    <t>GMMS WAROOD MUNSHI UTAR</t>
  </si>
  <si>
    <t>Ismail Pur Rateka</t>
  </si>
  <si>
    <t>hasan wala road madena colony meclodgunj</t>
  </si>
  <si>
    <t>Madena Colony</t>
  </si>
  <si>
    <t>GMMS WAROOD NIZAM PUR</t>
  </si>
  <si>
    <t>TABQRA</t>
  </si>
  <si>
    <t>BASTI FATEH KOT</t>
  </si>
  <si>
    <t>GMMS WAROOD SAR PUR</t>
  </si>
  <si>
    <t>basti said pur</t>
  </si>
  <si>
    <t>Waseela Qurban</t>
  </si>
  <si>
    <t>GMMS WAROOD SHARIF KOT</t>
  </si>
  <si>
    <t>Babal Wala</t>
  </si>
  <si>
    <t>said pur</t>
  </si>
  <si>
    <t>Rameez Badar</t>
  </si>
  <si>
    <t>GMMS ZAHIDAN</t>
  </si>
  <si>
    <t>basti zahidan , Duran pur, tehsil jppw</t>
  </si>
  <si>
    <t>Bast Zaihdan</t>
  </si>
  <si>
    <t>Duran Pur</t>
  </si>
  <si>
    <t>GMPS  58 SP</t>
  </si>
  <si>
    <t>58/SP</t>
  </si>
  <si>
    <t>58/SP malka Hans Teh/Dis  Pakpattan</t>
  </si>
  <si>
    <t>Shafeeqa Anam</t>
  </si>
  <si>
    <t>GMPS  5-T NO.2 JANOOBI</t>
  </si>
  <si>
    <t>Chak 5t</t>
  </si>
  <si>
    <t>Chak 5_t janoobi</t>
  </si>
  <si>
    <t>GMPS  BASTI KANJAN MOUZA INYAT SHAH</t>
  </si>
  <si>
    <t>Inyat Shah</t>
  </si>
  <si>
    <t>chk no 660/1 basti kanjan moza inyat  shah kamalia</t>
  </si>
  <si>
    <t>660/1 Basti Kanjan</t>
  </si>
  <si>
    <t>661/2gb</t>
  </si>
  <si>
    <t>Faiza Rashid</t>
  </si>
  <si>
    <t>GMPS  BASTI SAMLAN</t>
  </si>
  <si>
    <t>Qadir Bux Channar</t>
  </si>
  <si>
    <t>basti samlan</t>
  </si>
  <si>
    <t>Basti Samlan</t>
  </si>
  <si>
    <t>GMPS  CHAK NO 486 JB</t>
  </si>
  <si>
    <t>Chak no 486</t>
  </si>
  <si>
    <t>486 Jb</t>
  </si>
  <si>
    <t>GMPS  CHAK NO 492 JB 1</t>
  </si>
  <si>
    <t>Chak no 492 jb 1 post office waryam wala tehsil shorkot district jhang</t>
  </si>
  <si>
    <t>Chak no 492 jb 1</t>
  </si>
  <si>
    <t>Batian Wala</t>
  </si>
  <si>
    <t>GMPS  DHAB DALIA</t>
  </si>
  <si>
    <t>Dhab dalia</t>
  </si>
  <si>
    <t>Village dalia p/o tanda gujrat</t>
  </si>
  <si>
    <t>Barila sharif</t>
  </si>
  <si>
    <t>Karamat ali</t>
  </si>
  <si>
    <t>GMPS  FOREST COLONY</t>
  </si>
  <si>
    <t>2 Ghagh</t>
  </si>
  <si>
    <t>mouza 2 ghagh Forest colony tehsil shorkot district jhang</t>
  </si>
  <si>
    <t>Forest Colony</t>
  </si>
  <si>
    <t>03 Ghagh</t>
  </si>
  <si>
    <t>Tanver Kouser</t>
  </si>
  <si>
    <t>GMPS  GHULAM MUHAMMAD WALA</t>
  </si>
  <si>
    <t>basti ghulam muhammad wala</t>
  </si>
  <si>
    <t>Hira Akhtar</t>
  </si>
  <si>
    <t>GMPS  GURU SAR GIRDHARI WALA EAST</t>
  </si>
  <si>
    <t>Guru Sar</t>
  </si>
  <si>
    <t>gmps gurusar girdhari  waia east</t>
  </si>
  <si>
    <t>Malak Pura</t>
  </si>
  <si>
    <t>Ume-Habiba</t>
  </si>
  <si>
    <t>GMPS  KHOKHARA KAMALANA</t>
  </si>
  <si>
    <t>Khokhra Kamlana</t>
  </si>
  <si>
    <t>GMPS Khokhra Kamlana</t>
  </si>
  <si>
    <t>GMPS  NARALA</t>
  </si>
  <si>
    <t>narala</t>
  </si>
  <si>
    <t>Village narala teh kahuta rawalpindi Po aliot</t>
  </si>
  <si>
    <t>Sumira Bibi</t>
  </si>
  <si>
    <t>GMPS  QAZI BAQAR WALA</t>
  </si>
  <si>
    <t>Qazi Baqir wala Muslim Kot Bhakkar</t>
  </si>
  <si>
    <t>Shamshad Akram</t>
  </si>
  <si>
    <t>GMPS  QILA MUSTAFA ABAD</t>
  </si>
  <si>
    <t>Qilla mustafa Abad</t>
  </si>
  <si>
    <t>Qilla mustafa abad</t>
  </si>
  <si>
    <t>Sana Munir</t>
  </si>
  <si>
    <t>GMPS  SHAREEN WALA</t>
  </si>
  <si>
    <t>shareen wala</t>
  </si>
  <si>
    <t>shareen wala jahania (khanewal)</t>
  </si>
  <si>
    <t>Ali sherwahin</t>
  </si>
  <si>
    <t>Shaista riaz</t>
  </si>
  <si>
    <t>GMPS (MC) K-BLOCK ATTOCK CITY NO.2</t>
  </si>
  <si>
    <t>govt .girls  primary school MC k block attock city no. 2</t>
  </si>
  <si>
    <t>K BLOCK ATTOCK</t>
  </si>
  <si>
    <t>GMPS 1 FAIZ SHUMALI P/O LAR</t>
  </si>
  <si>
    <t>Chack No 1 Faiz shumali</t>
  </si>
  <si>
    <t>1  Faiz</t>
  </si>
  <si>
    <t>GMPS 10/EB</t>
  </si>
  <si>
    <t>10eb</t>
  </si>
  <si>
    <t>chak no 10eb</t>
  </si>
  <si>
    <t>10 EB</t>
  </si>
  <si>
    <t>GMPS 101 EB</t>
  </si>
  <si>
    <t>101eb</t>
  </si>
  <si>
    <t>chak no 101eb</t>
  </si>
  <si>
    <t>Medi Khan</t>
  </si>
  <si>
    <t>GMPS 101/10-R DHOREE, JAHANIAN</t>
  </si>
  <si>
    <t>101/10R</t>
  </si>
  <si>
    <t>chak no 101/10r jahania</t>
  </si>
  <si>
    <t>101/10RDhori</t>
  </si>
  <si>
    <t>NASREEN Akhtar</t>
  </si>
  <si>
    <t>GMPS 101/15-L, MIAN CHANNU</t>
  </si>
  <si>
    <t>101/15-l</t>
  </si>
  <si>
    <t>Chack No 101 -15-L Mianchannu Khanewl</t>
  </si>
  <si>
    <t>101/15-L</t>
  </si>
  <si>
    <t>100-15-l</t>
  </si>
  <si>
    <t>Zahida Yousaf</t>
  </si>
  <si>
    <t>GMPS 101/NP</t>
  </si>
  <si>
    <t>UBATA</t>
  </si>
  <si>
    <t>chak No 101/ np</t>
  </si>
  <si>
    <t>101/np</t>
  </si>
  <si>
    <t>GMPS 102/15-L JADEED, MIAN CHANNU</t>
  </si>
  <si>
    <t>102/L new</t>
  </si>
  <si>
    <t>102/15/L new</t>
  </si>
  <si>
    <t>102/15 L new</t>
  </si>
  <si>
    <t>102/15 L Old</t>
  </si>
  <si>
    <t>Shabana Mussrat</t>
  </si>
  <si>
    <t>GMPS 103/15-L, MIAN CHANNU</t>
  </si>
  <si>
    <t>103/15-L</t>
  </si>
  <si>
    <t>103/15-L teh. mianchannu Dist. khanewal</t>
  </si>
  <si>
    <t>Zakiya Parveen</t>
  </si>
  <si>
    <t>GMPS 104/10-R (QADEEM), JAHANIAN</t>
  </si>
  <si>
    <t>Govt Model Primary School 104/10r  old</t>
  </si>
  <si>
    <t>104/10r</t>
  </si>
  <si>
    <t>GMPS 104/15-L, MIAN CHANNU</t>
  </si>
  <si>
    <t>104/15l</t>
  </si>
  <si>
    <t>104/15.l</t>
  </si>
  <si>
    <t>102/15l</t>
  </si>
  <si>
    <t>Irum Hussain</t>
  </si>
  <si>
    <t>GMPS 107/15-L, MIAN CHANNU</t>
  </si>
  <si>
    <t>107/15L</t>
  </si>
  <si>
    <t>107/15l</t>
  </si>
  <si>
    <t>GMPS 108 EB</t>
  </si>
  <si>
    <t>108 Eb</t>
  </si>
  <si>
    <t>chak no 108 eb</t>
  </si>
  <si>
    <t>124 EB</t>
  </si>
  <si>
    <t>Sidra Razzaq</t>
  </si>
  <si>
    <t>GMPS 11/8-AR TULAMBA</t>
  </si>
  <si>
    <t>11/8AR</t>
  </si>
  <si>
    <t>chak No:11/8AR , Tehsil: Mian channu, District khanewal</t>
  </si>
  <si>
    <t>Chak No 14/8AR</t>
  </si>
  <si>
    <t>GMPS 11/D, ABDUL HAKIM</t>
  </si>
  <si>
    <t>11-d</t>
  </si>
  <si>
    <t>chak#11-d p/o abdulhakeem</t>
  </si>
  <si>
    <t>Kishwar Rubab</t>
  </si>
  <si>
    <t>GMPS 114/10-R, JAHANIAN</t>
  </si>
  <si>
    <t>chak no 114/10-R jahanian district khanewal</t>
  </si>
  <si>
    <t>Chak No 114/10-R</t>
  </si>
  <si>
    <t>GMPS 115/10-R JADEED, JAHANIAN</t>
  </si>
  <si>
    <t>Rheem Shah</t>
  </si>
  <si>
    <t>GovtModelprimaryschool 115/10.r jadaad</t>
  </si>
  <si>
    <t>115/10r Jadeed</t>
  </si>
  <si>
    <t>115/10r</t>
  </si>
  <si>
    <t>Shahida Parveen Akhtar</t>
  </si>
  <si>
    <t>GMPS 115/10-R NIAMAT WALA, JAHANIAN</t>
  </si>
  <si>
    <t>Niamat Wala</t>
  </si>
  <si>
    <t>g/m/p/s/115/10.r niamat wala</t>
  </si>
  <si>
    <t>115/10rN/W</t>
  </si>
  <si>
    <t>GMPS 116/10-R JADEED, JAHANIAN</t>
  </si>
  <si>
    <t>chak no 116.10r jadeed tahseil jahania distt khanewal</t>
  </si>
  <si>
    <t>11610R  new</t>
  </si>
  <si>
    <t>140/10R</t>
  </si>
  <si>
    <t>Hafiza Muzmil Ruba</t>
  </si>
  <si>
    <t>GMPS 116/10-R OLD, JAHANIAN</t>
  </si>
  <si>
    <t>116/10-R Qadeem</t>
  </si>
  <si>
    <t>Gmps 116/10-R Qadeem</t>
  </si>
  <si>
    <t>140/10-R</t>
  </si>
  <si>
    <t>GMPS 117 EB</t>
  </si>
  <si>
    <t>Chak No 117/eb</t>
  </si>
  <si>
    <t>Chak no 117/e.b Teh Arifwala Distric Pakpattan</t>
  </si>
  <si>
    <t>Chak no 117/eb</t>
  </si>
  <si>
    <t>Chak no 109/eb</t>
  </si>
  <si>
    <t>MUHAMMAD ZAMAN</t>
  </si>
  <si>
    <t>GMPS 117/15-L OLD, MIAN CHANNU</t>
  </si>
  <si>
    <t>gmps 117/15L old chak no117/15L     tehsil mianchannu district khanewal</t>
  </si>
  <si>
    <t>Chak No 117/15L</t>
  </si>
  <si>
    <t>Ansa Zia</t>
  </si>
  <si>
    <t>GMPS 119/10-R, JAHANIAN</t>
  </si>
  <si>
    <t>119/10R</t>
  </si>
  <si>
    <t>chak no 119/10.R Teh jhanian District khanewal</t>
  </si>
  <si>
    <t>Farzana Ilyas</t>
  </si>
  <si>
    <t>GMPS 12 GHAGH, ABDUL HAKIM</t>
  </si>
  <si>
    <t>12 Ghagh</t>
  </si>
  <si>
    <t>chak no 12 ghagh tehsil kabirwala district khanewal</t>
  </si>
  <si>
    <t>Chak No12 Ghagh</t>
  </si>
  <si>
    <t>Anuam Shahzadi</t>
  </si>
  <si>
    <t>GMPS 12/4.L</t>
  </si>
  <si>
    <t>Chak No 12/4l Okara</t>
  </si>
  <si>
    <t>Chak No 12/4.L</t>
  </si>
  <si>
    <t>12/4l</t>
  </si>
  <si>
    <t>4/4l</t>
  </si>
  <si>
    <t>GMPS 12/M</t>
  </si>
  <si>
    <t>12/M</t>
  </si>
  <si>
    <t>CHAK NO.12/M TEHSIL DUNYA PUR DISTRICT LODHRAN</t>
  </si>
  <si>
    <t>CHAK NO.12/M</t>
  </si>
  <si>
    <t>DUNYA PUR (DEHI)</t>
  </si>
  <si>
    <t>GMPS 120 MURAD</t>
  </si>
  <si>
    <t>120 M</t>
  </si>
  <si>
    <t>8/1R Tehsil Haroonabad</t>
  </si>
  <si>
    <t>118 M</t>
  </si>
  <si>
    <t>Shafqat Tahira</t>
  </si>
  <si>
    <t>GMPS 120/10-R, JAHANIAN</t>
  </si>
  <si>
    <t>120/10-R</t>
  </si>
  <si>
    <t>120/10-R jahanian khanewal</t>
  </si>
  <si>
    <t>Faiza Kalsoom</t>
  </si>
  <si>
    <t>GMPS 122/10-R, JAHANIAN</t>
  </si>
  <si>
    <t>122/10-R</t>
  </si>
  <si>
    <t>chak no.122/10-R</t>
  </si>
  <si>
    <t>Anam Rafique</t>
  </si>
  <si>
    <t>GMPS 123/10-R</t>
  </si>
  <si>
    <t>123/10R</t>
  </si>
  <si>
    <t>chak no 123/10R</t>
  </si>
  <si>
    <t>Ambreen Sadaf</t>
  </si>
  <si>
    <t>GMPS 124/10-R</t>
  </si>
  <si>
    <t>124 10r</t>
  </si>
  <si>
    <t>Gmps124,10r</t>
  </si>
  <si>
    <t>Nimra Irm</t>
  </si>
  <si>
    <t>GMPS 124/15-L, MIAN CHANNU</t>
  </si>
  <si>
    <t>Dholan Wali</t>
  </si>
  <si>
    <t>chak#124B/15L</t>
  </si>
  <si>
    <t>124B/15L</t>
  </si>
  <si>
    <t>GMPS 125/10-R, JAHANIAN</t>
  </si>
  <si>
    <t>Gmps 125/10-R</t>
  </si>
  <si>
    <t>125/10-R</t>
  </si>
  <si>
    <t>Sadia Wali</t>
  </si>
  <si>
    <t>GMPS 126/15-L PULL WALI, MIAN CHANNU</t>
  </si>
  <si>
    <t>126-B /15-L</t>
  </si>
  <si>
    <t>GMPS 126.B/15-L MIAN CHANNU</t>
  </si>
  <si>
    <t>126-B/15-L</t>
  </si>
  <si>
    <t>Mamoona Asghar</t>
  </si>
  <si>
    <t>GMPS 127/15-L BOMBAY WALA, MIAN CHANNU</t>
  </si>
  <si>
    <t>127/15-L Bombay Wala</t>
  </si>
  <si>
    <t>127/15-L bombay wala (po. same)</t>
  </si>
  <si>
    <t>127 15-L Bombay Wala</t>
  </si>
  <si>
    <t>GMPS 127/1-L</t>
  </si>
  <si>
    <t>chak,,127/1L.,then, Khanpur</t>
  </si>
  <si>
    <t>127/1L</t>
  </si>
  <si>
    <t>Bagho-Bahar</t>
  </si>
  <si>
    <t>Musharraf  Perveen</t>
  </si>
  <si>
    <t>fetchfromfar</t>
  </si>
  <si>
    <t>GMPS 128/10-R</t>
  </si>
  <si>
    <t>128/10R</t>
  </si>
  <si>
    <t>Gmps 128/10R</t>
  </si>
  <si>
    <t>Ali Sher Whin</t>
  </si>
  <si>
    <t>GMPS 129/10-R, JAHANIAN</t>
  </si>
  <si>
    <t>Chak 129/10R</t>
  </si>
  <si>
    <t>cak129/10.R jahanian khanewal</t>
  </si>
  <si>
    <t>Chak129/10R</t>
  </si>
  <si>
    <t>Alisherwahn</t>
  </si>
  <si>
    <t>Sumera Ali</t>
  </si>
  <si>
    <t>GMPS 13 GD</t>
  </si>
  <si>
    <t>chak no.13/GD</t>
  </si>
  <si>
    <t>13/GD</t>
  </si>
  <si>
    <t>GMPS 13 MR MULTAN P/O 13 MR</t>
  </si>
  <si>
    <t>13 Mr</t>
  </si>
  <si>
    <t>chak no 13 mr destruct multan</t>
  </si>
  <si>
    <t>GMPS 13/1-R</t>
  </si>
  <si>
    <t>chak No 13/1R</t>
  </si>
  <si>
    <t>mp/s13/1r</t>
  </si>
  <si>
    <t>13/1r</t>
  </si>
  <si>
    <t>Farida Naseer</t>
  </si>
  <si>
    <t>GMPS 13/8-AR, P/O 20/8-R, TULAMBA</t>
  </si>
  <si>
    <t>13/8AR</t>
  </si>
  <si>
    <t>Chak No 13/8-AR, Teh. Mian Channu, Distt. Khanewal</t>
  </si>
  <si>
    <t>Chak No 14/8-AR</t>
  </si>
  <si>
    <t>LUBNA GULZAR</t>
  </si>
  <si>
    <t>GMPS 130/15-L QUARTER, MIAN CHANNU</t>
  </si>
  <si>
    <t>GMPS 130/15-l quarter</t>
  </si>
  <si>
    <t>130/15LQ</t>
  </si>
  <si>
    <t>131/15-l</t>
  </si>
  <si>
    <t>GMPS 131/10-R, JAHANIAN</t>
  </si>
  <si>
    <t>131 /10-R</t>
  </si>
  <si>
    <t>131 /10R tehsil Jahanian district khanewal</t>
  </si>
  <si>
    <t>Rizwana Talat</t>
  </si>
  <si>
    <t>GMPS 131/15-L, P/O 132/16-L, MIAN CHANNU</t>
  </si>
  <si>
    <t>Lakkanwala</t>
  </si>
  <si>
    <t>131/15L Mian Channu</t>
  </si>
  <si>
    <t>Shaista Anwar</t>
  </si>
  <si>
    <t>GMPS 133/10-R, JAHANIAN</t>
  </si>
  <si>
    <t>133 10/R</t>
  </si>
  <si>
    <t>Kosar Perveen</t>
  </si>
  <si>
    <t>GMPS 134/6-R</t>
  </si>
  <si>
    <t>134/6r</t>
  </si>
  <si>
    <t>chak no 134/6.r</t>
  </si>
  <si>
    <t>GMPS 136/16-L NORTH, P/O 135/16-L STUNTZABAD, MIAN CHANNU</t>
  </si>
  <si>
    <t>chak 136/16-L North, mian channu, khanewal</t>
  </si>
  <si>
    <t>136/16-L North</t>
  </si>
  <si>
    <t>Javeria  Aziz</t>
  </si>
  <si>
    <t>GMPS 139/10-R JADEED, JAHANIAN</t>
  </si>
  <si>
    <t>139/10-r Jadeed</t>
  </si>
  <si>
    <t>Chak no 139/10-r</t>
  </si>
  <si>
    <t>139/10-r</t>
  </si>
  <si>
    <t>GMPS 14 DB</t>
  </si>
  <si>
    <t>14 Db</t>
  </si>
  <si>
    <t>p/o chak 15 db chak 14 db</t>
  </si>
  <si>
    <t>Chak No 14 Db</t>
  </si>
  <si>
    <t>GMPS 14 WB BASTI RIAZ</t>
  </si>
  <si>
    <t>14/WB</t>
  </si>
  <si>
    <t>14wb Basti Riaz</t>
  </si>
  <si>
    <t>14/WB Basti Riaz</t>
  </si>
  <si>
    <t>Shazia Khushi</t>
  </si>
  <si>
    <t>GMPS 141/10-R, JAHANIAN</t>
  </si>
  <si>
    <t>141/10-R</t>
  </si>
  <si>
    <t>chak 140/10-R teh jahanian</t>
  </si>
  <si>
    <t>140-10-R</t>
  </si>
  <si>
    <t>Syeda Saima Zubair</t>
  </si>
  <si>
    <t>GMPS 142/10-R,JAHANIAN</t>
  </si>
  <si>
    <t>Chakno142/10-R tehsil jahanian district khanwel</t>
  </si>
  <si>
    <t>142/10-R</t>
  </si>
  <si>
    <t>Sara Younas</t>
  </si>
  <si>
    <t>GMPS 143/10-R, JAHANIAN</t>
  </si>
  <si>
    <t>chak no 143/10r teh jahania distt khanewal</t>
  </si>
  <si>
    <t>Chak No 143/10R</t>
  </si>
  <si>
    <t>GMPS 144/10-R JAHANIAN</t>
  </si>
  <si>
    <t>144/10-R</t>
  </si>
  <si>
    <t>chak#144/10-R</t>
  </si>
  <si>
    <t>Chak#144/10R</t>
  </si>
  <si>
    <t>Sonia Shoukat</t>
  </si>
  <si>
    <t>GMPS 145/10-R, JAHANIAN</t>
  </si>
  <si>
    <t>145/10r</t>
  </si>
  <si>
    <t>GMPS145/10r</t>
  </si>
  <si>
    <t>SHAISTA ABDUL SATTAR</t>
  </si>
  <si>
    <t>GMPS 146/10-R, JAHANIAN</t>
  </si>
  <si>
    <t>mian pur</t>
  </si>
  <si>
    <t>146.10.r</t>
  </si>
  <si>
    <t>14610r</t>
  </si>
  <si>
    <t>mian  pur</t>
  </si>
  <si>
    <t>Syeda Amna Kazmi</t>
  </si>
  <si>
    <t>GMPS 147/10-R BARA</t>
  </si>
  <si>
    <t>147/10r Bara</t>
  </si>
  <si>
    <t>chak no.147/10.r bara,jahania</t>
  </si>
  <si>
    <t>147/10 R Bara</t>
  </si>
  <si>
    <t>GMPS 147/10-R TWANA, JAHANIAN</t>
  </si>
  <si>
    <t>Twana</t>
  </si>
  <si>
    <t>Govt.Model Primary School 147/10-R (Twana)</t>
  </si>
  <si>
    <t>147/10-R</t>
  </si>
  <si>
    <t>GMPS 148/10-R TARIQ ABAD, JAHANIAN</t>
  </si>
  <si>
    <t>148/10R Tariqabad</t>
  </si>
  <si>
    <t>148/10R tariqabad</t>
  </si>
  <si>
    <t>148/10RTriqabad</t>
  </si>
  <si>
    <t>Mussarat Khalida</t>
  </si>
  <si>
    <t>GMPS 14-8/R SHARQI, KACHA KHUH</t>
  </si>
  <si>
    <t>14/8R Sharqi</t>
  </si>
  <si>
    <t>GMPS 14/8R East, Teh &amp; Distt Khanewal.</t>
  </si>
  <si>
    <t>14/8R GUL ABAD</t>
  </si>
  <si>
    <t>GMPS 149/6-R EIDAY WALA</t>
  </si>
  <si>
    <t>149/6R</t>
  </si>
  <si>
    <t>chak no 149/6R(Eiday wala) Tehsil Haroonabad District Bahawalnagar</t>
  </si>
  <si>
    <t>chak no Chak149/6REiday wala</t>
  </si>
  <si>
    <t>GMPS 15 FAIZ</t>
  </si>
  <si>
    <t>15 faiz</t>
  </si>
  <si>
    <t>moza 15 faiz basti malook multan</t>
  </si>
  <si>
    <t>15 fauz</t>
  </si>
  <si>
    <t>AZHAR HUSSAIN</t>
  </si>
  <si>
    <t>GMPS 15 GHAGH, ABDUL HAKIM</t>
  </si>
  <si>
    <t>Chak No 15 Ghagh</t>
  </si>
  <si>
    <t>chak no 15 ghagh,tehsil kabirwala,district khanewal</t>
  </si>
  <si>
    <t>Havaili Kuranga</t>
  </si>
  <si>
    <t>Umme Aqsa</t>
  </si>
  <si>
    <t>GMPS 150/EB OLD</t>
  </si>
  <si>
    <t>150 EB old</t>
  </si>
  <si>
    <t>150 EB Old</t>
  </si>
  <si>
    <t>Mubashra liaqat</t>
  </si>
  <si>
    <t>GMPS 150/P</t>
  </si>
  <si>
    <t>Chak 150/p</t>
  </si>
  <si>
    <t>chak no 150/p teh sadiq abad disst RYK</t>
  </si>
  <si>
    <t>Chak No 150/p</t>
  </si>
  <si>
    <t>Chak No148/p</t>
  </si>
  <si>
    <t>GMPS 152 P</t>
  </si>
  <si>
    <t>152P</t>
  </si>
  <si>
    <t>chak 152p sadiq abad</t>
  </si>
  <si>
    <t>160P</t>
  </si>
  <si>
    <t>GMPS 153/10-R QADEEM, JAHANIAN</t>
  </si>
  <si>
    <t>153/10r</t>
  </si>
  <si>
    <t>chk no 153/10r</t>
  </si>
  <si>
    <t>174/10r</t>
  </si>
  <si>
    <t>GMPS 153/2-L</t>
  </si>
  <si>
    <t>153/2L</t>
  </si>
  <si>
    <t>chak 153/2L</t>
  </si>
  <si>
    <t>Chak 150/2L</t>
  </si>
  <si>
    <t>GMPS 154/3-L (W)</t>
  </si>
  <si>
    <t>154/3L W</t>
  </si>
  <si>
    <t>149/6R w</t>
  </si>
  <si>
    <t>GMPS 155/10-R, JAHANIAN</t>
  </si>
  <si>
    <t>155 /10-R</t>
  </si>
  <si>
    <t>GMPS155/10R</t>
  </si>
  <si>
    <t>155/10-R</t>
  </si>
  <si>
    <t>Naila Khaliq</t>
  </si>
  <si>
    <t>GMPS 156/10-R, JAHANIAN</t>
  </si>
  <si>
    <t>Chak No 156/10r</t>
  </si>
  <si>
    <t>Chak no 156/10r jahanian khanewal</t>
  </si>
  <si>
    <t>GMPS 156/HB FAQIR WALI</t>
  </si>
  <si>
    <t>Chak 156/HB</t>
  </si>
  <si>
    <t>Chak 156/Hb</t>
  </si>
  <si>
    <t>192/2L</t>
  </si>
  <si>
    <t>GMPS 157/HB</t>
  </si>
  <si>
    <t>157/3L</t>
  </si>
  <si>
    <t>chak no.157/3L</t>
  </si>
  <si>
    <t>Shugfta Qadir</t>
  </si>
  <si>
    <t>GMPS 157/P</t>
  </si>
  <si>
    <t>Chak No.157/P</t>
  </si>
  <si>
    <t>Chak No.157/P Tehsil Sadiq Abad Dist. Rahim Yar Khan</t>
  </si>
  <si>
    <t>Chak No.160/P</t>
  </si>
  <si>
    <t>GMPS 158/10-R</t>
  </si>
  <si>
    <t>Jungal Maryla</t>
  </si>
  <si>
    <t>chak/158A /10-R</t>
  </si>
  <si>
    <t>Chak #158A /10-R</t>
  </si>
  <si>
    <t>160/10R</t>
  </si>
  <si>
    <t>Alia Iffat</t>
  </si>
  <si>
    <t>GMPS 159/10-R QADEEM, JAHANIAN</t>
  </si>
  <si>
    <t>159/10-R Qadeem</t>
  </si>
  <si>
    <t>Govt Model Primary School chak#159/10-R qadeem</t>
  </si>
  <si>
    <t>160/10-R</t>
  </si>
  <si>
    <t>Aniqakhan</t>
  </si>
  <si>
    <t>GMPS 159/7-R</t>
  </si>
  <si>
    <t>159/7r</t>
  </si>
  <si>
    <t>159/7r p/o same</t>
  </si>
  <si>
    <t>Sadaf Siddique</t>
  </si>
  <si>
    <t>GMPS 159/P</t>
  </si>
  <si>
    <t>159p</t>
  </si>
  <si>
    <t>GMPS 159-A/10-R, JAHANIAN</t>
  </si>
  <si>
    <t>159-A/10-R</t>
  </si>
  <si>
    <t>chak no 159-A/10-R</t>
  </si>
  <si>
    <t>Saba Parveen</t>
  </si>
  <si>
    <t>GMPS 16 EB</t>
  </si>
  <si>
    <t>16/eb</t>
  </si>
  <si>
    <t>16/eb p/o 10/eb teh.arifwala dist.pakpattan</t>
  </si>
  <si>
    <t>SHaheda Bashir</t>
  </si>
  <si>
    <t>GMPS 16 GUJIANI</t>
  </si>
  <si>
    <t>Chak 16 G</t>
  </si>
  <si>
    <t>Govt.Model P/S 16 G</t>
  </si>
  <si>
    <t>Chak 42 F</t>
  </si>
  <si>
    <t>Farzana  Naz</t>
  </si>
  <si>
    <t>GMPS 16 M R P/O 16 MR</t>
  </si>
  <si>
    <t>Chak#16MR old duniya pur road</t>
  </si>
  <si>
    <t>16MR</t>
  </si>
  <si>
    <t>Sobia Anwer</t>
  </si>
  <si>
    <t>GMPS 16/D, ABDUL HAKIM</t>
  </si>
  <si>
    <t>16 D</t>
  </si>
  <si>
    <t>Chak nmbr 16 d</t>
  </si>
  <si>
    <t>6D Darkhana</t>
  </si>
  <si>
    <t>Saba Irshad</t>
  </si>
  <si>
    <t>GMPS 17 GD</t>
  </si>
  <si>
    <t>17Gd</t>
  </si>
  <si>
    <t>17GD</t>
  </si>
  <si>
    <t>18Gd</t>
  </si>
  <si>
    <t>Um E Ammara Sadia</t>
  </si>
  <si>
    <t>GMPS 17 MR</t>
  </si>
  <si>
    <t>17mr</t>
  </si>
  <si>
    <t>govt model primary school 17mr multan saddar</t>
  </si>
  <si>
    <t>Erum Mobeen</t>
  </si>
  <si>
    <t>GMPS 17/G CHISHTIAN</t>
  </si>
  <si>
    <t>17/g</t>
  </si>
  <si>
    <t>42/f</t>
  </si>
  <si>
    <t>Razia Mehboob</t>
  </si>
  <si>
    <t>GMPS 172/10-R, KHANEWAL</t>
  </si>
  <si>
    <t>172/10-R</t>
  </si>
  <si>
    <t>GMPS172/10-R,Markaz Meharshah, tehsil Khanewal</t>
  </si>
  <si>
    <t>CHAK NO170/10-R</t>
  </si>
  <si>
    <t>Komal Sajid</t>
  </si>
  <si>
    <t>GMPS 172/WB</t>
  </si>
  <si>
    <t>172/w.b</t>
  </si>
  <si>
    <t>172wB</t>
  </si>
  <si>
    <t>GMPS 174/10-R MUHARAN WALA, JAHANIAN</t>
  </si>
  <si>
    <t>GMPS174/10R</t>
  </si>
  <si>
    <t>Bobby Bashir</t>
  </si>
  <si>
    <t>GMPS 175/10-R, JAHANIAN</t>
  </si>
  <si>
    <t>175/10R</t>
  </si>
  <si>
    <t>175/10R, Jahanian</t>
  </si>
  <si>
    <t>174/10R M/W</t>
  </si>
  <si>
    <t>GMPS 179/P</t>
  </si>
  <si>
    <t>Wahi pir bux</t>
  </si>
  <si>
    <t>chak no 179p,sadiq abad,Rahim yar Khan Pakistan</t>
  </si>
  <si>
    <t>Chak No 179/p</t>
  </si>
  <si>
    <t>Chak No 173p</t>
  </si>
  <si>
    <t>Azra Rafiq</t>
  </si>
  <si>
    <t>GMPS 18 A/DB TEH MIANWALI</t>
  </si>
  <si>
    <t>gmpschak18adb</t>
  </si>
  <si>
    <t>18adb</t>
  </si>
  <si>
    <t>GMPS 18 NP</t>
  </si>
  <si>
    <t>chak 18 NP</t>
  </si>
  <si>
    <t>Chak 18 NP</t>
  </si>
  <si>
    <t>GMPS 18/1-R</t>
  </si>
  <si>
    <t>Chak NO 18/1R</t>
  </si>
  <si>
    <t>Govt.model p/s chak 18/1.r p.o 171.r Hnd Bwn</t>
  </si>
  <si>
    <t>18/1r</t>
  </si>
  <si>
    <t>Chak 20/3r</t>
  </si>
  <si>
    <t>AZRA NAZ</t>
  </si>
  <si>
    <t>GMPS 18/9-R, KACHA KHUH</t>
  </si>
  <si>
    <t>CHAK NO.18/9-R</t>
  </si>
  <si>
    <t>18/9-r</t>
  </si>
  <si>
    <t>AMNA YAMIN</t>
  </si>
  <si>
    <t>GMPS 187/P</t>
  </si>
  <si>
    <t>Chak#187</t>
  </si>
  <si>
    <t>chak #187</t>
  </si>
  <si>
    <t>Chak # 186</t>
  </si>
  <si>
    <t>Aisha Razzaq</t>
  </si>
  <si>
    <t>GMPS 195 EB TAILAN</t>
  </si>
  <si>
    <t>195eb tw</t>
  </si>
  <si>
    <t>GMPS 195/EB t.w teh burewala distt. vehari</t>
  </si>
  <si>
    <t>Iqra Ishaq</t>
  </si>
  <si>
    <t>GMPS 2 GULZAR MOTI WALA P/O 1 GULZAR</t>
  </si>
  <si>
    <t>2 Gulzar</t>
  </si>
  <si>
    <t>GMPS 2 Gulzar Motiwala p/o 1 Gulzar</t>
  </si>
  <si>
    <t>Motiwala</t>
  </si>
  <si>
    <t>GMPS 20 A-2L  (ALEEM TOWN)</t>
  </si>
  <si>
    <t>Renala</t>
  </si>
  <si>
    <t>GMPS Aleem Town Renala khurd</t>
  </si>
  <si>
    <t>20/A-2-L</t>
  </si>
  <si>
    <t>Renala Khurd 2</t>
  </si>
  <si>
    <t>GMPS 209 EB POST OFFICE 207/EB</t>
  </si>
  <si>
    <t>209EB</t>
  </si>
  <si>
    <t>chak no.209EB Tehsil Arifwala Pakpattan</t>
  </si>
  <si>
    <t>163EB</t>
  </si>
  <si>
    <t>GMPS 20-MR CHAK NO. 20/MR TEH. MULTAN SADDAR MULTAN</t>
  </si>
  <si>
    <t>Chak # 20 MR</t>
  </si>
  <si>
    <t>GMPS20MR chak # 20 MR</t>
  </si>
  <si>
    <t>Basti Rid</t>
  </si>
  <si>
    <t>Musarrat Naaz</t>
  </si>
  <si>
    <t>GMPS 21/10-R, KACHA KHUH</t>
  </si>
  <si>
    <t>21/10r</t>
  </si>
  <si>
    <t>chak no 21/10r</t>
  </si>
  <si>
    <t>23/10r</t>
  </si>
  <si>
    <t>GMPS 211/F</t>
  </si>
  <si>
    <t>chak211/f</t>
  </si>
  <si>
    <t>Chak 211/F</t>
  </si>
  <si>
    <t>95/F A</t>
  </si>
  <si>
    <t>Kousar Yasmin</t>
  </si>
  <si>
    <t>GMPS 21-MR MULTAN</t>
  </si>
  <si>
    <t>chak 21 mr ridd 113</t>
  </si>
  <si>
    <t>Chak 21 Mr</t>
  </si>
  <si>
    <t>Noor Ul Ain Qurashi</t>
  </si>
  <si>
    <t>GMPS 22 KB P/O MACHI SINGHTEH</t>
  </si>
  <si>
    <t>22KB</t>
  </si>
  <si>
    <t>22KB, PO MACHHI SINGH, ARIFWALA, PAKPATTAN</t>
  </si>
  <si>
    <t>Tasnim Kausar</t>
  </si>
  <si>
    <t>GMPS 22/10-R, KACHA KHUH</t>
  </si>
  <si>
    <t>CHAK NO.22/10-R, KACHA KHUH KHANEWAL</t>
  </si>
  <si>
    <t>22/10-R</t>
  </si>
  <si>
    <t>GMPS 224 EB</t>
  </si>
  <si>
    <t>224eb</t>
  </si>
  <si>
    <t>chak no 224eb vehari</t>
  </si>
  <si>
    <t>GMPS 233 EB</t>
  </si>
  <si>
    <t>chak no 233eb gaggoo mandi tehsil burewala district vehari</t>
  </si>
  <si>
    <t>233eb</t>
  </si>
  <si>
    <t>223 Eb</t>
  </si>
  <si>
    <t>Irshad Parveen</t>
  </si>
  <si>
    <t>GMPS 24/10-R, KACHA KHUH</t>
  </si>
  <si>
    <t>24/10-r</t>
  </si>
  <si>
    <t>24/10-r kacha khu</t>
  </si>
  <si>
    <t>23/10-r</t>
  </si>
  <si>
    <t>GMPS 24/EB POST OFFICE 28/EB</t>
  </si>
  <si>
    <t>24 EB</t>
  </si>
  <si>
    <t>chk no 24/e.b</t>
  </si>
  <si>
    <t>chak no 34 EB</t>
  </si>
  <si>
    <t>GMPS 255 WB</t>
  </si>
  <si>
    <t>255/wb</t>
  </si>
  <si>
    <t>chak no. 255 wb</t>
  </si>
  <si>
    <t>255 Wb</t>
  </si>
  <si>
    <t>Chak No 237 Wb</t>
  </si>
  <si>
    <t>Javeria Bakhtawar</t>
  </si>
  <si>
    <t>GMPS 257 EB</t>
  </si>
  <si>
    <t>257 Eb</t>
  </si>
  <si>
    <t>257 EB teh Burewala ditt vehari</t>
  </si>
  <si>
    <t>267Eb</t>
  </si>
  <si>
    <t>Zahida Rahim</t>
  </si>
  <si>
    <t>GMPS 26 2L</t>
  </si>
  <si>
    <t>26/2L</t>
  </si>
  <si>
    <t>Surriya Khushi</t>
  </si>
  <si>
    <t>GMPS 26 KB JHAJHRA</t>
  </si>
  <si>
    <t>26/KB Jhajhra</t>
  </si>
  <si>
    <t>GMPS 26/KB Jhajhra</t>
  </si>
  <si>
    <t>Jammu Bodla</t>
  </si>
  <si>
    <t>Hina Tahir</t>
  </si>
  <si>
    <t>GMPS 27 GAJIANI</t>
  </si>
  <si>
    <t>27/G</t>
  </si>
  <si>
    <t>chak no. 27 G</t>
  </si>
  <si>
    <t>GMPS 27 KB BAZAZ</t>
  </si>
  <si>
    <t>27kb Bazaz</t>
  </si>
  <si>
    <t>gmps27/kb bazaz</t>
  </si>
  <si>
    <t>27/KB Bazaz</t>
  </si>
  <si>
    <t>Jamoon bodla</t>
  </si>
  <si>
    <t>GMPS 27 M</t>
  </si>
  <si>
    <t>27m</t>
  </si>
  <si>
    <t>chak no 27M</t>
  </si>
  <si>
    <t>GMPS 27/2-RA</t>
  </si>
  <si>
    <t>Gmps 27/2ra okara.</t>
  </si>
  <si>
    <t>27/2ra</t>
  </si>
  <si>
    <t>25/2ra</t>
  </si>
  <si>
    <t>GMPS 28 WB</t>
  </si>
  <si>
    <t>chak no 28/wb vehari</t>
  </si>
  <si>
    <t>28/wb</t>
  </si>
  <si>
    <t>GMPS 29 A JADEED LIAQAT PUR</t>
  </si>
  <si>
    <t>29/a</t>
  </si>
  <si>
    <t>Ggps chak 29/A jaded lqp</t>
  </si>
  <si>
    <t>29/A jaded</t>
  </si>
  <si>
    <t>Adeela Sarwar</t>
  </si>
  <si>
    <t>GMPS 29/10-R, KACHA KHUH</t>
  </si>
  <si>
    <t>Chak 29/10R</t>
  </si>
  <si>
    <t>Chak # 29/10.R Khanewal</t>
  </si>
  <si>
    <t>Anees Bibi</t>
  </si>
  <si>
    <t>GMPS 29/4.L</t>
  </si>
  <si>
    <t>29/4L</t>
  </si>
  <si>
    <t>Saeeda Zaffar</t>
  </si>
  <si>
    <t>GMPS 298/HR</t>
  </si>
  <si>
    <t>298 HR</t>
  </si>
  <si>
    <t>Chak No 298 hr</t>
  </si>
  <si>
    <t>Saba Raiz</t>
  </si>
  <si>
    <t>GMPS 3/8-R, TULAMBA</t>
  </si>
  <si>
    <t>3/8-r</t>
  </si>
  <si>
    <t>20/8-br</t>
  </si>
  <si>
    <t>Faryaal Asif</t>
  </si>
  <si>
    <t>GMPS 3/9-R, KACHA KHUH</t>
  </si>
  <si>
    <t>3/9r</t>
  </si>
  <si>
    <t>Chak no 3/9-r shekhanewala</t>
  </si>
  <si>
    <t>Shekhanewala</t>
  </si>
  <si>
    <t>Easter Nasreen</t>
  </si>
  <si>
    <t>GMPS 30/G.D</t>
  </si>
  <si>
    <t>30 GD</t>
  </si>
  <si>
    <t>30/GD Okara</t>
  </si>
  <si>
    <t>30  GD</t>
  </si>
  <si>
    <t>Ghulam Mohyyud Din</t>
  </si>
  <si>
    <t>GMPS 309 WB DUNYA PUR</t>
  </si>
  <si>
    <t>chak no 309 Wb teh dunyapur lodhran</t>
  </si>
  <si>
    <t>Chk No 309 Wb</t>
  </si>
  <si>
    <t>Maqbool wah</t>
  </si>
  <si>
    <t>GMPS 31/1-AL</t>
  </si>
  <si>
    <t>31/1AL</t>
  </si>
  <si>
    <t>GMPS 323 WB</t>
  </si>
  <si>
    <t>323wb</t>
  </si>
  <si>
    <t>323wb.teh Dunyapur.distt lodhran</t>
  </si>
  <si>
    <t>Sultan Ayub qatal</t>
  </si>
  <si>
    <t>GMPS 329 WB DUNYA PUR</t>
  </si>
  <si>
    <t>329wb thseel dunyapur</t>
  </si>
  <si>
    <t>329wb</t>
  </si>
  <si>
    <t>342wb</t>
  </si>
  <si>
    <t>GMPS 33 2L</t>
  </si>
  <si>
    <t>33/2l</t>
  </si>
  <si>
    <t>Huma Nawab</t>
  </si>
  <si>
    <t>GMPS 341 EB</t>
  </si>
  <si>
    <t>Lahore Lat</t>
  </si>
  <si>
    <t>Chak no 341/eb Arifwala district Pakpttan</t>
  </si>
  <si>
    <t>341/eb</t>
  </si>
  <si>
    <t>Chakiyan Wala</t>
  </si>
  <si>
    <t>GMPS 341/WB</t>
  </si>
  <si>
    <t>341/WB</t>
  </si>
  <si>
    <t>chak no 341/WB tehseel dunya pur dustrict lodhran</t>
  </si>
  <si>
    <t>kishwar Sultana</t>
  </si>
  <si>
    <t>GMPS 342/WB</t>
  </si>
  <si>
    <t>342/WB</t>
  </si>
  <si>
    <t>Chak No342/WB. Teh:Dunyapur  Dist:Lodhran</t>
  </si>
  <si>
    <t>Munaza AMEER</t>
  </si>
  <si>
    <t>GMPS 349/WB</t>
  </si>
  <si>
    <t>gmps349wb</t>
  </si>
  <si>
    <t>Chak No 349 Wb</t>
  </si>
  <si>
    <t>Naseem Basher</t>
  </si>
  <si>
    <t>GMPS 34-A/2.L BALOCHI</t>
  </si>
  <si>
    <t>chak#34A/2L</t>
  </si>
  <si>
    <t>Chak 34A/2L</t>
  </si>
  <si>
    <t>Chak#32/2L</t>
  </si>
  <si>
    <t>GMPS 353/EB NEW</t>
  </si>
  <si>
    <t>Chak 353/eb</t>
  </si>
  <si>
    <t>adda trikhni</t>
  </si>
  <si>
    <t>Adda Trikhni</t>
  </si>
  <si>
    <t>GMPS 36 EB P.O.50 SP</t>
  </si>
  <si>
    <t>36/EB</t>
  </si>
  <si>
    <t>50/SP</t>
  </si>
  <si>
    <t>GMPS 367/WB</t>
  </si>
  <si>
    <t>367/WB</t>
  </si>
  <si>
    <t>Chak No.367/WB Tehsil Dunyapur District Lodhran</t>
  </si>
  <si>
    <t>GMPS 38/10-R, KACHA KHUH</t>
  </si>
  <si>
    <t>chak no 38/10r, kacha khuh, khanewal</t>
  </si>
  <si>
    <t>38/10R</t>
  </si>
  <si>
    <t>36/10R Jahangirabad</t>
  </si>
  <si>
    <t>Mehwish Hina</t>
  </si>
  <si>
    <t>GMPS 39/A</t>
  </si>
  <si>
    <t>39/a</t>
  </si>
  <si>
    <t>Chao no 39/a</t>
  </si>
  <si>
    <t>Iffat Hameed</t>
  </si>
  <si>
    <t>GMPS 390/WB</t>
  </si>
  <si>
    <t>Chak No 390wb</t>
  </si>
  <si>
    <t>gmps 390 wb tehsil dunya pur district lodhran</t>
  </si>
  <si>
    <t>MAKHDOOM Aali</t>
  </si>
  <si>
    <t>Bushra Naseem</t>
  </si>
  <si>
    <t>GMPS 3-HANS</t>
  </si>
  <si>
    <t>3 Chak Hance</t>
  </si>
  <si>
    <t>Chak 3 Hanse P/O Kot Abbas Shaheed</t>
  </si>
  <si>
    <t>Khalida Touqeer</t>
  </si>
  <si>
    <t>GMPS 3-KASSI JADEED, KABIRWALA</t>
  </si>
  <si>
    <t>3 Kassi Jadeed</t>
  </si>
  <si>
    <t>Govt. Modl Primary School 3 Kassi Jadeed Kukar Hata Road Kabirwala</t>
  </si>
  <si>
    <t>GMPS 41/2.L</t>
  </si>
  <si>
    <t>41/2L</t>
  </si>
  <si>
    <t>Govt Model primary school 41/2.L Teh &amp; Distt Okara .</t>
  </si>
  <si>
    <t>27/4L Shshbore</t>
  </si>
  <si>
    <t>GMPS 41/4-L</t>
  </si>
  <si>
    <t>41/4l</t>
  </si>
  <si>
    <t>chak no 41/4l okara</t>
  </si>
  <si>
    <t>40a/4l</t>
  </si>
  <si>
    <t>Kashif Javed</t>
  </si>
  <si>
    <t>GMPS 41-A/15-L, MIAN CHANNU</t>
  </si>
  <si>
    <t>41-A/15-L</t>
  </si>
  <si>
    <t>41A/15L mian channu</t>
  </si>
  <si>
    <t>41A/15L</t>
  </si>
  <si>
    <t>GMPS 44/F ISLAM PURA</t>
  </si>
  <si>
    <t>chak no44f islampura</t>
  </si>
  <si>
    <t>44f Islam Pura</t>
  </si>
  <si>
    <t>GMPS 45 / D</t>
  </si>
  <si>
    <t>45/D</t>
  </si>
  <si>
    <t>45/D Tehsil Depalpur District Okara</t>
  </si>
  <si>
    <t>Assia Bibi</t>
  </si>
  <si>
    <t>GMPS 45 EB</t>
  </si>
  <si>
    <t>45eb</t>
  </si>
  <si>
    <t>GMPS 45eb Tehseel Arifwala,Distt.Pakpattan</t>
  </si>
  <si>
    <t>Hanifa BIBI</t>
  </si>
  <si>
    <t>GMPS 46 EB DAKHLI PO 40 ARIF WALA</t>
  </si>
  <si>
    <t>46/EB Dakhli</t>
  </si>
  <si>
    <t>Chak  No 46/E.B.Dakhli Dera Ghulam Muhammad</t>
  </si>
  <si>
    <t>Chak46/EB Dakhli</t>
  </si>
  <si>
    <t>Chak No 48/EB</t>
  </si>
  <si>
    <t>Sumra Tahrim</t>
  </si>
  <si>
    <t>GMPS 46/10-R, KHANEWAL</t>
  </si>
  <si>
    <t>46/10R</t>
  </si>
  <si>
    <t>chak No. 46/10R</t>
  </si>
  <si>
    <t>Chak Shahana 58/10R</t>
  </si>
  <si>
    <t>Najm u Sahar</t>
  </si>
  <si>
    <t>GMPS 46/2.L</t>
  </si>
  <si>
    <t>46/2L</t>
  </si>
  <si>
    <t>GMPS 46/M</t>
  </si>
  <si>
    <t>46/m</t>
  </si>
  <si>
    <t>Chuck no 46/m p/o jallah arain</t>
  </si>
  <si>
    <t>Tanveer Iqbal</t>
  </si>
  <si>
    <t>GMPS 47/2-L MOMAN WALA</t>
  </si>
  <si>
    <t>47/2L</t>
  </si>
  <si>
    <t>47/2.L</t>
  </si>
  <si>
    <t>GMPS 49/15-L, MIAN CHANNU</t>
  </si>
  <si>
    <t>49/15</t>
  </si>
  <si>
    <t>chak no 49.15</t>
  </si>
  <si>
    <t>120/15</t>
  </si>
  <si>
    <t>Azra Ramzan</t>
  </si>
  <si>
    <t>GMPS 52 SP</t>
  </si>
  <si>
    <t>52sp</t>
  </si>
  <si>
    <t>52/sp</t>
  </si>
  <si>
    <t>52/Sp</t>
  </si>
  <si>
    <t>safina sarwar</t>
  </si>
  <si>
    <t>GMPS 53/15-L, P/O 54/15-L, MIAN CHANNU</t>
  </si>
  <si>
    <t>53/15l</t>
  </si>
  <si>
    <t>57/15l</t>
  </si>
  <si>
    <t>Sana Gull</t>
  </si>
  <si>
    <t>GMPS 54 EB PO 50 EB</t>
  </si>
  <si>
    <t>54/EB</t>
  </si>
  <si>
    <t>GMPS 54/EB P.O.50EB teh arifwala dis pakpattan</t>
  </si>
  <si>
    <t>zubaida akhtar</t>
  </si>
  <si>
    <t>GMPS 54/P JADEED</t>
  </si>
  <si>
    <t>54 P</t>
  </si>
  <si>
    <t>chack 54pb</t>
  </si>
  <si>
    <t>Chack 54pb</t>
  </si>
  <si>
    <t>GMPS 54/SP</t>
  </si>
  <si>
    <t>54sp</t>
  </si>
  <si>
    <t>post office chak bedi 54sp</t>
  </si>
  <si>
    <t>Shagufta Yesmeen</t>
  </si>
  <si>
    <t>GMPS 545 EB</t>
  </si>
  <si>
    <t>Bloch Wala</t>
  </si>
  <si>
    <t>chak no 545/eb</t>
  </si>
  <si>
    <t>Chak# 545/eb</t>
  </si>
  <si>
    <t>amaira tayyaba</t>
  </si>
  <si>
    <t>GMPS 56 2L</t>
  </si>
  <si>
    <t>56/2L</t>
  </si>
  <si>
    <t>govt.model primary school 56/2L</t>
  </si>
  <si>
    <t>54/2l</t>
  </si>
  <si>
    <t>Rana Gluzar Ahmed</t>
  </si>
  <si>
    <t>GMPS 58/15-L, P/O 59/15-L, MIAN CHANNU</t>
  </si>
  <si>
    <t>58/15-L</t>
  </si>
  <si>
    <t>Chak No,58/15-L P/O 59/15-L Tehsil Main Channel District Khanewal</t>
  </si>
  <si>
    <t>59/15-L</t>
  </si>
  <si>
    <t>Assarat ul Khaliq</t>
  </si>
  <si>
    <t>GMPS 5-T SHUMALI</t>
  </si>
  <si>
    <t>5/t</t>
  </si>
  <si>
    <t>5/t shumali p/o 1mr multan</t>
  </si>
  <si>
    <t>5/t Shumali</t>
  </si>
  <si>
    <t>2 M R</t>
  </si>
  <si>
    <t>GMPS 6 FAIZ P/O MUBARAK PUR</t>
  </si>
  <si>
    <t>Mubarikpur</t>
  </si>
  <si>
    <t>Govt.Model.primery school 6 Faiz P/0  Mubarikpur</t>
  </si>
  <si>
    <t>6 Faiz</t>
  </si>
  <si>
    <t>GMPS 6/8-AR DEPUTY WALA, TULAMBA</t>
  </si>
  <si>
    <t>6/8AR dupty wala</t>
  </si>
  <si>
    <t>6/8AR Dupty Wala</t>
  </si>
  <si>
    <t>TAHIRIN QAISRA PARVEEN</t>
  </si>
  <si>
    <t>GMPS 6/SP</t>
  </si>
  <si>
    <t>6sp</t>
  </si>
  <si>
    <t>Chak no 6sp</t>
  </si>
  <si>
    <t>Boyl Ganj</t>
  </si>
  <si>
    <t>Sumaira Rehman</t>
  </si>
  <si>
    <t>GMPS 60 EB</t>
  </si>
  <si>
    <t>Chak No 60/EB</t>
  </si>
  <si>
    <t>Chak no 60/EB P.O 58/EB Teh.Arifwala Distt. Pakpattan</t>
  </si>
  <si>
    <t>Chak No 66bEB</t>
  </si>
  <si>
    <t>Humaira zahoor</t>
  </si>
  <si>
    <t>GMPS 60-A/15-L, MIAN CHANNU</t>
  </si>
  <si>
    <t>Chak No 60/15-L</t>
  </si>
  <si>
    <t>Chak No 60/15-L Mian Channu Khanewal</t>
  </si>
  <si>
    <t>Chak No 61-A/15-L</t>
  </si>
  <si>
    <t>Abida Imran</t>
  </si>
  <si>
    <t>GMPS 62-DB</t>
  </si>
  <si>
    <t>Chak No 58db</t>
  </si>
  <si>
    <t>Gmps chak no 62 db post office Ali khail</t>
  </si>
  <si>
    <t>Chak No 62 Db</t>
  </si>
  <si>
    <t>Surriya Majeed</t>
  </si>
  <si>
    <t>GMPS 63/15-L, P/O 67/15L VIJIHIAN WALA, MIAN CHANNU</t>
  </si>
  <si>
    <t>63/15l</t>
  </si>
  <si>
    <t>63/15.l p/o 64/15.l</t>
  </si>
  <si>
    <t>Shazia Afzal</t>
  </si>
  <si>
    <t>GMPS 64 KB BASTI ATTA MUHAMMAD</t>
  </si>
  <si>
    <t>Chak No 64kb</t>
  </si>
  <si>
    <t>Basti atta Muhammad 64kb</t>
  </si>
  <si>
    <t>Basti Atta Muhammad 64kb</t>
  </si>
  <si>
    <t>GMPS 64 WB</t>
  </si>
  <si>
    <t>64wb</t>
  </si>
  <si>
    <t>chakNo 64wb</t>
  </si>
  <si>
    <t>GMPS 65 EB BAKHA P/O ARIFWALA PAKPATTAN</t>
  </si>
  <si>
    <t>Chak No 65/EB Bakah</t>
  </si>
  <si>
    <t>chak#65/EB Bakha teh Arif wala distt. ppn</t>
  </si>
  <si>
    <t>Chak No 65/EB Bakha</t>
  </si>
  <si>
    <t>Chak No 69/EB</t>
  </si>
  <si>
    <t>GMPS 65/A</t>
  </si>
  <si>
    <t>65/A</t>
  </si>
  <si>
    <t>chak65/A</t>
  </si>
  <si>
    <t>GMPS 65/D NAZIR</t>
  </si>
  <si>
    <t>65d Nazar</t>
  </si>
  <si>
    <t>Chak 65d Nazar UC BOYAL GUNG Pakpattan</t>
  </si>
  <si>
    <t>65d Nazarl</t>
  </si>
  <si>
    <t>BOYAL GUNG</t>
  </si>
  <si>
    <t>Zahida Ghulam Muhammad</t>
  </si>
  <si>
    <t>GMPS 66-A/15-L, KACHA KHUH</t>
  </si>
  <si>
    <t>Chowk Jamal</t>
  </si>
  <si>
    <t>chak no.66/15L p/o 67/15L kwl</t>
  </si>
  <si>
    <t>66/15L</t>
  </si>
  <si>
    <t>Myda Zahid</t>
  </si>
  <si>
    <t>GMPS 68-69/15-L, KACHA KHUH</t>
  </si>
  <si>
    <t>68-69/15L</t>
  </si>
  <si>
    <t>SOFIA MATLOOB</t>
  </si>
  <si>
    <t>GMPS 7 DB</t>
  </si>
  <si>
    <t>7DB</t>
  </si>
  <si>
    <t>Muzaffar Pur South</t>
  </si>
  <si>
    <t>Shazia Arshed</t>
  </si>
  <si>
    <t>GMPS 7 MR P/O 7 MR</t>
  </si>
  <si>
    <t>7 MR</t>
  </si>
  <si>
    <t>Chuk 7MR Khanpur Marral</t>
  </si>
  <si>
    <t>Chak 7 MR</t>
  </si>
  <si>
    <t>GMPS 7/V, KHANEWAL</t>
  </si>
  <si>
    <t>7v</t>
  </si>
  <si>
    <t>chak.no.7v khanewal</t>
  </si>
  <si>
    <t>7v Khanewal</t>
  </si>
  <si>
    <t>10Ah Khanewal</t>
  </si>
  <si>
    <t>GMPS 73/10-R, KHANEWAL</t>
  </si>
  <si>
    <t>73/10-r</t>
  </si>
  <si>
    <t>Safora Afzal</t>
  </si>
  <si>
    <t>GMPS 74-B/15-L, P/O 79/15-L, KACHA KHUH</t>
  </si>
  <si>
    <t>Gmps chak no 74.b/15.l teh. distt. khanewal</t>
  </si>
  <si>
    <t>72-73/15l</t>
  </si>
  <si>
    <t>Rashda Jan</t>
  </si>
  <si>
    <t>GMPS 75/D</t>
  </si>
  <si>
    <t>75/d</t>
  </si>
  <si>
    <t>chuk#75/d</t>
  </si>
  <si>
    <t>Noorpure 93/d</t>
  </si>
  <si>
    <t>Naveeda iqbal</t>
  </si>
  <si>
    <t>GMPS 76 WB</t>
  </si>
  <si>
    <t>76wb</t>
  </si>
  <si>
    <t>chak no 76 wb vhr</t>
  </si>
  <si>
    <t>Chan No 76 Wb Vhr</t>
  </si>
  <si>
    <t>78wb Vhr</t>
  </si>
  <si>
    <t>Ruqia Anwer</t>
  </si>
  <si>
    <t>GMPS 76/10-R, KHANEWAL</t>
  </si>
  <si>
    <t>76/10-R</t>
  </si>
  <si>
    <t>Chak No76/10-R P/O 83-85 Khanewal</t>
  </si>
  <si>
    <t>Khalida Malik</t>
  </si>
  <si>
    <t>GMPS 76-B/15-L, KHANEWAL</t>
  </si>
  <si>
    <t>76-b/15-l</t>
  </si>
  <si>
    <t>chak no 76-b/15-l p/o box 79/15-l District &amp; Tehsil Khanewal</t>
  </si>
  <si>
    <t>GMPS 77/15-L, P/O 67/15-L, KACHA KHUH</t>
  </si>
  <si>
    <t>77/15L</t>
  </si>
  <si>
    <t>chak no.77/15L p/o 67/15L khanewal</t>
  </si>
  <si>
    <t>GMPS 8 EB</t>
  </si>
  <si>
    <t>8/eb</t>
  </si>
  <si>
    <t>chak #8/eb p/o 10/eb arifwala pakpattan</t>
  </si>
  <si>
    <t>Faiza Fida</t>
  </si>
  <si>
    <t>GMPS 8/8-R, TULAMBA</t>
  </si>
  <si>
    <t>8/8r</t>
  </si>
  <si>
    <t>8/8r Afridi wala</t>
  </si>
  <si>
    <t>Rashda Zahoor</t>
  </si>
  <si>
    <t>GMPS 80/15-L, KACHA KHUH</t>
  </si>
  <si>
    <t>80/15-L</t>
  </si>
  <si>
    <t>chak no 80/15L po 78/15L</t>
  </si>
  <si>
    <t>80/15L</t>
  </si>
  <si>
    <t>Amna Sarfraz</t>
  </si>
  <si>
    <t>GMPS 82 D</t>
  </si>
  <si>
    <t>82d</t>
  </si>
  <si>
    <t>gmps 82d teh &amp; disst pakpattan sharif</t>
  </si>
  <si>
    <t>82/ D</t>
  </si>
  <si>
    <t>Chak 85/ D</t>
  </si>
  <si>
    <t>GMPS 82/EB PO 66/EB ARIFWALA DISTT PAKPATTAN</t>
  </si>
  <si>
    <t>82eb</t>
  </si>
  <si>
    <t>chak no 82 EB Arifwala</t>
  </si>
  <si>
    <t>Sonia Rasheed</t>
  </si>
  <si>
    <t>GMPS 85/15-L, P/O 84/15-L, MIAN CHANNU</t>
  </si>
  <si>
    <t>85/15L</t>
  </si>
  <si>
    <t>chak no 85/15L</t>
  </si>
  <si>
    <t>Zanaib Naz</t>
  </si>
  <si>
    <t>GMPS 86-75/10-R, KHANEWAL</t>
  </si>
  <si>
    <t>86-75/10r</t>
  </si>
  <si>
    <t>86-7510r</t>
  </si>
  <si>
    <t>Shahida Naeem</t>
  </si>
  <si>
    <t>GMPS 87/D</t>
  </si>
  <si>
    <t>87d</t>
  </si>
  <si>
    <t>chalk no 87d post office 85d</t>
  </si>
  <si>
    <t>85d</t>
  </si>
  <si>
    <t>GMPS 88/WB II</t>
  </si>
  <si>
    <t>88/w.</t>
  </si>
  <si>
    <t>88/wb</t>
  </si>
  <si>
    <t>ASIA TALIB</t>
  </si>
  <si>
    <t>GMPS 88-A/10-R, KHANEWAL</t>
  </si>
  <si>
    <t>88 A /10R</t>
  </si>
  <si>
    <t>CHAK NO 88.A 10/R KHANEWAL</t>
  </si>
  <si>
    <t>88A 10R</t>
  </si>
  <si>
    <t>86 10R</t>
  </si>
  <si>
    <t>Shahzadi Andleeb</t>
  </si>
  <si>
    <t>GMPS 8-KASSI JADEED, KABIRWALA</t>
  </si>
  <si>
    <t>8 Kasi Jadeed</t>
  </si>
  <si>
    <t>Govt model primary school 8 kasi jadeed</t>
  </si>
  <si>
    <t>Jamesbad</t>
  </si>
  <si>
    <t>GMPS 9/8-AR, P/O 20/8-R, TULAMBA</t>
  </si>
  <si>
    <t>9/8AR</t>
  </si>
  <si>
    <t>chak no 9/8AR Tulamba.</t>
  </si>
  <si>
    <t>133/16L Amrat Nagar</t>
  </si>
  <si>
    <t>Khadija Durrani</t>
  </si>
  <si>
    <t>GMPS 90/P DHANGRA</t>
  </si>
  <si>
    <t>Palace</t>
  </si>
  <si>
    <t>GMPS 90/p dhangra</t>
  </si>
  <si>
    <t>Chak 90/p Dhangra</t>
  </si>
  <si>
    <t>Tahira Ghosh</t>
  </si>
  <si>
    <t>GMPS 91/15-L, MIAN CHANNU</t>
  </si>
  <si>
    <t>91//15.l</t>
  </si>
  <si>
    <t>91/15l</t>
  </si>
  <si>
    <t>GMPS 95/EB</t>
  </si>
  <si>
    <t>CHAK NO 95EB</t>
  </si>
  <si>
    <t>CHAK NO 95EB Arifwalwa</t>
  </si>
  <si>
    <t>109eb</t>
  </si>
  <si>
    <t>GMPS 96/10-R, JAHANIAN</t>
  </si>
  <si>
    <t>95/10R</t>
  </si>
  <si>
    <t>96/10.R moza 95/10.Tehsil Jahania,District khanewal.</t>
  </si>
  <si>
    <t>96/10R</t>
  </si>
  <si>
    <t>Vehniwal 55/10R</t>
  </si>
  <si>
    <t>Tamiya Rehman</t>
  </si>
  <si>
    <t>GMPS 96-A/15-L, MIAN CHANNU</t>
  </si>
  <si>
    <t>gmps 96-A/15L</t>
  </si>
  <si>
    <t>Chak no96-A/15L</t>
  </si>
  <si>
    <t>Iram Manzoor</t>
  </si>
  <si>
    <t>electrical watercooler</t>
  </si>
  <si>
    <t>GMPS 97 EB</t>
  </si>
  <si>
    <t>Chack No 97 EB</t>
  </si>
  <si>
    <t>Chack No 97 EB Arifwala</t>
  </si>
  <si>
    <t>SANA AYOUB</t>
  </si>
  <si>
    <t>GMPS 98/10-R</t>
  </si>
  <si>
    <t>98/10R</t>
  </si>
  <si>
    <t>Jamila Akram</t>
  </si>
  <si>
    <t>GMPS 9-A/8-R, P/O ABDUL HAKIM, TULAMBA</t>
  </si>
  <si>
    <t>9a/8r</t>
  </si>
  <si>
    <t>9a/8r p/o abdulhakim, khaniwal</t>
  </si>
  <si>
    <t>Aqssa Aslam</t>
  </si>
  <si>
    <t>GMPS AALI</t>
  </si>
  <si>
    <t>Village Alli Gujarat</t>
  </si>
  <si>
    <t>Asma Atif</t>
  </si>
  <si>
    <t>GMPS ABADI DOUKA</t>
  </si>
  <si>
    <t>Douka</t>
  </si>
  <si>
    <t>abadi douka pakky wala</t>
  </si>
  <si>
    <t>Mouza Douka</t>
  </si>
  <si>
    <t>Fozia rani</t>
  </si>
  <si>
    <t>GMPS ABADI FAZAL KAY</t>
  </si>
  <si>
    <t>Anadi Fazal dakhli Gogera Khas Teh &amp; Distt Okara</t>
  </si>
  <si>
    <t>Abadi Fazal Kay</t>
  </si>
  <si>
    <t>GMPS ABADI GUJRAN</t>
  </si>
  <si>
    <t>Abadi Gujran</t>
  </si>
  <si>
    <t>village.nai abadi Dera gujran p.o.uddowar teh.daska</t>
  </si>
  <si>
    <t>Noreen Latif</t>
  </si>
  <si>
    <t>motar</t>
  </si>
  <si>
    <t>GMPS ABADI KASHMIRIAN CHAK 6/10 THAL</t>
  </si>
  <si>
    <t>colony no 6 chak 10 thal</t>
  </si>
  <si>
    <t>uch gul imam</t>
  </si>
  <si>
    <t>syed nadeem khizar shah</t>
  </si>
  <si>
    <t>GMPS ABADI PIPLI</t>
  </si>
  <si>
    <t>Tattahfatehali</t>
  </si>
  <si>
    <t>AbadiPipli</t>
  </si>
  <si>
    <t>Abadi Pipli</t>
  </si>
  <si>
    <t>158Monara</t>
  </si>
  <si>
    <t>FarzanaAshraf</t>
  </si>
  <si>
    <t>GMPS ABADI TAHIR ABAD</t>
  </si>
  <si>
    <t>basti tahir abad moza sahmal adda khewa jhang</t>
  </si>
  <si>
    <t>Bsti Tahir Abad</t>
  </si>
  <si>
    <t>GMPS ABAN CHAK</t>
  </si>
  <si>
    <t>Aban  Chak</t>
  </si>
  <si>
    <t>village and P.O Aban Chak tehsill and district Rawalpindi</t>
  </si>
  <si>
    <t>Aban Chak</t>
  </si>
  <si>
    <t>Lodharan</t>
  </si>
  <si>
    <t>GMPS ABBAL</t>
  </si>
  <si>
    <t>Abbal</t>
  </si>
  <si>
    <t>Abbal Tehsil Kotmomin district sargodha</t>
  </si>
  <si>
    <t>GMPS ABBAS PUR</t>
  </si>
  <si>
    <t>khaniwal road near training centre wapda</t>
  </si>
  <si>
    <t>GMPS ABBAS PURA</t>
  </si>
  <si>
    <t>Marali Wahin</t>
  </si>
  <si>
    <t>Basti Abbas pura near TV booster, Shujabad, Multan</t>
  </si>
  <si>
    <t>Asia Younus</t>
  </si>
  <si>
    <t>GMPS ABBAS PURA RODAY</t>
  </si>
  <si>
    <t>Roday teh Pattoki dist Kasur</t>
  </si>
  <si>
    <t>Tara Garh Ch#44</t>
  </si>
  <si>
    <t>Surayya Naseer</t>
  </si>
  <si>
    <t>GMPS ABDALI</t>
  </si>
  <si>
    <t>Abdali</t>
  </si>
  <si>
    <t>village abdali tehsil pasrur district Sialkot</t>
  </si>
  <si>
    <t>GMPS ABDUL GHAFOOR</t>
  </si>
  <si>
    <t>GMPS Abdul Ghafoor Markaz Sardar Garh Rahim Yar Khan</t>
  </si>
  <si>
    <t>Sardargarh</t>
  </si>
  <si>
    <t>Zakia Fatima</t>
  </si>
  <si>
    <t>GMPS ABDUL KAY</t>
  </si>
  <si>
    <t>Sagar Wala</t>
  </si>
  <si>
    <t>bohart wala tehsil bhowana dust chiniot</t>
  </si>
  <si>
    <t>Bohart Wala</t>
  </si>
  <si>
    <t>Summader</t>
  </si>
  <si>
    <t>GMPS ABDULLA PUR</t>
  </si>
  <si>
    <t>Abdullah pur</t>
  </si>
  <si>
    <t>Abdullah pur Tehsile Nowshera virkan District Gujranwala</t>
  </si>
  <si>
    <t>Budda Goraya</t>
  </si>
  <si>
    <t>GMPS ABU WALA</t>
  </si>
  <si>
    <t>GMPS Abuwala</t>
  </si>
  <si>
    <t>ABU WALA</t>
  </si>
  <si>
    <t>GMPS ABYALA</t>
  </si>
  <si>
    <t>Abyala</t>
  </si>
  <si>
    <t>Village Abyala P/O Dolo Bhelo Teh Sambrial Dist Sialkot</t>
  </si>
  <si>
    <t>GMPS ADA PULL KHARA</t>
  </si>
  <si>
    <t>adda pull khara</t>
  </si>
  <si>
    <t>Pull Khara</t>
  </si>
  <si>
    <t>GMPS ADALAT GARH</t>
  </si>
  <si>
    <t>Adalt Garh</t>
  </si>
  <si>
    <t>gmps adalt garh</t>
  </si>
  <si>
    <t>GMPS ADDA CHAK NO.84 NB</t>
  </si>
  <si>
    <t>84nb sgd</t>
  </si>
  <si>
    <t>GMPS adda 84 NB  sgd</t>
  </si>
  <si>
    <t>84Adda sgd</t>
  </si>
  <si>
    <t>Naghma Parveen</t>
  </si>
  <si>
    <t>GMPS ADDA MANGTANWALA</t>
  </si>
  <si>
    <t>Adda Mangtanwala</t>
  </si>
  <si>
    <t>GGPS Adda Mangtanwala</t>
  </si>
  <si>
    <t>Naheed Hakim Ali</t>
  </si>
  <si>
    <t>GMPS ADDO SERWANI</t>
  </si>
  <si>
    <t>Aado Serwani</t>
  </si>
  <si>
    <t>village Aado serwani p/o pahrianwali</t>
  </si>
  <si>
    <t>GMPS ADHAN WAH</t>
  </si>
  <si>
    <t>Mouza Adhan  Wah</t>
  </si>
  <si>
    <t>G.M.P/S Adhan wah</t>
  </si>
  <si>
    <t>Shahbaz Pura</t>
  </si>
  <si>
    <t>Mamoona Jamil</t>
  </si>
  <si>
    <t>GMPS AFZAL ABAD</t>
  </si>
  <si>
    <t>KHAN MUHAMMAD</t>
  </si>
  <si>
    <t>GPMS afzalabad teh &amp; dist Rajanpur</t>
  </si>
  <si>
    <t>Kotlq Khan Muhamd</t>
  </si>
  <si>
    <t>GMPS AGHA PUR</t>
  </si>
  <si>
    <t>Aghapur</t>
  </si>
  <si>
    <t>gmps aghapur</t>
  </si>
  <si>
    <t>Ramah</t>
  </si>
  <si>
    <t>Rafia Nazir</t>
  </si>
  <si>
    <t>GMPS AHATA ALI MUHAMMAD</t>
  </si>
  <si>
    <t>Bah a dark a east</t>
  </si>
  <si>
    <t>government mpsahataAli Muhammad</t>
  </si>
  <si>
    <t>Me harsh ah</t>
  </si>
  <si>
    <t>tobaqalandarshah</t>
  </si>
  <si>
    <t>Saima Zahid</t>
  </si>
  <si>
    <t>GMPS AHATA ALI SHER</t>
  </si>
  <si>
    <t>ALI SHER</t>
  </si>
  <si>
    <t>BASTI AHATA ALI SHER</t>
  </si>
  <si>
    <t>BASTI ALI SHER</t>
  </si>
  <si>
    <t>UZMA SHAD</t>
  </si>
  <si>
    <t>GMPS AHATA KHUSHI RAM</t>
  </si>
  <si>
    <t>Ahata Khushi Ra</t>
  </si>
  <si>
    <t>ahata Khushi ram</t>
  </si>
  <si>
    <t>Ahata Khushi Ram</t>
  </si>
  <si>
    <t>Warburton 575</t>
  </si>
  <si>
    <t>Mamuna Asghar</t>
  </si>
  <si>
    <t>GMPS AHATA MUKHIAN</t>
  </si>
  <si>
    <t>Takht Mehal Otar</t>
  </si>
  <si>
    <t>ahata mukhian</t>
  </si>
  <si>
    <t>Ahata mukhian</t>
  </si>
  <si>
    <t>Sidra Maqbool</t>
  </si>
  <si>
    <t>GMPS AHEER COLONY</t>
  </si>
  <si>
    <t>Govt M PS Aheer  colony jauharabad</t>
  </si>
  <si>
    <t>Ismat Khatoon</t>
  </si>
  <si>
    <t>GMPS AHLI JASPAL</t>
  </si>
  <si>
    <t>Ahli jaspal haveli Gujaran</t>
  </si>
  <si>
    <t>Mamoona Anees Gondal</t>
  </si>
  <si>
    <t>GMPS AHLI KARAM SHAH</t>
  </si>
  <si>
    <t>p/o phularwan teh.bhalwal</t>
  </si>
  <si>
    <t>Ahli Karam Shah</t>
  </si>
  <si>
    <t>GMPS AHMAD KHAN WALA</t>
  </si>
  <si>
    <t>Ahmad khan wala p/o rodi teh k.kot dist bhakkar</t>
  </si>
  <si>
    <t>Gulaman No 1</t>
  </si>
  <si>
    <t>GULNAZ AZIZ</t>
  </si>
  <si>
    <t>GMPS AHMAD NAGAR</t>
  </si>
  <si>
    <t>V Block Satellite Town Jhang</t>
  </si>
  <si>
    <t>GMPS AHMAD PUR VIRKAN</t>
  </si>
  <si>
    <t>Ahmed  Pur  Virkan</t>
  </si>
  <si>
    <t>Village ahmedpur virkan Tehsil kmk district gujranwala</t>
  </si>
  <si>
    <t>Ahmed pur virkan</t>
  </si>
  <si>
    <t>Zaib  Un Nisa</t>
  </si>
  <si>
    <t>GMPS AHMAD PURA</t>
  </si>
  <si>
    <t>Ahmad Pura Khb</t>
  </si>
  <si>
    <t>Gmps Ahmad pura khushab</t>
  </si>
  <si>
    <t>Ahmad pura</t>
  </si>
  <si>
    <t>mc 1 khushab</t>
  </si>
  <si>
    <t>Shagufta Shamshad</t>
  </si>
  <si>
    <t>GMPS AHMAD SHAH WALI</t>
  </si>
  <si>
    <t>Ahmad Shah Wali</t>
  </si>
  <si>
    <t>ahmad shah wali</t>
  </si>
  <si>
    <t>NAZIA MEHREEN</t>
  </si>
  <si>
    <t>GMPS AHMADEY WALA</t>
  </si>
  <si>
    <t>Ahmed-E-Wala</t>
  </si>
  <si>
    <t>Ahmed-E-Wala Dakhkhana lakseen Tahseel Kotmomin District Sargodha</t>
  </si>
  <si>
    <t>Jala Makhdum</t>
  </si>
  <si>
    <t>GMPS AHMADPUR KOHNA</t>
  </si>
  <si>
    <t>basti rehman abad ahmed pur kohna</t>
  </si>
  <si>
    <t>Najma Raziq</t>
  </si>
  <si>
    <t>GMPS AHMED ABAD</t>
  </si>
  <si>
    <t>M Azam</t>
  </si>
  <si>
    <t>GMPS AHMEL PUR</t>
  </si>
  <si>
    <t>Ahmal Pur</t>
  </si>
  <si>
    <t>village ahmal pur P/O gondal teh and distt sialkot</t>
  </si>
  <si>
    <t>Shahida Tabasam</t>
  </si>
  <si>
    <t>GMPS AIDAL</t>
  </si>
  <si>
    <t>Aidal</t>
  </si>
  <si>
    <t>Chak No.14 Aidal</t>
  </si>
  <si>
    <t>Lubna Batool</t>
  </si>
  <si>
    <t>GMPS AIL</t>
  </si>
  <si>
    <t>moza sumbal p.o baghar sharif tehsil kahuta</t>
  </si>
  <si>
    <t>Sumbal Ail</t>
  </si>
  <si>
    <t>GMPS AIMA</t>
  </si>
  <si>
    <t>Aima</t>
  </si>
  <si>
    <t>GMPS Aima</t>
  </si>
  <si>
    <t>Atifa Iqbal</t>
  </si>
  <si>
    <t>GMPS AIN WAHIN</t>
  </si>
  <si>
    <t>Ain Wahin</t>
  </si>
  <si>
    <t>ain wahin</t>
  </si>
  <si>
    <t>Shahpur Phul</t>
  </si>
  <si>
    <t>Sumera Bano</t>
  </si>
  <si>
    <t>GMPS AJAB KHAN WALA NO. 1</t>
  </si>
  <si>
    <t>village Ajab khan, Moza Sodri, Isakhel ,Mianwali</t>
  </si>
  <si>
    <t>Ajab Khan</t>
  </si>
  <si>
    <t>Iffat Parveen</t>
  </si>
  <si>
    <t>GMPS AJJOWAL</t>
  </si>
  <si>
    <t>Ajjowal</t>
  </si>
  <si>
    <t>Muhammad Asghar zia</t>
  </si>
  <si>
    <t>GMPS AJUWALA</t>
  </si>
  <si>
    <t>GMPS AKBAR ABAD</t>
  </si>
  <si>
    <t>akbar abad dakhly verowal teh bhera Dist,sargodha</t>
  </si>
  <si>
    <t>Nasar Hayat</t>
  </si>
  <si>
    <t>GMPS AKBAR PURA</t>
  </si>
  <si>
    <t>Basti ghulam akbar mohal Mouza mohal jhang</t>
  </si>
  <si>
    <t>Basti ghulam Akbar</t>
  </si>
  <si>
    <t>Mansoor Sail</t>
  </si>
  <si>
    <t>GMPS AKBRIAN</t>
  </si>
  <si>
    <t>Akbrian</t>
  </si>
  <si>
    <t>GMPS Akbrian</t>
  </si>
  <si>
    <t>GMPS AKHORI</t>
  </si>
  <si>
    <t>VPO AKHORI TEH &amp; DIST ATTOCK</t>
  </si>
  <si>
    <t>GMPS AKIA</t>
  </si>
  <si>
    <t>Akia</t>
  </si>
  <si>
    <t>village Akia district gujrat tehsil kharian</t>
  </si>
  <si>
    <t>Miana Chack</t>
  </si>
  <si>
    <t>Toqeer Zaneb</t>
  </si>
  <si>
    <t>GMPS AKREELA</t>
  </si>
  <si>
    <t>Akrila teh sohawa</t>
  </si>
  <si>
    <t>Akrila</t>
  </si>
  <si>
    <t>Rovehaza Begum</t>
  </si>
  <si>
    <t>GMPS AL HUSSAIN</t>
  </si>
  <si>
    <t>Jangle Bhera</t>
  </si>
  <si>
    <t>Govt m p SCL AL HUSSAIN HAJI BLOCK</t>
  </si>
  <si>
    <t>Haji Block</t>
  </si>
  <si>
    <t>KOUSAR PARVEEN</t>
  </si>
  <si>
    <t>motour hand pump sarkari</t>
  </si>
  <si>
    <t>GMPS ALAM KHAN WALA</t>
  </si>
  <si>
    <t>mwazwala</t>
  </si>
  <si>
    <t>Peeran wali wandhi mwazwala mochh</t>
  </si>
  <si>
    <t>GMPS ALAMPUR GONDLAN</t>
  </si>
  <si>
    <t>Alam Pur Gondlan</t>
  </si>
  <si>
    <t>Alam pur gondlan</t>
  </si>
  <si>
    <t>Rizwana Fiaz</t>
  </si>
  <si>
    <t>GMPS ALANG</t>
  </si>
  <si>
    <t>Alang</t>
  </si>
  <si>
    <t>v.p.o Alang tensile and district Jhelum</t>
  </si>
  <si>
    <t>shamila nosheen</t>
  </si>
  <si>
    <t>GMPS ALI CHAK</t>
  </si>
  <si>
    <t>alichak</t>
  </si>
  <si>
    <t>Nasira Anwar</t>
  </si>
  <si>
    <t>GMPS ALI CHAPPA JANUBI</t>
  </si>
  <si>
    <t>Civil hospital road haji akram prince near makkah market</t>
  </si>
  <si>
    <t>GMPS ALI KHANANA SIAL</t>
  </si>
  <si>
    <t>GMPS Ali Khanana Sial</t>
  </si>
  <si>
    <t>GMPS ALI KHARIK</t>
  </si>
  <si>
    <t>Ali Kharik</t>
  </si>
  <si>
    <t>Basti Ali kharik,Mubarikpur road, ahmed pur east</t>
  </si>
  <si>
    <t>Musarrat Batool</t>
  </si>
  <si>
    <t>GMPS ALI KHEL NO 1</t>
  </si>
  <si>
    <t>Gmps ali khel</t>
  </si>
  <si>
    <t>GMPS ALI PUR</t>
  </si>
  <si>
    <t>gmps alipur</t>
  </si>
  <si>
    <t>Ali Sher Wahian</t>
  </si>
  <si>
    <t>Nasreen Kousar Mushtaq</t>
  </si>
  <si>
    <t>GMPS ALI PUR BHATTIAN</t>
  </si>
  <si>
    <t>Ali pur Bhattian  Kallurkot (Bhakkar)</t>
  </si>
  <si>
    <t>Ali Pur Bhattian</t>
  </si>
  <si>
    <t>Nabila Mehvish</t>
  </si>
  <si>
    <t>GMPS ALI PUR CHATHA NO.1</t>
  </si>
  <si>
    <t>gmps no 1 Ali pur chatha</t>
  </si>
  <si>
    <t>Ali Pur chatha</t>
  </si>
  <si>
    <t>GMPS ALI PUR GUJJRAN</t>
  </si>
  <si>
    <t>Ali Pur GUJRAN</t>
  </si>
  <si>
    <t>Ali Pur Gujran</t>
  </si>
  <si>
    <t>GMPS ALI PUR KANJU MOUZA ALI PUR KANJU</t>
  </si>
  <si>
    <t>Basti Ali Pur kanju</t>
  </si>
  <si>
    <t>GMPS ALI PUR MADH</t>
  </si>
  <si>
    <t>Ali pur madh</t>
  </si>
  <si>
    <t>GMPS ALI SHER WAHIN JADEED, JAHANIAN</t>
  </si>
  <si>
    <t>ali sher wahin jadeed</t>
  </si>
  <si>
    <t>Ali Sher Wahin Jadeed</t>
  </si>
  <si>
    <t>Shabana Naseem</t>
  </si>
  <si>
    <t>GMPS ALIAN WALI</t>
  </si>
  <si>
    <t>Alian Wali p</t>
  </si>
  <si>
    <t>Alian wali p /o chobara Teh pasrur distt sialkot</t>
  </si>
  <si>
    <t>Alian Wali</t>
  </si>
  <si>
    <t>GMPS ALLAH NAWAZ MANIK</t>
  </si>
  <si>
    <t>basti manik p/o head heran</t>
  </si>
  <si>
    <t>Khursheed BiBi</t>
  </si>
  <si>
    <t>GMPS ALLAH WASAYA SHAH</t>
  </si>
  <si>
    <t>Lall Shah</t>
  </si>
  <si>
    <t>ggmps allah wasaya shah khan Bela</t>
  </si>
  <si>
    <t>Gulani 104</t>
  </si>
  <si>
    <t>Bushra Gillani</t>
  </si>
  <si>
    <t>GMPS AMAN ULLAH PUR SHUJABAD</t>
  </si>
  <si>
    <t>Amanullah Pur</t>
  </si>
  <si>
    <t>chah ballay p/0 bagrain moza amanullah pur shujabad district multan</t>
  </si>
  <si>
    <t>Chah Ballay Wala</t>
  </si>
  <si>
    <t>Khizir Hayat</t>
  </si>
  <si>
    <t>GMPS AMAN WALA NO. 1</t>
  </si>
  <si>
    <t>Aman Wala</t>
  </si>
  <si>
    <t>GMPS Aman wala</t>
  </si>
  <si>
    <t>GMPS AMBALA GAGRA</t>
  </si>
  <si>
    <t>Kachor</t>
  </si>
  <si>
    <t>Gagra</t>
  </si>
  <si>
    <t>sana choudhry</t>
  </si>
  <si>
    <t>GMPS AMIN ABAD</t>
  </si>
  <si>
    <t>GMPS Amin Abad</t>
  </si>
  <si>
    <t>Ihsan Ali Shah</t>
  </si>
  <si>
    <t>GMPS AMIN PUR KALAN</t>
  </si>
  <si>
    <t>amin pur kalan tehsil wazirabad district gujranwala</t>
  </si>
  <si>
    <t>Amin Pur Kalan</t>
  </si>
  <si>
    <t>Shanza Nawaz</t>
  </si>
  <si>
    <t>GMPS AMINPUR BANGLA</t>
  </si>
  <si>
    <t>Azafi Abadi Aminpur Banglaw</t>
  </si>
  <si>
    <t>Rest houe Aminpur Banglaw</t>
  </si>
  <si>
    <t>Ansa Shheen</t>
  </si>
  <si>
    <t>GMPS AMIR ABAD CHONGI NO:7 RIJWANA ROAD MULTAN</t>
  </si>
  <si>
    <t>chungi no 7 rajwana road near zia park multan</t>
  </si>
  <si>
    <t>Ameerabadnil</t>
  </si>
  <si>
    <t>Qaisra Naseem</t>
  </si>
  <si>
    <t>GMPS AMIR KHAN WALA</t>
  </si>
  <si>
    <t>Kamer Pka 6</t>
  </si>
  <si>
    <t>Wanda ameerkhanwala</t>
  </si>
  <si>
    <t>Ameerkhanwala</t>
  </si>
  <si>
    <t>Kamr Pka</t>
  </si>
  <si>
    <t>GMPS AMIRAY KHEL</t>
  </si>
  <si>
    <t>G M P S Amiray khel</t>
  </si>
  <si>
    <t>GMPS AMRA KHURD</t>
  </si>
  <si>
    <t>amra khurd</t>
  </si>
  <si>
    <t>Amra Khurd</t>
  </si>
  <si>
    <t>Fahmida Ismail</t>
  </si>
  <si>
    <t>GMPS AMRAO KHURD</t>
  </si>
  <si>
    <t>Amrao Khud</t>
  </si>
  <si>
    <t>amrao khurd</t>
  </si>
  <si>
    <t>Amrao khurd</t>
  </si>
  <si>
    <t>Alaodink Kalan</t>
  </si>
  <si>
    <t>Sadia Kalsoom</t>
  </si>
  <si>
    <t>GMPS ANAYAT SHAH</t>
  </si>
  <si>
    <t>GMPS ANAYAT SHAH .MOUZA ANAYAT SHAH .P/O Garh maharaja</t>
  </si>
  <si>
    <t>GMPS ANJOTER</t>
  </si>
  <si>
    <t>Anjotar</t>
  </si>
  <si>
    <t>GMPS Anjotar</t>
  </si>
  <si>
    <t>GMPS ANNAY SHARIF P/O MIANWAL RANJHAN</t>
  </si>
  <si>
    <t>Annhay  shreef</t>
  </si>
  <si>
    <t>Govt  M  P  school annay shreef</t>
  </si>
  <si>
    <t>Annhay shreef</t>
  </si>
  <si>
    <t>GMPS ANWAR KOT</t>
  </si>
  <si>
    <t>Basti Anwar kot p/O takhat Mahal tehsil bahawalnagar</t>
  </si>
  <si>
    <t>Anwar Kot</t>
  </si>
  <si>
    <t>Khalida Inaam</t>
  </si>
  <si>
    <t>GMPS AQIL PUR</t>
  </si>
  <si>
    <t>post office aqil pur</t>
  </si>
  <si>
    <t>Aqil Pur</t>
  </si>
  <si>
    <t>GMPS AREY WALA, KABIRWALA</t>
  </si>
  <si>
    <t>moza mast pur, chah arywala, kabirwala</t>
  </si>
  <si>
    <t>Araywala</t>
  </si>
  <si>
    <t>Mari Saho</t>
  </si>
  <si>
    <t>Hajra Saleem</t>
  </si>
  <si>
    <t>GMPS ARHANGA</t>
  </si>
  <si>
    <t>Korrina Kalan</t>
  </si>
  <si>
    <t>korrina kallan</t>
  </si>
  <si>
    <t>Arranga</t>
  </si>
  <si>
    <t>Sehrish Naheed</t>
  </si>
  <si>
    <t>GMPS ARKI</t>
  </si>
  <si>
    <t>Arki</t>
  </si>
  <si>
    <t>Government Model Primary School Arki Dogran</t>
  </si>
  <si>
    <t>Arki Dogran</t>
  </si>
  <si>
    <t>GMPS ARMATY WALA</t>
  </si>
  <si>
    <t>Armatywala bannu road isakhel</t>
  </si>
  <si>
    <t>Armatywala</t>
  </si>
  <si>
    <t>kaghlanwala</t>
  </si>
  <si>
    <t>Azadi Salamat</t>
  </si>
  <si>
    <t>GMPS ARO KASS</t>
  </si>
  <si>
    <t>arokass</t>
  </si>
  <si>
    <t>gmps arokass</t>
  </si>
  <si>
    <t>GMPS ARRA KAHROT</t>
  </si>
  <si>
    <t>karunta</t>
  </si>
  <si>
    <t>khariot sohawa</t>
  </si>
  <si>
    <t>khariot</t>
  </si>
  <si>
    <t>pail bannay khan</t>
  </si>
  <si>
    <t>Aroosa Sajid</t>
  </si>
  <si>
    <t>GMPS ARTALA SHARIF</t>
  </si>
  <si>
    <t>Artala Sharif</t>
  </si>
  <si>
    <t>artala Sharif po kulluwal the sambrial dist sialkot</t>
  </si>
  <si>
    <t>Syeda Saba Gulfam</t>
  </si>
  <si>
    <t>GMPS ASGHAR ABAD</t>
  </si>
  <si>
    <t>Asghar Abad</t>
  </si>
  <si>
    <t>Ghulama Two</t>
  </si>
  <si>
    <t>Rukhsana Siddique</t>
  </si>
  <si>
    <t>GMPS ASLOHA</t>
  </si>
  <si>
    <t>Asloha</t>
  </si>
  <si>
    <t>asloha</t>
  </si>
  <si>
    <t>Sadia Khalil</t>
  </si>
  <si>
    <t>GMPS ATHOG (RAN LABE DARYA NO.1)</t>
  </si>
  <si>
    <t>Ran Lab Darya</t>
  </si>
  <si>
    <t>basti waluwali moza ran lab darya multan</t>
  </si>
  <si>
    <t>Basti Walu Wali</t>
  </si>
  <si>
    <t>Muzaffar Abbas</t>
  </si>
  <si>
    <t>GMPS ATLA GHULAM</t>
  </si>
  <si>
    <t>Harsay Atlay</t>
  </si>
  <si>
    <t>Atlay Ghulam p/o sukheke dist Hafizabad</t>
  </si>
  <si>
    <t>Atlay Ghulam</t>
  </si>
  <si>
    <t>Farzana Ahmad Din</t>
  </si>
  <si>
    <t>GMPS ATTAR SINGH WALA, KABIRWALA</t>
  </si>
  <si>
    <t>GMPS Attar Singh Wala Kabirwala</t>
  </si>
  <si>
    <t>Attar SinghWala</t>
  </si>
  <si>
    <t>GMPS ATTARI, KABIRWALA</t>
  </si>
  <si>
    <t>Muza Attari tehseel kabirwala district khanewal</t>
  </si>
  <si>
    <t>Mubrak pur</t>
  </si>
  <si>
    <t>Zahida Fayyaz</t>
  </si>
  <si>
    <t>GMPS ATTOANA</t>
  </si>
  <si>
    <t>Attoana</t>
  </si>
  <si>
    <t>Mouza Altoona Po Akrianwala</t>
  </si>
  <si>
    <t>Najma Kamal</t>
  </si>
  <si>
    <t>GMPS ATTOCK KHURD</t>
  </si>
  <si>
    <t>Attock khurd</t>
  </si>
  <si>
    <t>v.p.o Attock khurd hazro Attock</t>
  </si>
  <si>
    <t>Attock Khurd</t>
  </si>
  <si>
    <t>GMPS ATTOWALA</t>
  </si>
  <si>
    <t>Attowala</t>
  </si>
  <si>
    <t>GMPS Attowala, Kharian (Gujrat)</t>
  </si>
  <si>
    <t>GMPS AWAN WALA EAST</t>
  </si>
  <si>
    <t>GPS AWANAWALA WALL EAST</t>
  </si>
  <si>
    <t>Salma Imtiaz</t>
  </si>
  <si>
    <t>GMPS AZAFI B CHAK 45/F</t>
  </si>
  <si>
    <t>45f A</t>
  </si>
  <si>
    <t>45 f ab</t>
  </si>
  <si>
    <t>45 F Ab</t>
  </si>
  <si>
    <t>45 F</t>
  </si>
  <si>
    <t>Irum Shahzadi</t>
  </si>
  <si>
    <t>GMPS AZAMAT WALA</t>
  </si>
  <si>
    <t>Azmat wala tehsil sahiwal dist sargodha</t>
  </si>
  <si>
    <t>Naeem Ahmad Malik</t>
  </si>
  <si>
    <t>GMPS AZEEM HERAJ, TULAMBA</t>
  </si>
  <si>
    <t>Azeem Haraj</t>
  </si>
  <si>
    <t>Moza Azeem Heraj markaz Tulamba Teh Mian Channu Dist Khanewal</t>
  </si>
  <si>
    <t>Moza Azeem Haraj</t>
  </si>
  <si>
    <t>Chughata Panjwana</t>
  </si>
  <si>
    <t>Isra Bano</t>
  </si>
  <si>
    <t>GMPS AZEEM WALA</t>
  </si>
  <si>
    <t>Azeem wala</t>
  </si>
  <si>
    <t>Govt Modal Primary school Azeem wala</t>
  </si>
  <si>
    <t>Jogy kot</t>
  </si>
  <si>
    <t>Rehana Nazir</t>
  </si>
  <si>
    <t>GMPS AZIZ ABAD</t>
  </si>
  <si>
    <t>aziz abad ban wala uch sharif</t>
  </si>
  <si>
    <t>Ban WaLa</t>
  </si>
  <si>
    <t>Rihana Abbasi</t>
  </si>
  <si>
    <t>GMPS AZIZ PUR BASTI AZIZ PUR</t>
  </si>
  <si>
    <t>Chandler Wali</t>
  </si>
  <si>
    <t>Aziz pur basti</t>
  </si>
  <si>
    <t>Nasreen Ibrahim</t>
  </si>
  <si>
    <t>GMPS AZMAT SULTAN AHMADPUR EAST</t>
  </si>
  <si>
    <t>gothyar Muhammad,mehrabwala</t>
  </si>
  <si>
    <t>Gothyar Muhammad</t>
  </si>
  <si>
    <t>Fozia Elahi</t>
  </si>
  <si>
    <t>GMPS BABAR WALA (KALO WALA)</t>
  </si>
  <si>
    <t>Obavara Shumali</t>
  </si>
  <si>
    <t>basti kothe wala moza obavara shumala teh shujabad distt multan</t>
  </si>
  <si>
    <t>Kothe Wala</t>
  </si>
  <si>
    <t>Muhammad Atiq ur Rehman</t>
  </si>
  <si>
    <t>GMPS BABBAN</t>
  </si>
  <si>
    <t>Sadar 1</t>
  </si>
  <si>
    <t>babban sandhwan t/d gujranwala</t>
  </si>
  <si>
    <t>Babban Sandhwan</t>
  </si>
  <si>
    <t>Raheela Tabassum</t>
  </si>
  <si>
    <t>GMPS BABOORI</t>
  </si>
  <si>
    <t>Moza waghal GMPS Bobri</t>
  </si>
  <si>
    <t>Nabeela bibi</t>
  </si>
  <si>
    <t>GMPS BADEEN</t>
  </si>
  <si>
    <t>BADEEN</t>
  </si>
  <si>
    <t>GMPS BAFAD</t>
  </si>
  <si>
    <t>Bafad</t>
  </si>
  <si>
    <t>Govt. model primary school Bafad</t>
  </si>
  <si>
    <t>Asma Ghazala</t>
  </si>
  <si>
    <t>GMPS BAGA BALOCHAN</t>
  </si>
  <si>
    <t>Baga Balochan</t>
  </si>
  <si>
    <t>Village Baga Balochan Post Office Sahiwal(sgd)</t>
  </si>
  <si>
    <t>Sial Shreef</t>
  </si>
  <si>
    <t>GMPS BAGGA PUMP</t>
  </si>
  <si>
    <t>Bagga Pump</t>
  </si>
  <si>
    <t>GMPS Bagga Pump malakwal road.M.B.Din</t>
  </si>
  <si>
    <t>GMPS BAGH SHAH BEHLOL</t>
  </si>
  <si>
    <t>Bagh Shah Behlol</t>
  </si>
  <si>
    <t>Bagh Shah Behlol p /o Ahmad Nagar Tehsil Lalian District Chiniot</t>
  </si>
  <si>
    <t>GMPS BAGH WALA NEAR B Z UNIVERSITY</t>
  </si>
  <si>
    <t>GOVT MODEL PRIMARY SCHOOL BAGH WALA NEAR BZU</t>
  </si>
  <si>
    <t>Saleh Mahey</t>
  </si>
  <si>
    <t>GMPS BAGH WALA, TULAMBA</t>
  </si>
  <si>
    <t>GMPS Bagh wala tulamba</t>
  </si>
  <si>
    <t>Bagh wala</t>
  </si>
  <si>
    <t>Choghtta Punjuana</t>
  </si>
  <si>
    <t>GMPS BAGH WALI</t>
  </si>
  <si>
    <t>Govt Model Primary school Bagh Wali</t>
  </si>
  <si>
    <t>Jamila Bi Bi</t>
  </si>
  <si>
    <t>GMPS BAGHA AHMAD WALA</t>
  </si>
  <si>
    <t>Bagha Ahmad wala 'mangini  tahseel bhowana district chiniot</t>
  </si>
  <si>
    <t>Bagha Ahmadwala</t>
  </si>
  <si>
    <t>Rifat Zahra</t>
  </si>
  <si>
    <t>GMPS BAGHAR GLOTRAN NO 2</t>
  </si>
  <si>
    <t>Baghra Ghalotrain</t>
  </si>
  <si>
    <t>sar wala road baghra  ghalotrain  teh&amp; distt.chiniot</t>
  </si>
  <si>
    <t>Baghra  Ghalotrain</t>
  </si>
  <si>
    <t>Najma Shahzadi</t>
  </si>
  <si>
    <t>GMPS BAGHDAD NO.1 TULAMBA</t>
  </si>
  <si>
    <t>habiba Abad</t>
  </si>
  <si>
    <t>Habiba Abad</t>
  </si>
  <si>
    <t>Salma Batool</t>
  </si>
  <si>
    <t>GMPS BAGHDAD NO.3 TULAMBA</t>
  </si>
  <si>
    <t>Bagdad Sharif</t>
  </si>
  <si>
    <t>bagdad Sharif no 3 near darbar have shah</t>
  </si>
  <si>
    <t>Bagdad Sharif No 3</t>
  </si>
  <si>
    <t>Maham Khalid</t>
  </si>
  <si>
    <t>GMPS BAGHWAL</t>
  </si>
  <si>
    <t>Baghwal</t>
  </si>
  <si>
    <t>vill p/o  Baghwal Teh Sohawa Jhelum</t>
  </si>
  <si>
    <t>GMPS BAGRA SYEDAN</t>
  </si>
  <si>
    <t>Village bagra sydan p/o sihal</t>
  </si>
  <si>
    <t>Bagra Sydan</t>
  </si>
  <si>
    <t>Attia Firdous</t>
  </si>
  <si>
    <t>GMPS BAHADAR PUR NEAR BASTI NAU</t>
  </si>
  <si>
    <t>bahadar pur</t>
  </si>
  <si>
    <t>Salah Mahay</t>
  </si>
  <si>
    <t>GMPS BAHADAR WALI</t>
  </si>
  <si>
    <t>sukheki</t>
  </si>
  <si>
    <t>NAWAN MANIKA</t>
  </si>
  <si>
    <t>Kanwal Shahzad</t>
  </si>
  <si>
    <t>GMPS BAHADUR WALA, KABIRWALA</t>
  </si>
  <si>
    <t>Bahadurwala</t>
  </si>
  <si>
    <t>Mouza bahadurwala p/o haqnawazwala kabirwala</t>
  </si>
  <si>
    <t>GMPS BAHAR LUCK</t>
  </si>
  <si>
    <t>Baharluck</t>
  </si>
  <si>
    <t>gmpsbaharluck</t>
  </si>
  <si>
    <t>Fakharunnisa</t>
  </si>
  <si>
    <t>GMPS BAHAR PIR</t>
  </si>
  <si>
    <t>basti bahar peer</t>
  </si>
  <si>
    <t>Bahar Peer</t>
  </si>
  <si>
    <t>Sameena Aftab</t>
  </si>
  <si>
    <t>GMPS BAHAWAL GARH QADEEM</t>
  </si>
  <si>
    <t>Bhwalgarh Qadeem</t>
  </si>
  <si>
    <t>bhwalghr</t>
  </si>
  <si>
    <t>Bhwalgarh</t>
  </si>
  <si>
    <t>Faidia Sha</t>
  </si>
  <si>
    <t>Zainab Anwer</t>
  </si>
  <si>
    <t>GMPS BAHINS</t>
  </si>
  <si>
    <t>Bains</t>
  </si>
  <si>
    <t>village Bains .p/o Chak beli Khan.Teh&amp;distt.Rawalpindi</t>
  </si>
  <si>
    <t>GMPS BAHRI PUR</t>
  </si>
  <si>
    <t>Bahripur</t>
  </si>
  <si>
    <t>bahripur village depalpur</t>
  </si>
  <si>
    <t>Daulapukhta</t>
  </si>
  <si>
    <t>GMPS BAHRI TARAR</t>
  </si>
  <si>
    <t>Bahri Tarar</t>
  </si>
  <si>
    <t>village bahri Tarar dist Hafiz abad</t>
  </si>
  <si>
    <t>Aloudin Ke Chattha</t>
  </si>
  <si>
    <t>Mubashra Habib</t>
  </si>
  <si>
    <t>GMPS BAHU BHATTI</t>
  </si>
  <si>
    <t>Bahoo Bhatti</t>
  </si>
  <si>
    <t>village bahoo bhatti post office bhagwal awan Sialkot</t>
  </si>
  <si>
    <t>GMPS BAHU CHAK</t>
  </si>
  <si>
    <t>Bahu Chak</t>
  </si>
  <si>
    <t>Village Bahu Chak Chak . P.O  Ghakkhar Mandi Teh &amp; District GRW</t>
  </si>
  <si>
    <t>Jalal Blaggan</t>
  </si>
  <si>
    <t>IMRANA KOUSAR</t>
  </si>
  <si>
    <t>GMPS BAI</t>
  </si>
  <si>
    <t>Bai</t>
  </si>
  <si>
    <t>Village Bai p, o Munno Nagar Teh Hassan abdal Distt Attock</t>
  </si>
  <si>
    <t>AZIA BIBI</t>
  </si>
  <si>
    <t>GMPS BAIR WALA</t>
  </si>
  <si>
    <t>bair wala</t>
  </si>
  <si>
    <t>Iram Rasool</t>
  </si>
  <si>
    <t>GMPS BAIR WALI</t>
  </si>
  <si>
    <t>bair wali</t>
  </si>
  <si>
    <t>Bairwali</t>
  </si>
  <si>
    <t>GMPS BAISA KHURD</t>
  </si>
  <si>
    <t>baisa khurd</t>
  </si>
  <si>
    <t>vill.baisa khurd po baisa kalan teh. sarai alamgir dist. gujrat</t>
  </si>
  <si>
    <t>baisa</t>
  </si>
  <si>
    <t>Naveela Rifat</t>
  </si>
  <si>
    <t>GMPS BAIT KAITCH</t>
  </si>
  <si>
    <t>Bait Katch</t>
  </si>
  <si>
    <t>basti bhindi bait katch jalal pur pir wala</t>
  </si>
  <si>
    <t>Bait Katch Janubi</t>
  </si>
  <si>
    <t>GMPS BAJARWALA</t>
  </si>
  <si>
    <t>Bajarwala</t>
  </si>
  <si>
    <t>Bajarwala P/O Amra Kalan</t>
  </si>
  <si>
    <t>Shagufta Shakeel</t>
  </si>
  <si>
    <t>GMPS BAJWAL</t>
  </si>
  <si>
    <t>Bajwal</t>
  </si>
  <si>
    <t>village Bajwal p/o phuklian tehsil and district sialkot</t>
  </si>
  <si>
    <t>Bajhwal</t>
  </si>
  <si>
    <t>Phuklain</t>
  </si>
  <si>
    <t>GMPS BAKAR KAY</t>
  </si>
  <si>
    <t>Sado Hadir</t>
  </si>
  <si>
    <t>GMPS Bakar kay</t>
  </si>
  <si>
    <t>Bakar Kay</t>
  </si>
  <si>
    <t>GMPS BAKHAT PUR</t>
  </si>
  <si>
    <t>Bakhatpur</t>
  </si>
  <si>
    <t>village bakhatpur PO kalaswala</t>
  </si>
  <si>
    <t>GMPS BAKHOO SHAH</t>
  </si>
  <si>
    <t>Bakkhu Shah BAKHU SHAH</t>
  </si>
  <si>
    <t>Bakkhu Shah, tehsil and district Bahawalnagar</t>
  </si>
  <si>
    <t>Jhunja Wali</t>
  </si>
  <si>
    <t>UZMA Ali Muhammed</t>
  </si>
  <si>
    <t>GMPS BAKHSHEESH PURA</t>
  </si>
  <si>
    <t>BAKHSHEESH PURA</t>
  </si>
  <si>
    <t>BAKHSHEESH PURA, POST OFFICE BOTALA JHNADA SINGH, NOSHERAVIRKAN DISTRICT GUJRANWALA</t>
  </si>
  <si>
    <t>ASMA RANI</t>
  </si>
  <si>
    <t>GMPS BALAY WALA, KHANEWAL</t>
  </si>
  <si>
    <t>Nankpur</t>
  </si>
  <si>
    <t>chah balaywala moza nankpur khanewal</t>
  </si>
  <si>
    <t>Balay Wala</t>
  </si>
  <si>
    <t>GMPS BALI MINHASAN</t>
  </si>
  <si>
    <t>BailyMinhasan</t>
  </si>
  <si>
    <t>BailyMinhasan Po Phuklian Sialkot</t>
  </si>
  <si>
    <t>NaghmanaNaz</t>
  </si>
  <si>
    <t>GMPS BALIAN WALA KANDIWAL</t>
  </si>
  <si>
    <t>Balianwala</t>
  </si>
  <si>
    <t>District Chiniot Tehsil Lalian moza Balianwala kandiwal</t>
  </si>
  <si>
    <t>Fazeelat Batool</t>
  </si>
  <si>
    <t>GMPS BALLAN WALA</t>
  </si>
  <si>
    <t>ballan wala</t>
  </si>
  <si>
    <t>GMPS BALO BANIA</t>
  </si>
  <si>
    <t>Ballobania</t>
  </si>
  <si>
    <t>Teh sara i Alamgir disst Gujrat village ballobania p /o Bulani G.M P S Ballobania</t>
  </si>
  <si>
    <t>Ball0bania</t>
  </si>
  <si>
    <t>Besa Klan</t>
  </si>
  <si>
    <t>Farnaz Akhtar</t>
  </si>
  <si>
    <t>GMPS BALOCH WALA</t>
  </si>
  <si>
    <t>GMPS Baloch Wala post office kot shakir</t>
  </si>
  <si>
    <t>thul Shumali</t>
  </si>
  <si>
    <t>GMPS BAMINIAL</t>
  </si>
  <si>
    <t>Bamnial</t>
  </si>
  <si>
    <t>Gmps bamniial</t>
  </si>
  <si>
    <t>GMPS BAMLOT</t>
  </si>
  <si>
    <t>Bamlot</t>
  </si>
  <si>
    <t>Village bamlot po sai Teh kahuta distt Rawalpindi</t>
  </si>
  <si>
    <t>boer</t>
  </si>
  <si>
    <t>GMPS BAN HAFIZ JEE CHAKRALA</t>
  </si>
  <si>
    <t>Wandhi Bhamgeran Wali</t>
  </si>
  <si>
    <t>GMPS Ban Hafiz Gee</t>
  </si>
  <si>
    <t>GMPS BAN KOTAL</t>
  </si>
  <si>
    <t>Bun Kotal</t>
  </si>
  <si>
    <t>village Bun Kotal P.O. Kuldana Teh Murree District R W P</t>
  </si>
  <si>
    <t>GMPS BAN SHAHEED</t>
  </si>
  <si>
    <t>Kanial Nagial</t>
  </si>
  <si>
    <t>village Kanial nagial po watalian tehsil dina district Jhelum</t>
  </si>
  <si>
    <t>Safeena Kousar</t>
  </si>
  <si>
    <t>GMPS BANGAY</t>
  </si>
  <si>
    <t>Bangay, P.O Qila Ahmad Abad, Tehsil Pasrur  (Sialkot)</t>
  </si>
  <si>
    <t>Arfa Fatima</t>
  </si>
  <si>
    <t>GMPS BANGLA JEVAN SHAH</t>
  </si>
  <si>
    <t>chak Bangla Jewan Shah p.o same tehsil arifwala district pakpattan</t>
  </si>
  <si>
    <t>Bangla Jewan Shah</t>
  </si>
  <si>
    <t>GMPS BANGO</t>
  </si>
  <si>
    <t>vpo Bango tehsil Fateh Jang district Attock</t>
  </si>
  <si>
    <t>Faiza Bibi</t>
  </si>
  <si>
    <t>GMPS BANI SERI</t>
  </si>
  <si>
    <t>vill  and p/0 bani Seri tehsil kotli sattian district rwp</t>
  </si>
  <si>
    <t>Bani Seri</t>
  </si>
  <si>
    <t>Musfeen Akhter</t>
  </si>
  <si>
    <t>GMPS BANWARAY</t>
  </si>
  <si>
    <t>Banwaray</t>
  </si>
  <si>
    <t>BANWARY</t>
  </si>
  <si>
    <t>Sehrish iqbal</t>
  </si>
  <si>
    <t>GMPS BAOLI ABADIAN</t>
  </si>
  <si>
    <t>Abadian</t>
  </si>
  <si>
    <t>village Baoli Abadian  p.o said nager  teh.wazirabad disst. Gujranwala</t>
  </si>
  <si>
    <t>Baoli Abadian</t>
  </si>
  <si>
    <t>Said Nager</t>
  </si>
  <si>
    <t>Sana Matloob</t>
  </si>
  <si>
    <t>GMPS BAREEN</t>
  </si>
  <si>
    <t>District  Rawalpindi   Tehsil  kottli sattian  waghal  village  Barren</t>
  </si>
  <si>
    <t>Bareen</t>
  </si>
  <si>
    <t>Samia  Jabeen</t>
  </si>
  <si>
    <t>GMPS BARI BAJWA</t>
  </si>
  <si>
    <t>basti bari bajwa district rajanpur Tehsil rojhan</t>
  </si>
  <si>
    <t>Basti Bari Bajwa</t>
  </si>
  <si>
    <t>Bangla Hidyat</t>
  </si>
  <si>
    <t>GMPS BARILASS</t>
  </si>
  <si>
    <t>Bari Lass</t>
  </si>
  <si>
    <t>village bari lass post office sohawa tehsil sohawa distt jhelum</t>
  </si>
  <si>
    <t>Rahila Bi Bi</t>
  </si>
  <si>
    <t>GMPS BARRI WALA</t>
  </si>
  <si>
    <t>Barriwala</t>
  </si>
  <si>
    <t>barriwala</t>
  </si>
  <si>
    <t>Misbah Amjad</t>
  </si>
  <si>
    <t>GMPS BARWALA</t>
  </si>
  <si>
    <t>GMPS Barwala</t>
  </si>
  <si>
    <t>unsia  Kanwal</t>
  </si>
  <si>
    <t>GMPS BASANT PUR</t>
  </si>
  <si>
    <t>Basant pur</t>
  </si>
  <si>
    <t>Basant Pur Post office Kapur Wali sailkot</t>
  </si>
  <si>
    <t>Jourian Klan</t>
  </si>
  <si>
    <t>GMPS BASHIR KOT</t>
  </si>
  <si>
    <t>Husain Abad</t>
  </si>
  <si>
    <t>basti bashir kot tehsil distt bahwal nagar</t>
  </si>
  <si>
    <t>Bashir Kot</t>
  </si>
  <si>
    <t>GMPS BASSAND</t>
  </si>
  <si>
    <t>Kallan Basssand</t>
  </si>
  <si>
    <t>Gmps basssand tehsil kotli sattian district Rawalpindi</t>
  </si>
  <si>
    <t>GMPS BASTI ABDUL GHAFOOR</t>
  </si>
  <si>
    <t>Murad Machi</t>
  </si>
  <si>
    <t>Basti Abdulghafoor</t>
  </si>
  <si>
    <t>Zaib Un Nisa  Qudsia</t>
  </si>
  <si>
    <t>GMPS BASTI ABDUL LATIF</t>
  </si>
  <si>
    <t>PIR BUX SHARQI</t>
  </si>
  <si>
    <t>BASTI ABDUL LATIF</t>
  </si>
  <si>
    <t>GMPS BASTI AFGHAN (April-2016)</t>
  </si>
  <si>
    <t>Hazrat Peer Abdul Rehman</t>
  </si>
  <si>
    <t>Chak Hadari Adda Hazrat peer Abdul Rehman</t>
  </si>
  <si>
    <t>Salma  Kanwal</t>
  </si>
  <si>
    <t>GMPS BASTI ALLAH ABAD</t>
  </si>
  <si>
    <t>basti Allah abad Tehsil Christian</t>
  </si>
  <si>
    <t>Basti Allah Abad</t>
  </si>
  <si>
    <t>Razia  Perveen</t>
  </si>
  <si>
    <t>GMPS BASTI ANBALA MULTAN</t>
  </si>
  <si>
    <t>Anbala</t>
  </si>
  <si>
    <t>basti anbala po Aliwala teh&amp;distt. Multan</t>
  </si>
  <si>
    <t>Basti Anbala</t>
  </si>
  <si>
    <t>Iram Mubbashir</t>
  </si>
  <si>
    <t>GMPS BASTI ARAIAN</t>
  </si>
  <si>
    <t>basti arain shorkot city</t>
  </si>
  <si>
    <t>Basti Araian</t>
  </si>
  <si>
    <t>GMPS BASTI ARAIAN WALI PO BHAKKAR</t>
  </si>
  <si>
    <t>GMPS Basti Arraian Wali</t>
  </si>
  <si>
    <t>Arriyanwali</t>
  </si>
  <si>
    <t>Samia Noreen</t>
  </si>
  <si>
    <t>GMPS BASTI ARBI P/O BASTI ARBI MUKHDOOM RASHED</t>
  </si>
  <si>
    <t>Basti Arbi, P/O Makhdoom Rasheed, Multan</t>
  </si>
  <si>
    <t>Jalabad</t>
  </si>
  <si>
    <t>GMPS BASTI ASHIQ MUHAMMAD</t>
  </si>
  <si>
    <t>Ashiq Muhammad</t>
  </si>
  <si>
    <t>GMPS Ashiq Muhammd</t>
  </si>
  <si>
    <t>Shaher Farid</t>
  </si>
  <si>
    <t>GMPS BASTI BAKHTIAR</t>
  </si>
  <si>
    <t>KOALA GAMOON</t>
  </si>
  <si>
    <t>ASNI</t>
  </si>
  <si>
    <t>Sughra Jabeen</t>
  </si>
  <si>
    <t>GMPS BASTI BHAYA</t>
  </si>
  <si>
    <t>Mud Ghsora</t>
  </si>
  <si>
    <t>Basti bhaya</t>
  </si>
  <si>
    <t>Basti Bhaya</t>
  </si>
  <si>
    <t>Noushera Sharqi</t>
  </si>
  <si>
    <t>Noureen Hussain</t>
  </si>
  <si>
    <t>GMPS BASTI BHOORA</t>
  </si>
  <si>
    <t>Umarkott</t>
  </si>
  <si>
    <t>umarkott</t>
  </si>
  <si>
    <t>GMPS BASTI BURANI</t>
  </si>
  <si>
    <t>Basti Borani</t>
  </si>
  <si>
    <t>basti borani</t>
  </si>
  <si>
    <t>Najma Naeem</t>
  </si>
  <si>
    <t>GMPS BASTI CHACHRAN</t>
  </si>
  <si>
    <t>Govt Model primary Basti Chachran</t>
  </si>
  <si>
    <t>GMPS BASTI CHAUDHARIAN</t>
  </si>
  <si>
    <t>Chor Kot</t>
  </si>
  <si>
    <t>Govt.Girls Model Primary School, Basti Chudhrian</t>
  </si>
  <si>
    <t>Basti Chudhrian</t>
  </si>
  <si>
    <t>Marlai Hithar</t>
  </si>
  <si>
    <t>Ayesha Kousar</t>
  </si>
  <si>
    <t>GMPS BASTI CHOHDRAIAN</t>
  </si>
  <si>
    <t>Mohsin pura</t>
  </si>
  <si>
    <t>Dhani meruka, P/O dhabsunateqa, bahawalnagar</t>
  </si>
  <si>
    <t>Dhani Meruka</t>
  </si>
  <si>
    <t>GMPS BASTI DAHA</t>
  </si>
  <si>
    <t>Dhandhla</t>
  </si>
  <si>
    <t>Basti daha tehsile jampur zila rajan pur</t>
  </si>
  <si>
    <t>Gmps basti daha</t>
  </si>
  <si>
    <t>Noshera garbi</t>
  </si>
  <si>
    <t>GMPS BASTI DANWAR</t>
  </si>
  <si>
    <t>Danwar</t>
  </si>
  <si>
    <t>Basti danwar</t>
  </si>
  <si>
    <t>Noushera gharbi</t>
  </si>
  <si>
    <t>GMPS BASTI DERVESHAN</t>
  </si>
  <si>
    <t>Darwesh Muh</t>
  </si>
  <si>
    <t>Basti darweshan Bahawalpur</t>
  </si>
  <si>
    <t>Basti Darweshan</t>
  </si>
  <si>
    <t>GMPS BASTI DHAKAL CHAK 82/P</t>
  </si>
  <si>
    <t>Basti Dhakal</t>
  </si>
  <si>
    <t>Basti Dhakal 82/p</t>
  </si>
  <si>
    <t>khalida perveen</t>
  </si>
  <si>
    <t>GMPS BASTI DHANDI</t>
  </si>
  <si>
    <t>basti dhandi moza hafiz wala</t>
  </si>
  <si>
    <t>Basti Dhandi</t>
  </si>
  <si>
    <t>Amra Bibi</t>
  </si>
  <si>
    <t>GMPS BASTI DHAROOPA</t>
  </si>
  <si>
    <t>Basti dharopa tehsil shorkot jhang</t>
  </si>
  <si>
    <t>Basti Dharopa</t>
  </si>
  <si>
    <t>Muhammad Muzafar Iqbal</t>
  </si>
  <si>
    <t>GMPS BASTI FAZAL WAH</t>
  </si>
  <si>
    <t>post office ratta tibba Tehsil district vehari</t>
  </si>
  <si>
    <t>Asifa Saeed</t>
  </si>
  <si>
    <t>GMPS BASTI GHAUSIA</t>
  </si>
  <si>
    <t>Kot Sai Sngh</t>
  </si>
  <si>
    <t>chha sark wala near fsd road jhang</t>
  </si>
  <si>
    <t>Chah Samondr Wala</t>
  </si>
  <si>
    <t>GMPS BASTI GHULAM</t>
  </si>
  <si>
    <t>Bati Ghulam on fathpur road</t>
  </si>
  <si>
    <t>Basti Ghulam</t>
  </si>
  <si>
    <t>GMPS BASTI GHULAM ALI</t>
  </si>
  <si>
    <t>Ghulam Ali tehsil chishtian disstict bahawalngr</t>
  </si>
  <si>
    <t>Dullah Badhera</t>
  </si>
  <si>
    <t>GMPS BASTI GHULAM MUHAMMAD</t>
  </si>
  <si>
    <t>Ghot Amin</t>
  </si>
  <si>
    <t>Moza Ghost Amin po Allah Abad</t>
  </si>
  <si>
    <t>Basti Ghulam Muhamad</t>
  </si>
  <si>
    <t>Muhammad daha</t>
  </si>
  <si>
    <t>Rabea Rehman</t>
  </si>
  <si>
    <t>GMPS BASTI GHULAM NABI</t>
  </si>
  <si>
    <t>Loonwala</t>
  </si>
  <si>
    <t>GMPS basti Ghulam Nabi</t>
  </si>
  <si>
    <t>Jamal Dain Arian</t>
  </si>
  <si>
    <t>Rindain</t>
  </si>
  <si>
    <t>ghulam Sakeena</t>
  </si>
  <si>
    <t>GMPS BASTI GOKAL</t>
  </si>
  <si>
    <t>Dagr rahtas</t>
  </si>
  <si>
    <t>182TDA Basti gokal</t>
  </si>
  <si>
    <t>Basti gokal</t>
  </si>
  <si>
    <t>Dagar rahtas</t>
  </si>
  <si>
    <t>GMPS BASTI HASNANI</t>
  </si>
  <si>
    <t>Anyyat shah</t>
  </si>
  <si>
    <t>GMPS basti hasnana</t>
  </si>
  <si>
    <t>Basti hasnana</t>
  </si>
  <si>
    <t>Fakhar Abbas Shah</t>
  </si>
  <si>
    <t>GMPS BASTI HUSSAIN ABAD</t>
  </si>
  <si>
    <t>Gmps Basti Hussain abad G.M.raja</t>
  </si>
  <si>
    <t>munawar batool</t>
  </si>
  <si>
    <t>GMPS BASTI JAMAL PO BASTI JAMAL</t>
  </si>
  <si>
    <t>Basti Jamal</t>
  </si>
  <si>
    <t>basti jamal.notak.bhakkar.</t>
  </si>
  <si>
    <t>Mussrat Anbreen</t>
  </si>
  <si>
    <t>GMPS BASTI JANDIAN WALI</t>
  </si>
  <si>
    <t>Turk</t>
  </si>
  <si>
    <t>Primary school basi jandian wali</t>
  </si>
  <si>
    <t>Jandian Wali</t>
  </si>
  <si>
    <t>GMPS BASTI JHALARAN</t>
  </si>
  <si>
    <t>Kanwarpura</t>
  </si>
  <si>
    <t>jhalaran</t>
  </si>
  <si>
    <t>Mharwali</t>
  </si>
  <si>
    <t>GMPS BASTI JHALARIAN</t>
  </si>
  <si>
    <t>BASTI JHALAREEN, TEHSIL KAROR LAL EASON DISTRICT LAYYAH</t>
  </si>
  <si>
    <t>BASTI JHALAREEN</t>
  </si>
  <si>
    <t>rukhsana bano</t>
  </si>
  <si>
    <t>GMPS BASTI JISKANI</t>
  </si>
  <si>
    <t>Kotlan Naseer</t>
  </si>
  <si>
    <t>Bastie awan kotlan naseer</t>
  </si>
  <si>
    <t>Bastie Awan</t>
  </si>
  <si>
    <t>GMPS BASTI KABEER</t>
  </si>
  <si>
    <t>Serwer Abad</t>
  </si>
  <si>
    <t>Gmps besti kabir</t>
  </si>
  <si>
    <t>Besti Kabir</t>
  </si>
  <si>
    <t>Chanab Resoolpur</t>
  </si>
  <si>
    <t>Shakila Fayyaz</t>
  </si>
  <si>
    <t>GMPS BASTI KAKIS</t>
  </si>
  <si>
    <t>Basti Kakis moza Chanab rasoolpur</t>
  </si>
  <si>
    <t>GMPS BASTI KHALIFA</t>
  </si>
  <si>
    <t>P A  Rehman</t>
  </si>
  <si>
    <t>moza pir Abdul Rehman Basti  khalifa</t>
  </si>
  <si>
    <t>Farhana Irshad</t>
  </si>
  <si>
    <t>GMPS BASTI KHAWAJA</t>
  </si>
  <si>
    <t>Basti Khawaja</t>
  </si>
  <si>
    <t>government girls model primary School basti khawaja</t>
  </si>
  <si>
    <t>Noorpur Machiwala</t>
  </si>
  <si>
    <t>Shazia Hakeem</t>
  </si>
  <si>
    <t>GMPS BASTI KHOKHRAN</t>
  </si>
  <si>
    <t>tranda swaye khan</t>
  </si>
  <si>
    <t>basti khokran</t>
  </si>
  <si>
    <t>M C tranda swaye khan</t>
  </si>
  <si>
    <t>GMPS BASTI KHUDAI NO.2</t>
  </si>
  <si>
    <t>Dakhna Gharoo</t>
  </si>
  <si>
    <t>Aisha Makkl</t>
  </si>
  <si>
    <t>GMPS BASTI LAL KHAN</t>
  </si>
  <si>
    <t>basti lal khan</t>
  </si>
  <si>
    <t>Sahrish Rahmat</t>
  </si>
  <si>
    <t>GMPS BASTI LAR WALI</t>
  </si>
  <si>
    <t>Basti Lar Wali Bwp</t>
  </si>
  <si>
    <t>SHAISTA NOREEN</t>
  </si>
  <si>
    <t>GMPS BASTI LUNGER</t>
  </si>
  <si>
    <t>Basti Lunger</t>
  </si>
  <si>
    <t>Rozina Manzoor</t>
  </si>
  <si>
    <t>GMPS BASTI MASHKIAN</t>
  </si>
  <si>
    <t>SADIQ GARH PALACE</t>
  </si>
  <si>
    <t>BASTI MASHKIYAN DERA NAWAB SAHIB</t>
  </si>
  <si>
    <t>MASHKIYAN</t>
  </si>
  <si>
    <t>City Ape</t>
  </si>
  <si>
    <t>Qudsia Bibi</t>
  </si>
  <si>
    <t>GMPS BASTI MOLVI ABDUL REHMAN</t>
  </si>
  <si>
    <t>Pir Fateh Darya</t>
  </si>
  <si>
    <t>basti Molvi abdul rehman</t>
  </si>
  <si>
    <t>Basti Molvi abdul Rehman</t>
  </si>
  <si>
    <t>GMPS BASTI MOSIYANI</t>
  </si>
  <si>
    <t>kotla naseer</t>
  </si>
  <si>
    <t>Basti Jaskani</t>
  </si>
  <si>
    <t>ZAHIDA BANO</t>
  </si>
  <si>
    <t>GMPS BASTI MUHAMMAD ABAD 762 GB</t>
  </si>
  <si>
    <t>762GB</t>
  </si>
  <si>
    <t>chak no 762gb the. pir mahal (ttsingh)</t>
  </si>
  <si>
    <t>Chak No 762gb</t>
  </si>
  <si>
    <t>GMPS BASTI MUHAMMAD AZAM</t>
  </si>
  <si>
    <t>Tohla</t>
  </si>
  <si>
    <t>Basti M Azam pur Mozah tohla</t>
  </si>
  <si>
    <t>Basti M Azam Pur</t>
  </si>
  <si>
    <t>IRAM ALEEM</t>
  </si>
  <si>
    <t>GMPS BASTI MUNAWAR ALI KHAN</t>
  </si>
  <si>
    <t>basti munawar ali khan</t>
  </si>
  <si>
    <t>Basti Munawar Ali</t>
  </si>
  <si>
    <t>MUNAZA PERVEEN</t>
  </si>
  <si>
    <t>GMPS BASTI MURAD</t>
  </si>
  <si>
    <t>basti murad jalalpur kamlana</t>
  </si>
  <si>
    <t>GMPS BASTI MUSHTAQ NAGAR</t>
  </si>
  <si>
    <t>Jaewain</t>
  </si>
  <si>
    <t>mushtaq nagar</t>
  </si>
  <si>
    <t>Mushtaq Nagr</t>
  </si>
  <si>
    <t>Jawwaen</t>
  </si>
  <si>
    <t>Muhammad Asif Farooq</t>
  </si>
  <si>
    <t>GMPS BASTI NAMAT TULLAH</t>
  </si>
  <si>
    <t>Wah Athtta</t>
  </si>
  <si>
    <t>basti namat tullah</t>
  </si>
  <si>
    <t>Basti Naimat Tullah</t>
  </si>
  <si>
    <t>GMPS BASTI NAU</t>
  </si>
  <si>
    <t>BASTI SYEDAN</t>
  </si>
  <si>
    <t>jhang road main street Basti sayedan kabirwala</t>
  </si>
  <si>
    <t>GMPS BASTI NAZROO</t>
  </si>
  <si>
    <t>BASTI NAZROO</t>
  </si>
  <si>
    <t>DHEGAN</t>
  </si>
  <si>
    <t>Mehwish Nadeem</t>
  </si>
  <si>
    <t>GMPS BASTI NOOR MUHAMMAD</t>
  </si>
  <si>
    <t>Basti Noor Muhammad</t>
  </si>
  <si>
    <t>BASTI NOOR MUHAMMAD mouza raqba naseer uc noor pur machi wala</t>
  </si>
  <si>
    <t>Noor Muhamad</t>
  </si>
  <si>
    <t>Noor Pur Machi Wala</t>
  </si>
  <si>
    <t>Syeda Sehrish Gillani</t>
  </si>
  <si>
    <t>GMPS BASTI PATHANA</t>
  </si>
  <si>
    <t>govt model p/s basti  pathana tehsil khanpur</t>
  </si>
  <si>
    <t>Basti Pathana</t>
  </si>
  <si>
    <t>Azra Syeda</t>
  </si>
  <si>
    <t>GMPS BASTI PIR BUX</t>
  </si>
  <si>
    <t>chah behary wala</t>
  </si>
  <si>
    <t>GMPS BASTI QAIM PUR</t>
  </si>
  <si>
    <t>basti qaim pur</t>
  </si>
  <si>
    <t>Mao Mubarik</t>
  </si>
  <si>
    <t>GMPS BASTI QASIM WALA GILL</t>
  </si>
  <si>
    <t>Basti gill</t>
  </si>
  <si>
    <t>basti gill p/o Makhdoom Rashid multan</t>
  </si>
  <si>
    <t>Qasim  Wala Gill</t>
  </si>
  <si>
    <t>Fateh Ali</t>
  </si>
  <si>
    <t>GMPS BASTI RAFIQ ABAD</t>
  </si>
  <si>
    <t>169-7r</t>
  </si>
  <si>
    <t>chak no 169/7r (basti)</t>
  </si>
  <si>
    <t>Liaquat Ali Shahid</t>
  </si>
  <si>
    <t>GMPS BASTI RAMZAN</t>
  </si>
  <si>
    <t>Basti Ramzan Maharsharif</t>
  </si>
  <si>
    <t>GMPS BASTI REHMAT PURA</t>
  </si>
  <si>
    <t>B</t>
  </si>
  <si>
    <t>basti rehmat pur okara</t>
  </si>
  <si>
    <t>Basti Rehmat Pur</t>
  </si>
  <si>
    <t>1/4l</t>
  </si>
  <si>
    <t>Rai Muhammad Ikram</t>
  </si>
  <si>
    <t>GMPS BASTI SAPAL</t>
  </si>
  <si>
    <t>basti sapal</t>
  </si>
  <si>
    <t>Basti Sapal</t>
  </si>
  <si>
    <t>Nadia Ayaz</t>
  </si>
  <si>
    <t>GMPS BASTI SARAI</t>
  </si>
  <si>
    <t>Raqba Nabi Sha</t>
  </si>
  <si>
    <t>raqba nabi sha basti sarai</t>
  </si>
  <si>
    <t>Basti Dada</t>
  </si>
  <si>
    <t>Nayar Jabeen</t>
  </si>
  <si>
    <t>GMPS BASTI SAWA JALALPUR PIRWALA</t>
  </si>
  <si>
    <t>bsti sawa</t>
  </si>
  <si>
    <t>Bsti sawa</t>
  </si>
  <si>
    <t>Humaira Saddique</t>
  </si>
  <si>
    <t>GMPS BASTI SAWAN (MANZOOR WALI)</t>
  </si>
  <si>
    <t>Mouza shujat pur basti manzor wali j. P. P. W</t>
  </si>
  <si>
    <t>Kiran Ismail</t>
  </si>
  <si>
    <t>GMPS BASTI SHAH</t>
  </si>
  <si>
    <t>Dhengen</t>
  </si>
  <si>
    <t>SAJIDA ILYAS</t>
  </si>
  <si>
    <t>GMPS BASTI SHEHNI</t>
  </si>
  <si>
    <t>Basti Shehni P/o Khan Bela Tashil JPPW</t>
  </si>
  <si>
    <t>khan Bela</t>
  </si>
  <si>
    <t>Asma Zawar</t>
  </si>
  <si>
    <t>GMPS BASTI SHEIKHAN</t>
  </si>
  <si>
    <t>basti shaikhan rojhan</t>
  </si>
  <si>
    <t>Basti Shaikhan</t>
  </si>
  <si>
    <t>Abida Shamas</t>
  </si>
  <si>
    <t>GMPS BASTI SHEIKHANI</t>
  </si>
  <si>
    <t>GMPS basti sheikhani</t>
  </si>
  <si>
    <t>Basti Sheikani</t>
  </si>
  <si>
    <t>Misbah Un Nisah</t>
  </si>
  <si>
    <t>GMPS BASTI SIALAN</t>
  </si>
  <si>
    <t>Basti sialan</t>
  </si>
  <si>
    <t>safia khanam</t>
  </si>
  <si>
    <t>GMPS BASTI TAJWANA</t>
  </si>
  <si>
    <t>Tajwana</t>
  </si>
  <si>
    <t>mouza Tajwana p.o. luddan district vehari</t>
  </si>
  <si>
    <t>Bastitajwana</t>
  </si>
  <si>
    <t>budhghulam</t>
  </si>
  <si>
    <t>Farzana Rao</t>
  </si>
  <si>
    <t>GMPS BASTI TALIB SHAH</t>
  </si>
  <si>
    <t>Peer basti taib shah moza akram abad</t>
  </si>
  <si>
    <t>Basti Talaib Shah</t>
  </si>
  <si>
    <t>GMPS BASTI TARAR</t>
  </si>
  <si>
    <t>Gudarah</t>
  </si>
  <si>
    <t>G M ps basti tarar.Ahmed pur sial</t>
  </si>
  <si>
    <t>Basti Tarar</t>
  </si>
  <si>
    <t>GMPS BASTI THABAL</t>
  </si>
  <si>
    <t>Basti Thabal</t>
  </si>
  <si>
    <t>basti Thabal pindi bhattian</t>
  </si>
  <si>
    <t>I Azra Perveen</t>
  </si>
  <si>
    <t>GMPS BASTI USMAN WALI</t>
  </si>
  <si>
    <t>Chack Abdulah</t>
  </si>
  <si>
    <t>Gmps Basti Usman wali muzza chak Abdullah hittar post office station madrasa</t>
  </si>
  <si>
    <t>Basti Usman Wali</t>
  </si>
  <si>
    <t>TaKhatMahal</t>
  </si>
  <si>
    <t>GMPS BASTI WAHLA</t>
  </si>
  <si>
    <t>Boty Wala</t>
  </si>
  <si>
    <t>gmps basti wahla post office 1 gulzar</t>
  </si>
  <si>
    <t>Basti Wahla</t>
  </si>
  <si>
    <t>Shazia Sultan</t>
  </si>
  <si>
    <t>GMPS BASTI YAR SHAH NO. 1</t>
  </si>
  <si>
    <t>basti yar shah</t>
  </si>
  <si>
    <t>Basti yar Shah</t>
  </si>
  <si>
    <t>GMPS BASTI ZAMAN</t>
  </si>
  <si>
    <t>Saldiara</t>
  </si>
  <si>
    <t>govt model prilary school basti zaman kot, moza saldaira dak khana farooqa bad</t>
  </si>
  <si>
    <t>Basti Zaman Kot</t>
  </si>
  <si>
    <t>Saldaira Aithar</t>
  </si>
  <si>
    <t>Faryal Mehreen</t>
  </si>
  <si>
    <t>GMPS BATH</t>
  </si>
  <si>
    <t>Bath post office hardo ratali virkan tehsil Noshiranvirkan district Gujranwala</t>
  </si>
  <si>
    <t>Misbah Munir</t>
  </si>
  <si>
    <t>GMPS BATHUNI</t>
  </si>
  <si>
    <t>bathuni</t>
  </si>
  <si>
    <t>Shabana Farooq</t>
  </si>
  <si>
    <t>GMPS BAWA CHAK NO 25</t>
  </si>
  <si>
    <t>Bawa Ch#25</t>
  </si>
  <si>
    <t>Govt Model P/S  Bawa ch#25</t>
  </si>
  <si>
    <t>Kot Bawa Ch#25</t>
  </si>
  <si>
    <t>Dhollan Ch#27</t>
  </si>
  <si>
    <t>GMPS BAWARAY</t>
  </si>
  <si>
    <t>Bawaray</t>
  </si>
  <si>
    <t>main bazaar bucheki</t>
  </si>
  <si>
    <t>GMPS BAWARAY KOHNA</t>
  </si>
  <si>
    <t>Bawray Kohna</t>
  </si>
  <si>
    <t>village bawray kohna tehsil and district hafizabad</t>
  </si>
  <si>
    <t>Village Bawray Kohna</t>
  </si>
  <si>
    <t>Drinke Lalke</t>
  </si>
  <si>
    <t>Qaisar Nawaz</t>
  </si>
  <si>
    <t>GMPS BAWRA</t>
  </si>
  <si>
    <t>Bawra</t>
  </si>
  <si>
    <t>gmps bawra</t>
  </si>
  <si>
    <t>Aziz Un Nisa</t>
  </si>
  <si>
    <t>GMPS BEGA KALAN</t>
  </si>
  <si>
    <t>Begha kalan</t>
  </si>
  <si>
    <t>Vpo ghaywala village Begha kalan</t>
  </si>
  <si>
    <t>Ladhaywala</t>
  </si>
  <si>
    <t>sehrish akram</t>
  </si>
  <si>
    <t>GMPS BEGAY WALI</t>
  </si>
  <si>
    <t>BAGAY wali</t>
  </si>
  <si>
    <t>bagay wali tehsil daska sialkot</t>
  </si>
  <si>
    <t>Bagay  Wali</t>
  </si>
  <si>
    <t>Satarh</t>
  </si>
  <si>
    <t>GMPS BEGWAL</t>
  </si>
  <si>
    <t>BEGWAL</t>
  </si>
  <si>
    <t>village Begwal P/o Sasral Tehsil Gujarkhan District Rawalpindi</t>
  </si>
  <si>
    <t>HUMA ZAIB</t>
  </si>
  <si>
    <t>GMPS BEHARI COLONY</t>
  </si>
  <si>
    <t>GMPS Behari Colony Jhang</t>
  </si>
  <si>
    <t>Alia Kousar</t>
  </si>
  <si>
    <t>GMPS BEHLAD PUR</t>
  </si>
  <si>
    <t>Behladpur</t>
  </si>
  <si>
    <t>Village Behladpur Post Office Botala Jhanda Singh Teh &amp; Distt Gujranwala</t>
  </si>
  <si>
    <t>Shabnam Ashraf</t>
  </si>
  <si>
    <t>GMPS BEHLI SHARIF JALALPUR PIRWALA</t>
  </si>
  <si>
    <t>Ghazipur Road Belhi sharref p/o ghazipur</t>
  </si>
  <si>
    <t>GMPS BEHRAM</t>
  </si>
  <si>
    <t>Behram</t>
  </si>
  <si>
    <t>behram</t>
  </si>
  <si>
    <t>Nadia Kausar</t>
  </si>
  <si>
    <t>GMPS BEHRAM PUR</t>
  </si>
  <si>
    <t>Qamar Un  Nisa</t>
  </si>
  <si>
    <t>GMPS BEHU</t>
  </si>
  <si>
    <t>dist mianwali tehsil issa khail village behu saydan</t>
  </si>
  <si>
    <t>Behu Saydan</t>
  </si>
  <si>
    <t>Aqeela Bukhari</t>
  </si>
  <si>
    <t>GMPS BELA BHORANA</t>
  </si>
  <si>
    <t>Bhorana</t>
  </si>
  <si>
    <t>mouza bhorana p/o salyana jhang</t>
  </si>
  <si>
    <t>Haweli Sheikh Rajo</t>
  </si>
  <si>
    <t>GMPS BELA SARBANA</t>
  </si>
  <si>
    <t>Bela Surbana</t>
  </si>
  <si>
    <t>Bela surbana</t>
  </si>
  <si>
    <t>Mehram sial</t>
  </si>
  <si>
    <t>GMPS BERHAMAN WALA</t>
  </si>
  <si>
    <t>Abbas Naghar</t>
  </si>
  <si>
    <t>Barhaman Wala Tehsil Lalian District Chiniot</t>
  </si>
  <si>
    <t>Asia Kanwal</t>
  </si>
  <si>
    <t>GMPS BHABHKA</t>
  </si>
  <si>
    <t>GMPSBhankha</t>
  </si>
  <si>
    <t>Itbar Khan</t>
  </si>
  <si>
    <t>from nearby mosque</t>
  </si>
  <si>
    <t>GMPS BHADDAR</t>
  </si>
  <si>
    <t>khanmuslaman do hatakhok nowhere virkan gujranwala</t>
  </si>
  <si>
    <t>Riffat Manzoor</t>
  </si>
  <si>
    <t>GMPS BHAGAL</t>
  </si>
  <si>
    <t>Bhagal</t>
  </si>
  <si>
    <t>Kharota Syeddan</t>
  </si>
  <si>
    <t>GMPS BHAGAT PURA</t>
  </si>
  <si>
    <t>Jagat Pura</t>
  </si>
  <si>
    <t>Miani Teh.Bhera Distt.Sargodha</t>
  </si>
  <si>
    <t>Zulfiqar Ali Babar</t>
  </si>
  <si>
    <t>GMPS BHAGHAR PINDI</t>
  </si>
  <si>
    <t>Bhagarpindi</t>
  </si>
  <si>
    <t>bhagarpindi</t>
  </si>
  <si>
    <t>Qaiser Abbas Shah</t>
  </si>
  <si>
    <t>GMPS BHAGO KAY ARAIN</t>
  </si>
  <si>
    <t>bhago kay arain p\o usman walla chunian kasur</t>
  </si>
  <si>
    <t>Bhago Kay Arain</t>
  </si>
  <si>
    <t>Dao K Khaniana</t>
  </si>
  <si>
    <t>Sughra Bashir</t>
  </si>
  <si>
    <t>GMPS BHAGVI</t>
  </si>
  <si>
    <t>village bhagvi  p.o bahtar  tehsil fateh jang attock</t>
  </si>
  <si>
    <t>Bhagvi</t>
  </si>
  <si>
    <t>Aamna Khatoon</t>
  </si>
  <si>
    <t>GMPS BHAKHRAN WALI</t>
  </si>
  <si>
    <t>Bhakranwali</t>
  </si>
  <si>
    <t>bhakhran wali p.o ghumman wala tehsile nowshera virkan district gujranwala</t>
  </si>
  <si>
    <t>Bhakhranwali</t>
  </si>
  <si>
    <t>Anjam Hanif</t>
  </si>
  <si>
    <t>GMPS BHAKKAR NO. 1</t>
  </si>
  <si>
    <t>mohllah qutab shah bano bazar bhakkar</t>
  </si>
  <si>
    <t>Nighat Safia</t>
  </si>
  <si>
    <t>GMPS BHAMANIAN</t>
  </si>
  <si>
    <t>Bahmanian</t>
  </si>
  <si>
    <t>village Bhamanian PO qila didar  singh tehsil  Noshehra Virkan District  Gujranwala</t>
  </si>
  <si>
    <t>Chak Ch</t>
  </si>
  <si>
    <t>GMPS BHAMB</t>
  </si>
  <si>
    <t>Bhamb</t>
  </si>
  <si>
    <t>bhamb</t>
  </si>
  <si>
    <t>TASADDAQ HUSSNAIN</t>
  </si>
  <si>
    <t>GMPS BHAMBO WALI</t>
  </si>
  <si>
    <t>Bhamonwali</t>
  </si>
  <si>
    <t>village bhamonwali p.o nizampur teh/dist gujranwala</t>
  </si>
  <si>
    <t>Musrat Parveen</t>
  </si>
  <si>
    <t>GMPS BHAN MARDOO</t>
  </si>
  <si>
    <t>okhli mohla</t>
  </si>
  <si>
    <t>Riffat shaheen</t>
  </si>
  <si>
    <t>GMPS BHANAY WALI</t>
  </si>
  <si>
    <t>Bhaneywali</t>
  </si>
  <si>
    <t>GMPS bhaney wali, P/O perro chuk, Teh.Dist. Sialkot</t>
  </si>
  <si>
    <t>Shamaila Asghar</t>
  </si>
  <si>
    <t>GMPS BHARAR</t>
  </si>
  <si>
    <t>Bahrar</t>
  </si>
  <si>
    <t>GMPS  Bahrar</t>
  </si>
  <si>
    <t>Bharar</t>
  </si>
  <si>
    <t>Chackramdas</t>
  </si>
  <si>
    <t>GMPS BHARATH SHARQI</t>
  </si>
  <si>
    <t>GMPS BHARIAN</t>
  </si>
  <si>
    <t>Bhraiayan</t>
  </si>
  <si>
    <t>G M P S bhraiyan</t>
  </si>
  <si>
    <t>Boprakalan</t>
  </si>
  <si>
    <t>GMPS BHAROKAY KHURD</t>
  </si>
  <si>
    <t>Bharokay Khurd</t>
  </si>
  <si>
    <t>GMPS bharokay khurd post office musy wala tehsil daska</t>
  </si>
  <si>
    <t>Bharokay Kalan</t>
  </si>
  <si>
    <t>Anila Shamshad</t>
  </si>
  <si>
    <t>GMPS BHARTH</t>
  </si>
  <si>
    <t>Shahzadi Qamar</t>
  </si>
  <si>
    <t>GMPS BHATAY</t>
  </si>
  <si>
    <t>Bathay</t>
  </si>
  <si>
    <t>bathay</t>
  </si>
  <si>
    <t>GMPS BHATIAN WALA</t>
  </si>
  <si>
    <t>GMPS bhattianwala</t>
  </si>
  <si>
    <t>Bhattian Wala</t>
  </si>
  <si>
    <t>GMPS BHATOLI BRHAMNA</t>
  </si>
  <si>
    <t>Bajwat</t>
  </si>
  <si>
    <t>village Bhatoli p/o kachi mand Sialkot Bajwat</t>
  </si>
  <si>
    <t>Bhatoli Brhamna</t>
  </si>
  <si>
    <t>Ferzana Kusar</t>
  </si>
  <si>
    <t>GMPS BHATTA NO.4</t>
  </si>
  <si>
    <t>Zakhera Sama Sata</t>
  </si>
  <si>
    <t>government  primary school  ,bahatta no.4</t>
  </si>
  <si>
    <t>Bhata  No4</t>
  </si>
  <si>
    <t>GMPS BHATTI</t>
  </si>
  <si>
    <t>Bhatti</t>
  </si>
  <si>
    <t>bhatti</t>
  </si>
  <si>
    <t>Mehvish Sidra</t>
  </si>
  <si>
    <t>GMPS BHATTI MANSOOR</t>
  </si>
  <si>
    <t>Bhatti Mansoor</t>
  </si>
  <si>
    <t>bhatti mansoor</t>
  </si>
  <si>
    <t>Aamra Ahmad</t>
  </si>
  <si>
    <t>GMPS BHEKH</t>
  </si>
  <si>
    <t>Bhaikh</t>
  </si>
  <si>
    <t>Bhaikh tehsil Lalian District Chiniot</t>
  </si>
  <si>
    <t>GMPS BHIDIAN KHAN PUR</t>
  </si>
  <si>
    <t>Bhedian Khan Pur</t>
  </si>
  <si>
    <t>bhedian khan pur</t>
  </si>
  <si>
    <t>TAHIRA TASNEEM</t>
  </si>
  <si>
    <t>GMPS BHINDER KHURD</t>
  </si>
  <si>
    <t>Bhinder Khurd</t>
  </si>
  <si>
    <t>Bhinder khurd the phalia dist m b din</t>
  </si>
  <si>
    <t>GMPS BHOA</t>
  </si>
  <si>
    <t>Bhowa</t>
  </si>
  <si>
    <t>GMPS BHOWA.Village Bhowa.</t>
  </si>
  <si>
    <t>Alam Ghar</t>
  </si>
  <si>
    <t>Kashaf Naz</t>
  </si>
  <si>
    <t>GMPS BHOGI WALA</t>
  </si>
  <si>
    <t>Bhogiwala</t>
  </si>
  <si>
    <t>Govt. Girls  Model Primary School Bhogiwala</t>
  </si>
  <si>
    <t>sana afzal</t>
  </si>
  <si>
    <t>GMPS BHOIAN</t>
  </si>
  <si>
    <t>Bhoian</t>
  </si>
  <si>
    <t>Village Bhoian p/o karianwala Teh/District Gujrat</t>
  </si>
  <si>
    <t>Mubshara Younas</t>
  </si>
  <si>
    <t>GMPS BHOJ PUR</t>
  </si>
  <si>
    <t>Bhoj pur</t>
  </si>
  <si>
    <t>village bhojpur p/o cantt Teh&amp;Distt Sialkot</t>
  </si>
  <si>
    <t>GMPS BHOJI KOT (MIAN ALAN)</t>
  </si>
  <si>
    <t>Bhoji Kot</t>
  </si>
  <si>
    <t>bhoji kot mian wala post office bhera</t>
  </si>
  <si>
    <t>Fathe Garh</t>
  </si>
  <si>
    <t>GMPS BHOLA</t>
  </si>
  <si>
    <t>bhola</t>
  </si>
  <si>
    <t>Bhola P/O Haji Muhammad</t>
  </si>
  <si>
    <t>GMPS BHOLAN WALA</t>
  </si>
  <si>
    <t>Bholan Wala</t>
  </si>
  <si>
    <t>bholan wala sialkot</t>
  </si>
  <si>
    <t>Bharthan Wala</t>
  </si>
  <si>
    <t>Kiran Rani</t>
  </si>
  <si>
    <t>water Despenser</t>
  </si>
  <si>
    <t>GMPS BHONAN WALI</t>
  </si>
  <si>
    <t>Bhonawali</t>
  </si>
  <si>
    <t>Village Bhonawali P.o.Box Begowala Teh. Daska District Sialkot</t>
  </si>
  <si>
    <t>BHONAWALI</t>
  </si>
  <si>
    <t>SHAMSA ANWAR</t>
  </si>
  <si>
    <t>GmPS BHOON HAZARI</t>
  </si>
  <si>
    <t>BHOON HAZARI</t>
  </si>
  <si>
    <t>VILALAGE WADA PIND, BHOON HAZARI &amp;P/O KARIANWALA</t>
  </si>
  <si>
    <t>Salaha Mushtaq</t>
  </si>
  <si>
    <t>GMPS BHOON KHURD</t>
  </si>
  <si>
    <t>Bhoon Khurd</t>
  </si>
  <si>
    <t>village bhoon khurd post office karyala Hafiz abad</t>
  </si>
  <si>
    <t>firdaus kausar</t>
  </si>
  <si>
    <t>GMPS BHOON RATTA</t>
  </si>
  <si>
    <t>Bhoon Ratta</t>
  </si>
  <si>
    <t>GMPS Bhoon Ratta p/o Jalalpur bhattian Teh pindi bhattian Disst Hafizabad</t>
  </si>
  <si>
    <t>Khitty Shah</t>
  </si>
  <si>
    <t>GMPS BHOONI</t>
  </si>
  <si>
    <t>Bhooni</t>
  </si>
  <si>
    <t>gmps bhooni sialkot</t>
  </si>
  <si>
    <t>Purag Pur</t>
  </si>
  <si>
    <t>Antal Kabir</t>
  </si>
  <si>
    <t>GMPS BHOPA LODIKA</t>
  </si>
  <si>
    <t>Bhopalodika</t>
  </si>
  <si>
    <t>bhopalodika teh pindibhattian distt.hafizabad</t>
  </si>
  <si>
    <t>Madhoran Klan</t>
  </si>
  <si>
    <t>Lubna Kauser</t>
  </si>
  <si>
    <t>GMPS BHOPAY CHADHRAN</t>
  </si>
  <si>
    <t>Bhopay Chadhran</t>
  </si>
  <si>
    <t>Amna Yaqoob</t>
  </si>
  <si>
    <t>GMPS BHUDANAY WALA</t>
  </si>
  <si>
    <t>Budhanay Wala</t>
  </si>
  <si>
    <t>Budhanay wala thal p/o Kotshakir tehsil 18 Hazari distric jhang</t>
  </si>
  <si>
    <t>7/1 Janobi Thal</t>
  </si>
  <si>
    <t>GMPS BHUDDY</t>
  </si>
  <si>
    <t>Bhudy</t>
  </si>
  <si>
    <t>Afia Batool</t>
  </si>
  <si>
    <t>GMPS BHULLA</t>
  </si>
  <si>
    <t>Bhullah</t>
  </si>
  <si>
    <t>bhulla sialkot</t>
  </si>
  <si>
    <t>GMPS BHULLAH WALA NO 2</t>
  </si>
  <si>
    <t>GMPS Bhullay Wala no2</t>
  </si>
  <si>
    <t>Bhullay Wala No2</t>
  </si>
  <si>
    <t>Seerat Bibi</t>
  </si>
  <si>
    <t>GMPS BHUMBAN WALA</t>
  </si>
  <si>
    <t>bhumban wala p/o saeed wala tehsil kallur kot markaz haitu</t>
  </si>
  <si>
    <t>Bhumban Wala</t>
  </si>
  <si>
    <t>Rasheed Suryya</t>
  </si>
  <si>
    <t>GMPS BHUTRAL</t>
  </si>
  <si>
    <t>Bhutral</t>
  </si>
  <si>
    <t>bhutral post office malukal district n tehsil Rawalpindi</t>
  </si>
  <si>
    <t>GMPS BHUTTA</t>
  </si>
  <si>
    <t>Government Model Primary School Bhutta</t>
  </si>
  <si>
    <t>Tayyaba Munir</t>
  </si>
  <si>
    <t>GMPS BHUTTIAN WALA</t>
  </si>
  <si>
    <t>Chk Jhera Dhab</t>
  </si>
  <si>
    <t>chk jhera dhab</t>
  </si>
  <si>
    <t>Dhab</t>
  </si>
  <si>
    <t>Sarfraz Khan</t>
  </si>
  <si>
    <t>GMPS BIHARI COLONY</t>
  </si>
  <si>
    <t>Behari Colony  bkr</t>
  </si>
  <si>
    <t>GMPS BIJARIAN WALA</t>
  </si>
  <si>
    <t>po box shadia mianwali</t>
  </si>
  <si>
    <t>I shrat Bilqees Sher Mohammad</t>
  </si>
  <si>
    <t>GMPS BIKHI WIND</t>
  </si>
  <si>
    <t>Bikhiwind</t>
  </si>
  <si>
    <t>moza bikhiwind p/o Mhakan klan kasur</t>
  </si>
  <si>
    <t>Kalsoom Manzoor</t>
  </si>
  <si>
    <t>GMPS BIKHRI</t>
  </si>
  <si>
    <t>Bikhri</t>
  </si>
  <si>
    <t>GMPS bikhri muzafrabad post office ismaeel abab tahseel or district multan</t>
  </si>
  <si>
    <t>Binda sandeela</t>
  </si>
  <si>
    <t>Musarat  Perveen</t>
  </si>
  <si>
    <t>GMPS BILAL PUR</t>
  </si>
  <si>
    <t>Bilal pur Dis/Teh Gujranwala Thana Ferozwala</t>
  </si>
  <si>
    <t>Bilal Pur</t>
  </si>
  <si>
    <t>Hafiza Kehkashan Hassan</t>
  </si>
  <si>
    <t>GMPS BINDI HAIDHAN</t>
  </si>
  <si>
    <t>Bindi Haidhen</t>
  </si>
  <si>
    <t>mouza bindi Haidhen</t>
  </si>
  <si>
    <t>mureed fatima</t>
  </si>
  <si>
    <t>GMPS BINDI LAL MUREED</t>
  </si>
  <si>
    <t>Pindi lal mureed</t>
  </si>
  <si>
    <t>Pindi lal mureed p /o lau district jhang</t>
  </si>
  <si>
    <t>Shagufta talib</t>
  </si>
  <si>
    <t>GMPS BINI SULAHERIAN</t>
  </si>
  <si>
    <t>BINI SULEHRIAN</t>
  </si>
  <si>
    <t>GMPS BINI SULEHRIAN P.O. BINI SULEHRIAN TEHSIL PASRUR DISTRICT SIALKOT</t>
  </si>
  <si>
    <t>RIFFAT SARFRAZ</t>
  </si>
  <si>
    <t>GMPS BINNAH</t>
  </si>
  <si>
    <t>Binna</t>
  </si>
  <si>
    <t>vpo Binna tehsil daska disst sialkot</t>
  </si>
  <si>
    <t>Robina Sharif</t>
  </si>
  <si>
    <t>GMPS BIR KHARANA</t>
  </si>
  <si>
    <t>Birkharana</t>
  </si>
  <si>
    <t>vill birkharana p/o sarsal tehsil kharian dist.gjrat</t>
  </si>
  <si>
    <t>Hassanpathan</t>
  </si>
  <si>
    <t>shabana kousar</t>
  </si>
  <si>
    <t>GMPS BISMILLAH PUR</t>
  </si>
  <si>
    <t>GABRAN</t>
  </si>
  <si>
    <t>KOTLA DAULAT</t>
  </si>
  <si>
    <t>Shazia Ali</t>
  </si>
  <si>
    <t>GMPS BISSA</t>
  </si>
  <si>
    <t>Bissa</t>
  </si>
  <si>
    <t>village Bissa.pro karor</t>
  </si>
  <si>
    <t>Saqiba Jabeen</t>
  </si>
  <si>
    <t>chashm</t>
  </si>
  <si>
    <t>GMPS BLOCK NO 3</t>
  </si>
  <si>
    <t>Block #3</t>
  </si>
  <si>
    <t>GMPS  block #3</t>
  </si>
  <si>
    <t>Nazia bano</t>
  </si>
  <si>
    <t>GMPS BOAIKE</t>
  </si>
  <si>
    <t>Boaki</t>
  </si>
  <si>
    <t>hafizbad</t>
  </si>
  <si>
    <t>GMPS BODHRAN WALA</t>
  </si>
  <si>
    <t>Bodhran Wala</t>
  </si>
  <si>
    <t>bodhran wala</t>
  </si>
  <si>
    <t>GMPS BODLA</t>
  </si>
  <si>
    <t>Bodla</t>
  </si>
  <si>
    <t>village Bodla p/o kotyam</t>
  </si>
  <si>
    <t>Mehreen Un  Nisa</t>
  </si>
  <si>
    <t>GMPS BOHJI GURAH</t>
  </si>
  <si>
    <t>Bhoji Gurrah</t>
  </si>
  <si>
    <t>post office badlot village bhoji gurrah teh Dina district jhelum</t>
  </si>
  <si>
    <t>Salma Zahra Butt</t>
  </si>
  <si>
    <t>GMPS BOHLRI WALA</t>
  </si>
  <si>
    <t>Bohlriwala</t>
  </si>
  <si>
    <t>GMPS Bohlriwala</t>
  </si>
  <si>
    <t>Rakhsahiwal</t>
  </si>
  <si>
    <t>GMPS BOKEN</t>
  </si>
  <si>
    <t>GMPS boken P O chak doulat tehsil and District jhelum</t>
  </si>
  <si>
    <t>GMPS BONGA GILLAN</t>
  </si>
  <si>
    <t>Gmps bunga Gillan</t>
  </si>
  <si>
    <t>gmps bunga gillan</t>
  </si>
  <si>
    <t>bunga gillan</t>
  </si>
  <si>
    <t>natha</t>
  </si>
  <si>
    <t>Azra nazeer</t>
  </si>
  <si>
    <t>GMPS BONGA JHAMAT</t>
  </si>
  <si>
    <t>Bunga Jhamat</t>
  </si>
  <si>
    <t>bunga jhamat</t>
  </si>
  <si>
    <t>sajida batool</t>
  </si>
  <si>
    <t>GMPS BONGA MALA</t>
  </si>
  <si>
    <t>Bongamala</t>
  </si>
  <si>
    <t>Bonga mala p/o Sarai Mughl trail pattoki</t>
  </si>
  <si>
    <t>YASMEEN BADAR</t>
  </si>
  <si>
    <t>GMPS BONGA SODHI WALA</t>
  </si>
  <si>
    <t>Bunga Sodi Wala</t>
  </si>
  <si>
    <t>bunga sodhi Wala p/o shergarh Teh. depalpur ( Okara)</t>
  </si>
  <si>
    <t>Bunga Sodhi Wala</t>
  </si>
  <si>
    <t>Bhutta Mohabbat</t>
  </si>
  <si>
    <t>GMPS BONGA SURKHRU</t>
  </si>
  <si>
    <t>Bunga Surkhuru</t>
  </si>
  <si>
    <t>Bunga Surkhuru Tehsil Bhera District Sargodha</t>
  </si>
  <si>
    <t>GMPS BONGA TATARI</t>
  </si>
  <si>
    <t>Bounga Tatari</t>
  </si>
  <si>
    <t>Moza bounga tatari jhang</t>
  </si>
  <si>
    <t>Kot esa shah</t>
  </si>
  <si>
    <t>Samina begum</t>
  </si>
  <si>
    <t>GMPS BOOL GARH NO.1</t>
  </si>
  <si>
    <t>Mozathaklajanobi</t>
  </si>
  <si>
    <t>bastiariwala</t>
  </si>
  <si>
    <t>Bastiariwala</t>
  </si>
  <si>
    <t>Mansab Tauqir</t>
  </si>
  <si>
    <t>GMPS BOOPRA KHURD</t>
  </si>
  <si>
    <t>Bupra khurd</t>
  </si>
  <si>
    <t>bupra khurd</t>
  </si>
  <si>
    <t>Bupra Khurd</t>
  </si>
  <si>
    <t>GMPS BOOPRI AYA KHERA, TULAMBA</t>
  </si>
  <si>
    <t>Boopri</t>
  </si>
  <si>
    <t>dakkhana khas 2/8r mirza pur boopri aya khera</t>
  </si>
  <si>
    <t>Boopri Aya Khera</t>
  </si>
  <si>
    <t>123/7er Dullawan</t>
  </si>
  <si>
    <t>Amna Shaista</t>
  </si>
  <si>
    <t>GMPS BOORA KOTLA, TULAMBA</t>
  </si>
  <si>
    <t>Boora Kotla</t>
  </si>
  <si>
    <t>Boora kotla tula a mianchanu khanewal</t>
  </si>
  <si>
    <t>Mubashra Khaliq</t>
  </si>
  <si>
    <t>GMPS BORAY WALI</t>
  </si>
  <si>
    <t>Boray Wali</t>
  </si>
  <si>
    <t>Boray wali,teh wazirabad dist.Gujranwala</t>
  </si>
  <si>
    <t>Asma Ijaz</t>
  </si>
  <si>
    <t>GMPS BOUDY</t>
  </si>
  <si>
    <t>Boudy</t>
  </si>
  <si>
    <t>boudy</t>
  </si>
  <si>
    <t>GMPS BRALAN WALA</t>
  </si>
  <si>
    <t>Bralanwala mauza satiana</t>
  </si>
  <si>
    <t>Bralanwala</t>
  </si>
  <si>
    <t>GMPS BRANCH NO 2</t>
  </si>
  <si>
    <t>Ahmad pur sial</t>
  </si>
  <si>
    <t>mohllah saeed abad Ahmad pur sial</t>
  </si>
  <si>
    <t>GMPS BRANCH NO. 3 SHORKOT</t>
  </si>
  <si>
    <t>Shorkot city</t>
  </si>
  <si>
    <t>GMPS BUCH KHUSRO ABAD BOSAN ROAD MULTAN</t>
  </si>
  <si>
    <t>gitth braber</t>
  </si>
  <si>
    <t>buch khusroo</t>
  </si>
  <si>
    <t>saley mahay</t>
  </si>
  <si>
    <t>GMPS BUDDAN</t>
  </si>
  <si>
    <t>village buddhan post office tanda district teh gujrat</t>
  </si>
  <si>
    <t>GMPS BUDHA RAJADA</t>
  </si>
  <si>
    <t>Budha rajada</t>
  </si>
  <si>
    <t>village budharjada p.o kot khizri</t>
  </si>
  <si>
    <t>Budha Rajada</t>
  </si>
  <si>
    <t>Komal Shehzadi</t>
  </si>
  <si>
    <t>GMPS BUDHAY KEHL</t>
  </si>
  <si>
    <t>gmps budhey khel kundian</t>
  </si>
  <si>
    <t>Kausar Mehmood Ul Hassan</t>
  </si>
  <si>
    <t>GMPS BUDHAY KI</t>
  </si>
  <si>
    <t>sahmal</t>
  </si>
  <si>
    <t>gmps budhyki markaz khewa jhang</t>
  </si>
  <si>
    <t>budhyki</t>
  </si>
  <si>
    <t>GMPS BUDHI THATTI</t>
  </si>
  <si>
    <t>Budhi Thathi</t>
  </si>
  <si>
    <t>village budhi  thatti p/o chund bharwana teh. and distt. jhang</t>
  </si>
  <si>
    <t>Budhi Thatti</t>
  </si>
  <si>
    <t>Faouzia Zahara</t>
  </si>
  <si>
    <t>GMPS BUG WALA JALALPUR PIRWALA</t>
  </si>
  <si>
    <t>Obara Janoobi</t>
  </si>
  <si>
    <t>Basti bhindi Obara janoobi</t>
  </si>
  <si>
    <t>Maria shabir</t>
  </si>
  <si>
    <t>GMPS BULANDI HITHAR</t>
  </si>
  <si>
    <t>Bulandi</t>
  </si>
  <si>
    <t>bulandi hithar kasur</t>
  </si>
  <si>
    <t>Bulandi Hithar</t>
  </si>
  <si>
    <t>Kotly Rai Abu Baker</t>
  </si>
  <si>
    <t>GMPS BULAQI WALI</t>
  </si>
  <si>
    <t>GMPS bulaqi wali</t>
  </si>
  <si>
    <t>BulaqiwaligmailcomBulaqiwali</t>
  </si>
  <si>
    <t>Sabahat Mehboob</t>
  </si>
  <si>
    <t>GMPS BULAR WALI</t>
  </si>
  <si>
    <t>Balarwali</t>
  </si>
  <si>
    <t>village bularwali Po bajra garhi tahsil pasrur dist Sialkot.</t>
  </si>
  <si>
    <t>Sobia Kiran</t>
  </si>
  <si>
    <t>GMPS BULLO WALI</t>
  </si>
  <si>
    <t>Bullowali</t>
  </si>
  <si>
    <t>Village bullowali p.o eminabad tehsil kamoke district gujranwala</t>
  </si>
  <si>
    <t>Asmat Tufail</t>
  </si>
  <si>
    <t>GMPS BUNDIA</t>
  </si>
  <si>
    <t>Bandhia</t>
  </si>
  <si>
    <t>village &amp;p\o bandhia tehsil kahuta</t>
  </si>
  <si>
    <t>sumaita tariq</t>
  </si>
  <si>
    <t>GMPS BURA JUNGLE</t>
  </si>
  <si>
    <t>BURA JUNGLE</t>
  </si>
  <si>
    <t>Village Bura Jungle PO Chak Akka Teh. Dina Distt. Jhelum</t>
  </si>
  <si>
    <t>Shagufta Noor</t>
  </si>
  <si>
    <t>GMPS BURA PINDI</t>
  </si>
  <si>
    <t>Burapindi</t>
  </si>
  <si>
    <t>village Burapindi post office dina</t>
  </si>
  <si>
    <t>mulagbad</t>
  </si>
  <si>
    <t>Farah Jabeen</t>
  </si>
  <si>
    <t>GMPS BURAKAY</t>
  </si>
  <si>
    <t>Burakay</t>
  </si>
  <si>
    <t>Burakay Pasrur</t>
  </si>
  <si>
    <t>Mcp Pasrur</t>
  </si>
  <si>
    <t>Kishwar</t>
  </si>
  <si>
    <t>GMPS BURJ ARRIAN</t>
  </si>
  <si>
    <t>Buraj Arian</t>
  </si>
  <si>
    <t>buraj arian tehsil daska district sialkot</t>
  </si>
  <si>
    <t>Goltian Khurd</t>
  </si>
  <si>
    <t>GMPS BURJ CHEEMA</t>
  </si>
  <si>
    <t>burjcheema teh wazirbad dist gujranwala</t>
  </si>
  <si>
    <t>Burj Cheema</t>
  </si>
  <si>
    <t>Dillawer Cheema</t>
  </si>
  <si>
    <t>Mehvish</t>
  </si>
  <si>
    <t>GMPS BURJ GHANIAN</t>
  </si>
  <si>
    <t>burj ghania</t>
  </si>
  <si>
    <t>p/o thatti mureed   village burj ghania</t>
  </si>
  <si>
    <t>ghania</t>
  </si>
  <si>
    <t>Tanzeela Naz</t>
  </si>
  <si>
    <t>GMPS BURJ MUNCHER CHATHA</t>
  </si>
  <si>
    <t>Buraj mancher kalan</t>
  </si>
  <si>
    <t>Buraj mancher chattha(kalan)</t>
  </si>
  <si>
    <t>Buraj Mancher kalan</t>
  </si>
  <si>
    <t>Hazrat kailyan wala</t>
  </si>
  <si>
    <t>Munaza Firdous</t>
  </si>
  <si>
    <t>GMPS BURJI WALA</t>
  </si>
  <si>
    <t>Garh Mahraja</t>
  </si>
  <si>
    <t>Gmps burji wala</t>
  </si>
  <si>
    <t>Burji Wala</t>
  </si>
  <si>
    <t>Garhmahraja</t>
  </si>
  <si>
    <t>GMPS BURZI</t>
  </si>
  <si>
    <t>Mandakhek</t>
  </si>
  <si>
    <t>po mandakhel</t>
  </si>
  <si>
    <t>Burzi</t>
  </si>
  <si>
    <t>Amiran bibi</t>
  </si>
  <si>
    <t>GMPS BUTTA KOTLA</t>
  </si>
  <si>
    <t>Butta Kotla</t>
  </si>
  <si>
    <t>kot shakir p/o same teh 18 hazari district jhang</t>
  </si>
  <si>
    <t>7/2 Thull Shumali</t>
  </si>
  <si>
    <t>Farzana Younis</t>
  </si>
  <si>
    <t>GMPS BUTTER</t>
  </si>
  <si>
    <t>Heryawala</t>
  </si>
  <si>
    <t>NARGIS NORIN</t>
  </si>
  <si>
    <t>GMPS BUTTER DOGRAN</t>
  </si>
  <si>
    <t>Butter dogran</t>
  </si>
  <si>
    <t>Jassuran</t>
  </si>
  <si>
    <t>GMPS BUTTOR</t>
  </si>
  <si>
    <t>Batour</t>
  </si>
  <si>
    <t>village batour post office Hanj tehsil Kharian distt gujrat</t>
  </si>
  <si>
    <t>Sumaira Walait</t>
  </si>
  <si>
    <t>GMPS CANAL COLONY HAFIZABAD</t>
  </si>
  <si>
    <t>Mangat Necha</t>
  </si>
  <si>
    <t>GMPS CATTLE FARM</t>
  </si>
  <si>
    <t>CHAK KHAS</t>
  </si>
  <si>
    <t>CATTLE FARM FAZILPUR</t>
  </si>
  <si>
    <t>CATTLE FARM</t>
  </si>
  <si>
    <t>M C  Fazil pur</t>
  </si>
  <si>
    <t>GMPS CHABBA CHEEMA</t>
  </si>
  <si>
    <t>Chabba Cheema</t>
  </si>
  <si>
    <t>GMPS CHABBA CHEEMA, Distt Gujranwala ,Tehsil wzd</t>
  </si>
  <si>
    <t>GMPS CHABORAN WALA</t>
  </si>
  <si>
    <t>North chaboran wala p/o Abba khel</t>
  </si>
  <si>
    <t>Chaboran Wala</t>
  </si>
  <si>
    <t>GMPS CHACHIAN</t>
  </si>
  <si>
    <t>Village chachian p/o guliana</t>
  </si>
  <si>
    <t>Summra Rashid</t>
  </si>
  <si>
    <t>GMPS CHACHOKEY</t>
  </si>
  <si>
    <t>Chachokey</t>
  </si>
  <si>
    <t>Chachokey,p.o,nowshera virkan,gijranwala</t>
  </si>
  <si>
    <t>Shumsa Dhudha</t>
  </si>
  <si>
    <t>Sehrish Sattar</t>
  </si>
  <si>
    <t>GMPS CHACHOWAL</t>
  </si>
  <si>
    <t>CHACHOWAL</t>
  </si>
  <si>
    <t>Vill. Chachowal p.o dilawar pur teh. kharian distt gujrat</t>
  </si>
  <si>
    <t>DILAWAR PUR</t>
  </si>
  <si>
    <t>GMPS CHADHALA</t>
  </si>
  <si>
    <t>Chadhala</t>
  </si>
  <si>
    <t>Village Chadhala p/o Kotli Loharan T &amp; D Sialkot</t>
  </si>
  <si>
    <t>SYED SAFDAR ALI</t>
  </si>
  <si>
    <t>GMPS CHADIALA KHURD</t>
  </si>
  <si>
    <t>Tatlay Ali</t>
  </si>
  <si>
    <t>chadiala khurd</t>
  </si>
  <si>
    <t>Chadiala Khurd</t>
  </si>
  <si>
    <t>Abida    Shaheen</t>
  </si>
  <si>
    <t>GMPS CHAH  KHIZAR HAYAT (30-04-15)</t>
  </si>
  <si>
    <t>chak # 175</t>
  </si>
  <si>
    <t>Imam Bibi</t>
  </si>
  <si>
    <t>GMPS CHAH AKBARI WALA</t>
  </si>
  <si>
    <t>govt model primary school Chah akbri wala</t>
  </si>
  <si>
    <t>BanglaYasmeen</t>
  </si>
  <si>
    <t>GMPS CHAH ALAM WALA</t>
  </si>
  <si>
    <t>Chah Alam Wala</t>
  </si>
  <si>
    <t>chah Alam wala</t>
  </si>
  <si>
    <t>Chunain Hathar</t>
  </si>
  <si>
    <t>Rukhsana Sardar</t>
  </si>
  <si>
    <t>GMPS CHAH BAVI WALA</t>
  </si>
  <si>
    <t>Chah Bavi Wala</t>
  </si>
  <si>
    <t>chah bavi wala</t>
  </si>
  <si>
    <t>GMPS CHAH BUTTIAN WALA</t>
  </si>
  <si>
    <t>Tibba Kamangran</t>
  </si>
  <si>
    <t>moh tiba kamangran chiniot</t>
  </si>
  <si>
    <t>Rajyvali</t>
  </si>
  <si>
    <t>Muqadas lqbal</t>
  </si>
  <si>
    <t>GMPS CHAH DHAN WALA</t>
  </si>
  <si>
    <t>Chah Dhan Wala</t>
  </si>
  <si>
    <t>Chah Dhan Wala p/o Dholan Hithar</t>
  </si>
  <si>
    <t>IQRA NASEEM</t>
  </si>
  <si>
    <t>GMPS CHAH FAREED WALA</t>
  </si>
  <si>
    <t>govt  girls  model primary school chah fareed  wala</t>
  </si>
  <si>
    <t>Nawab Abad</t>
  </si>
  <si>
    <t>GMPS CHAH FATEH DARYA</t>
  </si>
  <si>
    <t>chah fateh dariya Kari wala p/o same mandi shah jewana tahsil and district jhang</t>
  </si>
  <si>
    <t>Chah Fathey  Darya</t>
  </si>
  <si>
    <t>GMPS CHAH GACHAH</t>
  </si>
  <si>
    <t>Post office kalwal</t>
  </si>
  <si>
    <t>GMPS CHAH INNO</t>
  </si>
  <si>
    <t>Chah Innow</t>
  </si>
  <si>
    <t>chah innow hafizabad</t>
  </si>
  <si>
    <t>Udduki</t>
  </si>
  <si>
    <t>Beenish</t>
  </si>
  <si>
    <t>GMPS CHAH JOIAN WALA</t>
  </si>
  <si>
    <t>chah joyean wala</t>
  </si>
  <si>
    <t>Chah Joyean Wala</t>
  </si>
  <si>
    <t>zargull bibi</t>
  </si>
  <si>
    <t>GMPS CHAH KALU WALA</t>
  </si>
  <si>
    <t>GMPS Chah Kalu Wala</t>
  </si>
  <si>
    <t>Chah Kalu Wala</t>
  </si>
  <si>
    <t>GMPS CHAH MIANA</t>
  </si>
  <si>
    <t>chah Miana, Teh. Kotmuman,  Distt. Sargodha.</t>
  </si>
  <si>
    <t>GMPS CHAH NAWAB KHEL PAI KHEL</t>
  </si>
  <si>
    <t>nawab khel</t>
  </si>
  <si>
    <t>chah nawab khel pai khel</t>
  </si>
  <si>
    <t>pai khel</t>
  </si>
  <si>
    <t>GMPS CHAH PEERO WALA</t>
  </si>
  <si>
    <t>51 TDA</t>
  </si>
  <si>
    <t>Chah peru wala chak no. 51 post office chak no.47 TDA Bhakkar</t>
  </si>
  <si>
    <t>Chah Peru</t>
  </si>
  <si>
    <t>GMPS CHAH RANJHIAN WALA</t>
  </si>
  <si>
    <t>Muzzamabad</t>
  </si>
  <si>
    <t>chah ranjhain wala muzzamabad tecel kotmomen dist sargodha</t>
  </si>
  <si>
    <t>GMPS CHAH TIBBA SINGH WALA</t>
  </si>
  <si>
    <t>Marly</t>
  </si>
  <si>
    <t>5 marly</t>
  </si>
  <si>
    <t>5 Marly</t>
  </si>
  <si>
    <t>Jamsheer Kalan</t>
  </si>
  <si>
    <t>GMPS CHAH ZAMAN KHELAN WALA</t>
  </si>
  <si>
    <t>chah zaman khelan wala</t>
  </si>
  <si>
    <t>Zaman Khelan Wala</t>
  </si>
  <si>
    <t>Uzma Firdos</t>
  </si>
  <si>
    <t>GMPS CHAHAL NAO</t>
  </si>
  <si>
    <t>Chahal Nao</t>
  </si>
  <si>
    <t>chahal nao</t>
  </si>
  <si>
    <t>Sadia Sohail</t>
  </si>
  <si>
    <t>GMPS CHAHRKAY</t>
  </si>
  <si>
    <t>Charky</t>
  </si>
  <si>
    <t>post office kamoky tensil phalia district m.bdin</t>
  </si>
  <si>
    <t>GMPS CHAITO</t>
  </si>
  <si>
    <t>Chaito</t>
  </si>
  <si>
    <t>village chaito</t>
  </si>
  <si>
    <t>Kot Sher Muhmmmad</t>
  </si>
  <si>
    <t>Muhammad Walayat</t>
  </si>
  <si>
    <t>GMPS CHAK 10/M</t>
  </si>
  <si>
    <t>CHAK NO 10/M</t>
  </si>
  <si>
    <t>GMPS CHAK 11-T</t>
  </si>
  <si>
    <t>Chack No11/T</t>
  </si>
  <si>
    <t>Chak 11/T P/O Multani Wala</t>
  </si>
  <si>
    <t>11/T</t>
  </si>
  <si>
    <t>Qamar Javed</t>
  </si>
  <si>
    <t>GMPS CHAK 122-123/NP</t>
  </si>
  <si>
    <t>Chak No122/123/np</t>
  </si>
  <si>
    <t>G G CM ES chak no 122/123/p  post office feroza</t>
  </si>
  <si>
    <t>Chak No122/123/ Np</t>
  </si>
  <si>
    <t>HAY AT LAR</t>
  </si>
  <si>
    <t>Razia BiBi</t>
  </si>
  <si>
    <t>GMPS CHAK 126 COLONY</t>
  </si>
  <si>
    <t>126colony</t>
  </si>
  <si>
    <t>chak no 126 colony chniot</t>
  </si>
  <si>
    <t>126colny</t>
  </si>
  <si>
    <t>Ahamadabad</t>
  </si>
  <si>
    <t>GMPS CHAK 13 GAJIANI A</t>
  </si>
  <si>
    <t>13 GAJIANI A</t>
  </si>
  <si>
    <t>Ä¢MPS  CHAK NO,13G/A  CHISHTIAN.</t>
  </si>
  <si>
    <t>13 G/ A CHISHTIAN</t>
  </si>
  <si>
    <t>Musarat Choudhry</t>
  </si>
  <si>
    <t>GMPS CHAK 13 JB WALANIAN WALA</t>
  </si>
  <si>
    <t>Walanianwala</t>
  </si>
  <si>
    <t>CHAK #13JB WALANIANWALA  CHINIOT</t>
  </si>
  <si>
    <t>CHAK NO 13 JB SARWALA</t>
  </si>
  <si>
    <t>GMPS CHAK 13/M</t>
  </si>
  <si>
    <t>Chak No 13m</t>
  </si>
  <si>
    <t>GMPS CHAK 140/M</t>
  </si>
  <si>
    <t>chak no 140/M</t>
  </si>
  <si>
    <t>Shafaq Sitara</t>
  </si>
  <si>
    <t>GMPS CHAK 161 GB I</t>
  </si>
  <si>
    <t>161 Gb I</t>
  </si>
  <si>
    <t>chak no. 161 gb i</t>
  </si>
  <si>
    <t>Chak No 161Gb I</t>
  </si>
  <si>
    <t>Chak No 161gb I</t>
  </si>
  <si>
    <t>GMPS CHAK 161 GB II</t>
  </si>
  <si>
    <t>chakno161g.b2nd</t>
  </si>
  <si>
    <t>chakno161gb2ndno161gb2nd</t>
  </si>
  <si>
    <t>chakno161 gb ist</t>
  </si>
  <si>
    <t>GMPS CHAK 173 MURAD</t>
  </si>
  <si>
    <t>chak no.173mr teh ctn disst bahawalnagar</t>
  </si>
  <si>
    <t>GMPS CHAK 185 GB</t>
  </si>
  <si>
    <t>185GB</t>
  </si>
  <si>
    <t>Chak no. 185 GB</t>
  </si>
  <si>
    <t>Asma riaz</t>
  </si>
  <si>
    <t>GMPS CHAK 186 GB</t>
  </si>
  <si>
    <t>chak no 186 g.b tehsil &amp; district t.t.singh</t>
  </si>
  <si>
    <t>Chak No 186 Gb</t>
  </si>
  <si>
    <t>SADIA BATOOL</t>
  </si>
  <si>
    <t>GMPS CHAK 187 GB II BASTI ODDAN</t>
  </si>
  <si>
    <t>chk no 187(ll)gb</t>
  </si>
  <si>
    <t>187GBll</t>
  </si>
  <si>
    <t>Chk No188</t>
  </si>
  <si>
    <t>GMPS CHAK 22/P</t>
  </si>
  <si>
    <t>Peeran Chaan Punn</t>
  </si>
  <si>
    <t>chak no 22 p post office, mari Allah bachaya</t>
  </si>
  <si>
    <t>22/ P</t>
  </si>
  <si>
    <t>Madbhora</t>
  </si>
  <si>
    <t>Memona Rahat</t>
  </si>
  <si>
    <t>GMPS CHAK 228/P</t>
  </si>
  <si>
    <t>chak 228/p manther rahimyar khan</t>
  </si>
  <si>
    <t>GMPS CHAK 244/P</t>
  </si>
  <si>
    <t>244/P</t>
  </si>
  <si>
    <t>Cheema House 50/D  Sadiq Town Rahim Yar Khan</t>
  </si>
  <si>
    <t>Jamila Mumtaz</t>
  </si>
  <si>
    <t>GMPS CHAK 246 GB II SOUTH</t>
  </si>
  <si>
    <t>246 GB SOUTH</t>
  </si>
  <si>
    <t>CHAK NO 246 GB BASTI DANISH MANDAN</t>
  </si>
  <si>
    <t>246 GB BASTI DANISH MANDAN</t>
  </si>
  <si>
    <t>245GB</t>
  </si>
  <si>
    <t>FAIZA NASREEN</t>
  </si>
  <si>
    <t>GMPS CHAK 251/P</t>
  </si>
  <si>
    <t>251/p</t>
  </si>
  <si>
    <t>chak 251/p</t>
  </si>
  <si>
    <t>chak 93/p</t>
  </si>
  <si>
    <t>Rumassa Akram</t>
  </si>
  <si>
    <t>GMPS CHAK 254 GB AZAFI ABADI</t>
  </si>
  <si>
    <t>254 GB</t>
  </si>
  <si>
    <t>Chak# 254gb azafi abadi</t>
  </si>
  <si>
    <t>Chak #254gb</t>
  </si>
  <si>
    <t>Chak 256 gbPhalore</t>
  </si>
  <si>
    <t>Fatima Aziz</t>
  </si>
  <si>
    <t>GMPS CHAK 255 GB MADAH PUR</t>
  </si>
  <si>
    <t>Chak # 255 GB</t>
  </si>
  <si>
    <t>183 Gb</t>
  </si>
  <si>
    <t>FARZANA ANJUM</t>
  </si>
  <si>
    <t>GMPS CHAK 269/3 JHANDAY WALA (April-2016)</t>
  </si>
  <si>
    <t>Chak no 269 j.b west</t>
  </si>
  <si>
    <t>Chak  no 269 Jb West</t>
  </si>
  <si>
    <t>ANWAR SULTANA</t>
  </si>
  <si>
    <t>GMPS CHAK 278 JB II</t>
  </si>
  <si>
    <t>Chak Mhr</t>
  </si>
  <si>
    <t>chk mhra</t>
  </si>
  <si>
    <t>278jb II Chak Mhra</t>
  </si>
  <si>
    <t>278/JB I Usman Cot</t>
  </si>
  <si>
    <t>GMPS CHAK 279 JB II</t>
  </si>
  <si>
    <t>Bujwara</t>
  </si>
  <si>
    <t>279 jb bujwara</t>
  </si>
  <si>
    <t>279 Jb</t>
  </si>
  <si>
    <t>ZERBINASH MAMOONA</t>
  </si>
  <si>
    <t>GMPS CHAK 282 JB</t>
  </si>
  <si>
    <t>Chak282 Jb</t>
  </si>
  <si>
    <t>GMPS 282 JB tehsil Gojra District T.t. Singh</t>
  </si>
  <si>
    <t>282 JB</t>
  </si>
  <si>
    <t>281 JB Dawakhari</t>
  </si>
  <si>
    <t>GMPS CHAK 283 JB II</t>
  </si>
  <si>
    <t>283/Jb</t>
  </si>
  <si>
    <t>CHAK 283JB2nd jb</t>
  </si>
  <si>
    <t>283 Jb 2nd</t>
  </si>
  <si>
    <t>281 Jb Dawakhary</t>
  </si>
  <si>
    <t>M Raiz</t>
  </si>
  <si>
    <t>GMPS CHAK 284 GB II</t>
  </si>
  <si>
    <t>chak no 284 gb</t>
  </si>
  <si>
    <t>Chak 284 Gb</t>
  </si>
  <si>
    <t>Sharifa Begum</t>
  </si>
  <si>
    <t>GMPS CHAK 284 JB II</t>
  </si>
  <si>
    <t>Chak No284JBii</t>
  </si>
  <si>
    <t>chak no 284jb ii Tehsil and district Toba Tek Singh</t>
  </si>
  <si>
    <t>284jb II</t>
  </si>
  <si>
    <t>284 Jb 1st</t>
  </si>
  <si>
    <t>GMPS CHAK 286 GB III</t>
  </si>
  <si>
    <t>Group Arayain</t>
  </si>
  <si>
    <t>gmps286gb3rd</t>
  </si>
  <si>
    <t>286gb3rd</t>
  </si>
  <si>
    <t>285gb</t>
  </si>
  <si>
    <t>Sadaf Tasneem</t>
  </si>
  <si>
    <t>GMPS CHAK 290 JB</t>
  </si>
  <si>
    <t>Chak 290jb</t>
  </si>
  <si>
    <t>chak 289jb</t>
  </si>
  <si>
    <t>Chak 290Jb</t>
  </si>
  <si>
    <t>Irum</t>
  </si>
  <si>
    <t>GMPS CHAK 292 GB I JINNAH ABADI</t>
  </si>
  <si>
    <t>292 gb ll</t>
  </si>
  <si>
    <t>chak no 292gb ll Jinnah abadi. toba Tek singh</t>
  </si>
  <si>
    <t>chk no 292 gbll</t>
  </si>
  <si>
    <t>295 barianwala</t>
  </si>
  <si>
    <t>GMPS CHAK 292 GB RASALA</t>
  </si>
  <si>
    <t>Chak No 292 GB</t>
  </si>
  <si>
    <t>292 G.b rasala</t>
  </si>
  <si>
    <t>292 G B</t>
  </si>
  <si>
    <t>Berinwala</t>
  </si>
  <si>
    <t>Gulfam Akhtar</t>
  </si>
  <si>
    <t>GMPS CHAK 296 GB II Nai Abadi</t>
  </si>
  <si>
    <t>Chak No296 Gb</t>
  </si>
  <si>
    <t>chak 296GB II Nai abadi</t>
  </si>
  <si>
    <t>Chak No 296 Gb Azafi Abadi</t>
  </si>
  <si>
    <t>Chak No 296 Gb</t>
  </si>
  <si>
    <t>FIYAZ KAUSAR</t>
  </si>
  <si>
    <t>GMPS CHAK 2-HANS</t>
  </si>
  <si>
    <t>2 Chak Hans</t>
  </si>
  <si>
    <t>chak no  2 Hans post office kot Abbas shaheed district multan saddar</t>
  </si>
  <si>
    <t>Chak No 2 Hans Post Office kot Abbas Shaheed</t>
  </si>
  <si>
    <t>Kuri tumak</t>
  </si>
  <si>
    <t>Nadia  Fatima</t>
  </si>
  <si>
    <t>GMPS CHAK 3/53</t>
  </si>
  <si>
    <t>chak no 3/53</t>
  </si>
  <si>
    <t>chak no 3/53 post office Bucheki Tehsil and district Nankana sahib</t>
  </si>
  <si>
    <t>Lurks</t>
  </si>
  <si>
    <t>GMPS CHAK 301 GB NAI ABADI</t>
  </si>
  <si>
    <t>Chak No 301 GB Nai Abadi</t>
  </si>
  <si>
    <t>GMPS 301 GB nai abadi</t>
  </si>
  <si>
    <t>Chak 301 GB</t>
  </si>
  <si>
    <t>sadia ghaffar</t>
  </si>
  <si>
    <t>GMPS CHAK 302 JB</t>
  </si>
  <si>
    <t>Chak No 302 Jb</t>
  </si>
  <si>
    <t>chak no 302 jb</t>
  </si>
  <si>
    <t>284  First</t>
  </si>
  <si>
    <t>GMPS CHAK 305 JB</t>
  </si>
  <si>
    <t>305 Jb</t>
  </si>
  <si>
    <t>GMPS 305 jb</t>
  </si>
  <si>
    <t>Chak no 305 Jb</t>
  </si>
  <si>
    <t>Lubna Aslam</t>
  </si>
  <si>
    <t>GMPS CHAK 310 JB I Bhopalwala</t>
  </si>
  <si>
    <t>Ch#310jb1 Ijaz305Ijaz305gmail co</t>
  </si>
  <si>
    <t>CH#310jb . bhopalwala</t>
  </si>
  <si>
    <t>Ch#310jb1 Bhopalwala</t>
  </si>
  <si>
    <t>Ch#310jb1</t>
  </si>
  <si>
    <t>Iffat Ijaz</t>
  </si>
  <si>
    <t>GMPS CHAK 310 JB II Thatha</t>
  </si>
  <si>
    <t>310 thatha</t>
  </si>
  <si>
    <t>310 Thatha</t>
  </si>
  <si>
    <t>Chak 310jb</t>
  </si>
  <si>
    <t>GMPS CHAK 312 JB</t>
  </si>
  <si>
    <t>Chak312 JB</t>
  </si>
  <si>
    <t>Chak312jB</t>
  </si>
  <si>
    <t>Chak312JB</t>
  </si>
  <si>
    <t>Chak316 JB</t>
  </si>
  <si>
    <t>Anees Bano</t>
  </si>
  <si>
    <t>GMPS CHAK 315 GB</t>
  </si>
  <si>
    <t>Chak 315 GB</t>
  </si>
  <si>
    <t>chak no 315G.B T.T.SINGH</t>
  </si>
  <si>
    <t>Chak No 315GB TTSINGH</t>
  </si>
  <si>
    <t>Chak No 314gb</t>
  </si>
  <si>
    <t>Rizwana Ashiq</t>
  </si>
  <si>
    <t>GMPS CHAK 316 JB</t>
  </si>
  <si>
    <t>316jb</t>
  </si>
  <si>
    <t>chak 316jb</t>
  </si>
  <si>
    <t>TAIWANDi</t>
  </si>
  <si>
    <t>GMPS CHAK 317 JB</t>
  </si>
  <si>
    <t>chak no 317 jb</t>
  </si>
  <si>
    <t>Chak No 317 Jb</t>
  </si>
  <si>
    <t>Shabnum Firdous</t>
  </si>
  <si>
    <t>GMPS CHAK 317/A 6-R</t>
  </si>
  <si>
    <t>317/6R</t>
  </si>
  <si>
    <t>chak 317/6R lqp</t>
  </si>
  <si>
    <t>Chak No 317/6R</t>
  </si>
  <si>
    <t>shabana luqman</t>
  </si>
  <si>
    <t>GMPS CHAK 321 GB</t>
  </si>
  <si>
    <t>chak no 321 gB Tehsil pirmahal toba tek singh</t>
  </si>
  <si>
    <t>chak no 321 gB</t>
  </si>
  <si>
    <t>319/GB</t>
  </si>
  <si>
    <t>GMPS CHAK 321/HR MAROOT</t>
  </si>
  <si>
    <t>321HR</t>
  </si>
  <si>
    <t>GMPS 321HR MAROOT</t>
  </si>
  <si>
    <t>327hr MAROOT</t>
  </si>
  <si>
    <t>Lubna nawaz</t>
  </si>
  <si>
    <t>GMPS CHAK 323 JB CMS REHMAT ABAD</t>
  </si>
  <si>
    <t>Chak 323 JB</t>
  </si>
  <si>
    <t>Chaka No 323 Jb Rehmat Abad</t>
  </si>
  <si>
    <t>Chak 323 Jb Rehmat Abad</t>
  </si>
  <si>
    <t>Chwk#328 jb</t>
  </si>
  <si>
    <t>Safia naseem</t>
  </si>
  <si>
    <t>GMPS CHAK 328 JB GHAZI ABAD</t>
  </si>
  <si>
    <t>Housing colony no 2 toba</t>
  </si>
  <si>
    <t>328 JB Ghaziabad</t>
  </si>
  <si>
    <t>Chak 328jb</t>
  </si>
  <si>
    <t>Nazra Perveen</t>
  </si>
  <si>
    <t>GMPS CHAK 329 JB RASALA</t>
  </si>
  <si>
    <t>329 JB</t>
  </si>
  <si>
    <t>Govt Modle Primary School chak# 329 JB Toba Tek Singh</t>
  </si>
  <si>
    <t>Chak # 329 JB</t>
  </si>
  <si>
    <t>Chak # 296 GB</t>
  </si>
  <si>
    <t>Shabana Iram</t>
  </si>
  <si>
    <t>GMPS CHAK 336 JB RANI WALA</t>
  </si>
  <si>
    <t>336jb Rani Chak</t>
  </si>
  <si>
    <t>336jb Rani Chak Gojra Dist T T SINGH</t>
  </si>
  <si>
    <t>334jjb</t>
  </si>
  <si>
    <t>Muhammad Nasir Javid</t>
  </si>
  <si>
    <t>GMPS CHAK 34/A</t>
  </si>
  <si>
    <t>34/a</t>
  </si>
  <si>
    <t>chak 34/a</t>
  </si>
  <si>
    <t>GMPS CHAK 345 GB</t>
  </si>
  <si>
    <t>chak nu 345g.b.ttsingh</t>
  </si>
  <si>
    <t>345 Gb</t>
  </si>
  <si>
    <t>350gb</t>
  </si>
  <si>
    <t>Yasmen Anwar</t>
  </si>
  <si>
    <t>GMPS CHAK 346 JB KODHAN</t>
  </si>
  <si>
    <t>Kodhan</t>
  </si>
  <si>
    <t>chak#346JB,Kodhan, Tehsil Gojra,District T.T Singh</t>
  </si>
  <si>
    <t>346JB</t>
  </si>
  <si>
    <t>348JB</t>
  </si>
  <si>
    <t>Kousar Rehana</t>
  </si>
  <si>
    <t>GMPS CHAK 348 GB BAJRRA</t>
  </si>
  <si>
    <t>348 GB Bajra</t>
  </si>
  <si>
    <t>GMPS 348 GB BAJRA T.T.Singh</t>
  </si>
  <si>
    <t>Chak 348 GB Bajra</t>
  </si>
  <si>
    <t>Ansa Naseem</t>
  </si>
  <si>
    <t>GMPS CHAK 35/A NEW</t>
  </si>
  <si>
    <t>35/ A New</t>
  </si>
  <si>
    <t>chak no 35/ a new Liaquat pur</t>
  </si>
  <si>
    <t>shahida nasreen akhtar</t>
  </si>
  <si>
    <t>GMPS CHAK 36/M</t>
  </si>
  <si>
    <t>36/M</t>
  </si>
  <si>
    <t>chak no.36/m</t>
  </si>
  <si>
    <t>GMPS CHAK 36-37/2-RA</t>
  </si>
  <si>
    <t>36-37/2RA</t>
  </si>
  <si>
    <t>GMPS 36-37/2RA TEH. DISTT OLARA</t>
  </si>
  <si>
    <t>GMPS CHAK 37/SP RASOOL PUR</t>
  </si>
  <si>
    <t>37sp</t>
  </si>
  <si>
    <t>Sonia Amin</t>
  </si>
  <si>
    <t>GMPS CHAK 376 JB II BASI</t>
  </si>
  <si>
    <t>Chak 376 JB</t>
  </si>
  <si>
    <t>chak 376 jb2</t>
  </si>
  <si>
    <t>Chak 376 Jb 2</t>
  </si>
  <si>
    <t>Chak 319 Jb</t>
  </si>
  <si>
    <t>water pump hand pump</t>
  </si>
  <si>
    <t>GMPS CHAK 382 JB FEROZ</t>
  </si>
  <si>
    <t>g m p school 382jb feroz</t>
  </si>
  <si>
    <t>382jb Feroz</t>
  </si>
  <si>
    <t>375jb</t>
  </si>
  <si>
    <t>NOREEN TABASUM</t>
  </si>
  <si>
    <t>GMPS CHAK 384 JB EIS PIR</t>
  </si>
  <si>
    <t>Chak No 384 Jb</t>
  </si>
  <si>
    <t>chak no 384 jb T.T.Singh</t>
  </si>
  <si>
    <t>Chak No 384 Jb Espur</t>
  </si>
  <si>
    <t>RAHILA PERVEEN</t>
  </si>
  <si>
    <t>GMPS CHAK 390 JB BAJWARRA</t>
  </si>
  <si>
    <t>390 jb</t>
  </si>
  <si>
    <t>390 Jb</t>
  </si>
  <si>
    <t>388 Jb</t>
  </si>
  <si>
    <t>MUNAZA ISMAIL</t>
  </si>
  <si>
    <t>GMPS CHAK 392 JB CHUTALA</t>
  </si>
  <si>
    <t>Chak No 392 JB</t>
  </si>
  <si>
    <t>CHAK No 392 JB Chutala</t>
  </si>
  <si>
    <t>Chak No 391 JB</t>
  </si>
  <si>
    <t>GMPS CHAK 396 JB I</t>
  </si>
  <si>
    <t>Chak No 396 Jb</t>
  </si>
  <si>
    <t>GGPS 396 JB TTS</t>
  </si>
  <si>
    <t>Chak No 396 JB TTS</t>
  </si>
  <si>
    <t>Chak No 388 JB TTS</t>
  </si>
  <si>
    <t>Faiza Akram</t>
  </si>
  <si>
    <t>GMPS CHAK 398 JB JAMANI</t>
  </si>
  <si>
    <t>Chak 398 JB</t>
  </si>
  <si>
    <t>chak 398 JB</t>
  </si>
  <si>
    <t>Chak 388 JB</t>
  </si>
  <si>
    <t>Iqra Naseer</t>
  </si>
  <si>
    <t>GMPS CHAK 400 JB DAM</t>
  </si>
  <si>
    <t>400jb</t>
  </si>
  <si>
    <t>Chak No. 400jb Toba Tek Singh</t>
  </si>
  <si>
    <t>393 Khan Pur</t>
  </si>
  <si>
    <t>Rehana Shazia</t>
  </si>
  <si>
    <t>GMPS CHAK 401 JB II</t>
  </si>
  <si>
    <t>401 Jb II</t>
  </si>
  <si>
    <t>401 jb II</t>
  </si>
  <si>
    <t>401JB II</t>
  </si>
  <si>
    <t>GMPS CHAK 407 JB</t>
  </si>
  <si>
    <t>407jb</t>
  </si>
  <si>
    <t>chak no 407 jb</t>
  </si>
  <si>
    <t>407 Jb</t>
  </si>
  <si>
    <t>GMPS CHAK 410 JB II</t>
  </si>
  <si>
    <t>410 Jbll</t>
  </si>
  <si>
    <t>chak no 410jbll teh &amp; distt T.T.Sjngh</t>
  </si>
  <si>
    <t>Chak No 410jbll</t>
  </si>
  <si>
    <t>Chak 314GB</t>
  </si>
  <si>
    <t>Shaista Naureen</t>
  </si>
  <si>
    <t>GMPS CHAK 411 JB</t>
  </si>
  <si>
    <t>Changla</t>
  </si>
  <si>
    <t>chak no 411jb</t>
  </si>
  <si>
    <t>411jb</t>
  </si>
  <si>
    <t>Uzma Nisar</t>
  </si>
  <si>
    <t>GMPS CHAK 426 JB I</t>
  </si>
  <si>
    <t>426 JB</t>
  </si>
  <si>
    <t>chack no 426</t>
  </si>
  <si>
    <t>Kahana  Konta</t>
  </si>
  <si>
    <t>310 Jb</t>
  </si>
  <si>
    <t>Nighat Fardous</t>
  </si>
  <si>
    <t>GMPS CHAK 433 JB DEROKAY</t>
  </si>
  <si>
    <t>chak 433jb</t>
  </si>
  <si>
    <t>433jb</t>
  </si>
  <si>
    <t>438 Jb</t>
  </si>
  <si>
    <t>GMPS CHAK 435 JB GHANIA</t>
  </si>
  <si>
    <t>Chak/No.435jb</t>
  </si>
  <si>
    <t>435jb</t>
  </si>
  <si>
    <t>Usmana Mushtaq</t>
  </si>
  <si>
    <t>GMPS CHAK 436 JB</t>
  </si>
  <si>
    <t>436jb</t>
  </si>
  <si>
    <t>Hina Jabeen</t>
  </si>
  <si>
    <t>GMPS CHAK 44/P</t>
  </si>
  <si>
    <t>Chak # 44 p</t>
  </si>
  <si>
    <t>GMPS 44p Tehsil Khan pur</t>
  </si>
  <si>
    <t>Chak # 44p</t>
  </si>
  <si>
    <t>Chak # 45p</t>
  </si>
  <si>
    <t>GMPS CHAK 443/6-R WEST</t>
  </si>
  <si>
    <t>443 6r</t>
  </si>
  <si>
    <t>chak no 443/6r w</t>
  </si>
  <si>
    <t>Chak 443/6r W</t>
  </si>
  <si>
    <t>438 6r</t>
  </si>
  <si>
    <t>Feroza  Yasmeen</t>
  </si>
  <si>
    <t>GMPS CHAK 453 ASHIANA MILLS (April-2016)</t>
  </si>
  <si>
    <t>Chak 453</t>
  </si>
  <si>
    <t>chak 453 khandawala</t>
  </si>
  <si>
    <t>Chak 446</t>
  </si>
  <si>
    <t>GMPS CHAK 455 WEST</t>
  </si>
  <si>
    <t>Kotlaknans</t>
  </si>
  <si>
    <t>gmps 455  west</t>
  </si>
  <si>
    <t>Kotlaknana</t>
  </si>
  <si>
    <t>GMPS CHAK 458 JB WALI SHAH</t>
  </si>
  <si>
    <t>458 wali Shah</t>
  </si>
  <si>
    <t>Wali Shah</t>
  </si>
  <si>
    <t>Chak No 446.</t>
  </si>
  <si>
    <t>GMPS CHAK 469 JB</t>
  </si>
  <si>
    <t>chak no 469jb</t>
  </si>
  <si>
    <t>Chak 469jb</t>
  </si>
  <si>
    <t>GMPS CHAK 47/G.D</t>
  </si>
  <si>
    <t>47/GD</t>
  </si>
  <si>
    <t>Chak  No 47 /GD</t>
  </si>
  <si>
    <t>GMPS CHAK 477 JB I- ALOWAL</t>
  </si>
  <si>
    <t>chak 477 j.b Alowal Toba Tel Sing</t>
  </si>
  <si>
    <t>477 Jb Alowal</t>
  </si>
  <si>
    <t>saima yasmin</t>
  </si>
  <si>
    <t>GMPS CHAK 477 JB I KASHMIRAN</t>
  </si>
  <si>
    <t>Kashmirian</t>
  </si>
  <si>
    <t>477 jb kashmirain</t>
  </si>
  <si>
    <t>477jb Kashmirian</t>
  </si>
  <si>
    <t>GMPS CHAK 4-T P/O NO.1 MR</t>
  </si>
  <si>
    <t>Chak 4-T</t>
  </si>
  <si>
    <t>chak no 4-T p/o 1 MR tehsil Multan saddar</t>
  </si>
  <si>
    <t>4-T</t>
  </si>
  <si>
    <t>Saleman Bibi</t>
  </si>
  <si>
    <t>GMPS CHAK 53/P</t>
  </si>
  <si>
    <t>53/p</t>
  </si>
  <si>
    <t>GMPS chak 53/p</t>
  </si>
  <si>
    <t>Chak 52/p</t>
  </si>
  <si>
    <t>GMPS CHAK 536 GB II</t>
  </si>
  <si>
    <t>GMPS 536 GB North</t>
  </si>
  <si>
    <t>Razia Muzffar</t>
  </si>
  <si>
    <t>GMPS CHAK 56/PB</t>
  </si>
  <si>
    <t>GMPS 56pb</t>
  </si>
  <si>
    <t>56pb</t>
  </si>
  <si>
    <t>Sajida Shabbir</t>
  </si>
  <si>
    <t>GMPS CHAK 6/58</t>
  </si>
  <si>
    <t>Jun-58</t>
  </si>
  <si>
    <t>Chak No 6/58 Teh and Disst Nankana</t>
  </si>
  <si>
    <t>Chak No 6/58</t>
  </si>
  <si>
    <t>GMPS CHAK 6/A BASTI AWAN</t>
  </si>
  <si>
    <t>Chak6/a Basti</t>
  </si>
  <si>
    <t>chak 6/a Basti awan Tehsil LQP distt RYK</t>
  </si>
  <si>
    <t>Chk6/a Basti awan</t>
  </si>
  <si>
    <t>Chak 10/a</t>
  </si>
  <si>
    <t>Kishwar parveen</t>
  </si>
  <si>
    <t>GMPS CHAK 64/A</t>
  </si>
  <si>
    <t>Chak64</t>
  </si>
  <si>
    <t>GM.pschool chak64</t>
  </si>
  <si>
    <t>rabia bibi</t>
  </si>
  <si>
    <t>GMPS CHAK 663/4 GB</t>
  </si>
  <si>
    <t>Chak No 663/4</t>
  </si>
  <si>
    <t>gmps663/4</t>
  </si>
  <si>
    <t>663/4</t>
  </si>
  <si>
    <t>GMPS CHAK 667/8 GB</t>
  </si>
  <si>
    <t>Chak No. 667/8 GB</t>
  </si>
  <si>
    <t>667/8 GB</t>
  </si>
  <si>
    <t>GMPS CHAK 671/12 GB</t>
  </si>
  <si>
    <t>pirmahal</t>
  </si>
  <si>
    <t>chak no 671/12 gb</t>
  </si>
  <si>
    <t>c plot</t>
  </si>
  <si>
    <t>GMPS CHAK 686/27 GB</t>
  </si>
  <si>
    <t>686/27</t>
  </si>
  <si>
    <t>chak no 686/27 G.B tehsil pirmahal district toba tek sing</t>
  </si>
  <si>
    <t>686/27GB</t>
  </si>
  <si>
    <t>Khursheeda Abad</t>
  </si>
  <si>
    <t>Bushra Akram</t>
  </si>
  <si>
    <t>GMPS CHAK 687/27 GB</t>
  </si>
  <si>
    <t>687/27 Gb</t>
  </si>
  <si>
    <t>chak number 687/27 g.b</t>
  </si>
  <si>
    <t>687/27GB</t>
  </si>
  <si>
    <t>Nasir Nagar</t>
  </si>
  <si>
    <t>Sajida Mahmood</t>
  </si>
  <si>
    <t>GMPS CHAK 68-M</t>
  </si>
  <si>
    <t>Chak No 68/M</t>
  </si>
  <si>
    <t>GMPS Chak No 68/M</t>
  </si>
  <si>
    <t>Mian Pur Belay Wala</t>
  </si>
  <si>
    <t>GMPS CHAK 7/59</t>
  </si>
  <si>
    <t>Jul-59</t>
  </si>
  <si>
    <t>Chak no 7/59</t>
  </si>
  <si>
    <t>mubashira majid</t>
  </si>
  <si>
    <t>GMPS CHAK 709 GB</t>
  </si>
  <si>
    <t>709gb</t>
  </si>
  <si>
    <t>mohallah char kamalia</t>
  </si>
  <si>
    <t>58/712</t>
  </si>
  <si>
    <t>Rukhsana Hafeez</t>
  </si>
  <si>
    <t>GMPS CHAK 711 GB</t>
  </si>
  <si>
    <t>Chak No 711 GB</t>
  </si>
  <si>
    <t>CHAK NO 711GB KAMALIA</t>
  </si>
  <si>
    <t>CHAK NO 711 GB</t>
  </si>
  <si>
    <t>CHAK NO 712 GN</t>
  </si>
  <si>
    <t>Ishrat Qamar</t>
  </si>
  <si>
    <t>GMPS CHAK 731 GB II</t>
  </si>
  <si>
    <t>Gurdasa</t>
  </si>
  <si>
    <t>Mouza Gurdasa</t>
  </si>
  <si>
    <t>Summaira Jabin</t>
  </si>
  <si>
    <t>GMPS CHAK 732 GB</t>
  </si>
  <si>
    <t>Dhal De Bhani</t>
  </si>
  <si>
    <t>Chak No.  732 GB</t>
  </si>
  <si>
    <t>Chak No 732 GB</t>
  </si>
  <si>
    <t>Shakila Sarwar</t>
  </si>
  <si>
    <t>GMPS CHAK 747 GB</t>
  </si>
  <si>
    <t>Chak 747gb</t>
  </si>
  <si>
    <t>Chak No.747gbTeh.Pirmahal Distt.T.T.Singh</t>
  </si>
  <si>
    <t>Chak747gb</t>
  </si>
  <si>
    <t>760gb Nasir Nagar</t>
  </si>
  <si>
    <t>AZMAT ALI</t>
  </si>
  <si>
    <t>GMPS CHAK 75/A</t>
  </si>
  <si>
    <t>Chak75A</t>
  </si>
  <si>
    <t>chak75A</t>
  </si>
  <si>
    <t>75A</t>
  </si>
  <si>
    <t>Rehana Nahid</t>
  </si>
  <si>
    <t>GMPS CHAK 750 GB</t>
  </si>
  <si>
    <t>750 GB</t>
  </si>
  <si>
    <t>750 GB tehsil pir mshal</t>
  </si>
  <si>
    <t>759 Gb</t>
  </si>
  <si>
    <t>ARSHAD FATIMA</t>
  </si>
  <si>
    <t>GMPS CHAK 755 GB</t>
  </si>
  <si>
    <t>GMPS755GB</t>
  </si>
  <si>
    <t>755GB</t>
  </si>
  <si>
    <t>GMPS CHAK 76/A</t>
  </si>
  <si>
    <t>76/A</t>
  </si>
  <si>
    <t>76/a</t>
  </si>
  <si>
    <t>Uzma nahid</t>
  </si>
  <si>
    <t>GMPS CHAK 760 GB II</t>
  </si>
  <si>
    <t>760gb</t>
  </si>
  <si>
    <t>gmps760gb</t>
  </si>
  <si>
    <t>Nasirnaghar</t>
  </si>
  <si>
    <t>GMPS CHAK 763 GB ADA GHAZI ABAD</t>
  </si>
  <si>
    <t>763gbpindighaziabd.tehsilpirmp</t>
  </si>
  <si>
    <t>763ada Pindi Ghazi</t>
  </si>
  <si>
    <t>Roubena Kousar</t>
  </si>
  <si>
    <t>GMPS CHAK 77/A</t>
  </si>
  <si>
    <t>77/A</t>
  </si>
  <si>
    <t>Govt model primary school 77/A feroza tehsil lqp distt ryk</t>
  </si>
  <si>
    <t>GMPS CHAK 77/P</t>
  </si>
  <si>
    <t>Taranda sway khan</t>
  </si>
  <si>
    <t>GMPS chak 77/p</t>
  </si>
  <si>
    <t>Chak 77/p</t>
  </si>
  <si>
    <t>Tranda sway khan</t>
  </si>
  <si>
    <t>GMPS CHAK 773 GB</t>
  </si>
  <si>
    <t>chak no 773 gb</t>
  </si>
  <si>
    <t>Chak No 773 GB</t>
  </si>
  <si>
    <t>Afshan Rashid</t>
  </si>
  <si>
    <t>GMPS CHAK 93/6-R</t>
  </si>
  <si>
    <t>93/6r</t>
  </si>
  <si>
    <t>GMPS CHAK 96 JB</t>
  </si>
  <si>
    <t>Chack No 96jb</t>
  </si>
  <si>
    <t>chak no 96jb gojra,toba tek singh</t>
  </si>
  <si>
    <t>Bushra Psrveen</t>
  </si>
  <si>
    <t>GMPS CHAK 97/P</t>
  </si>
  <si>
    <t>97/p</t>
  </si>
  <si>
    <t>chk no. 97/p rahim yar khan</t>
  </si>
  <si>
    <t>Afshan Amin</t>
  </si>
  <si>
    <t>GMPS CHAK 98 JB II CHOUTI KOHALI</t>
  </si>
  <si>
    <t>367 Jb</t>
  </si>
  <si>
    <t>GMPS chak 98 JB ll chouti kohali gojra</t>
  </si>
  <si>
    <t>Chak 98 J B ll</t>
  </si>
  <si>
    <t>Chak 367 JB</t>
  </si>
  <si>
    <t>Nabila  Akram</t>
  </si>
  <si>
    <t>GMPS CHAK ABDULLAH</t>
  </si>
  <si>
    <t>Kala Shadyan</t>
  </si>
  <si>
    <t>Afia Shaheen</t>
  </si>
  <si>
    <t>GMPS CHAK ALAM</t>
  </si>
  <si>
    <t>Chak Alam</t>
  </si>
  <si>
    <t>Village chak alam post office  jund bosal  teh  phalia dist   MBDin</t>
  </si>
  <si>
    <t>GMPS CHAK ALI SHER</t>
  </si>
  <si>
    <t>Chak Ali Sher</t>
  </si>
  <si>
    <t>vill chak ali sher ,teh wazirabad,distt gujranwala</t>
  </si>
  <si>
    <t>Raheela Tabasum</t>
  </si>
  <si>
    <t>GmPS CHAK ALLAH YAR</t>
  </si>
  <si>
    <t>Chak Allah Yar</t>
  </si>
  <si>
    <t>GMPS Chak Allah Yar</t>
  </si>
  <si>
    <t>GMPS CHAK ALMAS</t>
  </si>
  <si>
    <t>Chak Almas</t>
  </si>
  <si>
    <t>gmps chak almas post office garh mahal tehsil dina district jhelum</t>
  </si>
  <si>
    <t>Nida Nasir</t>
  </si>
  <si>
    <t>GMPS CHAK ALYANA</t>
  </si>
  <si>
    <t>Chak Alyana</t>
  </si>
  <si>
    <t>Mouza Chak Alyana P/O Kot Khan Tehsil &amp; District Jhang</t>
  </si>
  <si>
    <t>M Ishaq Khan</t>
  </si>
  <si>
    <t>GMPS CHAK AMEER</t>
  </si>
  <si>
    <t>Chak ameer lalaka</t>
  </si>
  <si>
    <t>Chak Ameer</t>
  </si>
  <si>
    <t>Robina Qasim</t>
  </si>
  <si>
    <t>GMPS CHAK ASAD ULLAH PUR</t>
  </si>
  <si>
    <t>Village Asadullah Pur</t>
  </si>
  <si>
    <t>GMPS CHAK AYYAH</t>
  </si>
  <si>
    <t>Chak Ayha</t>
  </si>
  <si>
    <t>chak ayya noshera virkan gujranwala</t>
  </si>
  <si>
    <t>Chak Ayya</t>
  </si>
  <si>
    <t>Abdabad</t>
  </si>
  <si>
    <t>GMPS CHAK BAGGA</t>
  </si>
  <si>
    <t>village chak bagga post office tanda distt gujrat</t>
  </si>
  <si>
    <t>Chak Bagga</t>
  </si>
  <si>
    <t>Dhamthl</t>
  </si>
  <si>
    <t>Farhana</t>
  </si>
  <si>
    <t>GMPS CHAK BAHADUR</t>
  </si>
  <si>
    <t>Chakbhadur</t>
  </si>
  <si>
    <t>village Chakbhadur p/o daultala tehsil gujar Khan district Rawalpindi</t>
  </si>
  <si>
    <t>GMPS CHAK BALIAN</t>
  </si>
  <si>
    <t>Balian</t>
  </si>
  <si>
    <t>Mouza Balian P/O Shahjewana tehsil and district Jhang.</t>
  </si>
  <si>
    <t>GMPS CHAK BALOCHAN</t>
  </si>
  <si>
    <t>Chak Blochan</t>
  </si>
  <si>
    <t>chak 176 chak balochan chund bharwana jhang</t>
  </si>
  <si>
    <t>Sidra Basheer</t>
  </si>
  <si>
    <t>GMPS CHAK BANDI</t>
  </si>
  <si>
    <t>P/O mubary Khan teh. sahiwal distt. Sargodha</t>
  </si>
  <si>
    <t>GMPS CHAK BARAN PUR</t>
  </si>
  <si>
    <t>Baran pur</t>
  </si>
  <si>
    <t>Baran pur p/o jaboka okara</t>
  </si>
  <si>
    <t>GMPS CHAK BAZEEDA</t>
  </si>
  <si>
    <t>Najma Mumtaz</t>
  </si>
  <si>
    <t>GMPS CHAK BHATTIAN</t>
  </si>
  <si>
    <t>Noor  Muhammad Bhangran</t>
  </si>
  <si>
    <t>Chak bhattian</t>
  </si>
  <si>
    <t>Mom in Abad</t>
  </si>
  <si>
    <t>GMPS CHAK CHOUDHO</t>
  </si>
  <si>
    <t>Chak Choudhu</t>
  </si>
  <si>
    <t>village chak Choudhu p.o.box bhopalwala</t>
  </si>
  <si>
    <t>sobia tabassam</t>
  </si>
  <si>
    <t>GMPS CHAK CHOUDO</t>
  </si>
  <si>
    <t>Chak choudo</t>
  </si>
  <si>
    <t>village Chack choudo post office jheranwali tehsil and district Gujrat</t>
  </si>
  <si>
    <t>Jheranwali</t>
  </si>
  <si>
    <t>Ummey Salma</t>
  </si>
  <si>
    <t>GMPS CHAK CHOUR</t>
  </si>
  <si>
    <t>Chak Ckohar</t>
  </si>
  <si>
    <t>chak chour</t>
  </si>
  <si>
    <t>Chak Chohar</t>
  </si>
  <si>
    <t>Chak Chodhary</t>
  </si>
  <si>
    <t>GMPS CHAK DADAN ZEREEN</t>
  </si>
  <si>
    <t>Chak Daddan</t>
  </si>
  <si>
    <t>chak daddan zareen</t>
  </si>
  <si>
    <t>Chak Daddan Zareen</t>
  </si>
  <si>
    <t>GMPS CHAK DEWAN</t>
  </si>
  <si>
    <t>Chack Dewan</t>
  </si>
  <si>
    <t>P/O Bhaka Bhattian village Chack Dewan</t>
  </si>
  <si>
    <t>ABEEDA NASEEB</t>
  </si>
  <si>
    <t>GMPS CHAK DHILO</t>
  </si>
  <si>
    <t>Chack Dhillo</t>
  </si>
  <si>
    <t>Chack DHILLO</t>
  </si>
  <si>
    <t>Mandala</t>
  </si>
  <si>
    <t>Atifa Shahzadi</t>
  </si>
  <si>
    <t>GMPS CHAK DHOOL</t>
  </si>
  <si>
    <t>chak dhool</t>
  </si>
  <si>
    <t>chak dhool tehsil sahiwal sargodha</t>
  </si>
  <si>
    <t>likhiwal</t>
  </si>
  <si>
    <t>muhammmad nawaz khan</t>
  </si>
  <si>
    <t>GMPS CHAK DULARAY</t>
  </si>
  <si>
    <t>Chak Dularay</t>
  </si>
  <si>
    <t>p.o.dhodah village chak dularay tehsil pasror distt sialkot</t>
  </si>
  <si>
    <t>Gulnaz Shazia</t>
  </si>
  <si>
    <t>GMPS CHAK FAZAL</t>
  </si>
  <si>
    <t>Chak Fazal</t>
  </si>
  <si>
    <t>district gujrat tehsel kharian dakhana saria kotla Arab ali khan</t>
  </si>
  <si>
    <t>Chiriawla</t>
  </si>
  <si>
    <t>GMPS CHAK FAZAL SHAH</t>
  </si>
  <si>
    <t>chak fazalshah depalpur</t>
  </si>
  <si>
    <t>38/d Kalan</t>
  </si>
  <si>
    <t>GMPS CHAK GHULAM MUHAMMAD</t>
  </si>
  <si>
    <t>Govt model primary school chak Ghulam Muhammad</t>
  </si>
  <si>
    <t>Chak Ghulam Muhammad Muhammad</t>
  </si>
  <si>
    <t>GMPS CHAK GHUMNANA SHARQI</t>
  </si>
  <si>
    <t>Chak Ghumanana Sharqi</t>
  </si>
  <si>
    <t>Chak Ghumanan Sharqi Tehsil and District Jhang</t>
  </si>
  <si>
    <t>GMPS CHAK HAMZA</t>
  </si>
  <si>
    <t>Chakhamza39</t>
  </si>
  <si>
    <t>gmps chak hamza</t>
  </si>
  <si>
    <t>Chakhamza</t>
  </si>
  <si>
    <t>Muhammad Ramzan Sajid</t>
  </si>
  <si>
    <t>GMPS CHAK HASHMIAN QURASHIAN</t>
  </si>
  <si>
    <t>Chak Hashmian Quaishian</t>
  </si>
  <si>
    <t>chak Hashmian</t>
  </si>
  <si>
    <t>Chak Hashmian Querashian</t>
  </si>
  <si>
    <t>GMPS CHAK HUSSAIN PUR</t>
  </si>
  <si>
    <t>chak Hussain pur</t>
  </si>
  <si>
    <t>GMPS Chak Hussain pur</t>
  </si>
  <si>
    <t>Chak Hussain pur</t>
  </si>
  <si>
    <t>Pind Mako</t>
  </si>
  <si>
    <t>KAUSAR NAWAZ</t>
  </si>
  <si>
    <t>GMPS CHAK ISA</t>
  </si>
  <si>
    <t>Chak Essa</t>
  </si>
  <si>
    <t>village chak essa p/o kala gujran jhelum</t>
  </si>
  <si>
    <t>GMPS CHAK ISHAQ</t>
  </si>
  <si>
    <t>Chak Ishaq</t>
  </si>
  <si>
    <t>village chak ishaq p.o dhoda, pasrur</t>
  </si>
  <si>
    <t>Naseem Tufail</t>
  </si>
  <si>
    <t>GMPS CHAK JANO NAI ABADI</t>
  </si>
  <si>
    <t>Chak Jano Na</t>
  </si>
  <si>
    <t>chak jano n.a</t>
  </si>
  <si>
    <t>Zunaira Riaz</t>
  </si>
  <si>
    <t>GMPS CHAK JHAMMAT</t>
  </si>
  <si>
    <t>Chak Jhammat</t>
  </si>
  <si>
    <t>Madiha Atta</t>
  </si>
  <si>
    <t>GMPS CHAK JOYA</t>
  </si>
  <si>
    <t>chak joya</t>
  </si>
  <si>
    <t>Chak Joya</t>
  </si>
  <si>
    <t>GMPS CHAK KACHA</t>
  </si>
  <si>
    <t>Chak Kacha Maghyana</t>
  </si>
  <si>
    <t>purana khorara Jhang</t>
  </si>
  <si>
    <t>Khorara</t>
  </si>
  <si>
    <t>GMPS CHAK KALLAR AWAL</t>
  </si>
  <si>
    <t>Basti kallar mithankot</t>
  </si>
  <si>
    <t>Basti Kallar</t>
  </si>
  <si>
    <t>GMPS CHAK KAREEM</t>
  </si>
  <si>
    <t>Chak Kareem</t>
  </si>
  <si>
    <t>chak karim p/o kotli loharan west sialkot</t>
  </si>
  <si>
    <t>GMPS CHAK KHAN MUHAMMAD</t>
  </si>
  <si>
    <t>Chak Khan Muhammad</t>
  </si>
  <si>
    <t>Shreen</t>
  </si>
  <si>
    <t>M Nawaz Qasim</t>
  </si>
  <si>
    <t>GMPS CHAK KHANA</t>
  </si>
  <si>
    <t>Chakkhana</t>
  </si>
  <si>
    <t>village chakkhana tehsil and distt. sialkot</t>
  </si>
  <si>
    <t>Rukhsana Saddique</t>
  </si>
  <si>
    <t>GMPS CHAK KHAWAJA</t>
  </si>
  <si>
    <t>Chak Khawaja</t>
  </si>
  <si>
    <t>Chak Khawaja P.O Noor jamal Janubi Tehsil Phalia dis!trict M.B.Din</t>
  </si>
  <si>
    <t>GMPS CHAK KHIZAR</t>
  </si>
  <si>
    <t>Chak Khizar</t>
  </si>
  <si>
    <t>Tahira Akbar</t>
  </si>
  <si>
    <t>GMPS CHAK KUKKA</t>
  </si>
  <si>
    <t>Chak Kakka</t>
  </si>
  <si>
    <t>chak kakka</t>
  </si>
  <si>
    <t>Veroeala</t>
  </si>
  <si>
    <t>Musarat Bano</t>
  </si>
  <si>
    <t>GMPS CHAK KURAL</t>
  </si>
  <si>
    <t>Chak Karal</t>
  </si>
  <si>
    <t>village &amp; post office chak karal distt &amp;teh.- gujrat</t>
  </si>
  <si>
    <t>sana sarwar</t>
  </si>
  <si>
    <t>fliter water</t>
  </si>
  <si>
    <t>GMPS CHAK LASHKARI</t>
  </si>
  <si>
    <t>Chak Lashkri</t>
  </si>
  <si>
    <t>GMPS Chak Lashkri PO Dinga Teh Kharian Distt Gujrat</t>
  </si>
  <si>
    <t>Warriachanwala</t>
  </si>
  <si>
    <t>Umm- E-Maryam</t>
  </si>
  <si>
    <t>GMPS CHAK MALO</t>
  </si>
  <si>
    <t>Chak Malo</t>
  </si>
  <si>
    <t>Post office gadarey district Sialkot.</t>
  </si>
  <si>
    <t>Shabana Arshed</t>
  </si>
  <si>
    <t>GMPS CHAK MARAL</t>
  </si>
  <si>
    <t>Chak Marl</t>
  </si>
  <si>
    <t>Chak Marl P.O Bakho Bhatti Teh Pasrur Dist Sialkot</t>
  </si>
  <si>
    <t>GMPS CHAK MEHUN</t>
  </si>
  <si>
    <t>Chakmehu</t>
  </si>
  <si>
    <t>chakmehu post office Dina</t>
  </si>
  <si>
    <t>Chakkmehun</t>
  </si>
  <si>
    <t>GMPS CHAK MIANA BARGRAN</t>
  </si>
  <si>
    <t>Chakmiana Bhargran</t>
  </si>
  <si>
    <t>village chakmiana bhargran p/o bhao gaseet pur tehsil kharrian district gujrat</t>
  </si>
  <si>
    <t>Tanzeela Iram Shahzadi</t>
  </si>
  <si>
    <t>GMPS CHAK MIRAN SHAH</t>
  </si>
  <si>
    <t>basti hazrat meran shah</t>
  </si>
  <si>
    <t>Meran Shah</t>
  </si>
  <si>
    <t>Humera  Liaqat</t>
  </si>
  <si>
    <t>GMPS CHAK NAGAR CHIAN</t>
  </si>
  <si>
    <t>Chak Nagarchian</t>
  </si>
  <si>
    <t>village chak nagarchian post office Ghar Mahal teh Dina district jhelum.</t>
  </si>
  <si>
    <t>Misbah Arif</t>
  </si>
  <si>
    <t>GMPS CHAK NO 1 TW</t>
  </si>
  <si>
    <t>Chak No 1tw</t>
  </si>
  <si>
    <t>chak no 1.tw</t>
  </si>
  <si>
    <t>riaz batool</t>
  </si>
  <si>
    <t>GMPS CHAK NO 1/2 L</t>
  </si>
  <si>
    <t>GMP/S Chak No.1/2L</t>
  </si>
  <si>
    <t>1/2L</t>
  </si>
  <si>
    <t>GMPS CHAK NO 100/F</t>
  </si>
  <si>
    <t>100 F</t>
  </si>
  <si>
    <t>Chak No.100/F tehsil chishtian dist.Bahawalnagar</t>
  </si>
  <si>
    <t>Chak No100/F</t>
  </si>
  <si>
    <t>GMPS CHAK NO 101 JB</t>
  </si>
  <si>
    <t>CHAK NO.101 JAHANIA</t>
  </si>
  <si>
    <t>CHAK NO 101 JB JAHANIA</t>
  </si>
  <si>
    <t>GMPS CHAK NO 102 ML</t>
  </si>
  <si>
    <t>102ml</t>
  </si>
  <si>
    <t>ward.no6 fateh pur</t>
  </si>
  <si>
    <t>chak 102ml</t>
  </si>
  <si>
    <t>98ml</t>
  </si>
  <si>
    <t>bushra mushtaq</t>
  </si>
  <si>
    <t>GMPS CHAK NO 108 ML</t>
  </si>
  <si>
    <t>108 ML</t>
  </si>
  <si>
    <t>CHAK NO 108 ML</t>
  </si>
  <si>
    <t>CHAK NO 112 ML</t>
  </si>
  <si>
    <t>GMPS CHAK NO 11/FW</t>
  </si>
  <si>
    <t>11 /FW Munshay wala Teh CTN Dist BWN</t>
  </si>
  <si>
    <t>11 Munshay wala</t>
  </si>
  <si>
    <t>10 FW</t>
  </si>
  <si>
    <t>Muqadas Jubeen</t>
  </si>
  <si>
    <t>GMPS CHAK NO 12 DB HERNOLI</t>
  </si>
  <si>
    <t>village chak No. 12db</t>
  </si>
  <si>
    <t>Chak No 12 DB</t>
  </si>
  <si>
    <t>BUSHRA REHMAN</t>
  </si>
  <si>
    <t>GMPS CHAK NO 12/3 L (B)</t>
  </si>
  <si>
    <t>govt girls Modal primary school 12/3LB</t>
  </si>
  <si>
    <t>GMPS CHAK NO 127 JB</t>
  </si>
  <si>
    <t>BHATTI Wala</t>
  </si>
  <si>
    <t>chack no127jb BHATTI wala chiniot</t>
  </si>
  <si>
    <t>Chack No127jb</t>
  </si>
  <si>
    <t>125 Japay</t>
  </si>
  <si>
    <t>GMPS CHAK NO 129/6-R</t>
  </si>
  <si>
    <t>129/6R</t>
  </si>
  <si>
    <t>CHAK 129/6R P/O 130/6R THS HND DIST.BWN</t>
  </si>
  <si>
    <t>Taslim Aslam</t>
  </si>
  <si>
    <t>GMPS CHAK NO 130 JB</t>
  </si>
  <si>
    <t>Jhok</t>
  </si>
  <si>
    <t>Chak 130  chiniot</t>
  </si>
  <si>
    <t>Thethiyana</t>
  </si>
  <si>
    <t>Kusar Noor</t>
  </si>
  <si>
    <t>GMPS CHAK NO 131 JB WEST</t>
  </si>
  <si>
    <t>Chukhiyan</t>
  </si>
  <si>
    <t>Chak No. 131 JB( West) Chiniot</t>
  </si>
  <si>
    <t>Kiran Sehar</t>
  </si>
  <si>
    <t>GMPS CHAK NO 131/NP</t>
  </si>
  <si>
    <t>Chak no. 131/NP</t>
  </si>
  <si>
    <t>131/ NP</t>
  </si>
  <si>
    <t>Samina Ibrahim</t>
  </si>
  <si>
    <t>GMPS CHAK NO 14 MURAD WALA</t>
  </si>
  <si>
    <t>Chak No 14 Jb</t>
  </si>
  <si>
    <t>Chak no 14 jb muradwala chiniot</t>
  </si>
  <si>
    <t>Attique Anwar</t>
  </si>
  <si>
    <t>GMPS CHAK NO 140 JB</t>
  </si>
  <si>
    <t>Chak#140/Jb</t>
  </si>
  <si>
    <t>gmps  chak#140/jb khokhar</t>
  </si>
  <si>
    <t>Chak#140/Jb Khokhar</t>
  </si>
  <si>
    <t>Chak#140</t>
  </si>
  <si>
    <t>bilal ahmad</t>
  </si>
  <si>
    <t>GMPS CHAK NO 141 JB KHOKHRAN</t>
  </si>
  <si>
    <t>Chak#141 J/B Khokhran</t>
  </si>
  <si>
    <t>Chak#141 J/b Khokharan</t>
  </si>
  <si>
    <t>Chak #140j/b</t>
  </si>
  <si>
    <t>GMPS CHAK NO 145 JB</t>
  </si>
  <si>
    <t>Salara Chak #145jb</t>
  </si>
  <si>
    <t>gmps salaray chak #145jb</t>
  </si>
  <si>
    <t>Salaray Chak#145jb</t>
  </si>
  <si>
    <t>Gutti Syedan  Chak #153</t>
  </si>
  <si>
    <t>Rukhsana Arif</t>
  </si>
  <si>
    <t>GMPS CHAK NO 148 JB HARAL</t>
  </si>
  <si>
    <t>Chak No 148</t>
  </si>
  <si>
    <t>chak no 148 jb tehsil &amp; distt chiniot</t>
  </si>
  <si>
    <t>Gattee Sadayan</t>
  </si>
  <si>
    <t>GMPS CHAK NO 149 JB I</t>
  </si>
  <si>
    <t>Gmp/s 149</t>
  </si>
  <si>
    <t>Chak no 149</t>
  </si>
  <si>
    <t>GMPS CHAK NO 150 JB</t>
  </si>
  <si>
    <t>Chak No 150</t>
  </si>
  <si>
    <t>GMPS 150</t>
  </si>
  <si>
    <t>Kalsoom Anwar</t>
  </si>
  <si>
    <t>GMPS CHAK NO 154 JB</t>
  </si>
  <si>
    <t>Chak No 154</t>
  </si>
  <si>
    <t>chak no 154 ludhyana</t>
  </si>
  <si>
    <t>Ludhyana</t>
  </si>
  <si>
    <t>Faiz Batool</t>
  </si>
  <si>
    <t>GMPS CHAK NO 156 JB SAHMAL</t>
  </si>
  <si>
    <t>156 S</t>
  </si>
  <si>
    <t>chack no 156 s</t>
  </si>
  <si>
    <t>Humaira Nasir</t>
  </si>
  <si>
    <t>GMPS CHAK NO 157 JB</t>
  </si>
  <si>
    <t>157wagh</t>
  </si>
  <si>
    <t>Mamoona Gul</t>
  </si>
  <si>
    <t>GMPS CHAK NO 158 JB</t>
  </si>
  <si>
    <t>chak no 158 jb pump wajid ali shah</t>
  </si>
  <si>
    <t>158 Jb</t>
  </si>
  <si>
    <t>GMPS CHAK NO 161 JB HUSSUANA</t>
  </si>
  <si>
    <t>Hissuwana</t>
  </si>
  <si>
    <t>Chak no 161 Hissuwana</t>
  </si>
  <si>
    <t>Chak Sipra 159</t>
  </si>
  <si>
    <t>GMPS CHAK NO 162 JB</t>
  </si>
  <si>
    <t>Thalochi Noul</t>
  </si>
  <si>
    <t>Chak#162 PO Chak#161 Guniana</t>
  </si>
  <si>
    <t>CHAK# 162</t>
  </si>
  <si>
    <t>Uzma Abdullah</t>
  </si>
  <si>
    <t>GMPS CHAK NO 164 JB JOIYA</t>
  </si>
  <si>
    <t>CHAK JOIYA WALA</t>
  </si>
  <si>
    <t>chak 164 JB Joiya</t>
  </si>
  <si>
    <t>Joiya Wala</t>
  </si>
  <si>
    <t>169 Garwa</t>
  </si>
  <si>
    <t>Nazia Akbar</t>
  </si>
  <si>
    <t>GMPS CHAK NO 166 JB DOKA</t>
  </si>
  <si>
    <t>Chak No169 Doka</t>
  </si>
  <si>
    <t>chack no 166 doaka post office mochiwals district tensile jgang</t>
  </si>
  <si>
    <t>Doaka</t>
  </si>
  <si>
    <t>Garwa</t>
  </si>
  <si>
    <t>GMPS CHAK NO 168/7-R W</t>
  </si>
  <si>
    <t>chak no 168/7r tehsil fortabbas distic bahawalnagar</t>
  </si>
  <si>
    <t>168/7r</t>
  </si>
  <si>
    <t>GMPS CHAK NO 169 JB ABADI MURAD</t>
  </si>
  <si>
    <t>abadi murad</t>
  </si>
  <si>
    <t>chak 169 abadi murad jhang</t>
  </si>
  <si>
    <t>chak no169</t>
  </si>
  <si>
    <t>Munawwar Begum</t>
  </si>
  <si>
    <t>GMPS CHAK NO 172/MB</t>
  </si>
  <si>
    <t>Ch172/mb</t>
  </si>
  <si>
    <t>Chao 172/M (B)</t>
  </si>
  <si>
    <t>CH 173/M</t>
  </si>
  <si>
    <t>GMPS CHAK NO 174/MA</t>
  </si>
  <si>
    <t>174/M</t>
  </si>
  <si>
    <t>g m p s 174m</t>
  </si>
  <si>
    <t>174 A M</t>
  </si>
  <si>
    <t>Shakeela Muqadas</t>
  </si>
  <si>
    <t>GMPS CHAK NO 18 GHAGH</t>
  </si>
  <si>
    <t>18 Ghagh</t>
  </si>
  <si>
    <t>chack no 18 ghagh theh shorkot dist jhangh</t>
  </si>
  <si>
    <t>Chack No 18 Ghagh</t>
  </si>
  <si>
    <t>Kaki Nau Soim</t>
  </si>
  <si>
    <t>GMPS CHAK NO 181 JB EAST</t>
  </si>
  <si>
    <t>181 East</t>
  </si>
  <si>
    <t>chak no.181 east</t>
  </si>
  <si>
    <t>Chan No181 East</t>
  </si>
  <si>
    <t>Sahib Zadi</t>
  </si>
  <si>
    <t>GMPS CHAK NO 181/7-R (WEST)</t>
  </si>
  <si>
    <t>181 7/r  W</t>
  </si>
  <si>
    <t>g m p/s 181 7/r w</t>
  </si>
  <si>
    <t>Chak No 181 7/r w</t>
  </si>
  <si>
    <t>213 9/r</t>
  </si>
  <si>
    <t>GMPS CHAK NO 182 II</t>
  </si>
  <si>
    <t>Chak No 182 JB T/D Jhang</t>
  </si>
  <si>
    <t>Ishrat Firdous</t>
  </si>
  <si>
    <t>GMPS CHAK NO 183 I</t>
  </si>
  <si>
    <t>Balloana</t>
  </si>
  <si>
    <t>chak no.183</t>
  </si>
  <si>
    <t>Chak No182</t>
  </si>
  <si>
    <t>GMPS CHAK NO 183/7-R (S)</t>
  </si>
  <si>
    <t>183/7R  S</t>
  </si>
  <si>
    <t>Chak No 183/7R(s)</t>
  </si>
  <si>
    <t>FARAH YASMEEN</t>
  </si>
  <si>
    <t>GMPS CHAK NO 184 JB</t>
  </si>
  <si>
    <t>Jangloo</t>
  </si>
  <si>
    <t>chak no.184 West</t>
  </si>
  <si>
    <t>Chak No184 W</t>
  </si>
  <si>
    <t>Farkhanda Maqbool</t>
  </si>
  <si>
    <t>GMPS CHAK NO 185/7-R (N)</t>
  </si>
  <si>
    <t>185/ 7r</t>
  </si>
  <si>
    <t>185/7r North tehsil fort abbas distance Bahawalnager</t>
  </si>
  <si>
    <t>185 7/r N</t>
  </si>
  <si>
    <t>Asmat  Rafiq</t>
  </si>
  <si>
    <t>GMPS CHAK NO 186 JB</t>
  </si>
  <si>
    <t>186 Kalyar Wala</t>
  </si>
  <si>
    <t>Chak No 186  Tehsil Bhowana District Chiniot</t>
  </si>
  <si>
    <t>Chak No 186 Jb</t>
  </si>
  <si>
    <t>Chak No 208 Sahmal</t>
  </si>
  <si>
    <t>IFFAT BANO</t>
  </si>
  <si>
    <t>GMPS CHAK NO 187 TDA</t>
  </si>
  <si>
    <t>Royal</t>
  </si>
  <si>
    <t>chak no 187 TDA</t>
  </si>
  <si>
    <t>Chak 187 TDA</t>
  </si>
  <si>
    <t>183 -184 TDA</t>
  </si>
  <si>
    <t>Arooj Fathma</t>
  </si>
  <si>
    <t>GMPS CHAK NO 188 TDA</t>
  </si>
  <si>
    <t>Chak 188/tda</t>
  </si>
  <si>
    <t>ggps chak no 188/tda</t>
  </si>
  <si>
    <t>Chak No188/tda Bhakkar</t>
  </si>
  <si>
    <t>183-184 Tda</t>
  </si>
  <si>
    <t>GMPS CHAK NO 19 GHAGH</t>
  </si>
  <si>
    <t>19ghagh</t>
  </si>
  <si>
    <t>19 ghagh</t>
  </si>
  <si>
    <t>19 Ghagh</t>
  </si>
  <si>
    <t>Anum Parveen</t>
  </si>
  <si>
    <t>GMPS CHAK NO 19 ML</t>
  </si>
  <si>
    <t>Dubb</t>
  </si>
  <si>
    <t>Village 19/ML, Union Council Dubb, Tehsil Piplan District Mianwali</t>
  </si>
  <si>
    <t>19 ML</t>
  </si>
  <si>
    <t>GMPS CHAK NO 192 JB</t>
  </si>
  <si>
    <t>192batiwla</t>
  </si>
  <si>
    <t>192 batiwala</t>
  </si>
  <si>
    <t>192jb</t>
  </si>
  <si>
    <t>Balquees Jahan</t>
  </si>
  <si>
    <t>GMPS CHAK NO 194/7-R</t>
  </si>
  <si>
    <t>194/7R</t>
  </si>
  <si>
    <t>Namrah Ilyas</t>
  </si>
  <si>
    <t>GMPS CHAK NO 196 JB JIVAN KA</t>
  </si>
  <si>
    <t>Chak No 195jb</t>
  </si>
  <si>
    <t>Chak no 196 Jiven Ka</t>
  </si>
  <si>
    <t>Chak No 196 Jiven Kay</t>
  </si>
  <si>
    <t>Chak#195jb Bhalo</t>
  </si>
  <si>
    <t>Hafiz Mazhar Ali</t>
  </si>
  <si>
    <t>GMPS CHAK NO 2/4-L (New)</t>
  </si>
  <si>
    <t>chak no 2/4-L</t>
  </si>
  <si>
    <t>Chak No2/4L</t>
  </si>
  <si>
    <t>Samondowana</t>
  </si>
  <si>
    <t>Tahirabaigam</t>
  </si>
  <si>
    <t>GMPS CHAK NO 20 DB</t>
  </si>
  <si>
    <t>Chak no 20db</t>
  </si>
  <si>
    <t>chak no 20db</t>
  </si>
  <si>
    <t>Chak No 20db</t>
  </si>
  <si>
    <t>Vichve Bala</t>
  </si>
  <si>
    <t>GMPS CHAK NO 201 JB</t>
  </si>
  <si>
    <t>Chak no. 201 JB</t>
  </si>
  <si>
    <t>GMPS CHAK NO 202 JB</t>
  </si>
  <si>
    <t>chak no.202 jb salat ke Teh.Bhawana district Chiniot</t>
  </si>
  <si>
    <t>Chak No202 Jb</t>
  </si>
  <si>
    <t>Chak No 203</t>
  </si>
  <si>
    <t>GMPS CHAK NO 202/8-R EAST</t>
  </si>
  <si>
    <t>Chk 202/8r East</t>
  </si>
  <si>
    <t>chk 202/8r east p/o 199/8r teh.frtbass dis. bhwalngar</t>
  </si>
  <si>
    <t>Chk 2028 R East</t>
  </si>
  <si>
    <t>Ome Kalsoom</t>
  </si>
  <si>
    <t>GMPS CHAK NO 204 JB</t>
  </si>
  <si>
    <t>chak #204jb</t>
  </si>
  <si>
    <t>204 Jb</t>
  </si>
  <si>
    <t>GMPS CHAK NO 206 JB</t>
  </si>
  <si>
    <t>Bosal Wali</t>
  </si>
  <si>
    <t>moza bosal Wali</t>
  </si>
  <si>
    <t>Chak No 206jb</t>
  </si>
  <si>
    <t>Chak No 184jb</t>
  </si>
  <si>
    <t>GMPS CHAK NO 207 JB</t>
  </si>
  <si>
    <t>Chak#207/JB</t>
  </si>
  <si>
    <t>chak#207 JB Tehsil Bhawana</t>
  </si>
  <si>
    <t>Chak#207</t>
  </si>
  <si>
    <t>Chak#208/JB</t>
  </si>
  <si>
    <t>GMPS CHAK NO 21 DB</t>
  </si>
  <si>
    <t>Wichveen Bala</t>
  </si>
  <si>
    <t>chak no 21db po Bala teh piplan distt mianwali</t>
  </si>
  <si>
    <t>Chak No 21db</t>
  </si>
  <si>
    <t>GMPS CHAK NO 211 JB</t>
  </si>
  <si>
    <t>Titranwala</t>
  </si>
  <si>
    <t>GMPS 211 Jb Titranwala Tehsil Bhowana dist Chiniot</t>
  </si>
  <si>
    <t>Titranwala 211</t>
  </si>
  <si>
    <t>Chak No. 210 JB Tarrar</t>
  </si>
  <si>
    <t>Nighat Naseem</t>
  </si>
  <si>
    <t>GMPS CHAK NO 212 JB</t>
  </si>
  <si>
    <t>gmps212jb sargana</t>
  </si>
  <si>
    <t>Naila Tabassum</t>
  </si>
  <si>
    <t>GMPS CHAK NO 213 LALE</t>
  </si>
  <si>
    <t>CHAK  NO  213</t>
  </si>
  <si>
    <t>GMPS chak no 213</t>
  </si>
  <si>
    <t>Chak No Lail</t>
  </si>
  <si>
    <t>GMPS CHAK NO 215 GHAZI ABBAD (30-04-15)</t>
  </si>
  <si>
    <t>Chak no 215 Teh District Jhang</t>
  </si>
  <si>
    <t>Chak No215</t>
  </si>
  <si>
    <t>Chak no 215</t>
  </si>
  <si>
    <t>GMPS CHAK NO 215 JB</t>
  </si>
  <si>
    <t>UC 215</t>
  </si>
  <si>
    <t>GMPS CHAK NO 216/P</t>
  </si>
  <si>
    <t>Chak no 216/p</t>
  </si>
  <si>
    <t>chak no 216/p tehsil sadiq abad dist. ryk</t>
  </si>
  <si>
    <t>chak no 264/p</t>
  </si>
  <si>
    <t>GMPS CHAK NO 219/9-R</t>
  </si>
  <si>
    <t>chak No 219/9r</t>
  </si>
  <si>
    <t>Chak No 219/9r</t>
  </si>
  <si>
    <t>Chak No 213/9r</t>
  </si>
  <si>
    <t>Sofia Naheed</t>
  </si>
  <si>
    <t>GMPS CHAK NO 220/9-R</t>
  </si>
  <si>
    <t>Chak No 220/9R</t>
  </si>
  <si>
    <t>chak no.220/9R,fort abbas</t>
  </si>
  <si>
    <t>220/9R</t>
  </si>
  <si>
    <t>GMPS CHAK NO 222/9-R G</t>
  </si>
  <si>
    <t>222/9r</t>
  </si>
  <si>
    <t>chak 222 9 r tehsil fort Abbas district bahWalnagar</t>
  </si>
  <si>
    <t>Chak 222 9 R</t>
  </si>
  <si>
    <t>213 9r</t>
  </si>
  <si>
    <t>Amtul Basit</t>
  </si>
  <si>
    <t>GMPS CHAK NO 223 JB RAMANA</t>
  </si>
  <si>
    <t>chak no 223 jb</t>
  </si>
  <si>
    <t>GMPS CHAK NO 223 JB</t>
  </si>
  <si>
    <t>arbian</t>
  </si>
  <si>
    <t>GMPS CHAK NO 223/9-R</t>
  </si>
  <si>
    <t>Chak No 223 /9R</t>
  </si>
  <si>
    <t>G.M.P.School 223/9R</t>
  </si>
  <si>
    <t>223 /9R</t>
  </si>
  <si>
    <t>213 /9R</t>
  </si>
  <si>
    <t>Gul Afshan</t>
  </si>
  <si>
    <t>GMPS CHAK NO 224 JB</t>
  </si>
  <si>
    <t>Chuchkana</t>
  </si>
  <si>
    <t>chak no 224 J/B</t>
  </si>
  <si>
    <t>Chak No 224</t>
  </si>
  <si>
    <t>Chak No 190 Arby</t>
  </si>
  <si>
    <t>GMPS CHAK NO 224/9-R N</t>
  </si>
  <si>
    <t>Chak224/9-R</t>
  </si>
  <si>
    <t>chak224/9-R(N)TehsilFortabbasDistrict Bahawalnagar</t>
  </si>
  <si>
    <t>224/9-R</t>
  </si>
  <si>
    <t>226/9-R</t>
  </si>
  <si>
    <t>GMPS CHAK NO 225 TDA</t>
  </si>
  <si>
    <t>225/tda</t>
  </si>
  <si>
    <t>225/Tda</t>
  </si>
  <si>
    <t>Hina Khursheed</t>
  </si>
  <si>
    <t>GMPS CHAK NO 226 JB</t>
  </si>
  <si>
    <t>226JB Bharwana</t>
  </si>
  <si>
    <t>GMPS CHAK NO 226JB</t>
  </si>
  <si>
    <t>Chak No 226 JB</t>
  </si>
  <si>
    <t>MANGWANA</t>
  </si>
  <si>
    <t>GMPS CHAK NO 227 JB</t>
  </si>
  <si>
    <t>DILLONWAALA</t>
  </si>
  <si>
    <t>GMPS  chak no 227 JB</t>
  </si>
  <si>
    <t>CHAK NO 227JB</t>
  </si>
  <si>
    <t>Mangoeana</t>
  </si>
  <si>
    <t>Hummeira Iqbal</t>
  </si>
  <si>
    <t>GMPS CHAK NO 227 TDA</t>
  </si>
  <si>
    <t>227/TDA</t>
  </si>
  <si>
    <t>GMPS CHAK NO 227/TDA</t>
  </si>
  <si>
    <t>GMPS CHAK NO 228 JB</t>
  </si>
  <si>
    <t>chak No. 228/JB</t>
  </si>
  <si>
    <t>Chak No 228</t>
  </si>
  <si>
    <t>MANGOWANA</t>
  </si>
  <si>
    <t>Nudrat Parveen</t>
  </si>
  <si>
    <t>GMPS CHAK NO 229 JB</t>
  </si>
  <si>
    <t>Keemay Ka</t>
  </si>
  <si>
    <t>Chak No. 229/JB Tehsil Bhowana District Chiniot</t>
  </si>
  <si>
    <t>Chak No 229JB</t>
  </si>
  <si>
    <t>195 Bhalo</t>
  </si>
  <si>
    <t>GMPS CHAK NO 233 HUSNANA</t>
  </si>
  <si>
    <t>chak # 233 husnana</t>
  </si>
  <si>
    <t>chak no 233 Husnana</t>
  </si>
  <si>
    <t>Husnana</t>
  </si>
  <si>
    <t>PAKHRA SULTAN</t>
  </si>
  <si>
    <t>GMPS CHAK NO 233 JB (W) (30-04-15)</t>
  </si>
  <si>
    <t>CHAK No 233jbW</t>
  </si>
  <si>
    <t>CHAK no 233jb(w)  tehsil&amp;Distt  Jhang</t>
  </si>
  <si>
    <t>CHAK No233jbW</t>
  </si>
  <si>
    <t>Muhammad Saleem Nadeem</t>
  </si>
  <si>
    <t>GMPS CHAK NO 237 JB EAST</t>
  </si>
  <si>
    <t>langrana</t>
  </si>
  <si>
    <t>chak no 237 jb east</t>
  </si>
  <si>
    <t>langrana237</t>
  </si>
  <si>
    <t>186 sial</t>
  </si>
  <si>
    <t>Asmat Begum</t>
  </si>
  <si>
    <t>GMPS CHAK NO 238 JB BALHARKAY</t>
  </si>
  <si>
    <t>238W</t>
  </si>
  <si>
    <t>Chak 238W BALHARKY</t>
  </si>
  <si>
    <t>Balhar Wala</t>
  </si>
  <si>
    <t>Chak NO 208 SAHMAL</t>
  </si>
  <si>
    <t>Aqdas Fatima</t>
  </si>
  <si>
    <t>GMPS CHAK NO 238/9-R</t>
  </si>
  <si>
    <t>238/9r</t>
  </si>
  <si>
    <t>Musrrat Bagum</t>
  </si>
  <si>
    <t>GMPS CHAK NO 239 JB EAST</t>
  </si>
  <si>
    <t>239east</t>
  </si>
  <si>
    <t>chak no 239 east</t>
  </si>
  <si>
    <t>Ghulam Bibi</t>
  </si>
  <si>
    <t>GMPS CHAK NO 239 WEST</t>
  </si>
  <si>
    <t>239 Dhalo Wali</t>
  </si>
  <si>
    <t>chak no 239west</t>
  </si>
  <si>
    <t>Dhalo Alii</t>
  </si>
  <si>
    <t>GMPS CHAK NO 242 JB EAST</t>
  </si>
  <si>
    <t>Sarnanga</t>
  </si>
  <si>
    <t>chak no 242 jb East tehsil bhowana district chiniot</t>
  </si>
  <si>
    <t>Chak no 242 jb East</t>
  </si>
  <si>
    <t>Chak no 210 jb</t>
  </si>
  <si>
    <t>Samina Jamal</t>
  </si>
  <si>
    <t>GMPS CHAK NO 242 JB WEST</t>
  </si>
  <si>
    <t>Marloo</t>
  </si>
  <si>
    <t>GMPS 242 W Tehsil Bhowana</t>
  </si>
  <si>
    <t>Chk No 242</t>
  </si>
  <si>
    <t>Chak No 210 Tarer</t>
  </si>
  <si>
    <t>SHAWANA SAADULLAH</t>
  </si>
  <si>
    <t>GMPS CHAK NO 245 JB HARAL</t>
  </si>
  <si>
    <t>Haral</t>
  </si>
  <si>
    <t>chak no. 245 haral jb teh bhowana distt chiniot</t>
  </si>
  <si>
    <t>Babra Yasmeen</t>
  </si>
  <si>
    <t>GMPS CHAK NO 246 JB</t>
  </si>
  <si>
    <t>Gharray</t>
  </si>
  <si>
    <t>GMPS CHAK NO 246 JB TEH BHOWANA DISTT CHINIOT</t>
  </si>
  <si>
    <t>Chak No 246</t>
  </si>
  <si>
    <t>Shehzadi  Noor</t>
  </si>
  <si>
    <t>GMPS CHAK NO 247 JB ABADI KASHMIRI</t>
  </si>
  <si>
    <t>GMPS Chack no 247 jb Abadi Kashmiri</t>
  </si>
  <si>
    <t>Chack No 247</t>
  </si>
  <si>
    <t>Mehwish Batool</t>
  </si>
  <si>
    <t>GMPS CHAK NO 250 II</t>
  </si>
  <si>
    <t>Gnjru</t>
  </si>
  <si>
    <t>ch ak 250</t>
  </si>
  <si>
    <t>Ganjru</t>
  </si>
  <si>
    <t>Chak 250</t>
  </si>
  <si>
    <t>GMPS CHAK NO 254 II</t>
  </si>
  <si>
    <t>Chak 254 Jb</t>
  </si>
  <si>
    <t>Chak 254jb Saeedabad Tehsil and district Jhang</t>
  </si>
  <si>
    <t>Chak 250 Jb</t>
  </si>
  <si>
    <t>Riffat Shafi</t>
  </si>
  <si>
    <t>GMPS CHAK NO 258 JB</t>
  </si>
  <si>
    <t>Dairy Wala</t>
  </si>
  <si>
    <t>Government Model Primary school Chak No 258 Dairy Wala</t>
  </si>
  <si>
    <t>GMPS CHAK NO 26 KB</t>
  </si>
  <si>
    <t>26 Kb</t>
  </si>
  <si>
    <t>26 kb</t>
  </si>
  <si>
    <t>Jomoo B0dla</t>
  </si>
  <si>
    <t>GMPS CHAK NO 261/3</t>
  </si>
  <si>
    <t>Chak No 261 Kot Hamayoun Jhang</t>
  </si>
  <si>
    <t>Chak No 261 Kot Hamayoun</t>
  </si>
  <si>
    <t>GMPS CHAK NO 263 JB</t>
  </si>
  <si>
    <t>chak no 263 patoana</t>
  </si>
  <si>
    <t>GMPS CHAK NO 266 HR</t>
  </si>
  <si>
    <t>266/hr</t>
  </si>
  <si>
    <t>chak  no 266/hr tahseelFortabbas</t>
  </si>
  <si>
    <t>246/hr</t>
  </si>
  <si>
    <t>GMPS CHAK NO 267 HR</t>
  </si>
  <si>
    <t>267HR</t>
  </si>
  <si>
    <t>GMPS 267HR</t>
  </si>
  <si>
    <t>264HR</t>
  </si>
  <si>
    <t>GMPS CHAK NO 277 HR W</t>
  </si>
  <si>
    <t>277/HR W</t>
  </si>
  <si>
    <t>Govt Model p/s 277/HR W</t>
  </si>
  <si>
    <t>281/ Hr</t>
  </si>
  <si>
    <t>GMPS CHAK NO 281 HR</t>
  </si>
  <si>
    <t>281  Hr</t>
  </si>
  <si>
    <t>GMPS  281 HR</t>
  </si>
  <si>
    <t>Arshad Anjam</t>
  </si>
  <si>
    <t>GMPS CHAK NO 29/G</t>
  </si>
  <si>
    <t>29/G</t>
  </si>
  <si>
    <t>chak no 29/G p/o 28/G</t>
  </si>
  <si>
    <t>28/G</t>
  </si>
  <si>
    <t>Munazza Munir</t>
  </si>
  <si>
    <t>GMPS CHAK NO 294 HR</t>
  </si>
  <si>
    <t>294hr</t>
  </si>
  <si>
    <t>294 Hr</t>
  </si>
  <si>
    <t>GULNAZ QAMAR</t>
  </si>
  <si>
    <t>GMPS CHAK NO 3 RMK</t>
  </si>
  <si>
    <t>chak no 3RMK</t>
  </si>
  <si>
    <t>chak no 3rmk</t>
  </si>
  <si>
    <t>Dilshad Fatima</t>
  </si>
  <si>
    <t>GMPS CHAK NO 30/P</t>
  </si>
  <si>
    <t>Mudkalo</t>
  </si>
  <si>
    <t>chak 30-p union council latki</t>
  </si>
  <si>
    <t>30-p</t>
  </si>
  <si>
    <t>GMPS CHAK NO 311 HR</t>
  </si>
  <si>
    <t>Basti Parhar</t>
  </si>
  <si>
    <t>Chak no. 311 hr fts Bwn</t>
  </si>
  <si>
    <t>Chak No 311 Hr</t>
  </si>
  <si>
    <t>M Mazhar Alam</t>
  </si>
  <si>
    <t>GMPS CHAK NO 313 HR NOOR PUR</t>
  </si>
  <si>
    <t>Chak 313\hr, Noor Pura</t>
  </si>
  <si>
    <t>Chak 313/hr Colony</t>
  </si>
  <si>
    <t>GMPS CHAK NO 316 HR</t>
  </si>
  <si>
    <t>316/hr</t>
  </si>
  <si>
    <t>316/hr maroot</t>
  </si>
  <si>
    <t>GMPS CHAK NO 319 HR</t>
  </si>
  <si>
    <t>GMMS319/ HR basti balochan</t>
  </si>
  <si>
    <t>319/ HR</t>
  </si>
  <si>
    <t>GMPS CHAK NO 319 HR ILYAS COLONY</t>
  </si>
  <si>
    <t>Ilyas Colony</t>
  </si>
  <si>
    <t>GMMS Ilyas colony 319/HR</t>
  </si>
  <si>
    <t>319HR</t>
  </si>
  <si>
    <t>GMPS CHAK NO 32/F</t>
  </si>
  <si>
    <t>32F</t>
  </si>
  <si>
    <t>GMPS 32\F</t>
  </si>
  <si>
    <t>32 F</t>
  </si>
  <si>
    <t>Najma Bano</t>
  </si>
  <si>
    <t>GMPS CHAK NO 322/HR</t>
  </si>
  <si>
    <t>322 Hr</t>
  </si>
  <si>
    <t>chak no 322 hr maroot teh,frt,dist bwn</t>
  </si>
  <si>
    <t>327 Hr</t>
  </si>
  <si>
    <t>GMPS CHAK NO 329 HR</t>
  </si>
  <si>
    <t>329 H/R</t>
  </si>
  <si>
    <t>GMPS 329 hr</t>
  </si>
  <si>
    <t>329 H /R</t>
  </si>
  <si>
    <t>330 Hr</t>
  </si>
  <si>
    <t>Gulshan Jabeen Ashraf</t>
  </si>
  <si>
    <t>GMPS CHAK NO 333 HR</t>
  </si>
  <si>
    <t>333/hr</t>
  </si>
  <si>
    <t>333/hr maroot</t>
  </si>
  <si>
    <t>GMPS CHAK NO 35/3-R AB</t>
  </si>
  <si>
    <t>353r</t>
  </si>
  <si>
    <t>Chak 35\3r AB tehsil Haroonabad</t>
  </si>
  <si>
    <t>Chak 35 3r</t>
  </si>
  <si>
    <t>Chak 333r</t>
  </si>
  <si>
    <t>Asifa Shafi</t>
  </si>
  <si>
    <t>GMPS CHAK NO 38 A/ML</t>
  </si>
  <si>
    <t>Chak no 38AML</t>
  </si>
  <si>
    <t>GMPS CHAK NO 38 KB</t>
  </si>
  <si>
    <t>38kb</t>
  </si>
  <si>
    <t>38kb arifwala</t>
  </si>
  <si>
    <t>Chak No 38kb</t>
  </si>
  <si>
    <t>Moeen Koat</t>
  </si>
  <si>
    <t>Faiz Ahmed</t>
  </si>
  <si>
    <t>GMPS CHAK NO 39 3R</t>
  </si>
  <si>
    <t>Chak 39/3r</t>
  </si>
  <si>
    <t>Chak 23/3R</t>
  </si>
  <si>
    <t>Nadia Jabin</t>
  </si>
  <si>
    <t>GMPS CHAK NO 39 EB</t>
  </si>
  <si>
    <t>39eb</t>
  </si>
  <si>
    <t>Peer Sadr Deen</t>
  </si>
  <si>
    <t>Muneeran Bibi</t>
  </si>
  <si>
    <t>GMPS CHAK NO 4 NB</t>
  </si>
  <si>
    <t>Chak No 4 NB</t>
  </si>
  <si>
    <t>Chak No 4Nb</t>
  </si>
  <si>
    <t>Naila Farooq</t>
  </si>
  <si>
    <t>GMPS CHAK NO 404 JB</t>
  </si>
  <si>
    <t>chak no 404 jb</t>
  </si>
  <si>
    <t>GMPS chak no 404 jb teh shorkot Dist jhang</t>
  </si>
  <si>
    <t>chak no 493 jb</t>
  </si>
  <si>
    <t>muhammad sajid ali</t>
  </si>
  <si>
    <t>GMPS CHAK NO 443 JB</t>
  </si>
  <si>
    <t>Chk#443</t>
  </si>
  <si>
    <t>chk#443</t>
  </si>
  <si>
    <t>Chak#443</t>
  </si>
  <si>
    <t>TAHIRA NOUREEN</t>
  </si>
  <si>
    <t>GMPS CHAK NO 447 JB</t>
  </si>
  <si>
    <t>Chak No 447 JB</t>
  </si>
  <si>
    <t>GMPS CHAK NO 448 JB</t>
  </si>
  <si>
    <t>Chak 448</t>
  </si>
  <si>
    <t>chak 448</t>
  </si>
  <si>
    <t>GMPS CHAK NO 452 JB</t>
  </si>
  <si>
    <t>Chak No452JB</t>
  </si>
  <si>
    <t>GMPS Chak No 452/JB</t>
  </si>
  <si>
    <t>Chak No 452JB</t>
  </si>
  <si>
    <t>Chak No215JB</t>
  </si>
  <si>
    <t>GMPS CHAK NO 463 JB</t>
  </si>
  <si>
    <t>chak#463, Hassan Shah</t>
  </si>
  <si>
    <t>Mussarat Mumtaz</t>
  </si>
  <si>
    <t>GMPS CHAK NO 466 JB WEST</t>
  </si>
  <si>
    <t>KHANUANA tehsil Bhowana dist chiniot</t>
  </si>
  <si>
    <t>khanuana 466 w</t>
  </si>
  <si>
    <t>samundar</t>
  </si>
  <si>
    <t>Zahida Tanzeem</t>
  </si>
  <si>
    <t>GMPS CHAK NO 468 JB</t>
  </si>
  <si>
    <t>Korala</t>
  </si>
  <si>
    <t>Chak No 468 J.B Dangaray</t>
  </si>
  <si>
    <t>Chak no 468 J.B</t>
  </si>
  <si>
    <t>Chak NO 125 Jappay</t>
  </si>
  <si>
    <t>GMPS CHAK NO 482 JB EAST</t>
  </si>
  <si>
    <t>chak no 482  jb east</t>
  </si>
  <si>
    <t>482 Jbeast</t>
  </si>
  <si>
    <t>Bushra Tanveer Akhtar</t>
  </si>
  <si>
    <t>GMPS CHAK NO 485 JB</t>
  </si>
  <si>
    <t>485jb</t>
  </si>
  <si>
    <t>chak no 485 p/o waryam wala</t>
  </si>
  <si>
    <t>Chayanwala</t>
  </si>
  <si>
    <t>Musrrat Yasmeen</t>
  </si>
  <si>
    <t>GMPS CHAK NO 485 JB NORTH</t>
  </si>
  <si>
    <t>chak 485 shumali</t>
  </si>
  <si>
    <t>485 Shumali</t>
  </si>
  <si>
    <t>Atia Iram</t>
  </si>
  <si>
    <t>GMPS CHAK NO 488 JB</t>
  </si>
  <si>
    <t>chak no 488 p/0 chak 489 teh shorkot dist jhang</t>
  </si>
  <si>
    <t>GMPS CHAK NO 498 JB</t>
  </si>
  <si>
    <t>498 Jb</t>
  </si>
  <si>
    <t>chak 498 jb</t>
  </si>
  <si>
    <t>3 ghag</t>
  </si>
  <si>
    <t>Nargis abd u rehman</t>
  </si>
  <si>
    <t>GMPS CHAK NO 499 JB SOUTH</t>
  </si>
  <si>
    <t>KALUWALA</t>
  </si>
  <si>
    <t>chak  no 500 jb francisabad distance jhang</t>
  </si>
  <si>
    <t>Chak  499 SBOONI</t>
  </si>
  <si>
    <t>Rukhsana Rizwana</t>
  </si>
  <si>
    <t>GMPS CHAK NO 5/2 L</t>
  </si>
  <si>
    <t>GMRaja</t>
  </si>
  <si>
    <t>Chak No 5 / 2 L Garh Maharaja Tehsil A.P.Sial.</t>
  </si>
  <si>
    <t>Chak No 5/ 2-L</t>
  </si>
  <si>
    <t>GMPS CHAK NO 502 JB</t>
  </si>
  <si>
    <t>Chak No 502</t>
  </si>
  <si>
    <t>chak no 502</t>
  </si>
  <si>
    <t>S S Nihang</t>
  </si>
  <si>
    <t>Sajjad Qadir</t>
  </si>
  <si>
    <t>GMPS CHAK NO 60 MB</t>
  </si>
  <si>
    <t>Chak No60mb</t>
  </si>
  <si>
    <t>chak no 60 mb(khushab</t>
  </si>
  <si>
    <t>Chak No 60mb</t>
  </si>
  <si>
    <t>Chak No 6 3 Mb</t>
  </si>
  <si>
    <t>GMPS CHAK NO 6-KB</t>
  </si>
  <si>
    <t>Chak 6 KB</t>
  </si>
  <si>
    <t>Chak 6 KB, Pakpattan</t>
  </si>
  <si>
    <t>Asia Anwer</t>
  </si>
  <si>
    <t>GMPS CHAK NO 70/4-R CHAKKI WALA</t>
  </si>
  <si>
    <t>70/4R chakki</t>
  </si>
  <si>
    <t>Chak 70/4R chakki wala</t>
  </si>
  <si>
    <t>7/4R chakkki</t>
  </si>
  <si>
    <t>Abida Safdar</t>
  </si>
  <si>
    <t>GMPS CHAK NO 8 DB</t>
  </si>
  <si>
    <t>Phati Joyan</t>
  </si>
  <si>
    <t>GMPS chak no 8 db mianwali</t>
  </si>
  <si>
    <t>Chak No 8 Db Mianwali</t>
  </si>
  <si>
    <t>GMPS CHAK NO 8 ML PIPLAN</t>
  </si>
  <si>
    <t>jinah colony 8 ml</t>
  </si>
  <si>
    <t>Seed Form 8ml</t>
  </si>
  <si>
    <t>Hafiz Wals</t>
  </si>
  <si>
    <t>RIAZ BIBI</t>
  </si>
  <si>
    <t>GMPS CHAK NO 8/G</t>
  </si>
  <si>
    <t>Chak No 8 /G</t>
  </si>
  <si>
    <t>Chak no 8 /G post office chak Abdullah tehsil Chishtian</t>
  </si>
  <si>
    <t>Chak no 8 /G</t>
  </si>
  <si>
    <t>Chak No 4 /G</t>
  </si>
  <si>
    <t>Kishwar Khursheed</t>
  </si>
  <si>
    <t>GMPS CHAK NO 82 A</t>
  </si>
  <si>
    <t>82/A</t>
  </si>
  <si>
    <t>GMPS chak No 82A Tehsil lqp district R.Y. Khan</t>
  </si>
  <si>
    <t>Chak No 82/A</t>
  </si>
  <si>
    <t>Chak 68 /A</t>
  </si>
  <si>
    <t>Tahira Rahman</t>
  </si>
  <si>
    <t>GMPS CHAK NO 9 DB</t>
  </si>
  <si>
    <t>Chak 9db</t>
  </si>
  <si>
    <t>chak no 9 db tehsil piplan district mianwali</t>
  </si>
  <si>
    <t>Hernoli Rural</t>
  </si>
  <si>
    <t>Hina Tabbasum</t>
  </si>
  <si>
    <t>GMPS CHAK NO 91/NP</t>
  </si>
  <si>
    <t>91/NP</t>
  </si>
  <si>
    <t>Chak 91/NP</t>
  </si>
  <si>
    <t>Farhat Irfan</t>
  </si>
  <si>
    <t>GMPS CHAK NO 96/F A</t>
  </si>
  <si>
    <t>96/FA</t>
  </si>
  <si>
    <t>98 F</t>
  </si>
  <si>
    <t>rubina shaheen</t>
  </si>
  <si>
    <t>GMPS CHAK NO 97/F</t>
  </si>
  <si>
    <t>97 Fateh</t>
  </si>
  <si>
    <t>Chak 97/f (A.B) post office 98/f tehsil Chishtian district Bahawalnagar</t>
  </si>
  <si>
    <t>98 Fateh</t>
  </si>
  <si>
    <t>GMPS CHAK NO CHAK NO 181 WEST</t>
  </si>
  <si>
    <t>chak no 181 w</t>
  </si>
  <si>
    <t>chak no 181 Jhang</t>
  </si>
  <si>
    <t>Chak No 181 W</t>
  </si>
  <si>
    <t>Bakhat Noor</t>
  </si>
  <si>
    <t>GMPS CHAK NO. 1/4-R</t>
  </si>
  <si>
    <t>ChakNo 1-4/R</t>
  </si>
  <si>
    <t>Qaisra parveen</t>
  </si>
  <si>
    <t>GMPS CHAK NO. 1/FW</t>
  </si>
  <si>
    <t>1/F W</t>
  </si>
  <si>
    <t>Chak No 1/F.W Chishtian</t>
  </si>
  <si>
    <t>1/ FW</t>
  </si>
  <si>
    <t>Madi Shok Shah</t>
  </si>
  <si>
    <t>GMPS CHAK NO. 1/G</t>
  </si>
  <si>
    <t>1/g</t>
  </si>
  <si>
    <t>gmps1/g</t>
  </si>
  <si>
    <t>GMPS CHAK NO. 10</t>
  </si>
  <si>
    <t>Murad wal</t>
  </si>
  <si>
    <t>Chak no  10 Murad wal Tehsil Malakwal District</t>
  </si>
  <si>
    <t>GMPS CHAK NO. 10 TDA</t>
  </si>
  <si>
    <t>10 Tda</t>
  </si>
  <si>
    <t>G.M.P. School chak 10 tda</t>
  </si>
  <si>
    <t>Chak 10 Tda</t>
  </si>
  <si>
    <t>Nishat Begum</t>
  </si>
  <si>
    <t>GMPS CHAK NO. 10/3-L</t>
  </si>
  <si>
    <t>Chak No 10/3-L</t>
  </si>
  <si>
    <t>GMPS chak no 10/ 3-L ahmad pur sial</t>
  </si>
  <si>
    <t>Chak No 10/ 3-L</t>
  </si>
  <si>
    <t>GMPS CHAK NO. 10/G</t>
  </si>
  <si>
    <t>10 G</t>
  </si>
  <si>
    <t>Gmps 10g</t>
  </si>
  <si>
    <t>3 Fw</t>
  </si>
  <si>
    <t>GMPS CHAK NO. 104/F</t>
  </si>
  <si>
    <t>Chack104/F</t>
  </si>
  <si>
    <t>GMPS 104/F</t>
  </si>
  <si>
    <t>Chack 104/F</t>
  </si>
  <si>
    <t>Farzana Akram</t>
  </si>
  <si>
    <t>GMPS CHAK NO. 107/F</t>
  </si>
  <si>
    <t>107/F</t>
  </si>
  <si>
    <t>chak no.107/F chishtian</t>
  </si>
  <si>
    <t>Nasreen Akhtar Abdul Rasheed</t>
  </si>
  <si>
    <t>GMPS CHAK NO. 11/1-R</t>
  </si>
  <si>
    <t>11/1R District Okara</t>
  </si>
  <si>
    <t>Rizwan Haider</t>
  </si>
  <si>
    <t>GMPS CHAK NO. 11/G</t>
  </si>
  <si>
    <t>11/G</t>
  </si>
  <si>
    <t>chak no 11/G</t>
  </si>
  <si>
    <t>Chak No 3/Fw</t>
  </si>
  <si>
    <t>Salma Tabassum</t>
  </si>
  <si>
    <t>GMPS CHAK NO. 112/NP BASTI DIN MUHAMMAD</t>
  </si>
  <si>
    <t>Chak112 Np</t>
  </si>
  <si>
    <t>GGPS 112 n.p Basti Din Muhammad</t>
  </si>
  <si>
    <t>Chak No 112NP</t>
  </si>
  <si>
    <t>GMPS CHAK NO. 113/M</t>
  </si>
  <si>
    <t>113/M</t>
  </si>
  <si>
    <t>Chak No113/M P.O112/M Teh CTN Distt BWN</t>
  </si>
  <si>
    <t>113M</t>
  </si>
  <si>
    <t>GMPS CHAK NO. 115/M</t>
  </si>
  <si>
    <t>115 M</t>
  </si>
  <si>
    <t>115/m</t>
  </si>
  <si>
    <t>Amen Mustafa</t>
  </si>
  <si>
    <t>GMPS CHAK NO. 116 NP</t>
  </si>
  <si>
    <t>Taranda Mir Kham</t>
  </si>
  <si>
    <t>chak 116/np</t>
  </si>
  <si>
    <t>Chak 116/np</t>
  </si>
  <si>
    <t>Zaffarabad</t>
  </si>
  <si>
    <t>Sabiha Aziz</t>
  </si>
  <si>
    <t>GMPS CHAK NO. 116/NP THALI MOULVIAN</t>
  </si>
  <si>
    <t>GGMP school chak 116/NPA Thali Moulvian</t>
  </si>
  <si>
    <t>Thali Moulvian</t>
  </si>
  <si>
    <t>Raisa Noreen</t>
  </si>
  <si>
    <t>GMPS CHAK NO. 116/P</t>
  </si>
  <si>
    <t>Chak 116P</t>
  </si>
  <si>
    <t>Chak 116 P</t>
  </si>
  <si>
    <t>AzraParveen</t>
  </si>
  <si>
    <t>GMPS CHAK NO. 12/G</t>
  </si>
  <si>
    <t>12/G</t>
  </si>
  <si>
    <t>3/Fw</t>
  </si>
  <si>
    <t>Nazia Sharif</t>
  </si>
  <si>
    <t>GMPS CHAK NO. 126 MURAD B</t>
  </si>
  <si>
    <t>chak no 126 Murad b</t>
  </si>
  <si>
    <t>126 Murad B</t>
  </si>
  <si>
    <t>128 Murad</t>
  </si>
  <si>
    <t>Meriam Asgher</t>
  </si>
  <si>
    <t>GMPS CHAK NO. 128/MB</t>
  </si>
  <si>
    <t>chalk no 128 M B</t>
  </si>
  <si>
    <t>128 M B</t>
  </si>
  <si>
    <t>128/M</t>
  </si>
  <si>
    <t>Gazala Yasmin</t>
  </si>
  <si>
    <t>GMPS CHAK NO. 129 JB KAURAY</t>
  </si>
  <si>
    <t>Kauray</t>
  </si>
  <si>
    <t>cha#129/jb kauray near tyyab mill Faisalabad road choniot</t>
  </si>
  <si>
    <t>Chak#129/jb</t>
  </si>
  <si>
    <t>Chak#125/jb</t>
  </si>
  <si>
    <t>Rubina Riaz</t>
  </si>
  <si>
    <t>GMPS CHAK NO. 129/M (B)</t>
  </si>
  <si>
    <t>129/M B</t>
  </si>
  <si>
    <t>chak 129/m B</t>
  </si>
  <si>
    <t>129/MB</t>
  </si>
  <si>
    <t>Sabahat Altaf</t>
  </si>
  <si>
    <t>GMPS CHAK NO. 12-A/DB PO HERNOLI</t>
  </si>
  <si>
    <t>Chak 12adb</t>
  </si>
  <si>
    <t>12adb</t>
  </si>
  <si>
    <t>Rubina Hayyat</t>
  </si>
  <si>
    <t>GMPS CHAK NO. 15/1-R</t>
  </si>
  <si>
    <t>Gmp school 15/1r</t>
  </si>
  <si>
    <t>TALLAT PARVEEN</t>
  </si>
  <si>
    <t>GMPS CHAK NO. 16/1-R SLAMAT RAI</t>
  </si>
  <si>
    <t>16-1rslamatrai</t>
  </si>
  <si>
    <t>15-1-r</t>
  </si>
  <si>
    <t>GMPS CHAK NO. 167/2</t>
  </si>
  <si>
    <t>chak no167 jb</t>
  </si>
  <si>
    <t>chak no 167 jb</t>
  </si>
  <si>
    <t>Chak no 167 jb</t>
  </si>
  <si>
    <t>GMPS CHAK NO. 169/M (A)</t>
  </si>
  <si>
    <t>chak no 169 m a</t>
  </si>
  <si>
    <t>169 M A</t>
  </si>
  <si>
    <t>GMPS CHAK NO. 173 FALORI</t>
  </si>
  <si>
    <t>173 Falori</t>
  </si>
  <si>
    <t>CHAK NO 173 FALORI</t>
  </si>
  <si>
    <t>Misbah Mushtaq</t>
  </si>
  <si>
    <t>GMPS CHAK NO. 173 GAHRAH</t>
  </si>
  <si>
    <t>chak 173 gahra</t>
  </si>
  <si>
    <t>Gahra</t>
  </si>
  <si>
    <t>Bilqees Fatima</t>
  </si>
  <si>
    <t>GMPS CHAK NO. 175 EB</t>
  </si>
  <si>
    <t>chak no 175 E.B tehsil Burewala District Vehari</t>
  </si>
  <si>
    <t>Jaweria Shaheen</t>
  </si>
  <si>
    <t>GMPS CHAK NO. 176 MURAD ALAF (SOUTH)</t>
  </si>
  <si>
    <t>Chak No 176 M A</t>
  </si>
  <si>
    <t>Gmps 176ma</t>
  </si>
  <si>
    <t>Chak No 176ma</t>
  </si>
  <si>
    <t>Chak No 177m</t>
  </si>
  <si>
    <t>GMPS CHAK NO. 177</t>
  </si>
  <si>
    <t>chak no 177</t>
  </si>
  <si>
    <t>Reemy 177</t>
  </si>
  <si>
    <t>GMPS CHAK NO. 178/M B</t>
  </si>
  <si>
    <t>178 MB</t>
  </si>
  <si>
    <t>GMPS178MB Tehsil Chistian District Bahawlnagr</t>
  </si>
  <si>
    <t>178MB</t>
  </si>
  <si>
    <t>Chak No 177M</t>
  </si>
  <si>
    <t>Muneera Bagum</t>
  </si>
  <si>
    <t>GMPS CHAK NO. 180 TIWANA</t>
  </si>
  <si>
    <t>chak no 180 tiwana</t>
  </si>
  <si>
    <t>180 Tiwana</t>
  </si>
  <si>
    <t>chak no 182 mochiwala</t>
  </si>
  <si>
    <t>Asma Bloch</t>
  </si>
  <si>
    <t>GMPS CHAK NO. 19</t>
  </si>
  <si>
    <t>Chak 19</t>
  </si>
  <si>
    <t>chak 19</t>
  </si>
  <si>
    <t>GMPS CHAK NO. 19/1-R</t>
  </si>
  <si>
    <t>19/1-R</t>
  </si>
  <si>
    <t>19\1.r</t>
  </si>
  <si>
    <t>Satgrah</t>
  </si>
  <si>
    <t>Muhammad Ali Raza</t>
  </si>
  <si>
    <t>GMPS CHAK NO. 19/G (A)</t>
  </si>
  <si>
    <t>19/g</t>
  </si>
  <si>
    <t>chak no 19/g</t>
  </si>
  <si>
    <t>Sehrish Hussain</t>
  </si>
  <si>
    <t>GMPS CHAK NO. 195 TDA</t>
  </si>
  <si>
    <t>195 tda p/of khansar Bhakkar</t>
  </si>
  <si>
    <t>195 Tda</t>
  </si>
  <si>
    <t>GMPS CHAK NO. 199/M (E)  GRU WALA</t>
  </si>
  <si>
    <t>199/M E</t>
  </si>
  <si>
    <t>chack no 199/ M E</t>
  </si>
  <si>
    <t>Chack No 199/ M E</t>
  </si>
  <si>
    <t>Saima Imran</t>
  </si>
  <si>
    <t>GMPS CHAK NO. 199/M (W)</t>
  </si>
  <si>
    <t>199m/w</t>
  </si>
  <si>
    <t>Chak_No 199/m w</t>
  </si>
  <si>
    <t>GMPS CHAK NO. 2/2-L</t>
  </si>
  <si>
    <t>Mahmood koat</t>
  </si>
  <si>
    <t>chak 2/2l</t>
  </si>
  <si>
    <t>Chak 2/2l</t>
  </si>
  <si>
    <t>GMPS CHAK NO. 2/FW</t>
  </si>
  <si>
    <t>2fw Old</t>
  </si>
  <si>
    <t>GMPS  Chak no 2 fw old</t>
  </si>
  <si>
    <t>3fw</t>
  </si>
  <si>
    <t>Tesleem Kousar</t>
  </si>
  <si>
    <t>GMPS CHAK NO. 20 KB</t>
  </si>
  <si>
    <t>20kb</t>
  </si>
  <si>
    <t>Chak no. 20,kb</t>
  </si>
  <si>
    <t>GMPS CHAK NO. 20 SHARQI</t>
  </si>
  <si>
    <t>Chak20sharqi</t>
  </si>
  <si>
    <t>Hasnat Ahmad</t>
  </si>
  <si>
    <t>GMPS CHAK NO. 20 TDA</t>
  </si>
  <si>
    <t>20tda</t>
  </si>
  <si>
    <t>20tda po khawer klan teh darya khan dist bhakkar</t>
  </si>
  <si>
    <t>GMPS CHAK NO. 20/G</t>
  </si>
  <si>
    <t>20/G</t>
  </si>
  <si>
    <t>Govt.model primary school 20/G</t>
  </si>
  <si>
    <t>Wajida Ramzan</t>
  </si>
  <si>
    <t>GMPS CHAK NO. 203 TDA</t>
  </si>
  <si>
    <t>Kirari Kot</t>
  </si>
  <si>
    <t>gmps 203tda</t>
  </si>
  <si>
    <t>203tda</t>
  </si>
  <si>
    <t>SaminaNazir</t>
  </si>
  <si>
    <t>GMPS CHAK NO. 21</t>
  </si>
  <si>
    <t>v.p.o chak no.21 tehsil malakwal m.b.din</t>
  </si>
  <si>
    <t>Chak No 21</t>
  </si>
  <si>
    <t>GMPS CHAK NO. 210/F (A)</t>
  </si>
  <si>
    <t>210/F</t>
  </si>
  <si>
    <t>chak number 210/F (A)</t>
  </si>
  <si>
    <t>GMPS CHAK NO. 212/F</t>
  </si>
  <si>
    <t>212/f</t>
  </si>
  <si>
    <t>212/f ctn</t>
  </si>
  <si>
    <t>GMPS CHAK NO. 22/3-R</t>
  </si>
  <si>
    <t>22/3r</t>
  </si>
  <si>
    <t>chak no 22/3r Haroonabad</t>
  </si>
  <si>
    <t>2o/3r</t>
  </si>
  <si>
    <t>Samina Tufail</t>
  </si>
  <si>
    <t>GMPS CHAK NO. 22/G</t>
  </si>
  <si>
    <t>22G</t>
  </si>
  <si>
    <t>chak no 23g azaafi basti fareed kot tehsil chishtian</t>
  </si>
  <si>
    <t>23g</t>
  </si>
  <si>
    <t>GMPS CHAK NO. 221/P</t>
  </si>
  <si>
    <t>Chak 221p</t>
  </si>
  <si>
    <t>chak no. 221p  p/o chak no.140p tehsil and district RYK</t>
  </si>
  <si>
    <t>Chak No 221p</t>
  </si>
  <si>
    <t>Uzma Wazir</t>
  </si>
  <si>
    <t>GMPS CHAK NO. 223 / EB</t>
  </si>
  <si>
    <t>223/eb</t>
  </si>
  <si>
    <t>GMPS Chak # 223/E.B. Teh. Burewala Distt. Vehari</t>
  </si>
  <si>
    <t>Chak # 223/EB</t>
  </si>
  <si>
    <t>Noreen Asghar</t>
  </si>
  <si>
    <t>GMPS CHAK NO. 229/EB</t>
  </si>
  <si>
    <t>229 Eb</t>
  </si>
  <si>
    <t>chak no 229 eb</t>
  </si>
  <si>
    <t>229eb</t>
  </si>
  <si>
    <t>Chak 223</t>
  </si>
  <si>
    <t>Ghausia Naz</t>
  </si>
  <si>
    <t>GMPS CHAK NO. 23</t>
  </si>
  <si>
    <t>Chak No 23</t>
  </si>
  <si>
    <t>government model primary school chak no 23</t>
  </si>
  <si>
    <t>Saba Aslam</t>
  </si>
  <si>
    <t>GMPS CHAK NO. 23 EB</t>
  </si>
  <si>
    <t>Chak # 23EB</t>
  </si>
  <si>
    <t>Chack No. 23/EB, Arifwala, distt. Pakpattan</t>
  </si>
  <si>
    <t>Chack No 23/EB</t>
  </si>
  <si>
    <t>Abida Iqbal</t>
  </si>
  <si>
    <t>GMPS CHAK NO. 23 MB</t>
  </si>
  <si>
    <t>23MB</t>
  </si>
  <si>
    <t>Chak no 23 khushab</t>
  </si>
  <si>
    <t>Chak No 23/MB</t>
  </si>
  <si>
    <t>GMPS CHAK NO. 232/9-R NORTH</t>
  </si>
  <si>
    <t>chak no 232 9r</t>
  </si>
  <si>
    <t>232 9r</t>
  </si>
  <si>
    <t>Bakhtawar Bibi</t>
  </si>
  <si>
    <t>GMPS CHAK NO. 236/9-R</t>
  </si>
  <si>
    <t>Chak No 236/9R</t>
  </si>
  <si>
    <t>chak 236 9R</t>
  </si>
  <si>
    <t>GMPS CHAK NO. 237/9-R</t>
  </si>
  <si>
    <t>237/9R</t>
  </si>
  <si>
    <t>Chak no 237/9r</t>
  </si>
  <si>
    <t>GMPS CHAK NO. 24 GAJIANI</t>
  </si>
  <si>
    <t>Chak No 24/G</t>
  </si>
  <si>
    <t>chak no 24/G post office 28/G tehsil chishtian district bahawalnagar.</t>
  </si>
  <si>
    <t>24/G</t>
  </si>
  <si>
    <t>GMPS CHAK NO. 242 HL</t>
  </si>
  <si>
    <t>242/HL</t>
  </si>
  <si>
    <t>Chak 242/HL, Fortabbas</t>
  </si>
  <si>
    <t>Safina Khalid</t>
  </si>
  <si>
    <t>GMPS CHAK NO. 249 JB</t>
  </si>
  <si>
    <t>Sayad Wala</t>
  </si>
  <si>
    <t>Chak no 249 JB</t>
  </si>
  <si>
    <t>Ambreen Asghar</t>
  </si>
  <si>
    <t>GMPS CHAK NO. 25</t>
  </si>
  <si>
    <t>Chak No 25</t>
  </si>
  <si>
    <t>village chak no 25 post office Rukken</t>
  </si>
  <si>
    <t>Daffer</t>
  </si>
  <si>
    <t>Ateka Parveen</t>
  </si>
  <si>
    <t>GMPS CHAK NO. 25 DB</t>
  </si>
  <si>
    <t>village chak 25 db p.o. box 22 db</t>
  </si>
  <si>
    <t>Chak 25 Db</t>
  </si>
  <si>
    <t>Saima Khatoon</t>
  </si>
  <si>
    <t>GMPS CHAK NO. 255</t>
  </si>
  <si>
    <t>chak no 255</t>
  </si>
  <si>
    <t>jahangir khan</t>
  </si>
  <si>
    <t>GMPS CHAK NO. 257 HL</t>
  </si>
  <si>
    <t>257/HL</t>
  </si>
  <si>
    <t>chak no.257/HL tehsil:Fortabbas dist:Bahawalnagr</t>
  </si>
  <si>
    <t>Chak No 264/HR</t>
  </si>
  <si>
    <t>GMPS CHAK NO. 26/2-R</t>
  </si>
  <si>
    <t>26/2R</t>
  </si>
  <si>
    <t>chak # 26/2R</t>
  </si>
  <si>
    <t>26 2R</t>
  </si>
  <si>
    <t>GMPS CHAK NO. 26/4-L</t>
  </si>
  <si>
    <t>26 / 4L</t>
  </si>
  <si>
    <t>Chak No. 26 / 4L Tehsil &amp; District Okara</t>
  </si>
  <si>
    <t>Chak26/4L</t>
  </si>
  <si>
    <t>GMPS CHAK NO. 260 VIJHLANA</t>
  </si>
  <si>
    <t>chak no 260 vijhlana</t>
  </si>
  <si>
    <t>Chak No260 Vijhlana</t>
  </si>
  <si>
    <t>Pakhra Sulta</t>
  </si>
  <si>
    <t>Mutmtaz Begum</t>
  </si>
  <si>
    <t>GMPS CHAK NO. 264 HR W</t>
  </si>
  <si>
    <t>264/HR WEST</t>
  </si>
  <si>
    <t>Nazma Akram</t>
  </si>
  <si>
    <t>GMPS CHAK NO. 27</t>
  </si>
  <si>
    <t>gmps chak 27 tehsil malakwal district mandi bahauddin</t>
  </si>
  <si>
    <t>Wariyait</t>
  </si>
  <si>
    <t>Seemab Mazhar</t>
  </si>
  <si>
    <t>GMPS CHAK NO. 27 TDA</t>
  </si>
  <si>
    <t>27tda</t>
  </si>
  <si>
    <t>GMPS CHAK NO. 3 MB</t>
  </si>
  <si>
    <t>Govt Model praimry School Chak no 3/MB SHADIA</t>
  </si>
  <si>
    <t>chak 3/mb</t>
  </si>
  <si>
    <t>Asia Nasir</t>
  </si>
  <si>
    <t>GMPS CHAK NO. 30</t>
  </si>
  <si>
    <t>Chak 30</t>
  </si>
  <si>
    <t>chak 30,malikwal,M.B.Din</t>
  </si>
  <si>
    <t>HAFSA RUBA</t>
  </si>
  <si>
    <t>GMPS CHAK NO. 30 TDA</t>
  </si>
  <si>
    <t>29 TDA</t>
  </si>
  <si>
    <t>Chak no 30 TDA Bhakkar</t>
  </si>
  <si>
    <t>30 TDA</t>
  </si>
  <si>
    <t>GMPS CHAK NO. 31/G</t>
  </si>
  <si>
    <t>31 /G</t>
  </si>
  <si>
    <t>31 / G</t>
  </si>
  <si>
    <t>28 / G</t>
  </si>
  <si>
    <t>Javeria Irum</t>
  </si>
  <si>
    <t>GMPS CHAK NO. 310 HR (NEW)</t>
  </si>
  <si>
    <t>Chak No 310/HR</t>
  </si>
  <si>
    <t>chak no 310/H.R</t>
  </si>
  <si>
    <t>Chak No 311/HR</t>
  </si>
  <si>
    <t>GMPS CHAK NO. 32</t>
  </si>
  <si>
    <t>Chak No 32</t>
  </si>
  <si>
    <t>GMPS CHAK NO 32 Tehsil Malakwal</t>
  </si>
  <si>
    <t>Javaria Asghar</t>
  </si>
  <si>
    <t>GMPS CHAK NO. 33</t>
  </si>
  <si>
    <t>33chak</t>
  </si>
  <si>
    <t>chak no 33 khasa</t>
  </si>
  <si>
    <t>Shagufta Yousaf</t>
  </si>
  <si>
    <t>GMPS CHAK NO. 33/4-L</t>
  </si>
  <si>
    <t>334l</t>
  </si>
  <si>
    <t>chack33/4l okara</t>
  </si>
  <si>
    <t>33/4l</t>
  </si>
  <si>
    <t>Chack 31/4l</t>
  </si>
  <si>
    <t>Durre Hussain Zafar</t>
  </si>
  <si>
    <t>GMPS CHAK NO. 33/A</t>
  </si>
  <si>
    <t>33A</t>
  </si>
  <si>
    <t>chak 33A liaquatpur</t>
  </si>
  <si>
    <t>33 A</t>
  </si>
  <si>
    <t>talat yasmeen</t>
  </si>
  <si>
    <t>GMPS CHAK NO. 33/A BHUTTIAN</t>
  </si>
  <si>
    <t>Chak 20a</t>
  </si>
  <si>
    <t>chak no 20/a GMPS 33/a Bhuttian</t>
  </si>
  <si>
    <t>20/A Liaquatpur</t>
  </si>
  <si>
    <t>GMPS CHAK NO. 33/F</t>
  </si>
  <si>
    <t>33/F</t>
  </si>
  <si>
    <t>chak 33/f</t>
  </si>
  <si>
    <t>GMPS CHAK NO. 332 HR</t>
  </si>
  <si>
    <t>332 HR</t>
  </si>
  <si>
    <t>chack no.332/hr</t>
  </si>
  <si>
    <t>332/hr</t>
  </si>
  <si>
    <t>GMPS CHAK NO. 334/HR</t>
  </si>
  <si>
    <t>334 HR</t>
  </si>
  <si>
    <t>chak  no.334 H.R</t>
  </si>
  <si>
    <t>334/HR</t>
  </si>
  <si>
    <t>Chak No 330/HR</t>
  </si>
  <si>
    <t>Najma Talib</t>
  </si>
  <si>
    <t>GMPS CHAK NO. 340/WB</t>
  </si>
  <si>
    <t>340 WB</t>
  </si>
  <si>
    <t>Chak 340 EB</t>
  </si>
  <si>
    <t>342 WB</t>
  </si>
  <si>
    <t>Klalsoom Akhtar</t>
  </si>
  <si>
    <t>GMPS CHAK NO. 341 HR</t>
  </si>
  <si>
    <t>Chak no 341/HR</t>
  </si>
  <si>
    <t>chak no. 341/HR Tehsil Fortabas District BWN</t>
  </si>
  <si>
    <t>341/HR</t>
  </si>
  <si>
    <t>GMPS CHAK NO. 35/2-RA</t>
  </si>
  <si>
    <t>35/2ra</t>
  </si>
  <si>
    <t>gmps35/2ra</t>
  </si>
  <si>
    <t>Khalida Akhtar</t>
  </si>
  <si>
    <t>GMPS CHAK NO. 37 DB</t>
  </si>
  <si>
    <t>37db</t>
  </si>
  <si>
    <t>37db Teh qbd dst khshab</t>
  </si>
  <si>
    <t>GMPS CHAK NO. 39 ML</t>
  </si>
  <si>
    <t>chak no 39 ml</t>
  </si>
  <si>
    <t>Chak no 39 ml</t>
  </si>
  <si>
    <t>Chak no 40ml</t>
  </si>
  <si>
    <t>Tahira Muneer</t>
  </si>
  <si>
    <t>GMPS CHAK NO. 4</t>
  </si>
  <si>
    <t>Chak4</t>
  </si>
  <si>
    <t>VPO Chak 4Noubahar Teh&amp;Distt m.b.din</t>
  </si>
  <si>
    <t>Chak 4</t>
  </si>
  <si>
    <t>GMPS CHAK NO. 4/3-R</t>
  </si>
  <si>
    <t>Ckak No 4/3 R</t>
  </si>
  <si>
    <t>Gmps chak no 4/3 r</t>
  </si>
  <si>
    <t>Chak No 4/3r</t>
  </si>
  <si>
    <t>GMPS CHAK NO. 4/GA</t>
  </si>
  <si>
    <t>4g</t>
  </si>
  <si>
    <t>chak 4 g ctn</t>
  </si>
  <si>
    <t>Chak 4 G</t>
  </si>
  <si>
    <t>Janat Ul Farzana</t>
  </si>
  <si>
    <t>GMPS CHAK NO. 4/SP</t>
  </si>
  <si>
    <t>4 Sp</t>
  </si>
  <si>
    <t>4 sp PAKPATTAAN</t>
  </si>
  <si>
    <t>Chak No 4 Sp</t>
  </si>
  <si>
    <t>GMPS CHAK NO. 40/P</t>
  </si>
  <si>
    <t>chack #40/p dakkhana 47/p RYK</t>
  </si>
  <si>
    <t>Chack 40/p</t>
  </si>
  <si>
    <t>GMPS CHAK NO. 406 JB CHIRYNA WALA</t>
  </si>
  <si>
    <t>chak no 406</t>
  </si>
  <si>
    <t>Chakno406</t>
  </si>
  <si>
    <t>GMPS CHAK NO. 41/F</t>
  </si>
  <si>
    <t>Chak No 41/F</t>
  </si>
  <si>
    <t>Chak No. 41/F</t>
  </si>
  <si>
    <t>41/F</t>
  </si>
  <si>
    <t>Chak No 42/F</t>
  </si>
  <si>
    <t>Jamshaid Bi Bi</t>
  </si>
  <si>
    <t>GMPS CHAK NO. 43</t>
  </si>
  <si>
    <t>vpo mumdana tehsil phalia dist mandi baha ud din</t>
  </si>
  <si>
    <t>Mamdaba</t>
  </si>
  <si>
    <t>GMPS CHAK NO. 433 EB  (MAIN ABADI)</t>
  </si>
  <si>
    <t>Govt Model Primary School 433/EB Main Abadi Burewala</t>
  </si>
  <si>
    <t>433/EB Main Abadi</t>
  </si>
  <si>
    <t>GMPS CHAK NO. 438/6-R (EAST)</t>
  </si>
  <si>
    <t>Chak 438/6r   East</t>
  </si>
  <si>
    <t>Chak no. 438/6r east</t>
  </si>
  <si>
    <t>438/6r  East</t>
  </si>
  <si>
    <t>Chak 438/6r</t>
  </si>
  <si>
    <t>sana irshad</t>
  </si>
  <si>
    <t>GMPS CHAK NO. 440 JB</t>
  </si>
  <si>
    <t>Chak#440</t>
  </si>
  <si>
    <t>chak#440</t>
  </si>
  <si>
    <t>Mubeshra Parveen</t>
  </si>
  <si>
    <t>GMPS CHAK NO. 444 GUJAR ABAD</t>
  </si>
  <si>
    <t>Chak 444</t>
  </si>
  <si>
    <t>Chak no 444 Gujjar Abad</t>
  </si>
  <si>
    <t>444 /j B Gujar Abad</t>
  </si>
  <si>
    <t>FARHAT ZEESHAN</t>
  </si>
  <si>
    <t>GMPS CHAK NO. 45</t>
  </si>
  <si>
    <t>V.P.O. CHAK No. 45</t>
  </si>
  <si>
    <t>Bar Musa</t>
  </si>
  <si>
    <t>GMPS CHAK NO. 450 JB</t>
  </si>
  <si>
    <t>Chk 450</t>
  </si>
  <si>
    <t>G M P S chk 450</t>
  </si>
  <si>
    <t>Chk 450/1</t>
  </si>
  <si>
    <t>Tasmia Yaqoob</t>
  </si>
  <si>
    <t>GMPS CHAK NO. 457 JB</t>
  </si>
  <si>
    <t>Chak 457</t>
  </si>
  <si>
    <t>chak 457</t>
  </si>
  <si>
    <t>GMPS CHAK NO. 460 JATIANA</t>
  </si>
  <si>
    <t>chak no 460</t>
  </si>
  <si>
    <t>Chak No 460</t>
  </si>
  <si>
    <t>Basti Guazi Shah</t>
  </si>
  <si>
    <t>GMPS CHAK NO. 461 JB</t>
  </si>
  <si>
    <t>chak 461 jb</t>
  </si>
  <si>
    <t>Chak 461</t>
  </si>
  <si>
    <t>Chak 463 JB</t>
  </si>
  <si>
    <t>Rahila Tubasum</t>
  </si>
  <si>
    <t>GMPS CHAK NO. 462 JB ABADI FAROOQUE ABAD</t>
  </si>
  <si>
    <t>GMPS chak 462 farooq abad</t>
  </si>
  <si>
    <t>Chak 462 Farooq Abad</t>
  </si>
  <si>
    <t>Hasan Shah</t>
  </si>
  <si>
    <t>Muhammad Ali Akbar</t>
  </si>
  <si>
    <t>GMPS CHAK NO. 476/2</t>
  </si>
  <si>
    <t>gmps 476/2 toba road jhang</t>
  </si>
  <si>
    <t>Chak 476/2</t>
  </si>
  <si>
    <t>Mushraf Bano</t>
  </si>
  <si>
    <t>GMPS CHAK NO. 48</t>
  </si>
  <si>
    <t>chak 48 p/ o chak 47</t>
  </si>
  <si>
    <t>Ambreen Abbas</t>
  </si>
  <si>
    <t>GMPS CHAK NO. 5</t>
  </si>
  <si>
    <t>CHAK-5</t>
  </si>
  <si>
    <t>AAKI</t>
  </si>
  <si>
    <t>GMPS CHAK NO. 5 GAJIANI</t>
  </si>
  <si>
    <t>5/G</t>
  </si>
  <si>
    <t>GMPS 5Gajiani</t>
  </si>
  <si>
    <t>4/G</t>
  </si>
  <si>
    <t>GMPS CHAK NO. 500 JB</t>
  </si>
  <si>
    <t>Chak No 500 J B</t>
  </si>
  <si>
    <t>GMPS Chak # 500 JB</t>
  </si>
  <si>
    <t>Chak# 500</t>
  </si>
  <si>
    <t>Chak # 497</t>
  </si>
  <si>
    <t>GMPS CHAK NO. 54/A LIAQAT PUR</t>
  </si>
  <si>
    <t>GMPS chak 54A</t>
  </si>
  <si>
    <t>Chak 54A</t>
  </si>
  <si>
    <t>Chak 10A</t>
  </si>
  <si>
    <t>GMPS CHAK NO. 55  MB</t>
  </si>
  <si>
    <t>Chak No 55MB</t>
  </si>
  <si>
    <t>GMPS CHAK NO 55MB TEHSIL AND DISTRIC KHUSHAB</t>
  </si>
  <si>
    <t>Chak NO 55MB</t>
  </si>
  <si>
    <t>Night Sultana</t>
  </si>
  <si>
    <t>GMPS CHAK NO. 55 M JALALPUR PIRWALA</t>
  </si>
  <si>
    <t>Chak 55m</t>
  </si>
  <si>
    <t>chak 55 ,Tehsil jalalpur pir wala, District Multan</t>
  </si>
  <si>
    <t>GMPS CHAK NO. 56/4-R</t>
  </si>
  <si>
    <t>GMPS 56/4r Tehsil Haroonabad District Bhawalnagar</t>
  </si>
  <si>
    <t>GMPS CHAK NO. 56/AD</t>
  </si>
  <si>
    <t>56Ad</t>
  </si>
  <si>
    <t>56AD</t>
  </si>
  <si>
    <t>Pipliphar</t>
  </si>
  <si>
    <t>Miraj Naseem</t>
  </si>
  <si>
    <t>GMPS CHAK NO. 56/M</t>
  </si>
  <si>
    <t>Chak 56m</t>
  </si>
  <si>
    <t>GMPS chak 56m</t>
  </si>
  <si>
    <t>GMPS CHAK NO. 59 ML</t>
  </si>
  <si>
    <t>Khanpurshumali</t>
  </si>
  <si>
    <t>GMPS Chak 59 ml</t>
  </si>
  <si>
    <t>Chak 59 Ml</t>
  </si>
  <si>
    <t>60 61 ml</t>
  </si>
  <si>
    <t>GMPS CHAK NO. 61 MB</t>
  </si>
  <si>
    <t>61mb</t>
  </si>
  <si>
    <t>himatpura pura khushab</t>
  </si>
  <si>
    <t>Shaheen Tahira</t>
  </si>
  <si>
    <t>GMPS CHAK NO. 61/WB (SHUMALI)</t>
  </si>
  <si>
    <t>Chak 61</t>
  </si>
  <si>
    <t>61 wb</t>
  </si>
  <si>
    <t>61 Wb</t>
  </si>
  <si>
    <t>63 Wb</t>
  </si>
  <si>
    <t>Robina Muhammad Ali</t>
  </si>
  <si>
    <t>GMPS CHAK NO. 64/DB</t>
  </si>
  <si>
    <t>chak  no 64 db</t>
  </si>
  <si>
    <t>64db</t>
  </si>
  <si>
    <t>GMPS CHAK NO. 69 ML</t>
  </si>
  <si>
    <t>69ml</t>
  </si>
  <si>
    <t>chak 69ml.P/O 69ML</t>
  </si>
  <si>
    <t>GMPS CHAK NO. 7/3-L</t>
  </si>
  <si>
    <t>Chak No 8/3L p.o &amp; tehsil Ahmad pur sial</t>
  </si>
  <si>
    <t>GMPS CHAK NO. 8/FW BHATTAH MATIYANA</t>
  </si>
  <si>
    <t>8fW</t>
  </si>
  <si>
    <t>8.f.w Bhata matyana Tehcil chishtian District Bahawal Nagar</t>
  </si>
  <si>
    <t>8fW Bhata Matyana</t>
  </si>
  <si>
    <t>9/Fw Bakshan Khan</t>
  </si>
  <si>
    <t>Sumera Nasreen</t>
  </si>
  <si>
    <t>GMPS CHAK NO. 81/NP</t>
  </si>
  <si>
    <t>Chak 81 NP</t>
  </si>
  <si>
    <t>samina nazeer</t>
  </si>
  <si>
    <t>GMPS CHAK NO. 82/15-L KACHA KHUH</t>
  </si>
  <si>
    <t>82/15-L</t>
  </si>
  <si>
    <t>Chak No. 82/15-L Kacha Khuh Khanewal</t>
  </si>
  <si>
    <t>CHAK NO.78/15-L</t>
  </si>
  <si>
    <t>GMPS CHAK NO. 88/A QADEEM</t>
  </si>
  <si>
    <t>Chak 88/A Q</t>
  </si>
  <si>
    <t>GPS CHAK 88/A Q</t>
  </si>
  <si>
    <t>Razia perveen</t>
  </si>
  <si>
    <t>GMPS CHAK NO. 9/3-L</t>
  </si>
  <si>
    <t>chak no 9/3-l</t>
  </si>
  <si>
    <t>p/o pirabdulrehman chak no 9/3*l tehsil ahmad pur sial distic jhang</t>
  </si>
  <si>
    <t>chak no9/3-l</t>
  </si>
  <si>
    <t>banga yasmeen</t>
  </si>
  <si>
    <t>Shamim AKHTAR</t>
  </si>
  <si>
    <t>GMPS CHAK NO. 93/NP</t>
  </si>
  <si>
    <t>93 N P</t>
  </si>
  <si>
    <t>post office 94n.p tahsil khanpur</t>
  </si>
  <si>
    <t>94 N P</t>
  </si>
  <si>
    <t>Shamim  Kanwal</t>
  </si>
  <si>
    <t>GMPS CHAK NO. 94/ EB</t>
  </si>
  <si>
    <t>94 EB</t>
  </si>
  <si>
    <t>Chak 94 EB Burewla District Vehari</t>
  </si>
  <si>
    <t>Chak 94 EB</t>
  </si>
  <si>
    <t>Tahira  Shoukat</t>
  </si>
  <si>
    <t>GMPS CHAK NO. 95/F N</t>
  </si>
  <si>
    <t>95/F N</t>
  </si>
  <si>
    <t>95/f n</t>
  </si>
  <si>
    <t>Asia Munawar</t>
  </si>
  <si>
    <t>GMPS CHAK NO.1 SB HARGAN</t>
  </si>
  <si>
    <t>1SB HARGAN</t>
  </si>
  <si>
    <t>CHACK 1SB HARGAN TEHSIL BHALWAL (SGD)</t>
  </si>
  <si>
    <t>DHORI</t>
  </si>
  <si>
    <t>Atia Aslam</t>
  </si>
  <si>
    <t>GMPS CHAK NO.1 SB THABAL</t>
  </si>
  <si>
    <t>THABAL</t>
  </si>
  <si>
    <t>Government model primary school chak 1 sb thabal</t>
  </si>
  <si>
    <t>GMPS CHAK NO.1/A</t>
  </si>
  <si>
    <t>Chak1/a</t>
  </si>
  <si>
    <t>chak no1/a markaz 10/A Liaquatpur</t>
  </si>
  <si>
    <t>1/a</t>
  </si>
  <si>
    <t>GMPS CHAK NO.103 NB</t>
  </si>
  <si>
    <t>chak no 103 nb</t>
  </si>
  <si>
    <t>Chak No 103 Nb</t>
  </si>
  <si>
    <t>Rubab Sultana</t>
  </si>
  <si>
    <t>GMPS CHAK NO.11/NB</t>
  </si>
  <si>
    <t>11 Nb,bhalwal</t>
  </si>
  <si>
    <t>11 Nb Bhalwal</t>
  </si>
  <si>
    <t>10 Nb Bhalwal</t>
  </si>
  <si>
    <t>Meher Un Nisa</t>
  </si>
  <si>
    <t>GMPS CHAK NO.110 FATEH (B)</t>
  </si>
  <si>
    <t>111muradt</t>
  </si>
  <si>
    <t>govt girls model primary school 110fb</t>
  </si>
  <si>
    <t>110fb</t>
  </si>
  <si>
    <t>GMPS CHAK NO.112 NB</t>
  </si>
  <si>
    <t>112 nb</t>
  </si>
  <si>
    <t>g m p s 112 nb</t>
  </si>
  <si>
    <t>GMPS CHAK NO.112/DB</t>
  </si>
  <si>
    <t>112/db</t>
  </si>
  <si>
    <t>Chak No 112/DB Tehsil Yazman</t>
  </si>
  <si>
    <t>Chack 112/DB</t>
  </si>
  <si>
    <t>Chack 108/DB</t>
  </si>
  <si>
    <t>Surraya Qaisar</t>
  </si>
  <si>
    <t>GMPS CHAK NO.113/DB (W)</t>
  </si>
  <si>
    <t>113 Db W</t>
  </si>
  <si>
    <t>113 db west</t>
  </si>
  <si>
    <t>SONIA KIRAN</t>
  </si>
  <si>
    <t>GMPS CHAK NO.115/P</t>
  </si>
  <si>
    <t>115/P</t>
  </si>
  <si>
    <t>gmps chak 115/p ryk</t>
  </si>
  <si>
    <t>Chak 115/P</t>
  </si>
  <si>
    <t>GMPS CHAK NO.116 SB</t>
  </si>
  <si>
    <t>Chak 116 Sb</t>
  </si>
  <si>
    <t>anamyousaf4649@gmail.com</t>
  </si>
  <si>
    <t>Anum Yousaf</t>
  </si>
  <si>
    <t>GMPS CHAK NO.12 NB</t>
  </si>
  <si>
    <t>Chak 12 NB</t>
  </si>
  <si>
    <t>chak 12 NB</t>
  </si>
  <si>
    <t>CHAK 12 NB</t>
  </si>
  <si>
    <t>GMPS CHAK NO.122/6-R</t>
  </si>
  <si>
    <t>122/6-R</t>
  </si>
  <si>
    <t>GPS CHAK NO. 122/6.R HND</t>
  </si>
  <si>
    <t>CHAK NO 122/6-R AB 122/6.R(AB)</t>
  </si>
  <si>
    <t>CHAK NO.101/6.R</t>
  </si>
  <si>
    <t>Muhammad  Akram</t>
  </si>
  <si>
    <t>GMPS CHAK NO.123/DNB</t>
  </si>
  <si>
    <t>123 Dnb</t>
  </si>
  <si>
    <t>chak no 123 DNB teh: yazmzn BWP</t>
  </si>
  <si>
    <t>36 Dnb</t>
  </si>
  <si>
    <t>Shaheda Kausar</t>
  </si>
  <si>
    <t>GMPS CHAK NO.13 NB RAJGAN</t>
  </si>
  <si>
    <t>13 Nb Rajgan</t>
  </si>
  <si>
    <t>Gmps 13 nb rajgan</t>
  </si>
  <si>
    <t>Chak 13nb rajgan</t>
  </si>
  <si>
    <t>13nb</t>
  </si>
  <si>
    <t>GMPS CHAK NO.13/BC BAHAWALPUR</t>
  </si>
  <si>
    <t>13 BC Halqa 25 Bc</t>
  </si>
  <si>
    <t>13 Bc halqs 25 Bc</t>
  </si>
  <si>
    <t>Asia Siddiqa</t>
  </si>
  <si>
    <t>GMPS CHAK NO.133 NB DERA ODAN</t>
  </si>
  <si>
    <t>133 Nb</t>
  </si>
  <si>
    <t>chak 133 nb Dara odan sillanwali</t>
  </si>
  <si>
    <t>133 Nb Dara Odan</t>
  </si>
  <si>
    <t>Subhaga</t>
  </si>
  <si>
    <t>GMPS CHAK NO.138/A</t>
  </si>
  <si>
    <t>138/A</t>
  </si>
  <si>
    <t>chak  no.138 a</t>
  </si>
  <si>
    <t>138-a</t>
  </si>
  <si>
    <t>GMPS CHAK NO.14 SB LOKRI</t>
  </si>
  <si>
    <t>chak 14 sb</t>
  </si>
  <si>
    <t>chak 14 sb lokri p.o. chak 13 sb tehsil bhalwal district sargodha</t>
  </si>
  <si>
    <t>chak 14 sb lokri</t>
  </si>
  <si>
    <t>chak 15 sb</t>
  </si>
  <si>
    <t>Aasia Allah Ditta</t>
  </si>
  <si>
    <t>GMPS CHAK NO.14 SB PATHAN WALA</t>
  </si>
  <si>
    <t>chak 14 sb pathan wala</t>
  </si>
  <si>
    <t>chak no 14 sb pathan wala</t>
  </si>
  <si>
    <t>rida iftikhar</t>
  </si>
  <si>
    <t>GMPS CHAK NO.140 NB</t>
  </si>
  <si>
    <t>140 Nb</t>
  </si>
  <si>
    <t>GMPS chak no 140 n.b</t>
  </si>
  <si>
    <t>ISHRAT JABEEN</t>
  </si>
  <si>
    <t>GMPS CHAK NO.140/DB (S)</t>
  </si>
  <si>
    <t>140/db</t>
  </si>
  <si>
    <t>tehsil yazman district bhawalpur</t>
  </si>
  <si>
    <t>Rahila Nawaz</t>
  </si>
  <si>
    <t>GMPS CHAK NO.15 DB</t>
  </si>
  <si>
    <t>Chkno 15db</t>
  </si>
  <si>
    <t>15db tehseel piplan distt mianwali</t>
  </si>
  <si>
    <t>Chackno 15db</t>
  </si>
  <si>
    <t>Vitchvinbala</t>
  </si>
  <si>
    <t>Nabila Rafique</t>
  </si>
  <si>
    <t>GMPS CHAK NO.162 NB PURANI ABADI</t>
  </si>
  <si>
    <t>Chak 162nb</t>
  </si>
  <si>
    <t>chak nb 159 nb the sillanwali zila sargodha</t>
  </si>
  <si>
    <t>162 Nb</t>
  </si>
  <si>
    <t>GMPS CHAK NO.164 NB PURANI ABADI</t>
  </si>
  <si>
    <t>Chak No 164</t>
  </si>
  <si>
    <t>chak no 164 n b</t>
  </si>
  <si>
    <t>Iffat Hafeez</t>
  </si>
  <si>
    <t>GMPS CHAK NO.164-7R</t>
  </si>
  <si>
    <t>164/7-r Basti Shekhan Wali</t>
  </si>
  <si>
    <t>164/7R (E)</t>
  </si>
  <si>
    <t>164/7-R E</t>
  </si>
  <si>
    <t>164/7-r</t>
  </si>
  <si>
    <t>M Imran</t>
  </si>
  <si>
    <t>GMPS CHAK NO.17 DB</t>
  </si>
  <si>
    <t>17 Db</t>
  </si>
  <si>
    <t>chak no 17 db tehsil piplan district mianwali</t>
  </si>
  <si>
    <t>Wichven Bala</t>
  </si>
  <si>
    <t>Ijaz Fatima</t>
  </si>
  <si>
    <t>GMPS CHAK NO.174 NB</t>
  </si>
  <si>
    <t>Chak No 174 Nb</t>
  </si>
  <si>
    <t>Chak No 174Nb Teh Sillanwali</t>
  </si>
  <si>
    <t>Chak No 174Nb</t>
  </si>
  <si>
    <t>Chak No 168/171Nb</t>
  </si>
  <si>
    <t>TAYYABA MUMTAZ</t>
  </si>
  <si>
    <t>GMPS CHAK NO.175/M (AB)</t>
  </si>
  <si>
    <t>175 M Azafi Bsti</t>
  </si>
  <si>
    <t>gMP/S 175/M azafi basti dahranwala</t>
  </si>
  <si>
    <t>175/m azafi basti</t>
  </si>
  <si>
    <t>167 /m</t>
  </si>
  <si>
    <t>GMPS CHAK NO.18</t>
  </si>
  <si>
    <t>Chak No I</t>
  </si>
  <si>
    <t>Sughra Nazar</t>
  </si>
  <si>
    <t>GMPS CHAK NO.18/A</t>
  </si>
  <si>
    <t>chak 18a</t>
  </si>
  <si>
    <t>GMPS Chak 18/A</t>
  </si>
  <si>
    <t>Chak18A</t>
  </si>
  <si>
    <t>GMPS CHAK NO.19/NP</t>
  </si>
  <si>
    <t>chack 19NP Basti daba mouza kacha bhutta</t>
  </si>
  <si>
    <t>19/NPBasti Daba</t>
  </si>
  <si>
    <t>FAYYAZ AKHTAR</t>
  </si>
  <si>
    <t>GMPS CHAK NO.19B ML</t>
  </si>
  <si>
    <t>19BML</t>
  </si>
  <si>
    <t>19BML Tehsil Piplan District Mianwali</t>
  </si>
  <si>
    <t>GMPS CHAK NO.1-T JANUBI P/O NO 1 M</t>
  </si>
  <si>
    <t>1T Janoobi</t>
  </si>
  <si>
    <t>Chak 1T Janoobi post office 1/MR</t>
  </si>
  <si>
    <t>GMPS CHAK NO.2 NIZAM</t>
  </si>
  <si>
    <t>Chaknizam</t>
  </si>
  <si>
    <t>chaknizam  p/of kalas sharif Teh bhera</t>
  </si>
  <si>
    <t>Iftakhar Ahmed</t>
  </si>
  <si>
    <t>GMPS CHAK NO.20/NP</t>
  </si>
  <si>
    <t>20/NP</t>
  </si>
  <si>
    <t>Saima  Ashraf</t>
  </si>
  <si>
    <t>GMPS CHAK NO.206 TDA</t>
  </si>
  <si>
    <t>206/Tda</t>
  </si>
  <si>
    <t>chak no 206</t>
  </si>
  <si>
    <t>Chak No 206</t>
  </si>
  <si>
    <t>Chak No 205/Tda</t>
  </si>
  <si>
    <t>Khanam Batool</t>
  </si>
  <si>
    <t>GMPS CHAK NO.209/M (B) EAST</t>
  </si>
  <si>
    <t>Education</t>
  </si>
  <si>
    <t>chak no 209/mB</t>
  </si>
  <si>
    <t>209/mB</t>
  </si>
  <si>
    <t>Zubaria Mustafa</t>
  </si>
  <si>
    <t>GMPS CHAK NO.21 NB</t>
  </si>
  <si>
    <t>Chak No 21 Nb</t>
  </si>
  <si>
    <t>Chak No 10 Nb</t>
  </si>
  <si>
    <t>GMPS CHAK NO.21 RISALA</t>
  </si>
  <si>
    <t>21 risala</t>
  </si>
  <si>
    <t>chak 21 risala n.b</t>
  </si>
  <si>
    <t>21 Risala</t>
  </si>
  <si>
    <t>GMPS CHAK NO.210 TDA</t>
  </si>
  <si>
    <t>210tda</t>
  </si>
  <si>
    <t>Salma Pareen</t>
  </si>
  <si>
    <t>GMPS CHAK NO.216 TDA</t>
  </si>
  <si>
    <t>216-tda</t>
  </si>
  <si>
    <t>gmps 216-tda</t>
  </si>
  <si>
    <t>Chak No 216/tda</t>
  </si>
  <si>
    <t>67-ml</t>
  </si>
  <si>
    <t>Umaira Iram</t>
  </si>
  <si>
    <t>GMPS CHAK NO.23 NB</t>
  </si>
  <si>
    <t>Chak No 23 NB</t>
  </si>
  <si>
    <t>govt model p school chak no 23 ,N.B</t>
  </si>
  <si>
    <t>Muhammmad Sarwar</t>
  </si>
  <si>
    <t>GMPS CHAK NO.24 NB</t>
  </si>
  <si>
    <t>CHAK 24 NB</t>
  </si>
  <si>
    <t>azhar husain</t>
  </si>
  <si>
    <t>GMPS CHAK NO.241/EB</t>
  </si>
  <si>
    <t>GMPS 241/eb</t>
  </si>
  <si>
    <t>241/Eb</t>
  </si>
  <si>
    <t>Parveen Nisar</t>
  </si>
  <si>
    <t>GMPS CHAK NO.26/A</t>
  </si>
  <si>
    <t>Chak No 26/A</t>
  </si>
  <si>
    <t>chak no 26/A</t>
  </si>
  <si>
    <t>Chak No26/A</t>
  </si>
  <si>
    <t>GMPS CHAK NO.3</t>
  </si>
  <si>
    <t>Chak3</t>
  </si>
  <si>
    <t>village chak3 teh pindi bhattian distthafizabad</t>
  </si>
  <si>
    <t>GMPS CHAK NO.3 DB</t>
  </si>
  <si>
    <t>Chak No 1-4DB</t>
  </si>
  <si>
    <t>chak no 3db</t>
  </si>
  <si>
    <t>Chak No 3db</t>
  </si>
  <si>
    <t>Chak No 1-4db</t>
  </si>
  <si>
    <t>GMPS CHAK NO.3/BC</t>
  </si>
  <si>
    <t>3 Chak</t>
  </si>
  <si>
    <t>3bc</t>
  </si>
  <si>
    <t>38 Bc Lal Suhanra</t>
  </si>
  <si>
    <t>GMPS CHAK NO.3/RMG</t>
  </si>
  <si>
    <t>chak no 3RMG</t>
  </si>
  <si>
    <t>3RMG</t>
  </si>
  <si>
    <t>Tahira Qammar</t>
  </si>
  <si>
    <t>GMPS CHAK NO.32/DNB</t>
  </si>
  <si>
    <t>32 Dnb</t>
  </si>
  <si>
    <t>chak no 32dnb</t>
  </si>
  <si>
    <t>32 DNB</t>
  </si>
  <si>
    <t>35dnb</t>
  </si>
  <si>
    <t>Fozia Bano</t>
  </si>
  <si>
    <t>GMPS CHAK NO.361/EB</t>
  </si>
  <si>
    <t>Chakno361/EB</t>
  </si>
  <si>
    <t>chakno361/EB post office gaggoo mandi tehsil burewala district vehari</t>
  </si>
  <si>
    <t>Chakno365/EB</t>
  </si>
  <si>
    <t>GMPS CHAK NO.37 TDA</t>
  </si>
  <si>
    <t>KamalTheem</t>
  </si>
  <si>
    <t>chak no 37 tda Bhakkar</t>
  </si>
  <si>
    <t>Chak No 37 Tda</t>
  </si>
  <si>
    <t>Naila Shehzadi</t>
  </si>
  <si>
    <t>GMPS CHAK NO.37/DNB</t>
  </si>
  <si>
    <t>37DNB</t>
  </si>
  <si>
    <t>Chak # 37/DNB</t>
  </si>
  <si>
    <t>37/DNB</t>
  </si>
  <si>
    <t>GMPS CHAK NO.39 NB</t>
  </si>
  <si>
    <t>39nb</t>
  </si>
  <si>
    <t>chak 39 nb</t>
  </si>
  <si>
    <t>Chak 39nb</t>
  </si>
  <si>
    <t>Chak 36nb</t>
  </si>
  <si>
    <t>Lala Rukh Qureshi</t>
  </si>
  <si>
    <t>GMPS CHAK NO.40/TDA NO.2</t>
  </si>
  <si>
    <t>chak 40 tda</t>
  </si>
  <si>
    <t>Chak 40 Tda</t>
  </si>
  <si>
    <t>GMPS CHAK NO.42</t>
  </si>
  <si>
    <t>Chak No 42</t>
  </si>
  <si>
    <t>vill.chak no 42.p/ o khai.teh.malakwal.dist.m.b.din</t>
  </si>
  <si>
    <t>GMPS CHAK NO.43 NB</t>
  </si>
  <si>
    <t>43 NB</t>
  </si>
  <si>
    <t>43 n.b</t>
  </si>
  <si>
    <t>40 NB</t>
  </si>
  <si>
    <t>Arooj Kanwal</t>
  </si>
  <si>
    <t>GMPS CHAK NO.43/DNB</t>
  </si>
  <si>
    <t>Chak No 43 DNB</t>
  </si>
  <si>
    <t>chak no 43 DNB merkaz adda pull 42000</t>
  </si>
  <si>
    <t>Chak 47 DNB</t>
  </si>
  <si>
    <t>GMPS CHAK NO.45 SB MUBARAK PURA</t>
  </si>
  <si>
    <t>Chak No 45 Sb</t>
  </si>
  <si>
    <t>Chak no 45 SB MUBARAK PURA</t>
  </si>
  <si>
    <t>45SB Mubarak PURA</t>
  </si>
  <si>
    <t>Nida Akbar</t>
  </si>
  <si>
    <t>GMPS CHAK NO.46-DB</t>
  </si>
  <si>
    <t>Chak No 46db</t>
  </si>
  <si>
    <t>chak no 46db</t>
  </si>
  <si>
    <t>Chak No 63db</t>
  </si>
  <si>
    <t>GMPS CHAK NO.47/A</t>
  </si>
  <si>
    <t>Chak 47/A</t>
  </si>
  <si>
    <t>chak 47/A,p/ochak 49/A liaquatpur rahim yar khan</t>
  </si>
  <si>
    <t>elec</t>
  </si>
  <si>
    <t>GMPS CHAK NO.47/F BASTI KAMAL DIN</t>
  </si>
  <si>
    <t>47/f basti kmal din</t>
  </si>
  <si>
    <t>47/f Basti Kmal Din</t>
  </si>
  <si>
    <t>Sonia Ghafoor</t>
  </si>
  <si>
    <t>GMPS CHAK NO.48 D</t>
  </si>
  <si>
    <t>Chak No 48/D</t>
  </si>
  <si>
    <t>chak#48/D</t>
  </si>
  <si>
    <t>Chak#48/D</t>
  </si>
  <si>
    <t>GMPS CHAK NO.48/DB</t>
  </si>
  <si>
    <t>46 DB</t>
  </si>
  <si>
    <t>chak no 48DB</t>
  </si>
  <si>
    <t>Chak No 48 Db</t>
  </si>
  <si>
    <t>63DB</t>
  </si>
  <si>
    <t>FARHANA KAUSAR</t>
  </si>
  <si>
    <t>GMPS CHAK NO.48/DNB YAZMAN</t>
  </si>
  <si>
    <t>Chak No 48/DNB</t>
  </si>
  <si>
    <t>Chak no 48/DNB</t>
  </si>
  <si>
    <t>ChaK NO 48/DNB</t>
  </si>
  <si>
    <t>chak No 22/DNB</t>
  </si>
  <si>
    <t>GMPS CHAK NO.48/ML</t>
  </si>
  <si>
    <t>Chak No 48ml</t>
  </si>
  <si>
    <t>Chak no 48ml the darya khan</t>
  </si>
  <si>
    <t>GMPS CHAK NO.49</t>
  </si>
  <si>
    <t>Chak No 49</t>
  </si>
  <si>
    <t>Gmpschool chak 49</t>
  </si>
  <si>
    <t>Pindirawan</t>
  </si>
  <si>
    <t>GMPS CHAK NO.5/A</t>
  </si>
  <si>
    <t>Chak No 5/A Teh Liaquatpur distt Rahim yar khan</t>
  </si>
  <si>
    <t>Chak No 5/A</t>
  </si>
  <si>
    <t>Chak No 25/A</t>
  </si>
  <si>
    <t>Rizwana Rasheed</t>
  </si>
  <si>
    <t>GMPS CHAK NO.51/NP</t>
  </si>
  <si>
    <t>Im Yar Khan</t>
  </si>
  <si>
    <t>chak 51 np</t>
  </si>
  <si>
    <t>51 Np</t>
  </si>
  <si>
    <t>Bhaudi Pur Qurashiyan</t>
  </si>
  <si>
    <t>GMPS CHAK NO.52/A</t>
  </si>
  <si>
    <t>Chak No 52/a</t>
  </si>
  <si>
    <t>GMPSchak no52/A tahsil liaquat pur disstt rahim yar khan</t>
  </si>
  <si>
    <t>Chak/52A</t>
  </si>
  <si>
    <t>Tayyaba Nisar</t>
  </si>
  <si>
    <t>GMPS CHAK NO.53 SB BADRANI</t>
  </si>
  <si>
    <t>53 Badrani</t>
  </si>
  <si>
    <t>chak no 53 Sb badrani</t>
  </si>
  <si>
    <t>53 Sb Badrani</t>
  </si>
  <si>
    <t>Iram  Javid</t>
  </si>
  <si>
    <t>GMPS CHAK NO.53/F ARBI (W)</t>
  </si>
  <si>
    <t>53f</t>
  </si>
  <si>
    <t>54f , bakshankhan,tehsil chishtian, district bahawalnager</t>
  </si>
  <si>
    <t>54f</t>
  </si>
  <si>
    <t>SHAGUFTA  YASMEEN</t>
  </si>
  <si>
    <t>GMPS CHAK NO.54 SB MOGHI</t>
  </si>
  <si>
    <t>Moghi</t>
  </si>
  <si>
    <t>Gmps 54 s.b moghi</t>
  </si>
  <si>
    <t>54 sb Moghi</t>
  </si>
  <si>
    <t>52 sb</t>
  </si>
  <si>
    <t>Sadia farooq</t>
  </si>
  <si>
    <t>GMPS CHAK NO.56 A-SB</t>
  </si>
  <si>
    <t>55sb</t>
  </si>
  <si>
    <t>chak 56 A-sb</t>
  </si>
  <si>
    <t>55A-sb</t>
  </si>
  <si>
    <t>Chak  55 Sb</t>
  </si>
  <si>
    <t>Ayesha Jabeen</t>
  </si>
  <si>
    <t>GMPS CHAK NO.58-DB</t>
  </si>
  <si>
    <t>58db</t>
  </si>
  <si>
    <t>chak no.58\db tehsil kaloor kot district bhakkar</t>
  </si>
  <si>
    <t>Chak No58 Db</t>
  </si>
  <si>
    <t>GMPS CHAK NO.59 NB</t>
  </si>
  <si>
    <t>Chak No 59</t>
  </si>
  <si>
    <t>chak no 59 nb tehsil n district sargodha</t>
  </si>
  <si>
    <t>Chak 59 Nb</t>
  </si>
  <si>
    <t>Sidra Javed</t>
  </si>
  <si>
    <t>GMPS CHAK NO.59/DB</t>
  </si>
  <si>
    <t>59db</t>
  </si>
  <si>
    <t>GMPS CHAK NO.6 EB</t>
  </si>
  <si>
    <t>Talli</t>
  </si>
  <si>
    <t>chak 6/eb</t>
  </si>
  <si>
    <t>Chak 6/eb</t>
  </si>
  <si>
    <t>Amira shaheen</t>
  </si>
  <si>
    <t>GMPS CHAK NO.63/DB (N)</t>
  </si>
  <si>
    <t>chack no 63 db n</t>
  </si>
  <si>
    <t>chack no 63/db (N)</t>
  </si>
  <si>
    <t>chack no 63/db n</t>
  </si>
  <si>
    <t>chqck no 117/ db</t>
  </si>
  <si>
    <t>GMPS CHAK NO.64</t>
  </si>
  <si>
    <t>Chak 64</t>
  </si>
  <si>
    <t>chak#64</t>
  </si>
  <si>
    <t>GMPS CHAK NO.65</t>
  </si>
  <si>
    <t>Chak 65</t>
  </si>
  <si>
    <t>GMPS CHAK NO.67/DB</t>
  </si>
  <si>
    <t>Chak 67/DB</t>
  </si>
  <si>
    <t>Chak #67/DB, Tehsil Yazman, District Bahwalpur</t>
  </si>
  <si>
    <t>Sadia Yasmeen</t>
  </si>
  <si>
    <t>GMPS CHAK NO.68 SB</t>
  </si>
  <si>
    <t>68SB</t>
  </si>
  <si>
    <t>chak no.68sb tehsil and district sargodha</t>
  </si>
  <si>
    <t>68sb</t>
  </si>
  <si>
    <t>71sb</t>
  </si>
  <si>
    <t>Sidra Jaffar</t>
  </si>
  <si>
    <t>GMPS CHAK NO.69/TDA</t>
  </si>
  <si>
    <t>69tda</t>
  </si>
  <si>
    <t>Chak No 69tda</t>
  </si>
  <si>
    <t>Iffat tahira</t>
  </si>
  <si>
    <t>GMPS CHAK NO.73/ML</t>
  </si>
  <si>
    <t>73ml</t>
  </si>
  <si>
    <t>chak no 73ml p / o 72 ml</t>
  </si>
  <si>
    <t>GMPS CHAK NO.74/4-R</t>
  </si>
  <si>
    <t>74/4-R</t>
  </si>
  <si>
    <t>GGMP School chak no 74/4r Tehsil Haroonabad Distt Bahawalnagar</t>
  </si>
  <si>
    <t>Anila Rashid</t>
  </si>
  <si>
    <t>GMPS CHAK NO.75 A-SB</t>
  </si>
  <si>
    <t>75 ASB</t>
  </si>
  <si>
    <t>75ASB</t>
  </si>
  <si>
    <t>Sadeyyia Fatima</t>
  </si>
  <si>
    <t>GMPS CHAK NO.75/DNB (E)</t>
  </si>
  <si>
    <t>Chak 75/dnb E</t>
  </si>
  <si>
    <t>75/dnb east</t>
  </si>
  <si>
    <t>75/DNB</t>
  </si>
  <si>
    <t>Tabassum Jahan</t>
  </si>
  <si>
    <t>GMPS CHAK NO.79/DB</t>
  </si>
  <si>
    <t>Chak No 79</t>
  </si>
  <si>
    <t>chak no 79</t>
  </si>
  <si>
    <t>Chanan Peer</t>
  </si>
  <si>
    <t>GMPS CHAK NO.8/BC</t>
  </si>
  <si>
    <t>Chak No.8 /BC Bahawalpur Near I.U.B Veterinary/Campus BWP</t>
  </si>
  <si>
    <t>8 / BC Bahawalpur</t>
  </si>
  <si>
    <t>Mehwish Qadeer</t>
  </si>
  <si>
    <t>GMPS CHAK NO.84/ML</t>
  </si>
  <si>
    <t>84/ML</t>
  </si>
  <si>
    <t>chak no 84/ML Tehsil karor distirct layyah</t>
  </si>
  <si>
    <t>chak no 84/ML</t>
  </si>
  <si>
    <t>mudassar qamar</t>
  </si>
  <si>
    <t>GMPS CHAK NO.86-A/ML</t>
  </si>
  <si>
    <t>chak no86aml</t>
  </si>
  <si>
    <t>Chak No 86 A Ml</t>
  </si>
  <si>
    <t>GMPS CHAK NO.9 NB LOKRI</t>
  </si>
  <si>
    <t>Chack No9 Nb Lokri</t>
  </si>
  <si>
    <t>9NB Lokri Dakkhana khas kotmomin road, Bhalwal</t>
  </si>
  <si>
    <t>9NB Lokri</t>
  </si>
  <si>
    <t>9NB</t>
  </si>
  <si>
    <t>Nimra Anwar</t>
  </si>
  <si>
    <t>GMPS CHAK NO.91 EB MAUJ DARYA</t>
  </si>
  <si>
    <t>91 Eb</t>
  </si>
  <si>
    <t>chak no 91 eb arifWala</t>
  </si>
  <si>
    <t>Chak No 91 Eb Arifwala</t>
  </si>
  <si>
    <t>Chak No 83 Eb</t>
  </si>
  <si>
    <t>GMPS CHAK NO.97/DNB</t>
  </si>
  <si>
    <t>97/dnb</t>
  </si>
  <si>
    <t>G..M.P.S 97/D.N.B</t>
  </si>
  <si>
    <t>97/DNB</t>
  </si>
  <si>
    <t>47/DNB</t>
  </si>
  <si>
    <t>GMPS CHAK NO.99/DB (W)</t>
  </si>
  <si>
    <t>99 Db West</t>
  </si>
  <si>
    <t>post office 99 db west</t>
  </si>
  <si>
    <t>99 DB West</t>
  </si>
  <si>
    <t>MISBAH RAMZAN</t>
  </si>
  <si>
    <t>GMPS CHAK PATHAN</t>
  </si>
  <si>
    <t>Chak Pathan</t>
  </si>
  <si>
    <t>vill chak Pathan p o Adil Garh Thesil Wazirabad District Gujranwala</t>
  </si>
  <si>
    <t>Bharokay Cheema</t>
  </si>
  <si>
    <t>Sobia Rasheed</t>
  </si>
  <si>
    <t>GMPS CHAK PURIAN</t>
  </si>
  <si>
    <t>Kot Purian</t>
  </si>
  <si>
    <t>Kot purian.teh Noshera virkan</t>
  </si>
  <si>
    <t>GMPS CHAK QAZIAN</t>
  </si>
  <si>
    <t>Chak qazian</t>
  </si>
  <si>
    <t>Post office masroor village chak qazian</t>
  </si>
  <si>
    <t>muhammad Ilyas</t>
  </si>
  <si>
    <t>GMPS CHAK QUAIM</t>
  </si>
  <si>
    <t>Chak Qaim</t>
  </si>
  <si>
    <t>Gmps chak qaim</t>
  </si>
  <si>
    <t>Pirkhana</t>
  </si>
  <si>
    <t>GMPS CHAK RAMDAS</t>
  </si>
  <si>
    <t>village: Chak Ramdas , Post Office Dhodha, Tehsil Pasrur, District Sialkot</t>
  </si>
  <si>
    <t>Naila Saleem</t>
  </si>
  <si>
    <t>GMPS CHAK SAAN</t>
  </si>
  <si>
    <t>Chak San</t>
  </si>
  <si>
    <t>chak san</t>
  </si>
  <si>
    <t>Rizwana Khanum</t>
  </si>
  <si>
    <t>GMPS CHAK SABU</t>
  </si>
  <si>
    <t>Chak Sabu</t>
  </si>
  <si>
    <t>village chak sabu tehsile pindi bhattian dist hafiza abad</t>
  </si>
  <si>
    <t>Thatha Qareem Dad</t>
  </si>
  <si>
    <t>GMPS CHAK SADAVE</t>
  </si>
  <si>
    <t>Jeerampur</t>
  </si>
  <si>
    <t>village khorota syedan  mohalla jeeram pur</t>
  </si>
  <si>
    <t>khorota syedan</t>
  </si>
  <si>
    <t>Khorota Sayedan</t>
  </si>
  <si>
    <t>madiha Shahzadi</t>
  </si>
  <si>
    <t>GMPS CHAK SAFDAR ABAD</t>
  </si>
  <si>
    <t>Chak Safdrabad</t>
  </si>
  <si>
    <t>chak safdrabad</t>
  </si>
  <si>
    <t>GMPS CHAK SAKANDAR NO.53</t>
  </si>
  <si>
    <t>Chak Sikandar 53</t>
  </si>
  <si>
    <t>Village Chak Sikandar 53</t>
  </si>
  <si>
    <t>GMPS CHAK SALAMAT</t>
  </si>
  <si>
    <t>Salamat</t>
  </si>
  <si>
    <t>GMPS Chak Salamat Pakpattan</t>
  </si>
  <si>
    <t>Ferozpur  Chishtian</t>
  </si>
  <si>
    <t>Fareeda Jbeen</t>
  </si>
  <si>
    <t>GMPS CHAK SALAR</t>
  </si>
  <si>
    <t>Daira pur</t>
  </si>
  <si>
    <t>chah jady wala daira  pur</t>
  </si>
  <si>
    <t>Chah Jady Wala</t>
  </si>
  <si>
    <t>Saeeda begum</t>
  </si>
  <si>
    <t>GMPS CHAK SANTHAL</t>
  </si>
  <si>
    <t>Chak santhal</t>
  </si>
  <si>
    <t>Vill.Chak santhal area bajwat.Teh.Sialkot</t>
  </si>
  <si>
    <t>Kachi mand</t>
  </si>
  <si>
    <t>samma khan</t>
  </si>
  <si>
    <t>GMPS CHAK SHAFI</t>
  </si>
  <si>
    <t>GMPS chak shafi</t>
  </si>
  <si>
    <t>Tayyba Jamil</t>
  </si>
  <si>
    <t>GMPS CHAK SHAH WALA</t>
  </si>
  <si>
    <t>Qaim Ka</t>
  </si>
  <si>
    <t>chak shah wala</t>
  </si>
  <si>
    <t>Shak Chah Wala</t>
  </si>
  <si>
    <t>Shamraz Muzafer</t>
  </si>
  <si>
    <t>GMPS CHAK SHEIKHA</t>
  </si>
  <si>
    <t>Chak Sheikha</t>
  </si>
  <si>
    <t>Chak Sheikha Tehseel Shahpur District Sargodha</t>
  </si>
  <si>
    <t>Anam Rubab</t>
  </si>
  <si>
    <t>GMPS CHAK SHERO</t>
  </si>
  <si>
    <t>ChakShero</t>
  </si>
  <si>
    <t>village chak shero post office tanda tehsil and district gujrat</t>
  </si>
  <si>
    <t>Chak Shero</t>
  </si>
  <si>
    <t>Khazima Arshad</t>
  </si>
  <si>
    <t>GMPS CHAK SIGHO</t>
  </si>
  <si>
    <t>Chaksighu</t>
  </si>
  <si>
    <t>village Chaksighoo p.o chountra Teh distt RWP</t>
  </si>
  <si>
    <t>GMPS CHAK SITTIA</t>
  </si>
  <si>
    <t>Chaksittia</t>
  </si>
  <si>
    <t>chak sittia</t>
  </si>
  <si>
    <t>Chak Sittia</t>
  </si>
  <si>
    <t>Tanzeela Nazli</t>
  </si>
  <si>
    <t>GMPS CHAK SULEHRIA</t>
  </si>
  <si>
    <t>Tibba Chindia</t>
  </si>
  <si>
    <t>GMPS chak sulehria moza tiba chandio</t>
  </si>
  <si>
    <t>Koat Tahir</t>
  </si>
  <si>
    <t>GMPS CHAK SULEMAN</t>
  </si>
  <si>
    <t>Chak Sulemam</t>
  </si>
  <si>
    <t>chak suleman tehsil kotmomin sargodha</t>
  </si>
  <si>
    <t>Chak Suleman</t>
  </si>
  <si>
    <t>Gorna</t>
  </si>
  <si>
    <t>GMPS CHAK TARIQ ABAD</t>
  </si>
  <si>
    <t>basti Lal bux mouza chakk Tariq Abad</t>
  </si>
  <si>
    <t>Basti Lal Bux</t>
  </si>
  <si>
    <t>Banglahadyat</t>
  </si>
  <si>
    <t>GMPS CHAK TOTI</t>
  </si>
  <si>
    <t>Chak Toti</t>
  </si>
  <si>
    <t>govt model primary school chak toti</t>
  </si>
  <si>
    <t>Goindkey</t>
  </si>
  <si>
    <t>Rukhshanda Qamar</t>
  </si>
  <si>
    <t>GMPS CHAKA BEGWAL</t>
  </si>
  <si>
    <t>Village and post office chukka Begwal</t>
  </si>
  <si>
    <t>Asma Quyyum</t>
  </si>
  <si>
    <t>GMPS CHAKANWALI</t>
  </si>
  <si>
    <t>chakanwali</t>
  </si>
  <si>
    <t>Chakanwali</t>
  </si>
  <si>
    <t>Tayyba Tahseen</t>
  </si>
  <si>
    <t>GMPS CHAKIAM</t>
  </si>
  <si>
    <t>Chakiam</t>
  </si>
  <si>
    <t>gmps chakiyam</t>
  </si>
  <si>
    <t>Sumaira Ikhlaq</t>
  </si>
  <si>
    <t>GMPS CHAKIAN KHURD</t>
  </si>
  <si>
    <t>Chakian khurd</t>
  </si>
  <si>
    <t>Govt model primary school chakian khurd</t>
  </si>
  <si>
    <t>Kiran Afshan</t>
  </si>
  <si>
    <t>GMPS CHANBAL</t>
  </si>
  <si>
    <t>Chanbal</t>
  </si>
  <si>
    <t>chanbal pail</t>
  </si>
  <si>
    <t>GMPS CHANDA NAKRA DIN</t>
  </si>
  <si>
    <t>village chanda nukradin\n</t>
  </si>
  <si>
    <t>Chanda Nukradin</t>
  </si>
  <si>
    <t>Tola Bangikhail</t>
  </si>
  <si>
    <t>Bibi Razya</t>
  </si>
  <si>
    <t>Community</t>
  </si>
  <si>
    <t>GMPS CHANDANIAN</t>
  </si>
  <si>
    <t>Chandanian</t>
  </si>
  <si>
    <t>chandanian</t>
  </si>
  <si>
    <t>Sumaira Nazeer</t>
  </si>
  <si>
    <t>GMPS CHANDI</t>
  </si>
  <si>
    <t>Chandi</t>
  </si>
  <si>
    <t>Muhammad Ajmal Khan</t>
  </si>
  <si>
    <t>GMPS CHANDNA</t>
  </si>
  <si>
    <t>Village Chandna Teh Sahiwal District Sargodha</t>
  </si>
  <si>
    <t>Aneela Ahmed Khan</t>
  </si>
  <si>
    <t>GMPS CHANGA</t>
  </si>
  <si>
    <t>Chhanga</t>
  </si>
  <si>
    <t>vill chhanga teh   Daska dist Sialkot</t>
  </si>
  <si>
    <t>Bhughat  Pur</t>
  </si>
  <si>
    <t>Saima Khalil</t>
  </si>
  <si>
    <t>GMPS CHANI JOWAY SHAH</t>
  </si>
  <si>
    <t>Chinni Joway Sha</t>
  </si>
  <si>
    <t>head mistress chinni joway shah</t>
  </si>
  <si>
    <t>Chinni Joway Shah</t>
  </si>
  <si>
    <t>GMPS CHANI KARIM DAD</t>
  </si>
  <si>
    <t>Channi Karimdad</t>
  </si>
  <si>
    <t>channi karimdad</t>
  </si>
  <si>
    <t>GMPS CHANI MAMORA</t>
  </si>
  <si>
    <t>Channi Mamoora</t>
  </si>
  <si>
    <t>ChanniMamoora P/O kalekemandi  Hafizabad</t>
  </si>
  <si>
    <t>Kalekemandi</t>
  </si>
  <si>
    <t>Nusrat bano</t>
  </si>
  <si>
    <t>GMPS CHANI SULTAN</t>
  </si>
  <si>
    <t>Chani Sultan</t>
  </si>
  <si>
    <t>channi Sultan p/o Qadirabad colony Tehsil &amp; District Hafizabad</t>
  </si>
  <si>
    <t>Chani sultan</t>
  </si>
  <si>
    <t>Afeefa Nasir</t>
  </si>
  <si>
    <t>GMPS CHANI WAZIRA</t>
  </si>
  <si>
    <t>Chani Wazira</t>
  </si>
  <si>
    <t>channi wazira</t>
  </si>
  <si>
    <t>Fauzia Asmat</t>
  </si>
  <si>
    <t>GMPS CHANIDH</t>
  </si>
  <si>
    <t>Chanadh</t>
  </si>
  <si>
    <t>village chanadh po nagial teh p d khan district Jhelum</t>
  </si>
  <si>
    <t>Raheela Rafiq</t>
  </si>
  <si>
    <t>GMPS CHANIOT</t>
  </si>
  <si>
    <t>chaniot</t>
  </si>
  <si>
    <t>G.M.P.S Chaniot p/o Bangial Teh  Sohawa Disst Jhelum</t>
  </si>
  <si>
    <t>aqsa farhat</t>
  </si>
  <si>
    <t>GMPS CHANJLOT</t>
  </si>
  <si>
    <t>Chanjlot</t>
  </si>
  <si>
    <t>Chanjlot PO Domeli Tehsil Sohawa Distt Jhelum</t>
  </si>
  <si>
    <t>Uzma Yasmeen</t>
  </si>
  <si>
    <t>GMPS CHANNI GOTERIALA</t>
  </si>
  <si>
    <t>gmps channi Goteriala pobox Goteriala district Gujarat tehsil kharian</t>
  </si>
  <si>
    <t>Channi Goteriala</t>
  </si>
  <si>
    <t>Thutharaibudther</t>
  </si>
  <si>
    <t>Amera Fazal</t>
  </si>
  <si>
    <t>GMPS CHANNI MANGA</t>
  </si>
  <si>
    <t>channi manga tehsil wazirabad distruct gujranwala</t>
  </si>
  <si>
    <t>Channi Manga</t>
  </si>
  <si>
    <t>Hazrat Kalyan Wala</t>
  </si>
  <si>
    <t>GMPS CHANNI NIKOWANY</t>
  </si>
  <si>
    <t>Channi Nikowani</t>
  </si>
  <si>
    <t>village channi nikowani Gujrat</t>
  </si>
  <si>
    <t>MARAB HABIB</t>
  </si>
  <si>
    <t>GMPS CHANNI NOOR SHAH</t>
  </si>
  <si>
    <t>Channi noor shah</t>
  </si>
  <si>
    <t>channi noor shah</t>
  </si>
  <si>
    <t>Masood Asmat</t>
  </si>
  <si>
    <t>GMPS CHANNI QASIM</t>
  </si>
  <si>
    <t>CHANNI Qasim</t>
  </si>
  <si>
    <t>Channi Qasim</t>
  </si>
  <si>
    <t>GMPS CHANNI SAHANPAL</t>
  </si>
  <si>
    <t>Channi Sahnpal</t>
  </si>
  <si>
    <t>Govt. model primary school channi sahnpal teh.phalia distt.m.b.din</t>
  </si>
  <si>
    <t>Misbah Shamim</t>
  </si>
  <si>
    <t>GMPS CHAOKAY KALAN</t>
  </si>
  <si>
    <t>Chaokay Kalan</t>
  </si>
  <si>
    <t>vill chaokay kalan p.o begowala teh sambrial dist sialkot</t>
  </si>
  <si>
    <t>GMPS CHAPRI AKU</t>
  </si>
  <si>
    <t>Gmps chapri aku p/o sadiot Teh kallar syedan</t>
  </si>
  <si>
    <t>Chapri Aku</t>
  </si>
  <si>
    <t>Aamira Noreen</t>
  </si>
  <si>
    <t>GMPS CHATROR</t>
  </si>
  <si>
    <t>Chitror</t>
  </si>
  <si>
    <t>Chitror teh sahiwal district sargodha</t>
  </si>
  <si>
    <t>Mazhar Ali</t>
  </si>
  <si>
    <t>GMPS CHATTA DAD</t>
  </si>
  <si>
    <t>Chatta Dad</t>
  </si>
  <si>
    <t>chatta dad</t>
  </si>
  <si>
    <t>GMPS CHATTA MALHA</t>
  </si>
  <si>
    <t>cheema town 24A Link road bahawalpur</t>
  </si>
  <si>
    <t>Basti Sadaat</t>
  </si>
  <si>
    <t>Adila Siddique</t>
  </si>
  <si>
    <t>GMPS CHAUK SHAHEEDAN BASTI NAQAD PURA</t>
  </si>
  <si>
    <t>Naqud Pura</t>
  </si>
  <si>
    <t>G.G.M.PS CHowk shaheedan</t>
  </si>
  <si>
    <t>Khatoon Fatima</t>
  </si>
  <si>
    <t>GMPS CHEELA</t>
  </si>
  <si>
    <t>Cheela</t>
  </si>
  <si>
    <t>cheela po kotli loharan tehsil and district sialkot</t>
  </si>
  <si>
    <t>Kubra Begum</t>
  </si>
  <si>
    <t>GMPS CHEELA WALA CHAK 49</t>
  </si>
  <si>
    <t>Cheela Chak 49</t>
  </si>
  <si>
    <t>cheela chk 49</t>
  </si>
  <si>
    <t>Beenish Aslam</t>
  </si>
  <si>
    <t>GMPS CHELEY KEY</t>
  </si>
  <si>
    <t>CHELE KEY</t>
  </si>
  <si>
    <t>CHELE KEY TEHSIL NOSHERA VIRKAN(GUJRANWALA)</t>
  </si>
  <si>
    <t>BADDO RATTA</t>
  </si>
  <si>
    <t>FAREEHA ABDULLAH</t>
  </si>
  <si>
    <t>GMPS CHHANGA</t>
  </si>
  <si>
    <t>Village Chhanga P/O Saddar Bazar Sialkot Cantt</t>
  </si>
  <si>
    <t>GMPS CHHANI MAST</t>
  </si>
  <si>
    <t>Channi Mast</t>
  </si>
  <si>
    <t>channi mast tehsil pahalia dist m.b din</t>
  </si>
  <si>
    <t>TAHIRA RAFIQ</t>
  </si>
  <si>
    <t>GMPS CHHOHRAN WALA</t>
  </si>
  <si>
    <t>Chhohranwala</t>
  </si>
  <si>
    <t>village chhohranwala p/o pahrianwali tehsil Phalia district m.b.din</t>
  </si>
  <si>
    <t>GMPS CHHOI (MAKHAD)</t>
  </si>
  <si>
    <t>village post office makhad</t>
  </si>
  <si>
    <t>Shakeela Naujum</t>
  </si>
  <si>
    <t>carry through civ</t>
  </si>
  <si>
    <t>GMPS CHHOI GULAB</t>
  </si>
  <si>
    <t>gmps chhoi gulab</t>
  </si>
  <si>
    <t>Chhoi Gulab</t>
  </si>
  <si>
    <t>GMPS CHIMBER</t>
  </si>
  <si>
    <t>Chimber</t>
  </si>
  <si>
    <t>Village chimber p /o bhao gasset pur Tehsil kharian District gujrat</t>
  </si>
  <si>
    <t>GMPS CHINA SHUMALI BHAKKAR</t>
  </si>
  <si>
    <t>Chah Hassan Wala thal p/o chhina teh/distt bhakkar</t>
  </si>
  <si>
    <t>Chah Hassan Wala thal</t>
  </si>
  <si>
    <t>Peer ashab</t>
  </si>
  <si>
    <t>GMPS CHINDPUR</t>
  </si>
  <si>
    <t>chaindpur</t>
  </si>
  <si>
    <t>Kaneez Zahra</t>
  </si>
  <si>
    <t>GMPS CHIRAGH WALA</t>
  </si>
  <si>
    <t>Chiraghwala</t>
  </si>
  <si>
    <t>moaza chiraghwala tehsil sahiwal dist sgd</t>
  </si>
  <si>
    <t>Kotmussa</t>
  </si>
  <si>
    <t>Husna Shehzadi</t>
  </si>
  <si>
    <t>GMPS CHIRASS</t>
  </si>
  <si>
    <t>Chirass</t>
  </si>
  <si>
    <t>village chirass po box narah tehsil kahuta district Rawalpindi</t>
  </si>
  <si>
    <t>Narah</t>
  </si>
  <si>
    <t>Hina Farooq</t>
  </si>
  <si>
    <t>GMPS CHISHTI CHARAGH</t>
  </si>
  <si>
    <t>chak 33 p</t>
  </si>
  <si>
    <t>GMPS CHAK 33 P DERA SHAH ABBAS CHISHTI CHARAGH</t>
  </si>
  <si>
    <t>BAGHO BAHAR</t>
  </si>
  <si>
    <t>GMPS CHITOR GARH, P/O HAIDER ABAD, NAWAN SHEHR</t>
  </si>
  <si>
    <t>Chatoor Ghar</t>
  </si>
  <si>
    <t>chatoor ghar markaz nawn shahr</t>
  </si>
  <si>
    <t>Chack Hadir Abad</t>
  </si>
  <si>
    <t>Samreen Zehra</t>
  </si>
  <si>
    <t>GMPS CHOA</t>
  </si>
  <si>
    <t>village choa p.o karyala</t>
  </si>
  <si>
    <t>Sadia Naureen</t>
  </si>
  <si>
    <t>GMPS CHOA MEERA</t>
  </si>
  <si>
    <t>Choa Maira</t>
  </si>
  <si>
    <t>village choa maira tehsil Sarai alamgir district gujrat</t>
  </si>
  <si>
    <t>GMPS CHODO WAL</t>
  </si>
  <si>
    <t>gmps chodowal teh distt gujrat</t>
  </si>
  <si>
    <t>chodowal</t>
  </si>
  <si>
    <t>chachian</t>
  </si>
  <si>
    <t>Rafia Akhtar</t>
  </si>
  <si>
    <t>GMPS CHOHAN SHAMA</t>
  </si>
  <si>
    <t>Chahan Shaman</t>
  </si>
  <si>
    <t>Moza Chahan Shaman</t>
  </si>
  <si>
    <t>Chshan Shaman</t>
  </si>
  <si>
    <t>Chipli Pur</t>
  </si>
  <si>
    <t>Qamar U Zaman</t>
  </si>
  <si>
    <t>GMPS CHOHAR CHAK</t>
  </si>
  <si>
    <t>Shaista Sarwar</t>
  </si>
  <si>
    <t>GMPS CHOHDO BAHADARKE</t>
  </si>
  <si>
    <t>Chuhdo Bhadarke</t>
  </si>
  <si>
    <t>Chuhdo Bhadrake</t>
  </si>
  <si>
    <t>Bag Kona</t>
  </si>
  <si>
    <t>Ehsan Zahra</t>
  </si>
  <si>
    <t>GMPS CHOHDO KHUNIAN</t>
  </si>
  <si>
    <t>Chohdo Khunian</t>
  </si>
  <si>
    <t>chohdokhunian teh pindi bhattian hafizabad</t>
  </si>
  <si>
    <t>Faiza Sarwar</t>
  </si>
  <si>
    <t>GMPS CHOHRA DEWAN</t>
  </si>
  <si>
    <t>Chora Dewan</t>
  </si>
  <si>
    <t>chora dewan</t>
  </si>
  <si>
    <t>GMPS CHOKAR</t>
  </si>
  <si>
    <t>VPO CHOKAR RAWALPINDI</t>
  </si>
  <si>
    <t>saleema sadia</t>
  </si>
  <si>
    <t>GMPS CHOKAR KHURD</t>
  </si>
  <si>
    <t>Chokar Khurd</t>
  </si>
  <si>
    <t>chokar khurad p/o bhota tehsil and district gujrat</t>
  </si>
  <si>
    <t>Sidra Bibi</t>
  </si>
  <si>
    <t>GMPS CHOKARA</t>
  </si>
  <si>
    <t>chakora,p.o kunjah</t>
  </si>
  <si>
    <t>Aleena Pervaiz</t>
  </si>
  <si>
    <t>GMPS CHOKI HERAJ, SARAI SIDHU</t>
  </si>
  <si>
    <t>Choki Hiraj</t>
  </si>
  <si>
    <t>mouza choki hiraj</t>
  </si>
  <si>
    <t>Sumera Munir</t>
  </si>
  <si>
    <t>GMPS CHOKI SIAL, NAWAN SHEHR</t>
  </si>
  <si>
    <t>Choki Sial</t>
  </si>
  <si>
    <t>GGM/P school choki sial</t>
  </si>
  <si>
    <t>Chak Haider Abad</t>
  </si>
  <si>
    <t>Rukhsana Razaq</t>
  </si>
  <si>
    <t>GMPS CHOKIN JAN PUR</t>
  </si>
  <si>
    <t>Chokin Jan Pur</t>
  </si>
  <si>
    <t>chokin Jan pur tehsil 18 hazari</t>
  </si>
  <si>
    <t>Mc 18 Hazari</t>
  </si>
  <si>
    <t>rukhsana yasmin</t>
  </si>
  <si>
    <t>GMPS CHOOHANG</t>
  </si>
  <si>
    <t>Choohang</t>
  </si>
  <si>
    <t>chohang</t>
  </si>
  <si>
    <t>Chohang</t>
  </si>
  <si>
    <t>GMPS CHOOKHIAN WALA</t>
  </si>
  <si>
    <t>Chookhian Wala</t>
  </si>
  <si>
    <t>CHOOKHIAN wala</t>
  </si>
  <si>
    <t>Shumaila Murtaza</t>
  </si>
  <si>
    <t>GMPS CHOOKNAN WALI</t>
  </si>
  <si>
    <t>Chooknanwali</t>
  </si>
  <si>
    <t>chooknanwali post office kunjah Tehsil District Gujrat.</t>
  </si>
  <si>
    <t>Shadiwal Mehmood K</t>
  </si>
  <si>
    <t>GMPS CHOORA</t>
  </si>
  <si>
    <t>Churra</t>
  </si>
  <si>
    <t>village churra post ofc chakri R.w.p</t>
  </si>
  <si>
    <t>Iram Noureen</t>
  </si>
  <si>
    <t>GMPS CHOPAR HATTA EAST, SARAI SIDHU</t>
  </si>
  <si>
    <t>adda choperhatta</t>
  </si>
  <si>
    <t>GMPS CHORAN</t>
  </si>
  <si>
    <t>Choran</t>
  </si>
  <si>
    <t>post office choran tehsil P D khan district jhelum</t>
  </si>
  <si>
    <t>Shagufta Mazhar</t>
  </si>
  <si>
    <t>GMPS CHOT KALAN</t>
  </si>
  <si>
    <t>Chot Kalan</t>
  </si>
  <si>
    <t>chot kalan post office bherowal tehsil phalia district m.b.din</t>
  </si>
  <si>
    <t>Unbreen Moawrah</t>
  </si>
  <si>
    <t>GMPS CHOTAIN SHARIF</t>
  </si>
  <si>
    <t>Chotain Sharif</t>
  </si>
  <si>
    <t>chotain sharif shujabad</t>
  </si>
  <si>
    <t>Shahida Farah Naz</t>
  </si>
  <si>
    <t>GMPS CHOUGH PUR</t>
  </si>
  <si>
    <t>chough pur</t>
  </si>
  <si>
    <t>Chough Pur</t>
  </si>
  <si>
    <t>sheeni</t>
  </si>
  <si>
    <t>GMPS CHOUNTRA</t>
  </si>
  <si>
    <t>vpo chountra tahsil jand distt attock</t>
  </si>
  <si>
    <t>Nazma Shahzadi</t>
  </si>
  <si>
    <t>GMPS CHUHA JHURMAT</t>
  </si>
  <si>
    <t>Chuha Jurmat</t>
  </si>
  <si>
    <t>chuha jurmat</t>
  </si>
  <si>
    <t>Roshan Behla</t>
  </si>
  <si>
    <t>GMPS CHUNI SHUMALI PO KOTLA JAM</t>
  </si>
  <si>
    <t>Chuni Daggar</t>
  </si>
  <si>
    <t>Government model primary school Chuni shumali</t>
  </si>
  <si>
    <t>Chuni shumali</t>
  </si>
  <si>
    <t>Kotla Jaam</t>
  </si>
  <si>
    <t>Shazia Azeem</t>
  </si>
  <si>
    <t>GMPS CHUNTRA SURGANA</t>
  </si>
  <si>
    <t>Chuntra Sargana</t>
  </si>
  <si>
    <t>moza Chuntra srgana</t>
  </si>
  <si>
    <t>Mahabat Wala</t>
  </si>
  <si>
    <t>Chak  No 762GB</t>
  </si>
  <si>
    <t>Zahra Nazar</t>
  </si>
  <si>
    <t>GMPS CM BAQAR PUR</t>
  </si>
  <si>
    <t>BAQAR PUR</t>
  </si>
  <si>
    <t>Aalo Mahar</t>
  </si>
  <si>
    <t>Naila Yasmin</t>
  </si>
  <si>
    <t>GMPS CM BURJ CHEEMA</t>
  </si>
  <si>
    <t>village Burj Cheema Tehsil Daska</t>
  </si>
  <si>
    <t>GMPS CM CHAK PUTLIAN</t>
  </si>
  <si>
    <t>Chak Puttlian</t>
  </si>
  <si>
    <t>chak  puttian  post office Zahoora   Sialkot</t>
  </si>
  <si>
    <t>Chak  Puttlian</t>
  </si>
  <si>
    <t>Pindi Punjuran</t>
  </si>
  <si>
    <t>Nazia Zaheer</t>
  </si>
  <si>
    <t>GMPS CM JHARAN WALA</t>
  </si>
  <si>
    <t>Jhranwala</t>
  </si>
  <si>
    <t>jharanwala p.o wadala Sandhwa  daska sailkot</t>
  </si>
  <si>
    <t>Firdous Mohsin</t>
  </si>
  <si>
    <t>GMPS CM KALOAY</t>
  </si>
  <si>
    <t>Kaloay</t>
  </si>
  <si>
    <t>kaloay</t>
  </si>
  <si>
    <t>GMPS CM THATHA GORAYA</t>
  </si>
  <si>
    <t>Thatha Goraya</t>
  </si>
  <si>
    <t>village thatha goraya near p.o mundekey goraya</t>
  </si>
  <si>
    <t>Thatha Goraga</t>
  </si>
  <si>
    <t>Mundeke goraya</t>
  </si>
  <si>
    <t>GMPS COLONY SARDAR SHAH</t>
  </si>
  <si>
    <t>Chak 6 Ml</t>
  </si>
  <si>
    <t>Colony sardar shah</t>
  </si>
  <si>
    <t>Colony Sardar Shah</t>
  </si>
  <si>
    <t>GMPS DADU BARSALA</t>
  </si>
  <si>
    <t>Dadubarsala</t>
  </si>
  <si>
    <t>village Dadubarsala P O Heeraghar Tehsil Kharian District Gujrat</t>
  </si>
  <si>
    <t>Dadu Barsala</t>
  </si>
  <si>
    <t>Memoona Hanif</t>
  </si>
  <si>
    <t>GMPS DAERA</t>
  </si>
  <si>
    <t>village Dera po lehtrar tehsil kotli sattian district RWP</t>
  </si>
  <si>
    <t>BUSHRA SULTANA</t>
  </si>
  <si>
    <t>GMPS DAFFAR</t>
  </si>
  <si>
    <t>GMPS  DAFFAR</t>
  </si>
  <si>
    <t>GMPS DAHAR SAKIAN</t>
  </si>
  <si>
    <t>Dahar Sakian</t>
  </si>
  <si>
    <t>dahar sakian bashmola mustafabad</t>
  </si>
  <si>
    <t>Ishrat Yousaf</t>
  </si>
  <si>
    <t>GMPS DAHLL KHAIR</t>
  </si>
  <si>
    <t>Dhall Ghair</t>
  </si>
  <si>
    <t>village Dhall Ghair,p/o sehna,tehsil Kharian,distt Gujrat</t>
  </si>
  <si>
    <t>Sarwat Nazir</t>
  </si>
  <si>
    <t>GMPS DAHNDI GUJRAN</t>
  </si>
  <si>
    <t>Dandi Gujran</t>
  </si>
  <si>
    <t>Village Dandi Gujran, teh and dist Rawalindi</t>
  </si>
  <si>
    <t>Tahira Haleema</t>
  </si>
  <si>
    <t>GMPS DAIM KOT  BASTI DAIM KOT</t>
  </si>
  <si>
    <t>Daim Kot</t>
  </si>
  <si>
    <t>daim kot</t>
  </si>
  <si>
    <t>Chailay Wahin</t>
  </si>
  <si>
    <t>GMPS DAIWAL GHARBI</t>
  </si>
  <si>
    <t>Daiwal gharbi</t>
  </si>
  <si>
    <t>Muhammad Niaz</t>
  </si>
  <si>
    <t>GMPS DALAIL KAY</t>
  </si>
  <si>
    <t>Dalail kay</t>
  </si>
  <si>
    <t>dalail kay</t>
  </si>
  <si>
    <t>Tahmina Khan</t>
  </si>
  <si>
    <t>GMPS DALAY WALA</t>
  </si>
  <si>
    <t>govt model primary school dally wala jhang</t>
  </si>
  <si>
    <t>Babar Ahmad Khan</t>
  </si>
  <si>
    <t>GMPS DALLAH</t>
  </si>
  <si>
    <t>Dalla</t>
  </si>
  <si>
    <t>post office chak rajadi tehsil kharian dist gujrat</t>
  </si>
  <si>
    <t>GMPS DALLOWAL PO BHIKHI SHARIF</t>
  </si>
  <si>
    <t>Dalowal p/o Bhikhi shareef</t>
  </si>
  <si>
    <t>Rizwana Tabbsam</t>
  </si>
  <si>
    <t>GMPS DANDI CHACH</t>
  </si>
  <si>
    <t>Dandi Chach</t>
  </si>
  <si>
    <t>Village Dandi Chach P :ODandi Nizam Tehsil Saria Alamgir District Gujrat</t>
  </si>
  <si>
    <t>Maria Sabir</t>
  </si>
  <si>
    <t>GMPS DANDI RAJPUT</t>
  </si>
  <si>
    <t>Dandi Rajpoot</t>
  </si>
  <si>
    <t>Dandi Rajpoot, P.O : Dandi Nizam, Teh : Sarai Alamgir, Distt : Gujrat</t>
  </si>
  <si>
    <t>GMPS DANGRA, TULAMBA</t>
  </si>
  <si>
    <t>Dangra</t>
  </si>
  <si>
    <t>Moza Dangra, Mian Channu, Dist. Khanewal</t>
  </si>
  <si>
    <t>Moza Dangra</t>
  </si>
  <si>
    <t>9-B/8-R</t>
  </si>
  <si>
    <t>Muzammal Ilyas</t>
  </si>
  <si>
    <t>GMPS DANLEHARI</t>
  </si>
  <si>
    <t>Dhan Lehri</t>
  </si>
  <si>
    <t>Village Dhan lehri post office Bandhya</t>
  </si>
  <si>
    <t>Shabnam Arif</t>
  </si>
  <si>
    <t>GMPS DAO</t>
  </si>
  <si>
    <t>Jorra Jlalpur</t>
  </si>
  <si>
    <t>Vill Dao P /O Makiana Distt Gujrat</t>
  </si>
  <si>
    <t>Dao</t>
  </si>
  <si>
    <t>Jorra Jalalpur</t>
  </si>
  <si>
    <t>Mamoona Walayat</t>
  </si>
  <si>
    <t>GMPS DAO KAY KHANAYANA</t>
  </si>
  <si>
    <t>Dao K Khanyana</t>
  </si>
  <si>
    <t>Dao kay khanyana</t>
  </si>
  <si>
    <t>Dao k Khanyana</t>
  </si>
  <si>
    <t>GMPS DARA KHANI</t>
  </si>
  <si>
    <t>Darakhani</t>
  </si>
  <si>
    <t>vpo mithial tehsil jand district attock</t>
  </si>
  <si>
    <t>GMPS DARBARI WALA</t>
  </si>
  <si>
    <t>Darbara Wala</t>
  </si>
  <si>
    <t>govt girls primary school dabari wala</t>
  </si>
  <si>
    <t>Darbari  Wala</t>
  </si>
  <si>
    <t>Hasan Wala</t>
  </si>
  <si>
    <t>GMPS DARINDIAN</t>
  </si>
  <si>
    <t>Darindian</t>
  </si>
  <si>
    <t>GMPS village dariandian tehsil wazirabad District Gujranwala</t>
  </si>
  <si>
    <t>Hazarat Kalyawala</t>
  </si>
  <si>
    <t>NAZIR FATIMA</t>
  </si>
  <si>
    <t>GMPS DAR-UL NASAR</t>
  </si>
  <si>
    <t>Muslim Coloni Chenab Nagar</t>
  </si>
  <si>
    <t>Muslim Coloni chenab Nagar</t>
  </si>
  <si>
    <t>Muslim Coloni</t>
  </si>
  <si>
    <t>Hafiz Shahid Nawaz</t>
  </si>
  <si>
    <t>GMPS DAR-UL-SADAR GHARBI</t>
  </si>
  <si>
    <t>Darulsadar Gharbi Chenab Nagar</t>
  </si>
  <si>
    <t>M Yaqub</t>
  </si>
  <si>
    <t>GMPS DARWASHKE</t>
  </si>
  <si>
    <t>Darwashke teh wazirabad district Gujranwala</t>
  </si>
  <si>
    <t>Darwashke</t>
  </si>
  <si>
    <t>Asia Tabasum</t>
  </si>
  <si>
    <t>GMPS DARYALA KHAKI</t>
  </si>
  <si>
    <t>Daryala Khaki</t>
  </si>
  <si>
    <t>village &amp; P.O Daryala khaki Tehsil gujarkhan District Rawakpindi</t>
  </si>
  <si>
    <t>Asia Abid</t>
  </si>
  <si>
    <t>GMPS DATA BRAHMNAH</t>
  </si>
  <si>
    <t>Data Brahmnah</t>
  </si>
  <si>
    <t>data brahmnah p.o &amp; tehsil pasrur district sialkot</t>
  </si>
  <si>
    <t>GMPS DAULU WALA</t>
  </si>
  <si>
    <t>CHAK No10JB DOLOWALA CHINIOT</t>
  </si>
  <si>
    <t>DOLOWALA</t>
  </si>
  <si>
    <t>CHAK No13 Sarwala</t>
  </si>
  <si>
    <t>GMPS DAVIS PUR</t>
  </si>
  <si>
    <t>Davis Pur</t>
  </si>
  <si>
    <t>Davis pur tehsil bhera district Sargodha</t>
  </si>
  <si>
    <t>MAZHAR ABBAS</t>
  </si>
  <si>
    <t>GMPS DAWRI</t>
  </si>
  <si>
    <t>Dawri</t>
  </si>
  <si>
    <t>Village panjgran dawri</t>
  </si>
  <si>
    <t>Farah Kanwal</t>
  </si>
  <si>
    <t>GMPS DAYAWARA</t>
  </si>
  <si>
    <t>Dayawara</t>
  </si>
  <si>
    <t>dayawar</t>
  </si>
  <si>
    <t>Dayawra</t>
  </si>
  <si>
    <t>Shama Aslam</t>
  </si>
  <si>
    <t>GMPS DERA AGRAL  NALLI</t>
  </si>
  <si>
    <t>NALLI</t>
  </si>
  <si>
    <t>WAHEER(Shumali)</t>
  </si>
  <si>
    <t>DERA AGRAL</t>
  </si>
  <si>
    <t>MUHAMMAD IJAZ</t>
  </si>
  <si>
    <t>GMPS DERA ALI WALA P.O NALLI</t>
  </si>
  <si>
    <t>Dear Ali Wala</t>
  </si>
  <si>
    <t>Dear ALi Wala Nalli Shumali</t>
  </si>
  <si>
    <t>GMPS DERA CHENNA</t>
  </si>
  <si>
    <t>Dera Cheena</t>
  </si>
  <si>
    <t>dera cheena</t>
  </si>
  <si>
    <t>Shakila rafique</t>
  </si>
  <si>
    <t>GMPS DERA FAQIR FATEH KHAN</t>
  </si>
  <si>
    <t>Dera Haji Fateh Khan, P/O Karari Kot, Teh &amp; Disst.Bhakkar</t>
  </si>
  <si>
    <t>Dera Haji Fateh Khan</t>
  </si>
  <si>
    <t>GMPS DERA HANJRA CHAK NO.103 SB</t>
  </si>
  <si>
    <t>chack no 103 sb Sargodha</t>
  </si>
  <si>
    <t>103sb</t>
  </si>
  <si>
    <t>100sb</t>
  </si>
  <si>
    <t>GMPS DERA HAYAT WALA</t>
  </si>
  <si>
    <t>Kakey Wala</t>
  </si>
  <si>
    <t>P/O: Khawajabad, Teh: Shah Pur, Distt: Sargodha</t>
  </si>
  <si>
    <t>Dera Hayat Wala</t>
  </si>
  <si>
    <t>GMPS DERA JADEED</t>
  </si>
  <si>
    <t>Dera Jadeed</t>
  </si>
  <si>
    <t>GMPS DERA JAMMU (MARKAZ MANGAT UNCHA)</t>
  </si>
  <si>
    <t>Dera jammun wala Ghanaian post office mangat uncha district and tesil hafizabad</t>
  </si>
  <si>
    <t>Dera Jammun</t>
  </si>
  <si>
    <t>Chack Chatha</t>
  </si>
  <si>
    <t>GMPS DERA JURA</t>
  </si>
  <si>
    <t>Dera Jura</t>
  </si>
  <si>
    <t>dera jura</t>
  </si>
  <si>
    <t>Arisha Ali</t>
  </si>
  <si>
    <t>GMPS DERA LAL KHAN</t>
  </si>
  <si>
    <t>Laal Khan Walla</t>
  </si>
  <si>
    <t>gmps.dera lal Khan shahpur sgd.</t>
  </si>
  <si>
    <t>Laal Khan WAlla</t>
  </si>
  <si>
    <t>Manazar Hussain</t>
  </si>
  <si>
    <t>GMPS DERA LALAY WALA</t>
  </si>
  <si>
    <t>Dera Lalay Wala</t>
  </si>
  <si>
    <t>Dera Lalay Wala p/o kot Sher Muhammad teh.phalia district M.B.Din</t>
  </si>
  <si>
    <t>Shama Noreen</t>
  </si>
  <si>
    <t>GMPS DERA NABI BUKHASH</t>
  </si>
  <si>
    <t>dera nabi bakhsh,khai</t>
  </si>
  <si>
    <t>Nashia Parveen</t>
  </si>
  <si>
    <t>GMPS DERA NAWAB</t>
  </si>
  <si>
    <t>pirashab</t>
  </si>
  <si>
    <t>gmps dera nwab pirashab</t>
  </si>
  <si>
    <t>shazia safdar</t>
  </si>
  <si>
    <t>GMPS DERA SAI MUHAMMAD (KHAI)</t>
  </si>
  <si>
    <t>Govt modal primary school dara saimuhammad khai</t>
  </si>
  <si>
    <t>Shazia Tasneem</t>
  </si>
  <si>
    <t>GMPS DERA TARARAN</t>
  </si>
  <si>
    <t>dera Tararan tehsil phalia distt m.b.din</t>
  </si>
  <si>
    <t>Farkhanda Arjumand</t>
  </si>
  <si>
    <t>GMPS DERA UMAR HAYAT</t>
  </si>
  <si>
    <t>Dera Umer Hayat Nari Janubi</t>
  </si>
  <si>
    <t>Dera Umer Hayat</t>
  </si>
  <si>
    <t>GMPS DERA VIRKAN</t>
  </si>
  <si>
    <t>Mainwal ranjha</t>
  </si>
  <si>
    <t>Gmps dera virkan mianwal ranjha</t>
  </si>
  <si>
    <t>GMPS DERA WATTAY KA</t>
  </si>
  <si>
    <t>Lalowali</t>
  </si>
  <si>
    <t>Dera wattay ka lalowali</t>
  </si>
  <si>
    <t>Lalowai</t>
  </si>
  <si>
    <t>GMPS DEVANI WALA</t>
  </si>
  <si>
    <t>husainabad</t>
  </si>
  <si>
    <t>danweri wala mouza husain abad</t>
  </si>
  <si>
    <t>danwari wala</t>
  </si>
  <si>
    <t>Peeran Ditta</t>
  </si>
  <si>
    <t>GMPS DEWAN KHELAN WALA</t>
  </si>
  <si>
    <t>chidru</t>
  </si>
  <si>
    <t>govt girls P/S dewan khelan wala chidru</t>
  </si>
  <si>
    <t>dewan khelan wala</t>
  </si>
  <si>
    <t>GMPS DEWAN PUR</t>
  </si>
  <si>
    <t>Dewan pur, Bhera, Sargodha</t>
  </si>
  <si>
    <t>Muhammd Yar</t>
  </si>
  <si>
    <t>GMPS DEWANAN (EMINABAD)</t>
  </si>
  <si>
    <t>Ggpsno1DewananEminabad</t>
  </si>
  <si>
    <t>GMPS DHAB SNATEKA</t>
  </si>
  <si>
    <t>Dhab Sanetka</t>
  </si>
  <si>
    <t>dhab sanetka teh distt bahawalnager</t>
  </si>
  <si>
    <t>Aisha Bashir</t>
  </si>
  <si>
    <t>GMPS DHABBI</t>
  </si>
  <si>
    <t>Dhabby</t>
  </si>
  <si>
    <t>mouza dhabby</t>
  </si>
  <si>
    <t>Dhabby Balochan</t>
  </si>
  <si>
    <t>GMPS DHAKOO</t>
  </si>
  <si>
    <t>p.o chakwal village dhakoo</t>
  </si>
  <si>
    <t>GMPS DHALA</t>
  </si>
  <si>
    <t>dhala post office dhuni Kalan tehsil Phalia district M.B.Din</t>
  </si>
  <si>
    <t>Dhuni Kalan</t>
  </si>
  <si>
    <t>Nazia Batool Tarar</t>
  </si>
  <si>
    <t>GMPS DHALNA KAMLANA</t>
  </si>
  <si>
    <t>Dhalna Kamlana</t>
  </si>
  <si>
    <t>dhalna kamlana</t>
  </si>
  <si>
    <t>AMEERA BIBI</t>
  </si>
  <si>
    <t>GMPS DHALWALI MOHRAH</t>
  </si>
  <si>
    <t>Dhalwali Morah</t>
  </si>
  <si>
    <t>Village dhalwali morah post office sangral teh and distt rwp</t>
  </si>
  <si>
    <t>Asia Yaqoob</t>
  </si>
  <si>
    <t>GMPS DHAMAN PADHRAR</t>
  </si>
  <si>
    <t>Gmps dhaman padhrar</t>
  </si>
  <si>
    <t>Rabia Mubeen Malik</t>
  </si>
  <si>
    <t>From mosque</t>
  </si>
  <si>
    <t>GMPS DHAMNOHA</t>
  </si>
  <si>
    <t>Kahli Dhamnoha</t>
  </si>
  <si>
    <t>vill.dhamnoha p/o siahli umar khan teh.kallar sayedan distt Rawalpindi</t>
  </si>
  <si>
    <t>Dhamnoha</t>
  </si>
  <si>
    <t>TAYYABA AFZAL KYANI</t>
  </si>
  <si>
    <t>GMPS DHANAY</t>
  </si>
  <si>
    <t>Village Dhannay</t>
  </si>
  <si>
    <t>Dhannay</t>
  </si>
  <si>
    <t>Rani Andleeb</t>
  </si>
  <si>
    <t>GMPS DHAPY MEHTAB SINGH</t>
  </si>
  <si>
    <t>Dhapi Mehtab Daphi mehtab Sing</t>
  </si>
  <si>
    <t>Dhapi Mehtab Singh district Gujranwala Tahsil wazirabad</t>
  </si>
  <si>
    <t>Dhapi Mehtab Singh</t>
  </si>
  <si>
    <t>Sahran</t>
  </si>
  <si>
    <t>Shaheda Perveen</t>
  </si>
  <si>
    <t>GMPS DHARA QAMBAR SHAH</t>
  </si>
  <si>
    <t>Pir Abdulrehman</t>
  </si>
  <si>
    <t>dhara qambar shah</t>
  </si>
  <si>
    <t>Dhara Qambar Shah</t>
  </si>
  <si>
    <t>Pirabdulrehman</t>
  </si>
  <si>
    <t>Fiaz Ahmad Shah</t>
  </si>
  <si>
    <t>GMPS DHARAM KOT</t>
  </si>
  <si>
    <t>Dhramkot</t>
  </si>
  <si>
    <t>v dhramkot post office  paropi nagra teh.daska dist.sialkot</t>
  </si>
  <si>
    <t>Sheza Shamas Ud Din</t>
  </si>
  <si>
    <t>GMPS DHARAY DA WARA</t>
  </si>
  <si>
    <t>dharay da wara</t>
  </si>
  <si>
    <t>Shazia Gulzar</t>
  </si>
  <si>
    <t>GMPS DHAROKE</t>
  </si>
  <si>
    <t>Dharoke</t>
  </si>
  <si>
    <t>GMPS DHAROKE Tehsil noshera virkan District Gujranwala</t>
  </si>
  <si>
    <t>Phamma Saria</t>
  </si>
  <si>
    <t>Tshneeba Manzoor</t>
  </si>
  <si>
    <t>GMPS DHARUNG</t>
  </si>
  <si>
    <t>Dharang</t>
  </si>
  <si>
    <t>dharang</t>
  </si>
  <si>
    <t>Farrah NAZ</t>
  </si>
  <si>
    <t>GMPS DHARYALA</t>
  </si>
  <si>
    <t>village Dharyala Tehsil Dina District Jhelum</t>
  </si>
  <si>
    <t>Firdous Iftakhar</t>
  </si>
  <si>
    <t>GMPS DHEERA</t>
  </si>
  <si>
    <t>Village Dhera P.O Looni Tehsil &amp;District Sialkot</t>
  </si>
  <si>
    <t>Asma  Ali Ul Haq</t>
  </si>
  <si>
    <t>GMPS DHEERKAY</t>
  </si>
  <si>
    <t>dheerky</t>
  </si>
  <si>
    <t>village dheerky p/o wadala sandhwan</t>
  </si>
  <si>
    <t>Dheerky</t>
  </si>
  <si>
    <t>GMPS DHEERKAY KHURD</t>
  </si>
  <si>
    <t>Dheerkay khurd</t>
  </si>
  <si>
    <t>Village dheerkay khurd Post Office dheerkay kalan Tehsil and District Gujrat</t>
  </si>
  <si>
    <t>Dheerkay Khurd</t>
  </si>
  <si>
    <t>GMPS DHENDA KHURD</t>
  </si>
  <si>
    <t>Dheenda Khurd</t>
  </si>
  <si>
    <t>Dheenda khurd post office krianwala thsil district gujrat</t>
  </si>
  <si>
    <t>Ishraat Shaheen</t>
  </si>
  <si>
    <t>GMPS DHERI LAGAL</t>
  </si>
  <si>
    <t>Dheri lagal</t>
  </si>
  <si>
    <t>Dheri lagal p/o sheen bagh kalan Attock</t>
  </si>
  <si>
    <t>surag salar</t>
  </si>
  <si>
    <t>Faiza Haroon</t>
  </si>
  <si>
    <t>GMPS DHERY CHOHAN</t>
  </si>
  <si>
    <t>Dhery Chohan</t>
  </si>
  <si>
    <t>Shahida Sultan</t>
  </si>
  <si>
    <t>GMPS DHILLO GHARBI</t>
  </si>
  <si>
    <t>Dhillo Gharbi</t>
  </si>
  <si>
    <t>village dehlu gharbi p/o kunjah tehsile and district Gujrat</t>
  </si>
  <si>
    <t>Shehar Bano Saleem</t>
  </si>
  <si>
    <t>GMPS DHILLU GHARABI</t>
  </si>
  <si>
    <t>Dhillu Gharbi</t>
  </si>
  <si>
    <t>Govt Model Primary school Dhillu Gharbi</t>
  </si>
  <si>
    <t>Memoona Bari</t>
  </si>
  <si>
    <t>GMPS DHILLWAN</t>
  </si>
  <si>
    <t>Dhillwan</t>
  </si>
  <si>
    <t>Dhillwan P O Alipur Chattha Teh Wazirabad Dis Gujranwala</t>
  </si>
  <si>
    <t>Tanzeela Akhtar</t>
  </si>
  <si>
    <t>GMPS DHING WALI</t>
  </si>
  <si>
    <t>Dhing Wali</t>
  </si>
  <si>
    <t>Village Rajay wala p/o Kotli Nawab tehsil kamonki Dist Gujranwala</t>
  </si>
  <si>
    <t>Azam Ali</t>
  </si>
  <si>
    <t>GMPS DHINGARAN WALI CANTT</t>
  </si>
  <si>
    <t>Gmps Dhingranwali</t>
  </si>
  <si>
    <t>Dhingranwali</t>
  </si>
  <si>
    <t>Canttboard</t>
  </si>
  <si>
    <t>GMPS DHINGRAN WALI</t>
  </si>
  <si>
    <t>dhingranwali  Teh. kot momin  distt. sargodha</t>
  </si>
  <si>
    <t>Ume Habiba Kanwal</t>
  </si>
  <si>
    <t>GMPS DHIPHAR KAY</t>
  </si>
  <si>
    <t>Taja Bairwala</t>
  </si>
  <si>
    <t>Abadi Dapherkay  p/o bhowana</t>
  </si>
  <si>
    <t>Dapherkay</t>
  </si>
  <si>
    <t>GMPS DHOK ADRANA</t>
  </si>
  <si>
    <t>village dhok adrana p/o Chak amral teh/dist Rawalpindi</t>
  </si>
  <si>
    <t>Dhok Adrana</t>
  </si>
  <si>
    <t>GMPS DHOK AWAN</t>
  </si>
  <si>
    <t>Samahal</t>
  </si>
  <si>
    <t>dhok dharyali p/o padhri teh Sohawa disst jhelum</t>
  </si>
  <si>
    <t>GMPS DHOK BUDHAL</t>
  </si>
  <si>
    <t>Baddal</t>
  </si>
  <si>
    <t>Village dhok budhal post office banda</t>
  </si>
  <si>
    <t>Dhok Budhal</t>
  </si>
  <si>
    <t>GMPS DHOK CHACCH</t>
  </si>
  <si>
    <t>Chacch</t>
  </si>
  <si>
    <t>Dhoke Chacch,post office khas,</t>
  </si>
  <si>
    <t>Dhoke Chacch</t>
  </si>
  <si>
    <t>Sana Nasir</t>
  </si>
  <si>
    <t>GMPS DHOK DHULIAL</t>
  </si>
  <si>
    <t>Dk Dhulial</t>
  </si>
  <si>
    <t>Dk Dhulial VPO Miawala</t>
  </si>
  <si>
    <t>Tahira Iram</t>
  </si>
  <si>
    <t>GMPS DHOK DULLEY KHEL NO.1</t>
  </si>
  <si>
    <t>p\ o dhibba kersial teh &amp; district mianwali</t>
  </si>
  <si>
    <t>GMPS DHOK FATEH (JABBA)</t>
  </si>
  <si>
    <t>UC Jaba Teh Jand Dist Attock</t>
  </si>
  <si>
    <t>Dhok Fateh</t>
  </si>
  <si>
    <t>GMPS DHOK GANJA</t>
  </si>
  <si>
    <t>Dk Ganja</t>
  </si>
  <si>
    <t>Nosheen Sajjad</t>
  </si>
  <si>
    <t>GMPS DHOK GOLA</t>
  </si>
  <si>
    <t>Dhok Gola</t>
  </si>
  <si>
    <t>village dhok Gola , Pind Dadan Khan, Jhelum</t>
  </si>
  <si>
    <t>Shadab Zanib</t>
  </si>
  <si>
    <t>GMPS DHOK GUJJAR (KAMRIAL)</t>
  </si>
  <si>
    <t>Dk Gujjar</t>
  </si>
  <si>
    <t>GMPS DHOK GUJJAR (KHOUR)</t>
  </si>
  <si>
    <t>dhoke gujar khaur</t>
  </si>
  <si>
    <t>dhoke gujar khaur teh pindi gheb teh attock</t>
  </si>
  <si>
    <t>kamrial</t>
  </si>
  <si>
    <t>GMPS DHOK GUJRI</t>
  </si>
  <si>
    <t>Dhoke Gujri</t>
  </si>
  <si>
    <t>village Dhoke Gujri  Markaz Raika Maira Tehsil &amp; District Rwp</t>
  </si>
  <si>
    <t>Dkoke Gujri</t>
  </si>
  <si>
    <t>Ansar</t>
  </si>
  <si>
    <t>GMPS DHOK GUNNA  KHABAKI</t>
  </si>
  <si>
    <t>Dhadar</t>
  </si>
  <si>
    <t>village and post office dhdar tehsil Nosehra  zila  koushhab</t>
  </si>
  <si>
    <t>Hafiza Urooj Riaz Malik</t>
  </si>
  <si>
    <t>GMPS DHOK HAJI ATTAR KHAN</t>
  </si>
  <si>
    <t>village and p/o dhok haji attar</t>
  </si>
  <si>
    <t>Dhok Haji Attar</t>
  </si>
  <si>
    <t>GMPS DHOK HUMA KHAIL</t>
  </si>
  <si>
    <t>74nb</t>
  </si>
  <si>
    <t>67 NB</t>
  </si>
  <si>
    <t>Um-e-kaloom</t>
  </si>
  <si>
    <t>GMPS DHOK JAHAN KHAN KHABEKI</t>
  </si>
  <si>
    <t>Khabbeki</t>
  </si>
  <si>
    <t>p/o box khabbeki tehsil naushera</t>
  </si>
  <si>
    <t>Touseef Gul</t>
  </si>
  <si>
    <t>GMPS DHOK KANIAL</t>
  </si>
  <si>
    <t>dhok kanial teh and district jhelum</t>
  </si>
  <si>
    <t>Dhok Kanial</t>
  </si>
  <si>
    <t>Attia Raqueeb</t>
  </si>
  <si>
    <t>GMPS DHOK KHABEKI</t>
  </si>
  <si>
    <t>Gmps dhok khabaki tehsil naushera district khushab</t>
  </si>
  <si>
    <t>GMPS DHOK KIVIRIAN</t>
  </si>
  <si>
    <t>v Dhok Kivrian.Po Kot Fateh Khan.Teh Fateh jang. Disst Attock.</t>
  </si>
  <si>
    <t>Dhok Kivirian</t>
  </si>
  <si>
    <t>Malkah bibi</t>
  </si>
  <si>
    <t>GMPS DHOK MALAL</t>
  </si>
  <si>
    <t>dhok malal</t>
  </si>
  <si>
    <t>tehsil. fateh jang districk attock</t>
  </si>
  <si>
    <t>ajuwala</t>
  </si>
  <si>
    <t>GMPS DHOK MALIK SHAH NAWAZ</t>
  </si>
  <si>
    <t>Dhiba</t>
  </si>
  <si>
    <t>P/O Dhurnaka dist mianwali</t>
  </si>
  <si>
    <t>Bailqees Begum</t>
  </si>
  <si>
    <t>GMPS DHOK MEELAN</t>
  </si>
  <si>
    <t>GMPS Dhoke Meelan</t>
  </si>
  <si>
    <t>Dhoke Meelan</t>
  </si>
  <si>
    <t>Ruqqia Khatoon</t>
  </si>
  <si>
    <t>GMPS DHOK MOND</t>
  </si>
  <si>
    <t>Dkmond</t>
  </si>
  <si>
    <t>GMPS DK.MOND teh pindi gheb dist Attock</t>
  </si>
  <si>
    <t>Bibi Haseena</t>
  </si>
  <si>
    <t>GMPS DHOK MUGHLAN</t>
  </si>
  <si>
    <t>Takkal</t>
  </si>
  <si>
    <t>Dhoke mughlan, takkal, Kallar Syedan, Rawalpindi</t>
  </si>
  <si>
    <t>Fozia Aziz</t>
  </si>
  <si>
    <t>GMPS DHOK MURID</t>
  </si>
  <si>
    <t>Dhok Mureed</t>
  </si>
  <si>
    <t>vill dhok mureed p o qasba karyali</t>
  </si>
  <si>
    <t>GMPS DHOK NISHAN-E-HAIDER</t>
  </si>
  <si>
    <t>Mohra Hayat</t>
  </si>
  <si>
    <t>villg dk n haider</t>
  </si>
  <si>
    <t>GMPs Dk  N Haider</t>
  </si>
  <si>
    <t>Safeera Noreen Abad Gul</t>
  </si>
  <si>
    <t>borng</t>
  </si>
  <si>
    <t>GMPS DHOK NOOR SHAH</t>
  </si>
  <si>
    <t>p/o chakrala Dhok Noor Shah</t>
  </si>
  <si>
    <t>Dhok Noor Shah</t>
  </si>
  <si>
    <t>GMPS DHOK RAJJO</t>
  </si>
  <si>
    <t>Dhok Rajjo</t>
  </si>
  <si>
    <t>village dhok rajjo po sanghoi tehsil dina district jhelum</t>
  </si>
  <si>
    <t>Jangeel</t>
  </si>
  <si>
    <t>Maryam Nazir</t>
  </si>
  <si>
    <t>GMPS DHOK SHAHANI</t>
  </si>
  <si>
    <t>Dhok Shahani</t>
  </si>
  <si>
    <t>vpo Dhok shahani T/D mndibahauddin</t>
  </si>
  <si>
    <t>Dhok shahani</t>
  </si>
  <si>
    <t>Rakh Baloch Klaan</t>
  </si>
  <si>
    <t>Tahira Hussain</t>
  </si>
  <si>
    <t>GMPS DHOK SHAKRA</t>
  </si>
  <si>
    <t>dk shakra</t>
  </si>
  <si>
    <t>vpo nathen malkan</t>
  </si>
  <si>
    <t>GMPS DHOK SIAL</t>
  </si>
  <si>
    <t>Dk Sial</t>
  </si>
  <si>
    <t>dk sial</t>
  </si>
  <si>
    <t>Naureen Altaf</t>
  </si>
  <si>
    <t>GMPS DHOK SOBA</t>
  </si>
  <si>
    <t>Dhangri Dheroo</t>
  </si>
  <si>
    <t>dhok Suba p.o bangial the sohawa district jhelum</t>
  </si>
  <si>
    <t>Dhok Suba</t>
  </si>
  <si>
    <t>Nagina kausar</t>
  </si>
  <si>
    <t>GMPS DHOK VAINCE</t>
  </si>
  <si>
    <t>Dhoke Vaince</t>
  </si>
  <si>
    <t>lilah road dhoke Vaince</t>
  </si>
  <si>
    <t>GMPS DHOK WAHAB</t>
  </si>
  <si>
    <t>Dhoke Wahab</t>
  </si>
  <si>
    <t>vpo dhoke wahab</t>
  </si>
  <si>
    <t>Umara Naheed</t>
  </si>
  <si>
    <t>GMPS DHOK WAJJAN</t>
  </si>
  <si>
    <t>Dhoke Wajjan</t>
  </si>
  <si>
    <t>GMPS Dhoke Wajjan Post office Taxila Rawalpindi</t>
  </si>
  <si>
    <t>H I T Taxila Cantt</t>
  </si>
  <si>
    <t>Abida Yasmeen</t>
  </si>
  <si>
    <t>GMPS DHOKE SAMANDAR</t>
  </si>
  <si>
    <t>teh murree disst rawalpindi vill p / o dhok samandar</t>
  </si>
  <si>
    <t>Dhok Sammander</t>
  </si>
  <si>
    <t>Aasia Mubarik</t>
  </si>
  <si>
    <t>gravity system supply</t>
  </si>
  <si>
    <t>GMPS DHOLA</t>
  </si>
  <si>
    <t>vil dhola p/o jorah teh kharian dis gujrat</t>
  </si>
  <si>
    <t>REHMAT BIBI</t>
  </si>
  <si>
    <t>GMPS DHOLA MUZAFFAR</t>
  </si>
  <si>
    <t>Dholar Muzaffar</t>
  </si>
  <si>
    <t>GMP/S Dholar Muzaffar, P/O Gujranwala, tehsil shahpur ,District Sargodha</t>
  </si>
  <si>
    <t>Fouzia Mumtaz</t>
  </si>
  <si>
    <t>GMPS DHOLI KHICHI</t>
  </si>
  <si>
    <t>Dholi khichi</t>
  </si>
  <si>
    <t>Mauza dholi khichi</t>
  </si>
  <si>
    <t>Farm Bahadur Nagar</t>
  </si>
  <si>
    <t>GMPS DHOLI WALA</t>
  </si>
  <si>
    <t>Dholi Wala</t>
  </si>
  <si>
    <t>dholi wala</t>
  </si>
  <si>
    <t>Sadia Javaid</t>
  </si>
  <si>
    <t>GMPS DHOOL FAQIR BUKHSH</t>
  </si>
  <si>
    <t>Dhol Faqir Bukhush</t>
  </si>
  <si>
    <t>GMPS dhool faqir bukhush</t>
  </si>
  <si>
    <t>Dhool Faqir Bukhush</t>
  </si>
  <si>
    <t>GMPS DHOOL KALAN</t>
  </si>
  <si>
    <t>Dhool Kalan</t>
  </si>
  <si>
    <t>village p /o dhool kalan</t>
  </si>
  <si>
    <t>Chopla</t>
  </si>
  <si>
    <t>Khadija Amjad</t>
  </si>
  <si>
    <t>GMPS DHOOLAN WALA</t>
  </si>
  <si>
    <t>Javaid karyana store near gernal bus stand jhung road bhakkr</t>
  </si>
  <si>
    <t>Dhoolan Wala</t>
  </si>
  <si>
    <t>musarat yasmeen</t>
  </si>
  <si>
    <t>GMPS DHOONA WALA</t>
  </si>
  <si>
    <t>6DB</t>
  </si>
  <si>
    <t>GMPS Dhoona wala</t>
  </si>
  <si>
    <t>DHOONAWALA</t>
  </si>
  <si>
    <t>Manzooran Perveen</t>
  </si>
  <si>
    <t>GMPS DHOOP SARI</t>
  </si>
  <si>
    <t>dhoopsarri</t>
  </si>
  <si>
    <t>Chkori Bhelowal</t>
  </si>
  <si>
    <t>Haroona Bibi</t>
  </si>
  <si>
    <t>GMPS DHOORI WALA</t>
  </si>
  <si>
    <t>dhori wala tehsil district jhang</t>
  </si>
  <si>
    <t>GMPS DHORA HAJANA</t>
  </si>
  <si>
    <t>Dhora Hajana</t>
  </si>
  <si>
    <t>Post Office Kotla Mughlan  Tehsil Jampur</t>
  </si>
  <si>
    <t>Nousheen Batool</t>
  </si>
  <si>
    <t>GMPS DHORA RINDAN</t>
  </si>
  <si>
    <t>GMPS Dhora Rindan</t>
  </si>
  <si>
    <t>Basti Bindri</t>
  </si>
  <si>
    <t>Tasneem Qasim</t>
  </si>
  <si>
    <t>GMPS DHOUNKAL</t>
  </si>
  <si>
    <t>GMPS DHUNKAL muhala mahajaran</t>
  </si>
  <si>
    <t>GMPS DHUBULA</t>
  </si>
  <si>
    <t>Dhabula</t>
  </si>
  <si>
    <t>GMPS Dhabula post office Harrar  Sialkot</t>
  </si>
  <si>
    <t>GMPS DHUDIAN SHARIF</t>
  </si>
  <si>
    <t>P/O: Jhawarian, Tehsil: Shah Pur, Distt: Sargoda</t>
  </si>
  <si>
    <t>Dhudian Sharif</t>
  </si>
  <si>
    <t>GMPS DHUDRA</t>
  </si>
  <si>
    <t>Dhudra</t>
  </si>
  <si>
    <t>villge dhudra post office gaddhu kalan</t>
  </si>
  <si>
    <t>Renseekey</t>
  </si>
  <si>
    <t>Maryam Tahira</t>
  </si>
  <si>
    <t>GMPS DHUL GEHLA</t>
  </si>
  <si>
    <t>Dhual Ghela</t>
  </si>
  <si>
    <t>GMPS Dhol Gehla</t>
  </si>
  <si>
    <t>Dhol Gehla</t>
  </si>
  <si>
    <t>Phular Wan Wazir K</t>
  </si>
  <si>
    <t>GMPS DHUMMA</t>
  </si>
  <si>
    <t>Dhumma</t>
  </si>
  <si>
    <t>village dhumma post office hajj complex</t>
  </si>
  <si>
    <t>Nabila Abbasi</t>
  </si>
  <si>
    <t>GMPS DHUNU WALA</t>
  </si>
  <si>
    <t>Dhunu Wala</t>
  </si>
  <si>
    <t>mouza dhunu wala tesil and district jhang</t>
  </si>
  <si>
    <t>Aasia Bano</t>
  </si>
  <si>
    <t>GMPS DHUPAI</t>
  </si>
  <si>
    <t>Dhupai</t>
  </si>
  <si>
    <t>Village Dhupai P/O  Ladha Sadha</t>
  </si>
  <si>
    <t>misbah shaheen</t>
  </si>
  <si>
    <t>GMPS DILAWAR KHURD</t>
  </si>
  <si>
    <t>DILAWAR Khurd</t>
  </si>
  <si>
    <t>Dilawar Cheema Khurd teh.Wzd .Guj</t>
  </si>
  <si>
    <t>Dilawar Khurd</t>
  </si>
  <si>
    <t>Shakila Arshad</t>
  </si>
  <si>
    <t>GMPS DILLO</t>
  </si>
  <si>
    <t>Dillo</t>
  </si>
  <si>
    <t>dillo</t>
  </si>
  <si>
    <t>GMPS DIN PUR</t>
  </si>
  <si>
    <t>GMPS Deen Pur Tehsile:Bhera</t>
  </si>
  <si>
    <t>Muhammad Younas Azhar</t>
  </si>
  <si>
    <t>GMPS DIN PUR JALALPUR PIRWALA</t>
  </si>
  <si>
    <t>Basti Ranjha moza bait kaitch f</t>
  </si>
  <si>
    <t>Bait Kaitch  Junobi</t>
  </si>
  <si>
    <t>Sabra Sultana</t>
  </si>
  <si>
    <t>GMPS DIN PUR JANUBI</t>
  </si>
  <si>
    <t>Dinpur Janubi</t>
  </si>
  <si>
    <t>dinpur janubi</t>
  </si>
  <si>
    <t>GMPS DIN PUR P/O AMEER PUR SADAT KHAROR PACCA</t>
  </si>
  <si>
    <t>GMPS Dinpur kahror pacca distt Lodhran</t>
  </si>
  <si>
    <t>Bahawal Shah Wala</t>
  </si>
  <si>
    <t>Attaullah Zahid</t>
  </si>
  <si>
    <t>GMPS DIN PUR, ABDUL HAKIM</t>
  </si>
  <si>
    <t>ada Din pur khoh khradian wala</t>
  </si>
  <si>
    <t>GMPS DIN PUR, JAHANIAN</t>
  </si>
  <si>
    <t>Zor Cot</t>
  </si>
  <si>
    <t>GNPS din pur</t>
  </si>
  <si>
    <t>GMPS DING SHUMALI</t>
  </si>
  <si>
    <t>GMPS ding shumali  kundian</t>
  </si>
  <si>
    <t>Wandhe Faqeeran Wali</t>
  </si>
  <si>
    <t>Iram Shahnaz</t>
  </si>
  <si>
    <t>GMPS DINGA KANDIWAL</t>
  </si>
  <si>
    <t>Dinga Kandiwal</t>
  </si>
  <si>
    <t>Arshad Pervaiz</t>
  </si>
  <si>
    <t>GMPS DITTOWALI</t>
  </si>
  <si>
    <t>Dittowali</t>
  </si>
  <si>
    <t>village dittowali pobox channi gondal kulluwal tehsil sambrial district sialkot</t>
  </si>
  <si>
    <t>Samia Maqbool</t>
  </si>
  <si>
    <t>GMPS DIWAN WALA</t>
  </si>
  <si>
    <t>Chah dewan wala, moza sikandarabad, p/o sikandarabad, tehsil shujabad, district multan</t>
  </si>
  <si>
    <t>GMPS DOABA</t>
  </si>
  <si>
    <t>moza doaba post office kot essa shah</t>
  </si>
  <si>
    <t>GMPS DOANA KANJU</t>
  </si>
  <si>
    <t>PO haveli majoka village doana kanju teh sahiwal distt sargodha</t>
  </si>
  <si>
    <t>Doana Kanju</t>
  </si>
  <si>
    <t>GMPS DOAR</t>
  </si>
  <si>
    <t>Dour</t>
  </si>
  <si>
    <t>govt model primary school dour</t>
  </si>
  <si>
    <t>Saima Mudassar</t>
  </si>
  <si>
    <t>GMPS DOBURJI RAM CHAND</t>
  </si>
  <si>
    <t>Doburji Ram Chand</t>
  </si>
  <si>
    <t>village Doburji Ram Chand Pasrur</t>
  </si>
  <si>
    <t>GMPS DOBURJI VIRKAN</t>
  </si>
  <si>
    <t>Doburji Virkan</t>
  </si>
  <si>
    <t>doburji virkan</t>
  </si>
  <si>
    <t>iram munawar</t>
  </si>
  <si>
    <t>GMPS DODAN WALI</t>
  </si>
  <si>
    <t>Dodanwali Kalan</t>
  </si>
  <si>
    <t>dodanwali</t>
  </si>
  <si>
    <t>Dodanwali</t>
  </si>
  <si>
    <t>Kot Inyat Khan</t>
  </si>
  <si>
    <t>GMPS DODKEE</t>
  </si>
  <si>
    <t>Dhodky</t>
  </si>
  <si>
    <t>Dhodky Teh kamoki Dist Gujranwala</t>
  </si>
  <si>
    <t>Chakramdas</t>
  </si>
  <si>
    <t>GMPS DOGRAN WALA</t>
  </si>
  <si>
    <t>village dogranwala tehsil and district sialkot</t>
  </si>
  <si>
    <t>Samera Zareen Siddique</t>
  </si>
  <si>
    <t>GMPS DOHANA BALOCHAN</t>
  </si>
  <si>
    <t>Dohana Balochan</t>
  </si>
  <si>
    <t>p/O dhool kadhi village dohana balochan teh Sahiwal sargodha</t>
  </si>
  <si>
    <t>Ghulam Skina</t>
  </si>
  <si>
    <t>GMPS DOHNIKEY</t>
  </si>
  <si>
    <t>Dhonikey</t>
  </si>
  <si>
    <t>vill dhonikey, teh wazirabad , Gujranwala</t>
  </si>
  <si>
    <t>Bhatti Key</t>
  </si>
  <si>
    <t>Asiya Siddiq</t>
  </si>
  <si>
    <t>GMPS DOIAN</t>
  </si>
  <si>
    <t>Doian</t>
  </si>
  <si>
    <t>Village Doian post office dilawarpur tehsil kharian district gujrat</t>
  </si>
  <si>
    <t>Aafia Iqbal</t>
  </si>
  <si>
    <t>GMPS DOKHUHA</t>
  </si>
  <si>
    <t>dokhuha</t>
  </si>
  <si>
    <t>GMPS DOLAT PUR</t>
  </si>
  <si>
    <t>Drigrah</t>
  </si>
  <si>
    <t>Qamar Rafique</t>
  </si>
  <si>
    <t>GMPS DOLAT WALA</t>
  </si>
  <si>
    <t>Dolatwala</t>
  </si>
  <si>
    <t>Lukmor</t>
  </si>
  <si>
    <t>GMPS DOLO BHELO</t>
  </si>
  <si>
    <t>Dolo Bheelo</t>
  </si>
  <si>
    <t>village dolo bheelo teshsil sambrial district sialkot</t>
  </si>
  <si>
    <t>Ismat Tahira</t>
  </si>
  <si>
    <t>GMPS DOLU WALA</t>
  </si>
  <si>
    <t>street no 4 mohallah Islamabad</t>
  </si>
  <si>
    <t>Ali Pur Chatah</t>
  </si>
  <si>
    <t>Shahida Prveen</t>
  </si>
  <si>
    <t>GMPS DOMIAL</t>
  </si>
  <si>
    <t>Domial</t>
  </si>
  <si>
    <t>vpo domial Tehsil Pindigheb District Attock</t>
  </si>
  <si>
    <t>Tahira Malik</t>
  </si>
  <si>
    <t>GMPS DOMRA BASTI DOMRA MULTAN</t>
  </si>
  <si>
    <t>Doomra</t>
  </si>
  <si>
    <t>basti doomra budhla road multan</t>
  </si>
  <si>
    <t>GMPS DONA KAREEM NAGAR</t>
  </si>
  <si>
    <t>Murtaza abad</t>
  </si>
  <si>
    <t>basti Abdul kareem rahim yar khan</t>
  </si>
  <si>
    <t>Basti Abdul kareem</t>
  </si>
  <si>
    <t>GMPS DOSEHRA</t>
  </si>
  <si>
    <t>dosehra</t>
  </si>
  <si>
    <t>dosehra, jhang</t>
  </si>
  <si>
    <t>SYEDA ABIDA PARVEEN</t>
  </si>
  <si>
    <t>GMPS DOUBURJY</t>
  </si>
  <si>
    <t>v/o Doburji p/o Helan Teh/Phalia Distt/MB Din.</t>
  </si>
  <si>
    <t>Parveen Nawaz</t>
  </si>
  <si>
    <t>GMPS DOULUANA</t>
  </si>
  <si>
    <t>Dolouana</t>
  </si>
  <si>
    <t>Govt Model Primary School Douluana Tehsile A.P Sial</t>
  </si>
  <si>
    <t>Mehmod Kot</t>
  </si>
  <si>
    <t>Muntazar Mahdi</t>
  </si>
  <si>
    <t>GMPS DOYIAN</t>
  </si>
  <si>
    <t>Doiyan</t>
  </si>
  <si>
    <t>Doiyan Kalan</t>
  </si>
  <si>
    <t>Tayyeba Mukhbetah Bukhari</t>
  </si>
  <si>
    <t>GMPS DUFLI KABIR KHAN</t>
  </si>
  <si>
    <t>Dufli kabir khan</t>
  </si>
  <si>
    <t>dufli kabir khan</t>
  </si>
  <si>
    <t>Rabia Atta</t>
  </si>
  <si>
    <t>GMPS DUGRI ARIAN</t>
  </si>
  <si>
    <t>Dugri</t>
  </si>
  <si>
    <t>GMPS dugri arian</t>
  </si>
  <si>
    <t>Dugri Ariam</t>
  </si>
  <si>
    <t>Masarat</t>
  </si>
  <si>
    <t>GMPS DUGRI GHUMNAN</t>
  </si>
  <si>
    <t>Dugree Ghumna</t>
  </si>
  <si>
    <t>village and post office dogree ghumna teh pasrur district sialkot</t>
  </si>
  <si>
    <t>Dugree ghumna</t>
  </si>
  <si>
    <t>GMPS DULAM WALA</t>
  </si>
  <si>
    <t>Dhulamwala</t>
  </si>
  <si>
    <t>dhulamwala post office and tehsil Pasteur district  sialkot</t>
  </si>
  <si>
    <t>GMPS DULCHEKAY NO.1</t>
  </si>
  <si>
    <t>Dulchikey</t>
  </si>
  <si>
    <t>village Dulchikay near Ugoki Tehsil and District Sialkot</t>
  </si>
  <si>
    <t>Asia Nawaz</t>
  </si>
  <si>
    <t>GMPS DULCHEKAY NO.2</t>
  </si>
  <si>
    <t>GGPS Dulchikey no 2 near Uggoki tehsil sialkot</t>
  </si>
  <si>
    <t>GMPS DULLAHA AKOKA</t>
  </si>
  <si>
    <t>Dullah Akoka</t>
  </si>
  <si>
    <t>Basti Dullah Akoka Mehta Jhedu Tehsil Chishtian District Bhawalnagar</t>
  </si>
  <si>
    <t>GMPS DUMANIANWALI</t>
  </si>
  <si>
    <t>Dumnianwali</t>
  </si>
  <si>
    <t>Dumnianwali village near mangowal gahrbi Tehsil Gujrat</t>
  </si>
  <si>
    <t>Hifza Shawaiz</t>
  </si>
  <si>
    <t>GMPS DURANA LUGANA</t>
  </si>
  <si>
    <t>Durana Lagana</t>
  </si>
  <si>
    <t>durana lagana</t>
  </si>
  <si>
    <t>Dur E Naz</t>
  </si>
  <si>
    <t>GMPS DURTA COLONY</t>
  </si>
  <si>
    <t>Darutta Kharlan</t>
  </si>
  <si>
    <t>Drutah colony</t>
  </si>
  <si>
    <t>Drutah Colony</t>
  </si>
  <si>
    <t>Naseem Jahangir</t>
  </si>
  <si>
    <t>GMPS EHATA MIAN FAIZ MOHAMMAD</t>
  </si>
  <si>
    <t>moza chayanwala teh shorkot
distt jhang</t>
  </si>
  <si>
    <t>Ehata Mian Faiz Muhammad</t>
  </si>
  <si>
    <t>Ghulam Shabbir Saqib</t>
  </si>
  <si>
    <t>GMPS EID GAH CHISHTIAN</t>
  </si>
  <si>
    <t>High way road chishtian</t>
  </si>
  <si>
    <t>MUHAMMADAWAIS</t>
  </si>
  <si>
    <t>GMPS EIDGAH RAJANPUR</t>
  </si>
  <si>
    <t>theri  coloni  rajan pur</t>
  </si>
  <si>
    <t>Their Coloni</t>
  </si>
  <si>
    <t>GMPS FAIZ ABAD BAKHAR ROAD</t>
  </si>
  <si>
    <t>GGPS faizabad bhakkar road jhang sadar</t>
  </si>
  <si>
    <t>Chak Katcha</t>
  </si>
  <si>
    <t>Hafiza Tahira Parveen</t>
  </si>
  <si>
    <t>GMPS FALAK MAHIWAL</t>
  </si>
  <si>
    <t>GGMPS falak mahi wal maoza sangla</t>
  </si>
  <si>
    <t>Basti Chawkiwan</t>
  </si>
  <si>
    <t>Tranda M Pannah</t>
  </si>
  <si>
    <t>sadia niaz</t>
  </si>
  <si>
    <t>GMPS FAQIR SIAL</t>
  </si>
  <si>
    <t>Faqeer Sial Ahmad Pur Sial</t>
  </si>
  <si>
    <t>GMPS FAQIRAN WALI KHURD</t>
  </si>
  <si>
    <t>FAQIRANWALI  khurd</t>
  </si>
  <si>
    <t>Village  Faqiranwali khurd ,teh Wazirabad, district gujranwala</t>
  </si>
  <si>
    <t>Faqiranwali khurd</t>
  </si>
  <si>
    <t>Dilawar cheema</t>
  </si>
  <si>
    <t>Ayesha sarwar</t>
  </si>
  <si>
    <t>GMPS FAQIRIAY WALA</t>
  </si>
  <si>
    <t>Faqeery Wala</t>
  </si>
  <si>
    <t>faqeery wala</t>
  </si>
  <si>
    <t>Sheikh Hmad</t>
  </si>
  <si>
    <t>Shaista Nazli</t>
  </si>
  <si>
    <t>GMPS FARHAD PUR</t>
  </si>
  <si>
    <t>p.o.box.begowala ,farhadpur</t>
  </si>
  <si>
    <t>Farhadpur</t>
  </si>
  <si>
    <t>Sarwat Ara</t>
  </si>
  <si>
    <t>GMPS FARID ABAD</t>
  </si>
  <si>
    <t>gopang wala</t>
  </si>
  <si>
    <t>govt model primary school fareedabad nzad kotlaessan</t>
  </si>
  <si>
    <t>kotla Essan</t>
  </si>
  <si>
    <t>mehreenfatima</t>
  </si>
  <si>
    <t>GMPS FARID KAY KATHIA, TULAMBA</t>
  </si>
  <si>
    <t>Farid Kay Kathia</t>
  </si>
  <si>
    <t>Moza : Farid Kay Kathia Tehsil Mianchannu District Khanewal</t>
  </si>
  <si>
    <t>GMPS FARYAL</t>
  </si>
  <si>
    <t>Faryal</t>
  </si>
  <si>
    <t>v ill/p/o faryal via dautala</t>
  </si>
  <si>
    <t>GMPS FATAH PUR</t>
  </si>
  <si>
    <t>FATTAHPUR</t>
  </si>
  <si>
    <t>village FATTAHPUR</t>
  </si>
  <si>
    <t>Takthpur</t>
  </si>
  <si>
    <t>GMPS FATEH BHINDER</t>
  </si>
  <si>
    <t>Fateh Bhinder</t>
  </si>
  <si>
    <t>fateh Bhinder</t>
  </si>
  <si>
    <t>Zafeerah Rouf</t>
  </si>
  <si>
    <t>GMPS FATEH KHAN KHELAN WALA PIPLAN</t>
  </si>
  <si>
    <t>Piplan PAKA</t>
  </si>
  <si>
    <t>GGMPS Fateh Khan Khelan wala  piplan tehsil piplan district mianwali</t>
  </si>
  <si>
    <t>najma Jabeen</t>
  </si>
  <si>
    <t>GMPS FATEH MUHAMMAD DARKHAN</t>
  </si>
  <si>
    <t>basti ghara taranda Muhammad panah tehsil liqat pur</t>
  </si>
  <si>
    <t>Basti Ghara</t>
  </si>
  <si>
    <t>Tranda Muhammad Pannah</t>
  </si>
  <si>
    <t>GMPS FATEH MUHAMMAD DUGGA</t>
  </si>
  <si>
    <t>Dagga</t>
  </si>
  <si>
    <t>Dagga ahmad khan</t>
  </si>
  <si>
    <t>Dagga Ahmed Khan</t>
  </si>
  <si>
    <t>GMPS FATEH PUR TAWANA</t>
  </si>
  <si>
    <t>house no B4.1017 air port road muhalla islam nagar near wayana marrig hall.</t>
  </si>
  <si>
    <t>Fathe Pur Tawana</t>
  </si>
  <si>
    <t>Sumaira Noreen</t>
  </si>
  <si>
    <t>GMPS FATEH WALA</t>
  </si>
  <si>
    <t>Fatehwala</t>
  </si>
  <si>
    <t>fatehwala p office same distt gujranwala</t>
  </si>
  <si>
    <t>Abida Ashraf</t>
  </si>
  <si>
    <t>GMPS FATEHKE</t>
  </si>
  <si>
    <t>Fatehke</t>
  </si>
  <si>
    <t>Thatha Kheru Matmal</t>
  </si>
  <si>
    <t>Jozia Khizar Hayat</t>
  </si>
  <si>
    <t>GMPS FATIANA</t>
  </si>
  <si>
    <t>fatiana</t>
  </si>
  <si>
    <t>dhulyana</t>
  </si>
  <si>
    <t>Nasir Mahmood Shah</t>
  </si>
  <si>
    <t>GMPS FATWAL PUR OLD SHUJABAD ROAD MULTAN</t>
  </si>
  <si>
    <t>fatwal pur</t>
  </si>
  <si>
    <t>GMPS fatwal pur old shujaabd road multan</t>
  </si>
  <si>
    <t>basti fatwal pur</t>
  </si>
  <si>
    <t>anmabal</t>
  </si>
  <si>
    <t>Hafiza Wajiha Sahar</t>
  </si>
  <si>
    <t>GMPS FAZAL COLONY</t>
  </si>
  <si>
    <t>fazal colony</t>
  </si>
  <si>
    <t>Fazal colony</t>
  </si>
  <si>
    <t>Mundaykey Goraya</t>
  </si>
  <si>
    <t>safeena yasmeen</t>
  </si>
  <si>
    <t>GMPS FAZAL PUR</t>
  </si>
  <si>
    <t>Fazal Pur</t>
  </si>
  <si>
    <t>fazal pur tehsil kamoki district Gujranwala</t>
  </si>
  <si>
    <t>Saira Nazir</t>
  </si>
  <si>
    <t>GMPS FAZOLIAN</t>
  </si>
  <si>
    <t>Fazulian</t>
  </si>
  <si>
    <t>p/office mohra noori.teh Gujar Khan.distt.rwp.village.fazulian</t>
  </si>
  <si>
    <t>GMPS FIRDOUS PURA</t>
  </si>
  <si>
    <t>Firdous pura</t>
  </si>
  <si>
    <t>fardospura tehsil sambrial distic sialkot</t>
  </si>
  <si>
    <t>Alewali</t>
  </si>
  <si>
    <t>Shahida Mughal</t>
  </si>
  <si>
    <t>GMPS FISH FORM CHENAWAN</t>
  </si>
  <si>
    <t>Fish Farm Chanawan</t>
  </si>
  <si>
    <t>fish farm chanawan tehsil wazirabad district gujranwala</t>
  </si>
  <si>
    <t>Jamke Chatta</t>
  </si>
  <si>
    <t>Sajida Prveen</t>
  </si>
  <si>
    <t>GMPS FORE POTHI</t>
  </si>
  <si>
    <t>Forepothi</t>
  </si>
  <si>
    <t>village and post office forepothi tehsil sohawa distt jhelum.</t>
  </si>
  <si>
    <t>GMPS GABRAN</t>
  </si>
  <si>
    <t>GAbbran</t>
  </si>
  <si>
    <t>basti omouza GAbbran</t>
  </si>
  <si>
    <t>Bhar Khakhi</t>
  </si>
  <si>
    <t>Zakia Noreen</t>
  </si>
  <si>
    <t>GMPS GADARAY</t>
  </si>
  <si>
    <t>Gadaray</t>
  </si>
  <si>
    <t>Air port road Gadaray Teh. Distt. Sialkot</t>
  </si>
  <si>
    <t>Jourian klan</t>
  </si>
  <si>
    <t>GMPS GADDI GHURRAH</t>
  </si>
  <si>
    <t>GMPS Gaddi Gurrah</t>
  </si>
  <si>
    <t>gaddi gurrah dakhana saraialmgir</t>
  </si>
  <si>
    <t>Gaddi Gurrah</t>
  </si>
  <si>
    <t>Saima  Shabbir</t>
  </si>
  <si>
    <t>GMPS GADIALA GHARBI</t>
  </si>
  <si>
    <t>Gadiala</t>
  </si>
  <si>
    <t>gadiala gharbi, tehsil sambrial, district Sialkot</t>
  </si>
  <si>
    <t>Gadiala Gharbi</t>
  </si>
  <si>
    <t>GMPS GADIALA SHARQI</t>
  </si>
  <si>
    <t>Gadiala Sharqi</t>
  </si>
  <si>
    <t>gmps gadiala sharqi</t>
  </si>
  <si>
    <t>Baddoky Cheema</t>
  </si>
  <si>
    <t>GMPS GAGA</t>
  </si>
  <si>
    <t>GAGA</t>
  </si>
  <si>
    <t>VILLAGE GAGA P/O BHERA DISTT SARGODHA</t>
  </si>
  <si>
    <t>HAZOOR  PUR</t>
  </si>
  <si>
    <t>GMPS GAGE KEY</t>
  </si>
  <si>
    <t>Ghakaki</t>
  </si>
  <si>
    <t>Gmps ghakaki</t>
  </si>
  <si>
    <t>GMPS GAGGU CHAK</t>
  </si>
  <si>
    <t>Gajju Chack</t>
  </si>
  <si>
    <t>Gajju Chack Gujranwala</t>
  </si>
  <si>
    <t>Talwandi Khjoor Wali</t>
  </si>
  <si>
    <t>Amara Yasmeen</t>
  </si>
  <si>
    <t>GMPS GAHI SYEDAN</t>
  </si>
  <si>
    <t>Gahi Syedan</t>
  </si>
  <si>
    <t>village Gahi syedan p/o tatral district &amp; tehsil rwp</t>
  </si>
  <si>
    <t>GMPS GAHNAY WALA P/O GULZAR</t>
  </si>
  <si>
    <t>sheikh pur</t>
  </si>
  <si>
    <t>Sheikpur</t>
  </si>
  <si>
    <t>Amina Raza</t>
  </si>
  <si>
    <t>GMPS GAJRAN WALI</t>
  </si>
  <si>
    <t>Gajranwali</t>
  </si>
  <si>
    <t>Village Gajranwali tehsil wnd district HafiZabad</t>
  </si>
  <si>
    <t>Farah Ghaffar</t>
  </si>
  <si>
    <t>GMPS GAKHARY</t>
  </si>
  <si>
    <t>Gakhary</t>
  </si>
  <si>
    <t>GMPS Gakhary</t>
  </si>
  <si>
    <t>Tehmina Jamil</t>
  </si>
  <si>
    <t>GMPS GANG</t>
  </si>
  <si>
    <t>Gang</t>
  </si>
  <si>
    <t>Village Gang Post Office Saroba Teh/Distt Rawalpindi</t>
  </si>
  <si>
    <t>Ateeqa Yasmin</t>
  </si>
  <si>
    <t>GMPS GANHAIR</t>
  </si>
  <si>
    <t>V.P.O.Khura teh.Naushsra dist.Khushab</t>
  </si>
  <si>
    <t>Ahmed Nawaz Malik</t>
  </si>
  <si>
    <t>GMPS GANWARI BALOCH</t>
  </si>
  <si>
    <t>Gahnwari Baloch</t>
  </si>
  <si>
    <t>Ghnwari baloch teh.mailsi distric vehari</t>
  </si>
  <si>
    <t>GMPS GARAPH GARH</t>
  </si>
  <si>
    <t>GRAPH GARH</t>
  </si>
  <si>
    <t>GRAPH GARH tehsil wazirabad</t>
  </si>
  <si>
    <t>bhroky cheema</t>
  </si>
  <si>
    <t>Jamil Ahmad</t>
  </si>
  <si>
    <t>GMPS GARATA SYEDAN</t>
  </si>
  <si>
    <t>Grata Syedan</t>
  </si>
  <si>
    <t>grata syedan pro box shahbagh kallersyedan</t>
  </si>
  <si>
    <t>GMPS GARHA KALAN</t>
  </si>
  <si>
    <t>Ghara Kalan</t>
  </si>
  <si>
    <t>Ghara kalan pso matranwali</t>
  </si>
  <si>
    <t>Aqsa Younas</t>
  </si>
  <si>
    <t>GMPS GARHI DONGER</t>
  </si>
  <si>
    <t>Ghari Donger</t>
  </si>
  <si>
    <t>gmps ghari donger post office ahmad nagar wazirabad</t>
  </si>
  <si>
    <t>Azmat Zohara</t>
  </si>
  <si>
    <t>GMPS GARHI FATEH ULLAH NO. 2</t>
  </si>
  <si>
    <t>Garhi Fateh Ullah</t>
  </si>
  <si>
    <t>garhi fateh ullah</t>
  </si>
  <si>
    <t>GMPS GARHI GONDAL</t>
  </si>
  <si>
    <t>Garhi  Gondal</t>
  </si>
  <si>
    <t>Garhi  Gondal tehsil Pindi bhattian district hafizabsd</t>
  </si>
  <si>
    <t>Garhi Gondal</t>
  </si>
  <si>
    <t>Khuram  Chorera</t>
  </si>
  <si>
    <t>Nazia Irshad</t>
  </si>
  <si>
    <t>GMPS GARHI KALA</t>
  </si>
  <si>
    <t>G M P S     Garhi kala kotmomin SGD</t>
  </si>
  <si>
    <t>GMPS GARRHI WAHAB</t>
  </si>
  <si>
    <t>Garhi Wahab</t>
  </si>
  <si>
    <t>Govt Model Primary School Garhi Wahab</t>
  </si>
  <si>
    <t>Mohammed Arif</t>
  </si>
  <si>
    <t>GMPS GARYALA</t>
  </si>
  <si>
    <t>Choi Garyala</t>
  </si>
  <si>
    <t>Village Garyala District Attock</t>
  </si>
  <si>
    <t>Garyala</t>
  </si>
  <si>
    <t>GMPS GASHKORI ARAIAN</t>
  </si>
  <si>
    <t>govt Model Primary School Gashkori Arian Okara</t>
  </si>
  <si>
    <t>Gashkori Arian</t>
  </si>
  <si>
    <t>Zakhera Gashkori</t>
  </si>
  <si>
    <t>humaira munir</t>
  </si>
  <si>
    <t>GMPS GEGIAN</t>
  </si>
  <si>
    <t>Gegian</t>
  </si>
  <si>
    <t>village Gagian post office Tanda Tehsil and District Gujrat</t>
  </si>
  <si>
    <t>Barila Shareef</t>
  </si>
  <si>
    <t>GMPS GEHAL PUR</t>
  </si>
  <si>
    <t>ghail pur tehsil AP sial District jhang</t>
  </si>
  <si>
    <t>Ghail Pur</t>
  </si>
  <si>
    <t>Amna Zafar</t>
  </si>
  <si>
    <t>GMPS GHABAY WALA</t>
  </si>
  <si>
    <t>ghabey wala p.o dubb teh piplan distt mwi</t>
  </si>
  <si>
    <t>Ghabey Wala</t>
  </si>
  <si>
    <t>Ulfat Bari</t>
  </si>
  <si>
    <t>GMPS GHABI</t>
  </si>
  <si>
    <t>Gebi</t>
  </si>
  <si>
    <t>Gebi P/O Buda Goraya tehsil noshera  virkan distt Gujranwala</t>
  </si>
  <si>
    <t>Mari bhindran</t>
  </si>
  <si>
    <t>GMPS GHAGOKI</t>
  </si>
  <si>
    <t>Ghagoki</t>
  </si>
  <si>
    <t>village ghagiki p/o pahrianwali tehsil phalia district m.b.din</t>
  </si>
  <si>
    <t>Ransikay</t>
  </si>
  <si>
    <t>GMPS GHAIAN</t>
  </si>
  <si>
    <t>ghayian</t>
  </si>
  <si>
    <t>village ghayian post office karianwala tehsil &amp; district gujrat</t>
  </si>
  <si>
    <t>GMPS GHALIAN</t>
  </si>
  <si>
    <t>Ghalian</t>
  </si>
  <si>
    <t>Faiza Zia</t>
  </si>
  <si>
    <t>GMPS GHALLA MANDI SHUJABAD</t>
  </si>
  <si>
    <t>Gajjuhayta</t>
  </si>
  <si>
    <t>gmps ghala mandi shujabad</t>
  </si>
  <si>
    <t>Shabana Musarat</t>
  </si>
  <si>
    <t>GMPS GHALOAN WALA</t>
  </si>
  <si>
    <t>gmps ghaloan wala</t>
  </si>
  <si>
    <t>Ghaloan Wala</t>
  </si>
  <si>
    <t>GMPS GHANAY WALA</t>
  </si>
  <si>
    <t>Ro gehny wala po dabb tehsil piplan district mianwali</t>
  </si>
  <si>
    <t>Gehny Wala</t>
  </si>
  <si>
    <t>Rasheeda Naz</t>
  </si>
  <si>
    <t>GMPS GHANIAN KALAN</t>
  </si>
  <si>
    <t>Ghanian. kalian.</t>
  </si>
  <si>
    <t>Ghanian Kalan</t>
  </si>
  <si>
    <t>Azra bibi</t>
  </si>
  <si>
    <t>GMPS GHANIAN KHURD</t>
  </si>
  <si>
    <t>Ghanaian Khurd</t>
  </si>
  <si>
    <t>Ghanaian Khurd post office Mangat Uncha</t>
  </si>
  <si>
    <t>Chakk Chattha</t>
  </si>
  <si>
    <t>GMPS GHANOKAY</t>
  </si>
  <si>
    <t>Ghanoke</t>
  </si>
  <si>
    <t>GMPS Ghanokay</t>
  </si>
  <si>
    <t>Bhuda Goraya</t>
  </si>
  <si>
    <t>GMPS GHANSAR PUR</t>
  </si>
  <si>
    <t>Ghansarpur</t>
  </si>
  <si>
    <t>Ghansar pur post office ghandywali</t>
  </si>
  <si>
    <t>Kaporowali</t>
  </si>
  <si>
    <t>Tahreem Fatima</t>
  </si>
  <si>
    <t>GMPS GHAP GHALOAN WALA</t>
  </si>
  <si>
    <t>Ghap Ghaloan wala hyderabad teh Mankera</t>
  </si>
  <si>
    <t>Ghap Ghaloan Wala</t>
  </si>
  <si>
    <t>GMPS GHAREEB ABAD</t>
  </si>
  <si>
    <t>mohalla ghareebabad</t>
  </si>
  <si>
    <t>Ghareebabad</t>
  </si>
  <si>
    <t>Farzana Raees</t>
  </si>
  <si>
    <t>GMPS GHARIAT</t>
  </si>
  <si>
    <t>Gariat</t>
  </si>
  <si>
    <t>village and Po Gariat. Teh kahuta Rwp</t>
  </si>
  <si>
    <t>Nadia BiBi</t>
  </si>
  <si>
    <t>GMPS GHARIB ABAD GROSS MANDI</t>
  </si>
  <si>
    <t>Jungle Khan</t>
  </si>
  <si>
    <t>GMPS jungle khan</t>
  </si>
  <si>
    <t>Malook Bibi</t>
  </si>
  <si>
    <t>GMPS GHARIB WAL</t>
  </si>
  <si>
    <t>pindi ghab</t>
  </si>
  <si>
    <t>Fouzia Noureen</t>
  </si>
  <si>
    <t>GMPS GHATO RORA</t>
  </si>
  <si>
    <t>Ghatorora</t>
  </si>
  <si>
    <t>village ghatorora p.o ladhar teh &amp; sialkot</t>
  </si>
  <si>
    <t>Ghatorara</t>
  </si>
  <si>
    <t>Tanzeela Riaz</t>
  </si>
  <si>
    <t>GMPS GHAZI MOHAMMAD WALA (CHAWAN WALA)</t>
  </si>
  <si>
    <t>chavan wala</t>
  </si>
  <si>
    <t>Chavan Wala</t>
  </si>
  <si>
    <t>GMPS GHAZI PANDA, TULAMBA</t>
  </si>
  <si>
    <t>Mouza Ghazi Panda</t>
  </si>
  <si>
    <t>GMPS, Ghazi Panda, Tulamba, Mian Channu, Distt. Khanewal</t>
  </si>
  <si>
    <t>Ghazi Panda</t>
  </si>
  <si>
    <t>SABA NAWAZ</t>
  </si>
  <si>
    <t>GMPS GHAZI WAL</t>
  </si>
  <si>
    <t>GHAZI WAL</t>
  </si>
  <si>
    <t>Nasri Wala Road Ghazi Wal P/O Kammar Mushani Tehsil Isa khel district Mianwali</t>
  </si>
  <si>
    <t>TANI KHEL</t>
  </si>
  <si>
    <t>Rifat Bi Bi</t>
  </si>
  <si>
    <t>GMPS GHAZI WALA</t>
  </si>
  <si>
    <t>ghaziwala</t>
  </si>
  <si>
    <t>Ghaziwala</t>
  </si>
  <si>
    <t>Kirarikot</t>
  </si>
  <si>
    <t>GMPS GHOGHAN WALI</t>
  </si>
  <si>
    <t>Ghuganwali</t>
  </si>
  <si>
    <t>GMPS Ghuganwali p.o.same teh.Phalia dist. M.B.Din</t>
  </si>
  <si>
    <t>sadaf Gul</t>
  </si>
  <si>
    <t>GMPS GHOURGHUSHTI NO. 1( SHERA BANDA)</t>
  </si>
  <si>
    <t>GMPS Shera banda Ghourghushti Tehsil Hazro District Attock.</t>
  </si>
  <si>
    <t>GMPS GHOUS PUR, TULAMBA</t>
  </si>
  <si>
    <t>ghous pur qureshian Abdulhakim road tulamba.</t>
  </si>
  <si>
    <t>Ghous Pur Qureshian</t>
  </si>
  <si>
    <t>Ishrat Kanwal</t>
  </si>
  <si>
    <t>GMPS GHOUSAY WALA</t>
  </si>
  <si>
    <t>Ghousay Wala</t>
  </si>
  <si>
    <t>mouza ghousay wala tehsil lalian district chiniot</t>
  </si>
  <si>
    <t>Fatima Atta</t>
  </si>
  <si>
    <t>GMPS GHUGHIAT</t>
  </si>
  <si>
    <t>Ghoghiat</t>
  </si>
  <si>
    <t>G M P S Ghoghiat</t>
  </si>
  <si>
    <t>Fazilat Perveen</t>
  </si>
  <si>
    <t>GMPS GHUINKE NO.2</t>
  </si>
  <si>
    <t>GHUINKE</t>
  </si>
  <si>
    <t>VPO GHUINKE  TEH. DASKA  DISTRICT  SIALKOT</t>
  </si>
  <si>
    <t>water pump  hand pump</t>
  </si>
  <si>
    <t>GMPS GHULAM KHAWAJA CHEENAL WALA</t>
  </si>
  <si>
    <t>Paka Kas Umr Khan</t>
  </si>
  <si>
    <t>village janna wala tehsil esakhel district mianwali</t>
  </si>
  <si>
    <t>Janna Wala</t>
  </si>
  <si>
    <t>Shamshad BiBi</t>
  </si>
  <si>
    <t>GMPS GHULAM NABI GOLA</t>
  </si>
  <si>
    <t>basti Ghulam Nabi gola</t>
  </si>
  <si>
    <t>Gyamial</t>
  </si>
  <si>
    <t>GMPS GHULAM NABI KHUKHAR</t>
  </si>
  <si>
    <t>Ghulam Nabi Khukhar</t>
  </si>
  <si>
    <t>GMPS Ghulam Nabi Khukhar</t>
  </si>
  <si>
    <t>Shaista Manzoor</t>
  </si>
  <si>
    <t>GMPS GHULAM RASOOL BHUTTA</t>
  </si>
  <si>
    <t>basti bhutta rukn pur</t>
  </si>
  <si>
    <t>Gloor Massu</t>
  </si>
  <si>
    <t>Baby Samreen</t>
  </si>
  <si>
    <t>GMPS GHULAM SINDHI</t>
  </si>
  <si>
    <t>Ghulam Sindhi</t>
  </si>
  <si>
    <t>ghulam sindhi</t>
  </si>
  <si>
    <t>Chhatania</t>
  </si>
  <si>
    <t>Zulaikha rafiq</t>
  </si>
  <si>
    <t>GMPS GHULLAN LAR CHAK 123/NP</t>
  </si>
  <si>
    <t>Meer Muhammad Lar</t>
  </si>
  <si>
    <t>basti Gullan lar dak khana feroza</t>
  </si>
  <si>
    <t>Gullan Lar</t>
  </si>
  <si>
    <t>Hayat Iar</t>
  </si>
  <si>
    <t>Saima Mahmood</t>
  </si>
  <si>
    <t>GMPS GHUMNA WALI</t>
  </si>
  <si>
    <t>Ghumnawali</t>
  </si>
  <si>
    <t>ghumnawali p.o box saranke teh sambrial dist sialkot</t>
  </si>
  <si>
    <t>Saranke</t>
  </si>
  <si>
    <t>GMPS GHURKI</t>
  </si>
  <si>
    <t>Ghurki</t>
  </si>
  <si>
    <t>vill Ghurki p.o Hathia dhamial tehsil sohawa district jhelum</t>
  </si>
  <si>
    <t>Pail Banney Khan</t>
  </si>
  <si>
    <t>GMPS GIDAR KHADI (NOOR PUR KHOKRAN)</t>
  </si>
  <si>
    <t>Noor Pur Khokhran</t>
  </si>
  <si>
    <t>noor pur khokhran tahsil sahiwal district sargodha</t>
  </si>
  <si>
    <t>Bochra Kohana</t>
  </si>
  <si>
    <t>GMPS GIHITTAL</t>
  </si>
  <si>
    <t>Post office phagwari village Geathal tehsil Murree</t>
  </si>
  <si>
    <t>Geathal</t>
  </si>
  <si>
    <t>Amnah Bibi</t>
  </si>
  <si>
    <t>cooler system</t>
  </si>
  <si>
    <t>GMPS GILI WALA</t>
  </si>
  <si>
    <t>Gilliwala</t>
  </si>
  <si>
    <t>Vill Gilliwala P.O Jalal Pur Jattan Tehsil And Dist Gujrat</t>
  </si>
  <si>
    <t>Musarrat Kausar</t>
  </si>
  <si>
    <t>GMPS GILL</t>
  </si>
  <si>
    <t>village gill p/o nindowal kharian gujrat.</t>
  </si>
  <si>
    <t>Kulewal Seyedian</t>
  </si>
  <si>
    <t>GMPS GIRDHARI WALA</t>
  </si>
  <si>
    <t>Mamoodnagar Girdahriwaka</t>
  </si>
  <si>
    <t>Government model p/s Girdahri Wala (west) BWN</t>
  </si>
  <si>
    <t>Girdahriwala</t>
  </si>
  <si>
    <t>Anwer Parveen</t>
  </si>
  <si>
    <t>GMPS GIROTE BALA</t>
  </si>
  <si>
    <t>girote bala</t>
  </si>
  <si>
    <t>Girote Bala</t>
  </si>
  <si>
    <t>Syed Tasir Haider Shah</t>
  </si>
  <si>
    <t>GMPS GLOTRANWALA</t>
  </si>
  <si>
    <t>Galotranwala</t>
  </si>
  <si>
    <t>Galotranwala Tehsil Lalian District Chiniot</t>
  </si>
  <si>
    <t>GMPS GODHLANWALI</t>
  </si>
  <si>
    <t>Gadhlanwali</t>
  </si>
  <si>
    <t>GMPS GADHLANWALI TEHSEEL LALIAN CHINIOT</t>
  </si>
  <si>
    <t>Bhaiwal</t>
  </si>
  <si>
    <t>Lubna Liaquat</t>
  </si>
  <si>
    <t>GMPS GOGIAL</t>
  </si>
  <si>
    <t>gmps gogial p/o charwa teh pasrur distt Sialkot</t>
  </si>
  <si>
    <t>GMPS GOGO CHAKI</t>
  </si>
  <si>
    <t>Go Go Chaki</t>
  </si>
  <si>
    <t>go go chaki</t>
  </si>
  <si>
    <t>GMPS GOHAR HITHAR</t>
  </si>
  <si>
    <t>Gohar hithar p/o Mauza tahsil &amp;district kasur</t>
  </si>
  <si>
    <t>Sadaf Nawaz</t>
  </si>
  <si>
    <t>GMPS GOHER PUNCHAN</t>
  </si>
  <si>
    <t>Gohar Punchan</t>
  </si>
  <si>
    <t>gohar punchan</t>
  </si>
  <si>
    <t>GMPS GOHRA</t>
  </si>
  <si>
    <t>Gohra</t>
  </si>
  <si>
    <t>Village Gohra P/O Phaphril Teh Murree Dist RWP</t>
  </si>
  <si>
    <t>Farheen hafeez</t>
  </si>
  <si>
    <t>GMPS GOLA</t>
  </si>
  <si>
    <t>gola Barhad kotli sattian</t>
  </si>
  <si>
    <t>Gola</t>
  </si>
  <si>
    <t>Moniba Naveed</t>
  </si>
  <si>
    <t>GMPS GOLEEN</t>
  </si>
  <si>
    <t>GMPS Goleen</t>
  </si>
  <si>
    <t>Tahira Mustafa</t>
  </si>
  <si>
    <t>GMPS GORAIY</t>
  </si>
  <si>
    <t>Goraiy</t>
  </si>
  <si>
    <t>Village Goraiy P/O shadiwal T&amp;D Gujrat</t>
  </si>
  <si>
    <t>Samma</t>
  </si>
  <si>
    <t>GMPS GORIAN</t>
  </si>
  <si>
    <t>Gorian</t>
  </si>
  <si>
    <t>village gorian post office sadat pur tehsil sarai alamgir district gujrat</t>
  </si>
  <si>
    <t>Sehrish Naz</t>
  </si>
  <si>
    <t>GMPS GOTH LASHKAR</t>
  </si>
  <si>
    <t>Qadir Buksh</t>
  </si>
  <si>
    <t>goth lashkar</t>
  </si>
  <si>
    <t>Goth Lashkar</t>
  </si>
  <si>
    <t>Naheed Kusar</t>
  </si>
  <si>
    <t>GMPS GUD PURA NO.2</t>
  </si>
  <si>
    <t>gdpura</t>
  </si>
  <si>
    <t>monza gudpura</t>
  </si>
  <si>
    <t>Gudpura</t>
  </si>
  <si>
    <t>Amin Akhter</t>
  </si>
  <si>
    <t>GMPS GUDARA</t>
  </si>
  <si>
    <t>union concil amli moti moza gudara</t>
  </si>
  <si>
    <t>Anila Noor</t>
  </si>
  <si>
    <t>GMPS GUGAN</t>
  </si>
  <si>
    <t>Guggan</t>
  </si>
  <si>
    <t>village &amp; post office Guggan</t>
  </si>
  <si>
    <t>Mobushar Bilal Malik</t>
  </si>
  <si>
    <t>GMPS GUJ WALA TEH. JALALPUR PIRWALA</t>
  </si>
  <si>
    <t>Guj</t>
  </si>
  <si>
    <t>Basti Guj, Jalal Pur Pir Wala</t>
  </si>
  <si>
    <t>Guj Wala</t>
  </si>
  <si>
    <t>Samina Naheed</t>
  </si>
  <si>
    <t>GMPS GUJAR PUR</t>
  </si>
  <si>
    <t>Gujjar Pur</t>
  </si>
  <si>
    <t>Gujarpur</t>
  </si>
  <si>
    <t>Moin Un Din Pur</t>
  </si>
  <si>
    <t>Khawar Yasmin</t>
  </si>
  <si>
    <t>GMPS GUJARKAY</t>
  </si>
  <si>
    <t>Gujjarkey</t>
  </si>
  <si>
    <t>vop barhtanawala gujjarkay</t>
  </si>
  <si>
    <t>Barhtanwala</t>
  </si>
  <si>
    <t>Muhammad Nawaz Goraya</t>
  </si>
  <si>
    <t>GMPS GUJJAN</t>
  </si>
  <si>
    <t>Gujjan</t>
  </si>
  <si>
    <t>ATTIA RIAZ</t>
  </si>
  <si>
    <t>GMPS GUL BIBI</t>
  </si>
  <si>
    <t>Gull bi bi</t>
  </si>
  <si>
    <t>Mps gull bi bi sahiwal</t>
  </si>
  <si>
    <t>bhochra</t>
  </si>
  <si>
    <t>GMPS GUL MUHAMMAD</t>
  </si>
  <si>
    <t>Sanjarpur Kohna</t>
  </si>
  <si>
    <t>GMPS BASTI GULL MUHAMMAD ARRAIN  Sanjar pur Kogan Tehsil sadiqabad district rahimyar khan</t>
  </si>
  <si>
    <t>Gull M Arrain</t>
  </si>
  <si>
    <t>Sanjarpur</t>
  </si>
  <si>
    <t>Shumaila Taj</t>
  </si>
  <si>
    <t>GMPS GULAB GARH</t>
  </si>
  <si>
    <t>Gulab Garh</t>
  </si>
  <si>
    <t>Afshan Nageen</t>
  </si>
  <si>
    <t>GMPS GULAB PURA</t>
  </si>
  <si>
    <t>gulab Pura</t>
  </si>
  <si>
    <t>gmps gulab pura</t>
  </si>
  <si>
    <t>cantt board</t>
  </si>
  <si>
    <t>Qaiser Raza Butt</t>
  </si>
  <si>
    <t>GMPS GULBAIG WALA</t>
  </si>
  <si>
    <t>gmps gul baig wala</t>
  </si>
  <si>
    <t>Gul Baig Wala</t>
  </si>
  <si>
    <t>GMPS GULBANA</t>
  </si>
  <si>
    <t>gulbana</t>
  </si>
  <si>
    <t>gulbana tehsil sahiwal sargodha</t>
  </si>
  <si>
    <t>noore wala</t>
  </si>
  <si>
    <t>GMPS GULIAL</t>
  </si>
  <si>
    <t>Gmps gulyal</t>
  </si>
  <si>
    <t>GMPS GULIAL MATHIAL</t>
  </si>
  <si>
    <t>gmps gulial mithial</t>
  </si>
  <si>
    <t>Fauzia Tabassum</t>
  </si>
  <si>
    <t>GMPS GUNDAM</t>
  </si>
  <si>
    <t>Gundam village gujranwala</t>
  </si>
  <si>
    <t>Gundam</t>
  </si>
  <si>
    <t>Mokhal Sandwa</t>
  </si>
  <si>
    <t>M Yousar Nasir</t>
  </si>
  <si>
    <t>GMPS GUNIAN</t>
  </si>
  <si>
    <t>gunian</t>
  </si>
  <si>
    <t>Sameya Sultana</t>
  </si>
  <si>
    <t>GMPS GUNJI PIRAN</t>
  </si>
  <si>
    <t>Gunjipiran</t>
  </si>
  <si>
    <t>govt model primary school gunji piran</t>
  </si>
  <si>
    <t>Gmpsgunji Piran</t>
  </si>
  <si>
    <t>Kotnamdar</t>
  </si>
  <si>
    <t>Nasreenakhtar</t>
  </si>
  <si>
    <t>GMPS GUNJIAN WALI</t>
  </si>
  <si>
    <t>Gunjianwali</t>
  </si>
  <si>
    <t>village gunjianwali po kotli faqir chand</t>
  </si>
  <si>
    <t>GMPS GURBAL</t>
  </si>
  <si>
    <t>Gurbal</t>
  </si>
  <si>
    <t>GMPS Gurbal</t>
  </si>
  <si>
    <t>GMPS GURDAN WALA</t>
  </si>
  <si>
    <t>Gurdanawala</t>
  </si>
  <si>
    <t>Gurdanawala tehsil kharian district gujrat</t>
  </si>
  <si>
    <t>Lubna aslam</t>
  </si>
  <si>
    <t>GMPS GURDAS WALA</t>
  </si>
  <si>
    <t>gurdas wala tehsil Chugiak district kasur</t>
  </si>
  <si>
    <t>Gurdas Wala</t>
  </si>
  <si>
    <t>Farzana Fazal</t>
  </si>
  <si>
    <t>GMPS GURNA COLONY PO LAKSIAN</t>
  </si>
  <si>
    <t>Rehan Wal</t>
  </si>
  <si>
    <t>gurna colony p/o Lakseen, tehsil kot moman distt. sargodha</t>
  </si>
  <si>
    <t>Gurna Colony</t>
  </si>
  <si>
    <t>Khalid Iqbal</t>
  </si>
  <si>
    <t>GMPS HABIB PUR</t>
  </si>
  <si>
    <t>village habib pur post office khas teh sambrial dist sialkot</t>
  </si>
  <si>
    <t>GMPS HABIB PUR KANGRA</t>
  </si>
  <si>
    <t>kangra</t>
  </si>
  <si>
    <t>GMPS Habibpur kangra tehsil Sahiwal district Sargodha</t>
  </si>
  <si>
    <t>habibpur</t>
  </si>
  <si>
    <t>radhan</t>
  </si>
  <si>
    <t>Zamir ul Baqir</t>
  </si>
  <si>
    <t>GMPS HADALA</t>
  </si>
  <si>
    <t>Village Hadala Teh Dina</t>
  </si>
  <si>
    <t>Mcdina</t>
  </si>
  <si>
    <t>Amina Parveen</t>
  </si>
  <si>
    <t>GMPS HAFIAL</t>
  </si>
  <si>
    <t>HAFIAL</t>
  </si>
  <si>
    <t>GMPS HAFIAL P.O KHENGAR MAMDAL TEH G KHAN DISTT RWP</t>
  </si>
  <si>
    <t>Raheela Begum</t>
  </si>
  <si>
    <t>GMPS HAIDER ABAD</t>
  </si>
  <si>
    <t>Street No. 2, Muhallah: Haiderabad, P.O: AliPur Chatha, Tehsil: Wazirabad, District: Gujranwala</t>
  </si>
  <si>
    <t>ALIPUR CHATHA-1</t>
  </si>
  <si>
    <t>GMPS HAIDER WALA</t>
  </si>
  <si>
    <t>Govt. Model Primary School Haider Wala</t>
  </si>
  <si>
    <t>Haider Wala</t>
  </si>
  <si>
    <t>GMPS HAIDHAN</t>
  </si>
  <si>
    <t>Haiden</t>
  </si>
  <si>
    <t>g g p s haider o/o lot is a shah the and first jhang</t>
  </si>
  <si>
    <t>Syeda Samina Akhter</t>
  </si>
  <si>
    <t>GMPS HAIGER KHURD</t>
  </si>
  <si>
    <t>Haiger Khurd</t>
  </si>
  <si>
    <t>village haiger khurd p/0 raojay the phalia did mandi</t>
  </si>
  <si>
    <t>GMPS HAIL JATTAN</t>
  </si>
  <si>
    <t>Hail Jattan</t>
  </si>
  <si>
    <t>Hail jattan post office chaprar tehsil and distric sialkot</t>
  </si>
  <si>
    <t>Jo go Chak</t>
  </si>
  <si>
    <t>GMPS HAJAMAN WALA ROKHRI</t>
  </si>
  <si>
    <t>Hajamanwala Rokhri</t>
  </si>
  <si>
    <t>Zeb Un Nisa</t>
  </si>
  <si>
    <t>GMPS HAJI CHAK</t>
  </si>
  <si>
    <t>Haji Chak</t>
  </si>
  <si>
    <t>haji chak</t>
  </si>
  <si>
    <t>Asiya Shahbaz</t>
  </si>
  <si>
    <t>GMPS HAJI DIWANA, SARAI SIDHU</t>
  </si>
  <si>
    <t>Haji Dwana</t>
  </si>
  <si>
    <t>Haji dawana tehsil kbirwala</t>
  </si>
  <si>
    <t>Haji Dawana</t>
  </si>
  <si>
    <t>Sumaira Hanif</t>
  </si>
  <si>
    <t>GMPS HAJI MOHAMMAD</t>
  </si>
  <si>
    <t>village haji muhammad</t>
  </si>
  <si>
    <t>WAJIHA SAFDAR</t>
  </si>
  <si>
    <t>GMPS HAJI RASOOL BAKHSH</t>
  </si>
  <si>
    <t>muhammad nagar east p/o tranda sway khan</t>
  </si>
  <si>
    <t>saima razzaq</t>
  </si>
  <si>
    <t>GMPS HAJI USMAN</t>
  </si>
  <si>
    <t>haji usman , tehsil lalian,dist chiniot</t>
  </si>
  <si>
    <t>Haji Usman</t>
  </si>
  <si>
    <t>SHAMEEM AKHTAR</t>
  </si>
  <si>
    <t>GMPS HAJI WALA</t>
  </si>
  <si>
    <t>bamoqam chah haji wala dak khana khas dulley wala</t>
  </si>
  <si>
    <t>Chah Haji Wala</t>
  </si>
  <si>
    <t>GMPS HAKEEMAL</t>
  </si>
  <si>
    <t>Hakeemal</t>
  </si>
  <si>
    <t>village Hakeemal PO Chak Beli Khan Tehsil and District Rawalpindi</t>
  </si>
  <si>
    <t>Rabia Sadiqua</t>
  </si>
  <si>
    <t>GMPS HAKIM AMIR DIN</t>
  </si>
  <si>
    <t>Chak Hakim Ameer Din</t>
  </si>
  <si>
    <t>post office azizabad chak hakeem amir din</t>
  </si>
  <si>
    <t>Hakeem Amir Din</t>
  </si>
  <si>
    <t>Natho Dhaka</t>
  </si>
  <si>
    <t>GMPS HAKIM PUR</t>
  </si>
  <si>
    <t>Hakim pur</t>
  </si>
  <si>
    <t>P/O lakhanwal khurd village hakim pur tahseel o district gujrat</t>
  </si>
  <si>
    <t>Lakhanwal khurd</t>
  </si>
  <si>
    <t>GMPS HAKOO WALA</t>
  </si>
  <si>
    <t>Hakoo Wala</t>
  </si>
  <si>
    <t>village hakoo Wala P O mhalum Teh. &amp; Distt. kasur</t>
  </si>
  <si>
    <t>Sahjra</t>
  </si>
  <si>
    <t>GMPS HAMAND KAY</t>
  </si>
  <si>
    <t>Hammand Kay</t>
  </si>
  <si>
    <t>p /0  hammand kay okara</t>
  </si>
  <si>
    <t>Sharesn</t>
  </si>
  <si>
    <t>Kalsoom Haneef</t>
  </si>
  <si>
    <t>GMPS HAMBOANA</t>
  </si>
  <si>
    <t>Moza hamboana tehsil lalian district chiniot</t>
  </si>
  <si>
    <t>GMPS HAMID PUR KHURD</t>
  </si>
  <si>
    <t>Humeed Pur  Khurd</t>
  </si>
  <si>
    <t>gmps hameed pur khurd tehsel kmk dist gujranwala</t>
  </si>
  <si>
    <t>Hameed Pur Khurd</t>
  </si>
  <si>
    <t>Rifat Saleem</t>
  </si>
  <si>
    <t>GMPS HAMJANA KHOO</t>
  </si>
  <si>
    <t>Humjanakhoo</t>
  </si>
  <si>
    <t>humjanakhoo bosal</t>
  </si>
  <si>
    <t>Humjanakhoo Bosal</t>
  </si>
  <si>
    <t>Saeda Sultana</t>
  </si>
  <si>
    <t>GMPS HAMLANIA</t>
  </si>
  <si>
    <t>Hamlanian</t>
  </si>
  <si>
    <t>Mouza Hamlanian P/O sadar gogera Okara</t>
  </si>
  <si>
    <t>Bahadur Nagar Farm</t>
  </si>
  <si>
    <t>Zohray Khan</t>
  </si>
  <si>
    <t>GMPS HAMOON WALA</t>
  </si>
  <si>
    <t>Chak Hamoon Wala</t>
  </si>
  <si>
    <t>Hamoon wala</t>
  </si>
  <si>
    <t>Hamoon Wala</t>
  </si>
  <si>
    <t>Noreen Akhtar Bukhari</t>
  </si>
  <si>
    <t>GMPS HANJAN WALI</t>
  </si>
  <si>
    <t>Pull Shah Dola</t>
  </si>
  <si>
    <t>Village Hanjanwali Tehsil Kamoke District Gujranwala</t>
  </si>
  <si>
    <t>Hanjanwali</t>
  </si>
  <si>
    <t>Gunna Oore</t>
  </si>
  <si>
    <t>GMPS HANSAN WALA</t>
  </si>
  <si>
    <t>Hansanwala</t>
  </si>
  <si>
    <t>hansanwala bhakkar</t>
  </si>
  <si>
    <t>Gadolah</t>
  </si>
  <si>
    <t>Sumia Altaf</t>
  </si>
  <si>
    <t>GMPS HAPU GARHA</t>
  </si>
  <si>
    <t>Happu Garha</t>
  </si>
  <si>
    <t>Village p\o Beerh Teh Daska Distt Sialkot</t>
  </si>
  <si>
    <t>Fouzia Tasleem</t>
  </si>
  <si>
    <t>GMPS HARBENS PURA</t>
  </si>
  <si>
    <t>village chak no 9 Harbanspura , teh MKW, distt M.B. DIN</t>
  </si>
  <si>
    <t>GMPS HARCHOKE</t>
  </si>
  <si>
    <t>Harchokey</t>
  </si>
  <si>
    <t>Harchokey Noshera Virkan Gujranwala</t>
  </si>
  <si>
    <t>Zikriya Akhter</t>
  </si>
  <si>
    <t>GMPS HARDAS PUR</t>
  </si>
  <si>
    <t>Hardaspur</t>
  </si>
  <si>
    <t>village hardaspur p/o jpj district gujrat</t>
  </si>
  <si>
    <t>Akhlas Ghar</t>
  </si>
  <si>
    <t>Zahida Baigam</t>
  </si>
  <si>
    <t>GMPS HARDO DHONEY</t>
  </si>
  <si>
    <t>Herdo Dhanoye</t>
  </si>
  <si>
    <t>hardo dhanoye</t>
  </si>
  <si>
    <t>Hardo Dhanoye</t>
  </si>
  <si>
    <t>GMPS HARDO KULLAY WAL</t>
  </si>
  <si>
    <t>Herdo kullay Wal</t>
  </si>
  <si>
    <t>village herdo kullay wal P.O tatlay aali tehsil nowshera virkan dist. gujranwala</t>
  </si>
  <si>
    <t>Herdo Kullay Wal</t>
  </si>
  <si>
    <t>fozia kousar</t>
  </si>
  <si>
    <t>GMPS HARDU PUR</t>
  </si>
  <si>
    <t>Hardupur</t>
  </si>
  <si>
    <t>hardupur tehsil and district gujranwala</t>
  </si>
  <si>
    <t>Ugo Chak</t>
  </si>
  <si>
    <t>GMPS HARI PUR</t>
  </si>
  <si>
    <t>Haripur p/o Jahanabd Teh shahpur  Dist Sargodha</t>
  </si>
  <si>
    <t>GMPS HARKERAN</t>
  </si>
  <si>
    <t>KOT HARKERAN</t>
  </si>
  <si>
    <t>kot Harkaran, P/O Jhattanwali, Tehsil Wazirabad, District Gujranwala.</t>
  </si>
  <si>
    <t>JHATTANWALI</t>
  </si>
  <si>
    <t>GMPS HARNIALI SYEDAN</t>
  </si>
  <si>
    <t>Hernialy Saydian</t>
  </si>
  <si>
    <t>GMPS Hernialy Saydian</t>
  </si>
  <si>
    <t>GMPS HARRAL</t>
  </si>
  <si>
    <t>haral</t>
  </si>
  <si>
    <t>GMPS HARRY PURA</t>
  </si>
  <si>
    <t>Haripura</t>
  </si>
  <si>
    <t>GMPS Hari Pura mailsi</t>
  </si>
  <si>
    <t>Ward 7</t>
  </si>
  <si>
    <t>sajida akbar</t>
  </si>
  <si>
    <t>GMPS HASAN WALA</t>
  </si>
  <si>
    <t>Bela Bangash, Tehsil &amp; District Jhang</t>
  </si>
  <si>
    <t>Amtul Rehman</t>
  </si>
  <si>
    <t>GMPS HASOO WALA</t>
  </si>
  <si>
    <t>Hasoo Wala</t>
  </si>
  <si>
    <t>hasoo wala</t>
  </si>
  <si>
    <t>GMPS HASSAM</t>
  </si>
  <si>
    <t>village hassam post office malka tehsil kharian district gujrat</t>
  </si>
  <si>
    <t>Zubairia Jahangir</t>
  </si>
  <si>
    <t>GMPS HASSAN ABDAL NO.4</t>
  </si>
  <si>
    <t>Munnu nagar</t>
  </si>
  <si>
    <t>MUNOO NAGAR</t>
  </si>
  <si>
    <t>ABIDA SULTANA</t>
  </si>
  <si>
    <t>GMPS HASSAN PUR, KABIRWALA</t>
  </si>
  <si>
    <t>HASSAN PUR</t>
  </si>
  <si>
    <t>GOVT MODEL PRIMARY SCHOOL HASSAN PUR</t>
  </si>
  <si>
    <t>MUBARAK PUR</t>
  </si>
  <si>
    <t>GMPS HASTA GHAGA</t>
  </si>
  <si>
    <t>Hasta Ghagga</t>
  </si>
  <si>
    <t>Hasta GHAGGA</t>
  </si>
  <si>
    <t>Riffat Akram</t>
  </si>
  <si>
    <t>GMPS HATTAR</t>
  </si>
  <si>
    <t>village &amp;p.o hattar tehsil pind dadan khan distt.jhelum</t>
  </si>
  <si>
    <t>golpur</t>
  </si>
  <si>
    <t>Samia Sardar</t>
  </si>
  <si>
    <t>GMPS HAVAILI HAJI MAHMOOD</t>
  </si>
  <si>
    <t>Alayana</t>
  </si>
  <si>
    <t>post office kot shakir</t>
  </si>
  <si>
    <t>Haveli Haji  Mehmood</t>
  </si>
  <si>
    <t>7/1 Thal Jnubi</t>
  </si>
  <si>
    <t>GMPS HAVELI  MANGAN</t>
  </si>
  <si>
    <t>GMPS Basti Mangan</t>
  </si>
  <si>
    <t>Mouza Mangan</t>
  </si>
  <si>
    <t>GMPS HAVELI AJAIB SINGH</t>
  </si>
  <si>
    <t>Govt.Model P/S havali ajaib singh</t>
  </si>
  <si>
    <t>Havali Ajaib Singh</t>
  </si>
  <si>
    <t>Hardo Sahari</t>
  </si>
  <si>
    <t>Raisa Shaheen</t>
  </si>
  <si>
    <t>GMPS HAVELI BAGH WALI</t>
  </si>
  <si>
    <t>Haveli Bagh Wali</t>
  </si>
  <si>
    <t>haveli bagh wali (lakho kalam) kasur</t>
  </si>
  <si>
    <t>Meena</t>
  </si>
  <si>
    <t>GMPS HAVELI BOHAR WALI</t>
  </si>
  <si>
    <t>Haveli Bohar Wali</t>
  </si>
  <si>
    <t>haveli bohar wali</t>
  </si>
  <si>
    <t>Broon Raja Jang</t>
  </si>
  <si>
    <t>GMPS HAVELI CHIRAGH</t>
  </si>
  <si>
    <t>Haveli Charagg</t>
  </si>
  <si>
    <t>post office wattoo tehsile noorpur District Khushab</t>
  </si>
  <si>
    <t>Haveli Charagh</t>
  </si>
  <si>
    <t>Jauhra Kalan</t>
  </si>
  <si>
    <t>GMPS HAVELI DOGRAN WALI</t>
  </si>
  <si>
    <t>MIR MUHAMMAD</t>
  </si>
  <si>
    <t>Haveli Dogran wali</t>
  </si>
  <si>
    <t>Haveli Dogran Wali</t>
  </si>
  <si>
    <t>Uzma Safdar</t>
  </si>
  <si>
    <t>GMPS Haveli Gul Shah  (April-2016)</t>
  </si>
  <si>
    <t>Sultan Bahu</t>
  </si>
  <si>
    <t>Haweli gul shah  tehsil Ahmad pur sial jhang</t>
  </si>
  <si>
    <t>Haweli Gul Shah</t>
  </si>
  <si>
    <t>Zahida Gul</t>
  </si>
  <si>
    <t>GMPS HAVELI HERBAJ RAI</t>
  </si>
  <si>
    <t>Hweli Her Bhaj Rai</t>
  </si>
  <si>
    <t>haveli her bhajbrai</t>
  </si>
  <si>
    <t>Thatta Kareemdad</t>
  </si>
  <si>
    <t>GMPS HAVELI KUMHARAN WALI</t>
  </si>
  <si>
    <t>Haveli Kumharan Wali</t>
  </si>
  <si>
    <t>Haveli kumharan wali Baroon Raja Jang</t>
  </si>
  <si>
    <t>GMPS HAVELI MIAN ALLAH JAWAYA</t>
  </si>
  <si>
    <t>Havaly</t>
  </si>
  <si>
    <t>Havaly Mian Allan Jawaya</t>
  </si>
  <si>
    <t>Abdur Rahim</t>
  </si>
  <si>
    <t>GMPS HAVELI PADHANA WALI</t>
  </si>
  <si>
    <t>Haveli Padhana Wali</t>
  </si>
  <si>
    <t>Haveli padhana wali Kasur</t>
  </si>
  <si>
    <t>Muzammil Parveen</t>
  </si>
  <si>
    <t>GMPS HAVELI PANCHAN WALI</t>
  </si>
  <si>
    <t>Punchanwali</t>
  </si>
  <si>
    <t>GMPS HAVELI QURESHIAN</t>
  </si>
  <si>
    <t>Haveli Qureshian</t>
  </si>
  <si>
    <t>gmps haveli qureshian</t>
  </si>
  <si>
    <t>GMPS HAYAL</t>
  </si>
  <si>
    <t>Hayal</t>
  </si>
  <si>
    <t>Village Hayal</t>
  </si>
  <si>
    <t>Maryam Mumtaz</t>
  </si>
  <si>
    <t>GMPS HAYAT GARH</t>
  </si>
  <si>
    <t>Hayat Garh</t>
  </si>
  <si>
    <t>GMPS Hayat Garh</t>
  </si>
  <si>
    <t>Shabnam Shaukat</t>
  </si>
  <si>
    <t>GMPS HAYDRI CHAMAN</t>
  </si>
  <si>
    <t>gulgusht</t>
  </si>
  <si>
    <t>Haidry Chamn</t>
  </si>
  <si>
    <t>GMPS HERCHOKE</t>
  </si>
  <si>
    <t>Hrchoki</t>
  </si>
  <si>
    <t>herchoki po madnachak teh.wazirabad distt.gujranwala.</t>
  </si>
  <si>
    <t>Harchoki</t>
  </si>
  <si>
    <t>Noewala</t>
  </si>
  <si>
    <t>BUSHRA PERVEEN</t>
  </si>
  <si>
    <t>GMPS HERDO PIPLI</t>
  </si>
  <si>
    <t>Her Do Pipli</t>
  </si>
  <si>
    <t>Pindi Bawray</t>
  </si>
  <si>
    <t>irshad ullah</t>
  </si>
  <si>
    <t>GMPS HERDOBAN BODLA</t>
  </si>
  <si>
    <t>Her Do Ban Bodla</t>
  </si>
  <si>
    <t>Her Do Ban bodla  P/ O Hussain Khan wala kasur</t>
  </si>
  <si>
    <t>GMPS HERNAH</t>
  </si>
  <si>
    <t>Hernah</t>
  </si>
  <si>
    <t>hernah</t>
  </si>
  <si>
    <t>Shamsa Irshad</t>
  </si>
  <si>
    <t>GMPS HERSIAN</t>
  </si>
  <si>
    <t>Harsian</t>
  </si>
  <si>
    <t>harsian</t>
  </si>
  <si>
    <t>Adam Kay</t>
  </si>
  <si>
    <t>naila tabassum</t>
  </si>
  <si>
    <t>GMPS HINDWAN</t>
  </si>
  <si>
    <t>Hindwan</t>
  </si>
  <si>
    <t>moza hindwan tehsil sahiwal district sargodha</t>
  </si>
  <si>
    <t>GMPS HOKRA</t>
  </si>
  <si>
    <t>Hokra Ker</t>
  </si>
  <si>
    <t>Village Hokra Ker Post office Gulehra Gali Tehsil Murree District Rawalpindi</t>
  </si>
  <si>
    <t>GMPS HOSOLAH</t>
  </si>
  <si>
    <t>GMPS HUNJ</t>
  </si>
  <si>
    <t>Hunj</t>
  </si>
  <si>
    <t>p/o Tanda village Hunj district  Gujrat</t>
  </si>
  <si>
    <t>farzana gull taj</t>
  </si>
  <si>
    <t>GMPS HUSSAIN ABAD</t>
  </si>
  <si>
    <t>Wadd Syedan</t>
  </si>
  <si>
    <t>GMPS Hussain Abad</t>
  </si>
  <si>
    <t>Hest khewa</t>
  </si>
  <si>
    <t>KHIZAR HAYAT</t>
  </si>
  <si>
    <t>GMPS HUSSAIN KHAN NO 1</t>
  </si>
  <si>
    <t>Hussain Khan 1</t>
  </si>
  <si>
    <t>HUSSAIN KHAN 1 TEHSIL BHOWANA DISTRICT CHINIOT</t>
  </si>
  <si>
    <t>Nadia Sajjad</t>
  </si>
  <si>
    <t>GMPS HUSSAIN PUR RANDHIR</t>
  </si>
  <si>
    <t>Hussain Pur Randhir</t>
  </si>
  <si>
    <t>Tayaba Arshad</t>
  </si>
  <si>
    <t>GMPS HUSSAIN SHAH</t>
  </si>
  <si>
    <t>Husanshah</t>
  </si>
  <si>
    <t>husanshah</t>
  </si>
  <si>
    <t>Lalaamarsinngh</t>
  </si>
  <si>
    <t>Moutia Begum</t>
  </si>
  <si>
    <t>GMPS HUSSAN KHAN WALA</t>
  </si>
  <si>
    <t>Hassan Khan Wala Telh Kallurkot District Bhakkar</t>
  </si>
  <si>
    <t>Hassan Khan Wala</t>
  </si>
  <si>
    <t>Ghulaman No  1</t>
  </si>
  <si>
    <t>Sahalat Khatoon</t>
  </si>
  <si>
    <t>GMPS HUTTAR</t>
  </si>
  <si>
    <t>village hattar post office dhool kakan tehsil and dstrict gujrat</t>
  </si>
  <si>
    <t>Adeela Batool</t>
  </si>
  <si>
    <t>GMPS HYDER ABAD</t>
  </si>
  <si>
    <t>basti Hyderabad tehsil and distt bahawalnagar</t>
  </si>
  <si>
    <t>Abida Ahmad</t>
  </si>
  <si>
    <t>GMPS IBAN WALI</t>
  </si>
  <si>
    <t>ibbenwali kalan</t>
  </si>
  <si>
    <t>ibbanwali kalan</t>
  </si>
  <si>
    <t>nat kalan</t>
  </si>
  <si>
    <t>Shahida Basharat</t>
  </si>
  <si>
    <t>GMPS IBRAHIM WALA SHUJABAD</t>
  </si>
  <si>
    <t>Ibrahim wala</t>
  </si>
  <si>
    <t>Ibrahim Wala</t>
  </si>
  <si>
    <t>GMPS ICHERWAL-2</t>
  </si>
  <si>
    <t>Saeed sultan</t>
  </si>
  <si>
    <t>GMPS ICHRAN</t>
  </si>
  <si>
    <t>Ichran</t>
  </si>
  <si>
    <t>Ichran teh Bhera</t>
  </si>
  <si>
    <t>Hazurpur</t>
  </si>
  <si>
    <t>Irshad Fatima</t>
  </si>
  <si>
    <t>GMPS IJAN CHAK</t>
  </si>
  <si>
    <t>Ajan Chak</t>
  </si>
  <si>
    <t>village Ajan Chak teh Kaminski gujranwala</t>
  </si>
  <si>
    <t>Raheela Shaheen</t>
  </si>
  <si>
    <t>GMPS ILLOANA</t>
  </si>
  <si>
    <t>Illo Ana</t>
  </si>
  <si>
    <t>moza illo ana</t>
  </si>
  <si>
    <t>naseem ameen</t>
  </si>
  <si>
    <t>GMPS IQBAL ABAD</t>
  </si>
  <si>
    <t>vpo iqbalabad bheen tehsil and district chakwal</t>
  </si>
  <si>
    <t>Iqbalabad</t>
  </si>
  <si>
    <t>Amna Mushtaq</t>
  </si>
  <si>
    <t>GMPS IQBAL NAGAR</t>
  </si>
  <si>
    <t>GUJAR WALI</t>
  </si>
  <si>
    <t>Basti GuGAR WALi UC SAHAN WALA</t>
  </si>
  <si>
    <t>BASTI GUGAR WALI</t>
  </si>
  <si>
    <t>SAHAN WALI</t>
  </si>
  <si>
    <t>Ansa Tehreem</t>
  </si>
  <si>
    <t>GMPS IQBAL NAGAR MARZI PURA BUREWALA</t>
  </si>
  <si>
    <t>st no 7 iqbalnagar marzipura</t>
  </si>
  <si>
    <t>Mohala Iqbalnagar</t>
  </si>
  <si>
    <t>GMPS ISHRA</t>
  </si>
  <si>
    <t>Ishra</t>
  </si>
  <si>
    <t>village ishra tehsil and district gujrat</t>
  </si>
  <si>
    <t>GMPS ISLAM ABAD</t>
  </si>
  <si>
    <t>vil  Islamabad p o saroki  teh wazir abad distt Gujranwala</t>
  </si>
  <si>
    <t>GMPS ISLAM GARH</t>
  </si>
  <si>
    <t>Islam garh</t>
  </si>
  <si>
    <t>JalalPur Jattan</t>
  </si>
  <si>
    <t>ayesha khalid</t>
  </si>
  <si>
    <t>GMPS ISLAM KHAN ABBASI</t>
  </si>
  <si>
    <t>GGMPS Ä°sam khan Abbasi</t>
  </si>
  <si>
    <t>Islam Khan Abassi</t>
  </si>
  <si>
    <t>Naw en Araen</t>
  </si>
  <si>
    <t>sumaira perveen</t>
  </si>
  <si>
    <t>GMPS ISLAM KOT</t>
  </si>
  <si>
    <t>Islamkot</t>
  </si>
  <si>
    <t>GMPS ISLAM NAGAR</t>
  </si>
  <si>
    <t>mohalla islam nagar</t>
  </si>
  <si>
    <t>GMPS ISLAM PUR BHERA</t>
  </si>
  <si>
    <t>Islam Pur Bhera</t>
  </si>
  <si>
    <t>Islam pur bhera</t>
  </si>
  <si>
    <t>Islam pur Bhera</t>
  </si>
  <si>
    <t>Mc Bhera</t>
  </si>
  <si>
    <t>GMPS ISLAM PUR FARAZ</t>
  </si>
  <si>
    <t>Islam Pur Faraz</t>
  </si>
  <si>
    <t>GMPS lslam Pur Faraz</t>
  </si>
  <si>
    <t>Fateh Pur Paretti</t>
  </si>
  <si>
    <t>GMPS ISLAM PUR KALAN</t>
  </si>
  <si>
    <t>bakhat Ali wala</t>
  </si>
  <si>
    <t>GMPS ISLAM PURA</t>
  </si>
  <si>
    <t>islampura</t>
  </si>
  <si>
    <t>Govt model primary school Islampura Bahawalnagar</t>
  </si>
  <si>
    <t>Basti shah Muhammad</t>
  </si>
  <si>
    <t>yasmin jalal</t>
  </si>
  <si>
    <t>GMPS ISMAIL AWAN</t>
  </si>
  <si>
    <t>ISMAIL AWAN</t>
  </si>
  <si>
    <t>VILLAGE ISMAIL AWAN POST OFFICE GHUINKE TEHSIL DASKA DISTRICT SIALKOT</t>
  </si>
  <si>
    <t>ATTIYA BATOOL</t>
  </si>
  <si>
    <t>GMPS ISTAQLAL ABAD</t>
  </si>
  <si>
    <t>Gmps Istaqlalabad sargodha</t>
  </si>
  <si>
    <t>Najma Taj</t>
  </si>
  <si>
    <t>GMPS JABA</t>
  </si>
  <si>
    <t>jaba vpo uchhri Teh jand district attock</t>
  </si>
  <si>
    <t>Fiaz Begum</t>
  </si>
  <si>
    <t>GMPS JABBOKI</t>
  </si>
  <si>
    <t>Jabboki</t>
  </si>
  <si>
    <t>GMPS Jabboki P/o Kunjah</t>
  </si>
  <si>
    <t>GMPS JABOKAY</t>
  </si>
  <si>
    <t>Jabokay</t>
  </si>
  <si>
    <t>tehsil pasrur Distt Sialkot P.O box Qila ahmda abad</t>
  </si>
  <si>
    <t>Tahseen Sana</t>
  </si>
  <si>
    <t>GMPS JABOKI DHILWAN</t>
  </si>
  <si>
    <t>Jaboki Dhillwan</t>
  </si>
  <si>
    <t>Vill:Jaboki dhillwan Teh:KMK Distt:GRW</t>
  </si>
  <si>
    <t>Zuhra Asif</t>
  </si>
  <si>
    <t>GMPS JAG BHATTI</t>
  </si>
  <si>
    <t>Jag Bhatti</t>
  </si>
  <si>
    <t>Jag Bhatti  Tehsil Pindi Bhattian District  Hafizabad</t>
  </si>
  <si>
    <t>Uzma Muzaffar</t>
  </si>
  <si>
    <t>GMPS JAGNA CHATHA</t>
  </si>
  <si>
    <t>Jugna Chattha</t>
  </si>
  <si>
    <t>gmps jugna chattha</t>
  </si>
  <si>
    <t>Saiqa Riaz</t>
  </si>
  <si>
    <t>GMPS JAHAN PUR</t>
  </si>
  <si>
    <t>jahan pur teh bhera district sargodha</t>
  </si>
  <si>
    <t>rakh charagah</t>
  </si>
  <si>
    <t>GMPS JAHAN SHAH</t>
  </si>
  <si>
    <t>Jahan Shah</t>
  </si>
  <si>
    <t>Jahan shah p/o kot Jay singh</t>
  </si>
  <si>
    <t>Jahan shah</t>
  </si>
  <si>
    <t>GMPS JAHANEY WALA</t>
  </si>
  <si>
    <t>GMPS jahanay Wala</t>
  </si>
  <si>
    <t>Jahanay Wala</t>
  </si>
  <si>
    <t>GMPS JAHANGEER ABAD</t>
  </si>
  <si>
    <t>Sheikh Bhakhar</t>
  </si>
  <si>
    <t>basti jahangeerabad jdw</t>
  </si>
  <si>
    <t>Jahangeerabad</t>
  </si>
  <si>
    <t>Jamaldinwali</t>
  </si>
  <si>
    <t>GMPS JAHAR</t>
  </si>
  <si>
    <t>Jahar</t>
  </si>
  <si>
    <t>village jahar p/o khas jahar tehsil pasrur district sialkot</t>
  </si>
  <si>
    <t>Fareeha Rani</t>
  </si>
  <si>
    <t>GMPS JAISAL</t>
  </si>
  <si>
    <t>Mouza Jaisal  Teh Lalian Dist  chiniot</t>
  </si>
  <si>
    <t>GMPS JAJJA AUR</t>
  </si>
  <si>
    <t>Jajja Aour</t>
  </si>
  <si>
    <t>Theseel
 PHALIA DISTRICT MBDIN GMPS JAJJA AOUR</t>
  </si>
  <si>
    <t>Kot Shermohammad</t>
  </si>
  <si>
    <t>GMPS JAJJA P.O SUKHO</t>
  </si>
  <si>
    <t>jajja</t>
  </si>
  <si>
    <t>Village jajja p.o sukho teh g.Khan</t>
  </si>
  <si>
    <t>Habiba Khanum</t>
  </si>
  <si>
    <t>GMPS JALAL ABAD</t>
  </si>
  <si>
    <t>sargana farm jalalabad moza khewa</t>
  </si>
  <si>
    <t>Jalalabad moza Khewa</t>
  </si>
  <si>
    <t>Farhat Naji</t>
  </si>
  <si>
    <t>GMPS JALAL NOU</t>
  </si>
  <si>
    <t>Jalal nou</t>
  </si>
  <si>
    <t>govt model primary school jalal nou</t>
  </si>
  <si>
    <t>GMPS JALAL PUR</t>
  </si>
  <si>
    <t>jalalpur kamlana</t>
  </si>
  <si>
    <t>gmps jalalpur kamlana basti kot wala sharif</t>
  </si>
  <si>
    <t>kot wala sharif</t>
  </si>
  <si>
    <t>ghuman marhi</t>
  </si>
  <si>
    <t>KISHWAR JABEEN</t>
  </si>
  <si>
    <t>GMPS JALAL PUR SYEDAN</t>
  </si>
  <si>
    <t>Jalal Pur Syedan Syedan</t>
  </si>
  <si>
    <t>gmps jalal pur syedan</t>
  </si>
  <si>
    <t>GMPS JALALDIN</t>
  </si>
  <si>
    <t>Jalaldin</t>
  </si>
  <si>
    <t>post office Haji Muhammad village jalaldin</t>
  </si>
  <si>
    <t>Mehak Bhatti</t>
  </si>
  <si>
    <t>GMPS JALAPWAL</t>
  </si>
  <si>
    <t>Jalpowal</t>
  </si>
  <si>
    <t>vill. Jalpowal p/o Koankh</t>
  </si>
  <si>
    <t>Sania Asif</t>
  </si>
  <si>
    <t>GMPS JALLAY WALA</t>
  </si>
  <si>
    <t>Jallay Wala Tah.Lalian District Chiniot</t>
  </si>
  <si>
    <t>AMJID ALI</t>
  </si>
  <si>
    <t>GMPS JALLU JHUGIAN NO. 1</t>
  </si>
  <si>
    <t>Jughian Jullo</t>
  </si>
  <si>
    <t>Awaan Kalan</t>
  </si>
  <si>
    <t>Kouser Bibi</t>
  </si>
  <si>
    <t>GMPS JALLY KAY</t>
  </si>
  <si>
    <t>Jallay Kay</t>
  </si>
  <si>
    <t>govt model primary school jallay kay</t>
  </si>
  <si>
    <t>Khankay More</t>
  </si>
  <si>
    <t>GMPS JALO WALI</t>
  </si>
  <si>
    <t>jalowali</t>
  </si>
  <si>
    <t>GMPS JAM ALLAH NAWAZ</t>
  </si>
  <si>
    <t>basti jam Allah nawaz</t>
  </si>
  <si>
    <t>Basti Jam Allah NAWAZ</t>
  </si>
  <si>
    <t>GMPS JAM DANGRA, TULAMBA</t>
  </si>
  <si>
    <t>Jam Dangra</t>
  </si>
  <si>
    <t>mouza jam dangra</t>
  </si>
  <si>
    <t>Moza Jam Dangra</t>
  </si>
  <si>
    <t>GMPS JAM MANZOOR</t>
  </si>
  <si>
    <t>MUHAMMAD ALI ARAIN</t>
  </si>
  <si>
    <t>BAIG MAHER</t>
  </si>
  <si>
    <t>Shabiran Bibi</t>
  </si>
  <si>
    <t>GMPS JAMAL JAND</t>
  </si>
  <si>
    <t>Govt. Model Primery School Jamal Jand</t>
  </si>
  <si>
    <t>GMPS JAMAL KEY</t>
  </si>
  <si>
    <t>Jamal Kay</t>
  </si>
  <si>
    <t>post office basir pur, moza jamal kay tehsil depalpur(okara)</t>
  </si>
  <si>
    <t>Chorasta</t>
  </si>
  <si>
    <t>GMPS JAMAL PAHAR</t>
  </si>
  <si>
    <t>Jamalpahar</t>
  </si>
  <si>
    <t>mouza jamalpahar</t>
  </si>
  <si>
    <t>Chak No 712</t>
  </si>
  <si>
    <t>GMPS JAMAL WALA</t>
  </si>
  <si>
    <t>fareedwala mouza mukhiana</t>
  </si>
  <si>
    <t>Fareedwala</t>
  </si>
  <si>
    <t>GMPS JAMAL WALA SHUJABAD</t>
  </si>
  <si>
    <t>Basti Jamal Wala Teh Shujabd District Multan post office khass Punjani</t>
  </si>
  <si>
    <t>GMPS JAMAN SHAH WALA (GPS 11 MR)</t>
  </si>
  <si>
    <t>Chak11mr</t>
  </si>
  <si>
    <t>gmps jaman shah wala 11mr</t>
  </si>
  <si>
    <t>11mr</t>
  </si>
  <si>
    <t>18mr</t>
  </si>
  <si>
    <t>GMPS JAMAN WALA</t>
  </si>
  <si>
    <t>GMPS jaman wala</t>
  </si>
  <si>
    <t>Ayaz Abad</t>
  </si>
  <si>
    <t>GMPS JAMKAY DHENDSA</t>
  </si>
  <si>
    <t>Jamkay Dendisa</t>
  </si>
  <si>
    <t>jamkay dendisa</t>
  </si>
  <si>
    <t>Mizna Nawaz</t>
  </si>
  <si>
    <t>GMPS JAN MUHAMMAD WALA ABDUL HAKIM</t>
  </si>
  <si>
    <t>Husain Abad Sani</t>
  </si>
  <si>
    <t>GMPS jan muhammad wala moza husain abad sani station jan muhammad wala tehsl kabirwala district khanewal</t>
  </si>
  <si>
    <t>Shakila Amir</t>
  </si>
  <si>
    <t>GMPS JANAY WALA TEH. JALALPUR PIRWALA</t>
  </si>
  <si>
    <t>GMPS JANAY WALA TEHSIL JALAL PUR PIR WALA</t>
  </si>
  <si>
    <t>Janay Wala</t>
  </si>
  <si>
    <t>Irsa Batool</t>
  </si>
  <si>
    <t>GMPS JAND BOSAL</t>
  </si>
  <si>
    <t>Jand Bosal</t>
  </si>
  <si>
    <t>jand  bosal</t>
  </si>
  <si>
    <t>Jand bosal</t>
  </si>
  <si>
    <t>GMPS JAND PIR</t>
  </si>
  <si>
    <t>Peer Jand</t>
  </si>
  <si>
    <t>peer jand tehsil kharian distt gujtat</t>
  </si>
  <si>
    <t>Jourah</t>
  </si>
  <si>
    <t>Fakhira Sultana</t>
  </si>
  <si>
    <t>GMPS JANDAL</t>
  </si>
  <si>
    <t>basti Jandal gudra ahmad pur Sial jhang</t>
  </si>
  <si>
    <t>Jandal</t>
  </si>
  <si>
    <t>GMPS JANDALA</t>
  </si>
  <si>
    <t>p/o Samrala village Jandala Teh Kharian Distt Gujrat</t>
  </si>
  <si>
    <t>GMPS JANDRAKA</t>
  </si>
  <si>
    <t>GMPS jandraka</t>
  </si>
  <si>
    <t>Hifsa Kaleem</t>
  </si>
  <si>
    <t>GMPS JANDRAN</t>
  </si>
  <si>
    <t>GMPS Jandran sargodha road jhang</t>
  </si>
  <si>
    <t>GMPS JANDRAN KHURD</t>
  </si>
  <si>
    <t>Kot Slamat</t>
  </si>
  <si>
    <t>Jandran Khurd hujra Shah Muqeem okara</t>
  </si>
  <si>
    <t>Jandran Khurd</t>
  </si>
  <si>
    <t>Jhujh Khalan</t>
  </si>
  <si>
    <t>Hanifa BiBi</t>
  </si>
  <si>
    <t>GMPS JANDUKAY GORAYA</t>
  </si>
  <si>
    <t>Janduke Goraya</t>
  </si>
  <si>
    <t>village janduke goraya near p.o mundekey goraya</t>
  </si>
  <si>
    <t>Naila Ruby</t>
  </si>
  <si>
    <t>GMPS JANGAL AMIR HUSSAIN (JALAL ABAD)</t>
  </si>
  <si>
    <t>Jangal Ameer Husain</t>
  </si>
  <si>
    <t>Basti mouza jangal ameer Hussain</t>
  </si>
  <si>
    <t>Obwara Shumali</t>
  </si>
  <si>
    <t>GMPS JANJEEL</t>
  </si>
  <si>
    <t>village janjeel p/o Sanghoi tehsil  Dina distt jhelum</t>
  </si>
  <si>
    <t>Asma Kareem</t>
  </si>
  <si>
    <t>GMPS JANJOR</t>
  </si>
  <si>
    <t>Janjoor</t>
  </si>
  <si>
    <t>Gmps janjoor village janjoor Teh kahuta Distt Rawalpindi</t>
  </si>
  <si>
    <t>M0wara</t>
  </si>
  <si>
    <t>Saira Jahangir</t>
  </si>
  <si>
    <t>GMPS JANTI WALA</t>
  </si>
  <si>
    <t>Jantiwala</t>
  </si>
  <si>
    <t>gmps jantiwala</t>
  </si>
  <si>
    <t>Paka Kamar Mishani</t>
  </si>
  <si>
    <t>GMPS JAROLA</t>
  </si>
  <si>
    <t>Jarola</t>
  </si>
  <si>
    <t>village jarola p/o farooka  tehseel sahiwal distt.sargodha</t>
  </si>
  <si>
    <t>KOT Musa Khan</t>
  </si>
  <si>
    <t>GMPS JARRA</t>
  </si>
  <si>
    <t>Jarra</t>
  </si>
  <si>
    <t>jarra</t>
  </si>
  <si>
    <t>GMPS JASSAY WALA MULTAN</t>
  </si>
  <si>
    <t>basti sher singh</t>
  </si>
  <si>
    <t>GMPS JASSO WAL</t>
  </si>
  <si>
    <t>Jassowal</t>
  </si>
  <si>
    <t>Kot Hust Khan</t>
  </si>
  <si>
    <t>uzma aziz</t>
  </si>
  <si>
    <t>GMPS JASTIWALA UNCHA</t>
  </si>
  <si>
    <t>Jestiwala Uncha</t>
  </si>
  <si>
    <t>p/o box qila ahmad abad</t>
  </si>
  <si>
    <t>Tasawer Hussain</t>
  </si>
  <si>
    <t>GMPS JASWAL</t>
  </si>
  <si>
    <t>village jaswal post offices Tatral teh &amp; District RWP</t>
  </si>
  <si>
    <t>GHULAM KALSOOM</t>
  </si>
  <si>
    <t>GMPS JATTAL</t>
  </si>
  <si>
    <t>government model school jattal</t>
  </si>
  <si>
    <t>Zarina Hameed</t>
  </si>
  <si>
    <t>GMPS JATTI SHAH REHMAN</t>
  </si>
  <si>
    <t>Jatti Shah  Rehman</t>
  </si>
  <si>
    <t>GMPS Jatti Shah Rehman Tehsil wazirabad district Gujranwala</t>
  </si>
  <si>
    <t>Jatti Shah Rehman</t>
  </si>
  <si>
    <t>GMPS JAVED ABAD COLONY NO. 2</t>
  </si>
  <si>
    <t>CHOWK ALLAH ABAD MOHALLAH KHAIRA DISTRICT RAJAN PUR</t>
  </si>
  <si>
    <t>Municipal commettee</t>
  </si>
  <si>
    <t>Balqees Afghan</t>
  </si>
  <si>
    <t>GMPS JEHAN-E-WALA</t>
  </si>
  <si>
    <t>Jahan E Wala</t>
  </si>
  <si>
    <t>Jahan e Wala teh bhera dist sargodha</t>
  </si>
  <si>
    <t>Nur Pur Noon</t>
  </si>
  <si>
    <t>Hafiza Shabana Jabeen</t>
  </si>
  <si>
    <t>GMPS JEHL BHATTIAN</t>
  </si>
  <si>
    <t>Jehl Bhattian</t>
  </si>
  <si>
    <t>Moza Jehl Bhattian Tehsil Lalian District Chiniot</t>
  </si>
  <si>
    <t>GMPS JEOWANJAL</t>
  </si>
  <si>
    <t>Jeowanjal</t>
  </si>
  <si>
    <t>ThathaMusa</t>
  </si>
  <si>
    <t>GMPS JEWANY WALI</t>
  </si>
  <si>
    <t>Jewenywali</t>
  </si>
  <si>
    <t>village jewenywali po saroki teh wazirabad dist gujranwala</t>
  </si>
  <si>
    <t>GMPS JHAGGAR</t>
  </si>
  <si>
    <t>basti jhaggar</t>
  </si>
  <si>
    <t>jhaggar</t>
  </si>
  <si>
    <t>Shagufta Husnain</t>
  </si>
  <si>
    <t>GMPS JHAKAR PUR</t>
  </si>
  <si>
    <t>chah an ran wala pobox lsmailabad masoodpur  tibba  district  multan</t>
  </si>
  <si>
    <t>Jhakarpur</t>
  </si>
  <si>
    <t>Shahnazaslam</t>
  </si>
  <si>
    <t>GMPS JHALAR</t>
  </si>
  <si>
    <t>jhallar dewan</t>
  </si>
  <si>
    <t>Jhallar Dewan</t>
  </si>
  <si>
    <t>Nabila Aslam</t>
  </si>
  <si>
    <t>GMPS JHALAR CHIRAG DIN</t>
  </si>
  <si>
    <t>Jhalar Chirag Din</t>
  </si>
  <si>
    <t>jhalar chirag din</t>
  </si>
  <si>
    <t>Mukhtar Barket</t>
  </si>
  <si>
    <t>GMPS JHAMAT</t>
  </si>
  <si>
    <t>village jhamat p.o.box Bhera</t>
  </si>
  <si>
    <t>GMPS JHANB</t>
  </si>
  <si>
    <t>moza jhanb</t>
  </si>
  <si>
    <t>Pir Sadar Deen</t>
  </si>
  <si>
    <t>GMPS JHANB TARAR</t>
  </si>
  <si>
    <t>Jhanb Tarar</t>
  </si>
  <si>
    <t>jhanb tarar</t>
  </si>
  <si>
    <t>Dherenke Lalky</t>
  </si>
  <si>
    <t>Mariam Saif</t>
  </si>
  <si>
    <t>GMPS JHANDA CHOHAN</t>
  </si>
  <si>
    <t>Jhanda Chohan</t>
  </si>
  <si>
    <t>Jhanda Chohan Tehsil Phalia District M.B.Din</t>
  </si>
  <si>
    <t>GMPS JHANDARAIN</t>
  </si>
  <si>
    <t>SHADI KICHALA</t>
  </si>
  <si>
    <t>MOUZA SHADI KICHALA TEHSIL JPPW DISTRICT MULTAN</t>
  </si>
  <si>
    <t>JHANDARAIN</t>
  </si>
  <si>
    <t>KOTLI ADIL</t>
  </si>
  <si>
    <t>KHALIDA NASREEN</t>
  </si>
  <si>
    <t>GMPS JHANDIR NIAZI</t>
  </si>
  <si>
    <t>Jhandir Niazi</t>
  </si>
  <si>
    <t>Gmps jhandir niazi ahmad pur sial jhang</t>
  </si>
  <si>
    <t>GMPS JHANDU SYEDAN</t>
  </si>
  <si>
    <t>Jhandu Syedan</t>
  </si>
  <si>
    <t>Post office and village Jhandu Syedan Teh and District rawalpindi</t>
  </si>
  <si>
    <t>GMPS JHANDY WALI</t>
  </si>
  <si>
    <t>Jhandywali</t>
  </si>
  <si>
    <t>GMPS JHANG</t>
  </si>
  <si>
    <t>Jhang Kalan</t>
  </si>
  <si>
    <t>vill Jhang p/o Looni area Bajwat distt and teh Sialkot</t>
  </si>
  <si>
    <t>nargis begum</t>
  </si>
  <si>
    <t>GMPS JHANGI DAIM</t>
  </si>
  <si>
    <t>village Jhangi daim Po Chak beli Khan tehsil and dist rwp</t>
  </si>
  <si>
    <t>Jhangi Daim</t>
  </si>
  <si>
    <t>Fareena Khalid</t>
  </si>
  <si>
    <t>GMPS JHANIAN KATHRIA</t>
  </si>
  <si>
    <t>JAHANIAN KHATRIAN</t>
  </si>
  <si>
    <t>JAHANIAN KHATRIAN P /O VANIKE TARAR</t>
  </si>
  <si>
    <t>KOT ISHAQ</t>
  </si>
  <si>
    <t>RAFEELA NAWAZ</t>
  </si>
  <si>
    <t>GMPS JHANS</t>
  </si>
  <si>
    <t>jhans</t>
  </si>
  <si>
    <t>village jahans p.o. chechain</t>
  </si>
  <si>
    <t>Aasia Tabasum</t>
  </si>
  <si>
    <t>GMPS JHARIAN WALA</t>
  </si>
  <si>
    <t>gmps.jharianwala</t>
  </si>
  <si>
    <t>GMPS JHARNA</t>
  </si>
  <si>
    <t>village/ po jherna Teh sohawa DIST Jhelum</t>
  </si>
  <si>
    <t>Jherna</t>
  </si>
  <si>
    <t>Paul Biny Khan</t>
  </si>
  <si>
    <t>Hina Rahat</t>
  </si>
  <si>
    <t>GMPS JHATTA</t>
  </si>
  <si>
    <t>village jhatta p/o kapoorowali tehsil and district Sialkot</t>
  </si>
  <si>
    <t>Bharthawala</t>
  </si>
  <si>
    <t>Misbah Ramzan</t>
  </si>
  <si>
    <t>GMPS JHATTAN WALI</t>
  </si>
  <si>
    <t>gmps jhattanwali</t>
  </si>
  <si>
    <t>Rafia</t>
  </si>
  <si>
    <t>GMPS JHOK QASIM KA NO. 2</t>
  </si>
  <si>
    <t>Jhok qasimka</t>
  </si>
  <si>
    <t>Jhok Qasim Ka</t>
  </si>
  <si>
    <t>GMPS JHOKE DITTA PO SIAL</t>
  </si>
  <si>
    <t>jhoke ditta</t>
  </si>
  <si>
    <t>Jhoke Ditta</t>
  </si>
  <si>
    <t>GMPS JHOKE GAMUN</t>
  </si>
  <si>
    <t>jhoke gamun</t>
  </si>
  <si>
    <t>chah doghachi wala jhoke gamun</t>
  </si>
  <si>
    <t>jhoke gamun  doghachi wala</t>
  </si>
  <si>
    <t>lar female</t>
  </si>
  <si>
    <t>Nafeesa BiBi</t>
  </si>
  <si>
    <t>GMPS JHOKE JANAN</t>
  </si>
  <si>
    <t>Jhoke Janan</t>
  </si>
  <si>
    <t>Sheema Ahmad</t>
  </si>
  <si>
    <t>GMPS JHOKE TIBBA</t>
  </si>
  <si>
    <t>government ggps jhoke tiba</t>
  </si>
  <si>
    <t>Jhoke Tiba</t>
  </si>
  <si>
    <t>asmat bibi</t>
  </si>
  <si>
    <t>GMPS JHUNGA WALA</t>
  </si>
  <si>
    <t>Jhungaywala</t>
  </si>
  <si>
    <t>gmps jhungaywala</t>
  </si>
  <si>
    <t>GMPS JINDIANA</t>
  </si>
  <si>
    <t>abadi jindiana moza khanuana</t>
  </si>
  <si>
    <t>Jindiana</t>
  </si>
  <si>
    <t>Sitana</t>
  </si>
  <si>
    <t>GMPS JINNAH TOWN</t>
  </si>
  <si>
    <t>Ahmed pur sial</t>
  </si>
  <si>
    <t>Mohalla Muhamdia</t>
  </si>
  <si>
    <t>GMPS JIWAN WALA</t>
  </si>
  <si>
    <t>GMPS JEEWAN WALA MOUZA KOT JANU NEAR GHAZI CHOCK JAMPUR</t>
  </si>
  <si>
    <t>Kutry Wala</t>
  </si>
  <si>
    <t>GMPS JODH</t>
  </si>
  <si>
    <t>jodh</t>
  </si>
  <si>
    <t>moza jodh p/o lalian tehsil lalian district chiniot</t>
  </si>
  <si>
    <t>GMPS JOHDAY WALI</t>
  </si>
  <si>
    <t>Jodhay Wali Kalan</t>
  </si>
  <si>
    <t>Near Basic Health Unit,Vill Jodhay Wali Kalan,Bhagowal Rd Sialkot</t>
  </si>
  <si>
    <t>GMPS JOIA MUSLIM</t>
  </si>
  <si>
    <t>Joia Abad</t>
  </si>
  <si>
    <t>GMPS JOKHIAN</t>
  </si>
  <si>
    <t>Jokhian</t>
  </si>
  <si>
    <t>G.M.P.S jokhian</t>
  </si>
  <si>
    <t>Syeda Uma Salama</t>
  </si>
  <si>
    <t>GMPS JOLLEY P.O SUKHO</t>
  </si>
  <si>
    <t>Jollay</t>
  </si>
  <si>
    <t>vill chak muslim po sukho teh gujar khan dist rawalpindi</t>
  </si>
  <si>
    <t>Chak Muslim</t>
  </si>
  <si>
    <t>GMPS JULIANI</t>
  </si>
  <si>
    <t>Juliani</t>
  </si>
  <si>
    <t>village juliani p.o deona mandi district gujrat</t>
  </si>
  <si>
    <t>Seemab Sabir</t>
  </si>
  <si>
    <t>GMPS JUNGLE IMAM SHAH</t>
  </si>
  <si>
    <t>Jungle imam shah</t>
  </si>
  <si>
    <t>Zunaira Aroos</t>
  </si>
  <si>
    <t>GMPS JUNGLE KATORA</t>
  </si>
  <si>
    <t>Jungle Katora</t>
  </si>
  <si>
    <t>mouza jungle katora teh and dist jhang</t>
  </si>
  <si>
    <t>ume salma</t>
  </si>
  <si>
    <t>GMPS KABAIL</t>
  </si>
  <si>
    <t>Kabail</t>
  </si>
  <si>
    <t>vill kabail po mohra noori teh gujar khan distt Rwp</t>
  </si>
  <si>
    <t>Samera Safdar</t>
  </si>
  <si>
    <t>GMPS KABIR WAH NO.1</t>
  </si>
  <si>
    <t>Kabeer wah</t>
  </si>
  <si>
    <t>Akbar  Ali</t>
  </si>
  <si>
    <t>GMPS KABIR WALA JANOOBI</t>
  </si>
  <si>
    <t>Douluana</t>
  </si>
  <si>
    <t>chah Abbas wala</t>
  </si>
  <si>
    <t>Amna Sahar</t>
  </si>
  <si>
    <t>GMPS KACHA DHAPRA</t>
  </si>
  <si>
    <t>kacha dhapra</t>
  </si>
  <si>
    <t>moza kacha dhapra p/o machiwal, 18 Hazari,  Jhang</t>
  </si>
  <si>
    <t>7/1 thal janubi</t>
  </si>
  <si>
    <t>Sadaf Rehman</t>
  </si>
  <si>
    <t>GMPS KACHA KABIRA</t>
  </si>
  <si>
    <t>Kacha Kabira</t>
  </si>
  <si>
    <t>Kacha kabira teh shorkot dist jhang</t>
  </si>
  <si>
    <t>IQBAL BEGUM</t>
  </si>
  <si>
    <t>GMPS KACHA PACCA (BASTI MITHU GHARBI)</t>
  </si>
  <si>
    <t>Basti Mithoo</t>
  </si>
  <si>
    <t>chah pacca moza basti mithoo tehsil shujabad</t>
  </si>
  <si>
    <t>Summia Rabia</t>
  </si>
  <si>
    <t>GMPS KADHER GHARBI</t>
  </si>
  <si>
    <t>Kadhar Gharbi</t>
  </si>
  <si>
    <t>kadhar gharbi p/o bhabra teh phalia dist. m.b.din</t>
  </si>
  <si>
    <t>Nayyer Fatima</t>
  </si>
  <si>
    <t>GMPS KADOO WALI</t>
  </si>
  <si>
    <t>Kaneri</t>
  </si>
  <si>
    <t>kadoo Wali</t>
  </si>
  <si>
    <t>Kadoo Wali</t>
  </si>
  <si>
    <t>Syeda Shagufta Zameer</t>
  </si>
  <si>
    <t>GMPS KAHANA THEINA LALIAN</t>
  </si>
  <si>
    <t>KahanaThain</t>
  </si>
  <si>
    <t>GMPS Kahana Thain Lalian</t>
  </si>
  <si>
    <t>Kahana Thain</t>
  </si>
  <si>
    <t>GMPS KAHIN PURA</t>
  </si>
  <si>
    <t>Kahin Pura</t>
  </si>
  <si>
    <t>moza kahanpura daak khana bwn</t>
  </si>
  <si>
    <t>Kahinpura</t>
  </si>
  <si>
    <t>GMPS KAHLI KHINGER</t>
  </si>
  <si>
    <t>Kahli Khinger</t>
  </si>
  <si>
    <t>village&amp; P/O kahli KhingerTehsil guar khan Distt rwp</t>
  </si>
  <si>
    <t>Faiza Irum</t>
  </si>
  <si>
    <t>GMPS KAHLIAN</t>
  </si>
  <si>
    <t>vill kahlian</t>
  </si>
  <si>
    <t>faqeer alam tahir</t>
  </si>
  <si>
    <t>GMPS KAHLWAN</t>
  </si>
  <si>
    <t>kahlwan,</t>
  </si>
  <si>
    <t>Mudassrah Afzal</t>
  </si>
  <si>
    <t>GMPS KAHN GORAY</t>
  </si>
  <si>
    <t>Khunghoory</t>
  </si>
  <si>
    <t>muhallah aziz pura kamoke</t>
  </si>
  <si>
    <t>Nasrin Akhtar</t>
  </si>
  <si>
    <t>GMPS KAHNA</t>
  </si>
  <si>
    <t>Kahna P/O Kunjah Teh. &amp; Distt. Gujrat</t>
  </si>
  <si>
    <t>Babra Mahnaz</t>
  </si>
  <si>
    <t>GMPS KAINT</t>
  </si>
  <si>
    <t>Kaint</t>
  </si>
  <si>
    <t>village Kaint P/O Jalal pur jattan  Teh &amp; District  Gujrat</t>
  </si>
  <si>
    <t>Fakhra Naseem</t>
  </si>
  <si>
    <t>GMPS KAIR WALA</t>
  </si>
  <si>
    <t>KAIR WALA</t>
  </si>
  <si>
    <t>GMPSKAIRWALA NoSHERA VIRKAN</t>
  </si>
  <si>
    <t>KARYAL KALAN</t>
  </si>
  <si>
    <t>GMPS KAIS</t>
  </si>
  <si>
    <t>Kais</t>
  </si>
  <si>
    <t>village kais P/o kais,T/d sialkot</t>
  </si>
  <si>
    <t>Sameera Tahir Mehmood</t>
  </si>
  <si>
    <t>GMPS KAKA</t>
  </si>
  <si>
    <t>gmps kakka disstt gujrat p.o box kunjah</t>
  </si>
  <si>
    <t>Golyki</t>
  </si>
  <si>
    <t>GMPS KAKIAN WALA</t>
  </si>
  <si>
    <t>Kakianwala</t>
  </si>
  <si>
    <t>kakianwala p/o tanda, gujrat</t>
  </si>
  <si>
    <t>Iram Bashir</t>
  </si>
  <si>
    <t>GMPS KAKKA PO KADHER</t>
  </si>
  <si>
    <t>GMPS Kakka</t>
  </si>
  <si>
    <t>Asma Nasreen</t>
  </si>
  <si>
    <t>GMPS KAKKAY ARAIAN</t>
  </si>
  <si>
    <t>Chach Janoobi</t>
  </si>
  <si>
    <t>GGMPS KAKKAY ARAIAN</t>
  </si>
  <si>
    <t>Kakkey Araian</t>
  </si>
  <si>
    <t>Shazia Btool</t>
  </si>
  <si>
    <t>GMPS KAKRAN</t>
  </si>
  <si>
    <t>Kakran</t>
  </si>
  <si>
    <t>Village kakran post office phuklian teh and sialkot</t>
  </si>
  <si>
    <t>GMPS KALA KAMALA</t>
  </si>
  <si>
    <t>Kala Kamala</t>
  </si>
  <si>
    <t>village  kala kamala p/o  Dinga  tehsil  kharian  Dist Gujrat</t>
  </si>
  <si>
    <t>Wraichainwala</t>
  </si>
  <si>
    <t>Misbah Sanaullah</t>
  </si>
  <si>
    <t>GMPS KALAKI</t>
  </si>
  <si>
    <t>Kalyki</t>
  </si>
  <si>
    <t>GMPS KALALI</t>
  </si>
  <si>
    <t>kalali</t>
  </si>
  <si>
    <t>Chak kalali Tehsil Arifwala District Pakpattan</t>
  </si>
  <si>
    <t>Faisal Shahzad</t>
  </si>
  <si>
    <t>GMPS KALANCH WALA</t>
  </si>
  <si>
    <t>basti sandhan moza maini</t>
  </si>
  <si>
    <t>Basti Sandhan</t>
  </si>
  <si>
    <t>Maini Hakra</t>
  </si>
  <si>
    <t>Taslem Kouser</t>
  </si>
  <si>
    <t>GMPS KALAY CHISHTI</t>
  </si>
  <si>
    <t>Kalay Chishti</t>
  </si>
  <si>
    <t>gmps Kalay chishti</t>
  </si>
  <si>
    <t>GMPS KALE WAL</t>
  </si>
  <si>
    <t>Kala Wale</t>
  </si>
  <si>
    <t>Gmps Kala Wale</t>
  </si>
  <si>
    <t>GMPS KALEKA</t>
  </si>
  <si>
    <t>Kaleka</t>
  </si>
  <si>
    <t>kaleka</t>
  </si>
  <si>
    <t>GMPS KALEKE GOWN</t>
  </si>
  <si>
    <t>kalake gown p/o kalake mandi teh&amp;distt  hafizabad</t>
  </si>
  <si>
    <t>Kalake Gown</t>
  </si>
  <si>
    <t>Kalake Mandi</t>
  </si>
  <si>
    <t>Naghma Perveen</t>
  </si>
  <si>
    <t>GMPS KALI PARI</t>
  </si>
  <si>
    <t>Kali Pari</t>
  </si>
  <si>
    <t>Village Kali pari,Post office bhall, Rawalpindi</t>
  </si>
  <si>
    <t>Maria Kokeb</t>
  </si>
  <si>
    <t>boring well</t>
  </si>
  <si>
    <t>GMPS KALIAN WALA</t>
  </si>
  <si>
    <t>KALIAN WALA</t>
  </si>
  <si>
    <t>KALIAN WALA NEAR MANDA KHEL KAMMAR MUSHANI  TEHSIL ESA KHEL DISTRICT MIANWALI</t>
  </si>
  <si>
    <t>TASLEEM ZAFAR</t>
  </si>
  <si>
    <t>GMPS KALKAN WALA, ABDUL HAKIM</t>
  </si>
  <si>
    <t>Kalkan Wala</t>
  </si>
  <si>
    <t>Gmps kalkan wala markaz abdul hakim teh kabirwala distt khanewal</t>
  </si>
  <si>
    <t>Bazgha Mariam Amin</t>
  </si>
  <si>
    <t>GMPS KALLAR QURESHI, CHAK JAN PUR</t>
  </si>
  <si>
    <t>Chak Jan pur</t>
  </si>
  <si>
    <t>mouza chak Jan pur</t>
  </si>
  <si>
    <t>Chak Jan Pur</t>
  </si>
  <si>
    <t>GMPS KALLIA SHAH</t>
  </si>
  <si>
    <t>Bonga Jheedu</t>
  </si>
  <si>
    <t>kalia shah mozaan bonga jhedwan</t>
  </si>
  <si>
    <t>Smya Naz</t>
  </si>
  <si>
    <t>GMPS KALOOR</t>
  </si>
  <si>
    <t>kaloor p/o same tehsil lalian distrect chiniot</t>
  </si>
  <si>
    <t>langer makhdoom</t>
  </si>
  <si>
    <t>muhammad mazhar</t>
  </si>
  <si>
    <t>GMPS KALRA</t>
  </si>
  <si>
    <t>village Kalra p/o domeli tehsil Dina district jhelum</t>
  </si>
  <si>
    <t>IRRUM SHAHEEN</t>
  </si>
  <si>
    <t>GMPS KALRI</t>
  </si>
  <si>
    <t>village kalri po box baragran teh dina district jhelum</t>
  </si>
  <si>
    <t>Nazish Aftab</t>
  </si>
  <si>
    <t>GMPS KALU CHEEMA</t>
  </si>
  <si>
    <t>Kalu cheema</t>
  </si>
  <si>
    <t>kalu cheema</t>
  </si>
  <si>
    <t>Kalu Cheema</t>
  </si>
  <si>
    <t>GMPS KALU KALAN</t>
  </si>
  <si>
    <t>Kalukalan</t>
  </si>
  <si>
    <t>kalukalan</t>
  </si>
  <si>
    <t>Sohawa Dhillwa</t>
  </si>
  <si>
    <t>GMPS KALU WALA</t>
  </si>
  <si>
    <t>GMPS kalloo wala moza kalloo wala,lodhran</t>
  </si>
  <si>
    <t>KALLOO WALA</t>
  </si>
  <si>
    <t>Malik Zakia Bibi</t>
  </si>
  <si>
    <t>GMPS KAMAALA</t>
  </si>
  <si>
    <t>of kamala tehsil sahiwal p/o ahmed pur district sargodha</t>
  </si>
  <si>
    <t>Sajida Parven</t>
  </si>
  <si>
    <t>GMPS KAMAL PUR BAJWA</t>
  </si>
  <si>
    <t>Kamalpur Bajwa</t>
  </si>
  <si>
    <t>kamalpur bajwa P/O  chawinda tehsil pasrur distt Sialkot</t>
  </si>
  <si>
    <t>Saima Shamim</t>
  </si>
  <si>
    <t>GMPS KAMAL PURA</t>
  </si>
  <si>
    <t>Kamal Pura</t>
  </si>
  <si>
    <t>Amina Jamil</t>
  </si>
  <si>
    <t>GMPS KAMONKE KALAN</t>
  </si>
  <si>
    <t>Kamonkay Kalan</t>
  </si>
  <si>
    <t>vil &amp; p.o kamonkay kalan tehsil phalia distric m.b.din</t>
  </si>
  <si>
    <t>GMPS KAMRA</t>
  </si>
  <si>
    <t>Post Office 18 Hazari, Moza Kamra, Tehsil 18 Hazari and Hazari.</t>
  </si>
  <si>
    <t>wasu astana</t>
  </si>
  <si>
    <t>Abid Hussain Khan</t>
  </si>
  <si>
    <t>GMPS KAN GARH</t>
  </si>
  <si>
    <t>Kangarh</t>
  </si>
  <si>
    <t>vill kangarh po kangarh teh kahuta distt rwp</t>
  </si>
  <si>
    <t>Nusrat Aslam</t>
  </si>
  <si>
    <t>GMPS KAN MOHLA</t>
  </si>
  <si>
    <t>Kan Mohla</t>
  </si>
  <si>
    <t>village kan mohla post office jalal pur jattan district gujrat</t>
  </si>
  <si>
    <t>Thutta Musa</t>
  </si>
  <si>
    <t>GMPS KANALAN WALA</t>
  </si>
  <si>
    <t>village kanyalan wala p o jhamtanwala</t>
  </si>
  <si>
    <t>Kanyalan Wala</t>
  </si>
  <si>
    <t>Sara</t>
  </si>
  <si>
    <t>GMPS KANDI PERHAR</t>
  </si>
  <si>
    <t>Kandi Perhar</t>
  </si>
  <si>
    <t>BASTI  JAM MANZOOR AHMED</t>
  </si>
  <si>
    <t>BASTI JAM MANZOOR AHMED</t>
  </si>
  <si>
    <t>KHURAMPUR</t>
  </si>
  <si>
    <t>GMPS KANGRA</t>
  </si>
  <si>
    <t>Kangra</t>
  </si>
  <si>
    <t>gmps kangra</t>
  </si>
  <si>
    <t>GMPS KANHOON</t>
  </si>
  <si>
    <t>Moza kanhoon shumali teh. Jalalpur pirwala</t>
  </si>
  <si>
    <t>ILyas Wala</t>
  </si>
  <si>
    <t>Qurat Ul Ain Akhter</t>
  </si>
  <si>
    <t>GMPS KANI WALA</t>
  </si>
  <si>
    <t>Kani Wala</t>
  </si>
  <si>
    <t>village Kani Wala tehsil and district kasur</t>
  </si>
  <si>
    <t>Saria Rahman</t>
  </si>
  <si>
    <t>GMPS KANJUWAN</t>
  </si>
  <si>
    <t>Kanjuwan</t>
  </si>
  <si>
    <t>Government Model Primary School Kanjuan</t>
  </si>
  <si>
    <t>GMPS KANWAN WALI</t>
  </si>
  <si>
    <t>gmps kawanwali tehsil and district Nankana dahib</t>
  </si>
  <si>
    <t>Kawanwali</t>
  </si>
  <si>
    <t>Khairy Kalan</t>
  </si>
  <si>
    <t>Rashida Kausar</t>
  </si>
  <si>
    <t>GMPS KARAM PUR GADHOKA</t>
  </si>
  <si>
    <t>Gadhoka Utard</t>
  </si>
  <si>
    <t>karampur gadhoka</t>
  </si>
  <si>
    <t>Karampur Gadhoka</t>
  </si>
  <si>
    <t>Tabinda Nasreen</t>
  </si>
  <si>
    <t>GMPS KARAMABAD</t>
  </si>
  <si>
    <t>Karmabad</t>
  </si>
  <si>
    <t>Slalkot Road, Karmabad, wazirabad</t>
  </si>
  <si>
    <t>winjowali</t>
  </si>
  <si>
    <t>Memoona Qayyum</t>
  </si>
  <si>
    <t>GMPS KARAN WALI</t>
  </si>
  <si>
    <t>Karnwali</t>
  </si>
  <si>
    <t>karanwali</t>
  </si>
  <si>
    <t>Karanwli</t>
  </si>
  <si>
    <t>GMPS KARANDI</t>
  </si>
  <si>
    <t>Karandi</t>
  </si>
  <si>
    <t>po. trag. teh.  isakhel.    mianwali</t>
  </si>
  <si>
    <t>GMPS KARARRI NOON</t>
  </si>
  <si>
    <t>karari noon teh darya khan bhakkar</t>
  </si>
  <si>
    <t>Karari Noon</t>
  </si>
  <si>
    <t>Asiya Altaf</t>
  </si>
  <si>
    <t>GMPS KARIM BUX GHALEJA</t>
  </si>
  <si>
    <t>Bakhrani</t>
  </si>
  <si>
    <t>Basti Mughal Abad,  bakhrani, uc chandia</t>
  </si>
  <si>
    <t>GMPS KARIM KATHIA</t>
  </si>
  <si>
    <t>Karam Kathia</t>
  </si>
  <si>
    <t>mouza karam kathia</t>
  </si>
  <si>
    <t>humaira bashir</t>
  </si>
  <si>
    <t>GMPS KARLI</t>
  </si>
  <si>
    <t>villge karli u/c narar p.o narar teh.kahuta</t>
  </si>
  <si>
    <t>Karli</t>
  </si>
  <si>
    <t>GMPS KARMON WALI JALALPUR PIRWALA</t>
  </si>
  <si>
    <t>Karmon wali</t>
  </si>
  <si>
    <t>karmon wali p /o Khan bela tehsil jalal pur pir wala district multan</t>
  </si>
  <si>
    <t>Halima Mai</t>
  </si>
  <si>
    <t>GMPS KAROOL</t>
  </si>
  <si>
    <t>Karol</t>
  </si>
  <si>
    <t>karol</t>
  </si>
  <si>
    <t>Gulam zahirah</t>
  </si>
  <si>
    <t>GMPS KARTAR PUR</t>
  </si>
  <si>
    <t>kartar Pur</t>
  </si>
  <si>
    <t>GMPS  kartar pur</t>
  </si>
  <si>
    <t>GMPS KARYAL BAGHAN WALA</t>
  </si>
  <si>
    <t>Karyal Beganwala</t>
  </si>
  <si>
    <t>Karyal Baganwala</t>
  </si>
  <si>
    <t>Karyal Bahanwala</t>
  </si>
  <si>
    <t>GMPS KASAB</t>
  </si>
  <si>
    <t>Kasab</t>
  </si>
  <si>
    <t>village kasab post office chak Kamala tehsil and district Gujrat</t>
  </si>
  <si>
    <t>ANAM MUMTAZ</t>
  </si>
  <si>
    <t>GMPS KASEERAY</t>
  </si>
  <si>
    <t>Kaseeray</t>
  </si>
  <si>
    <t>kaseeray,sialkot</t>
  </si>
  <si>
    <t>GMPS KASHMIR COLONY JALLAN</t>
  </si>
  <si>
    <t>jallan</t>
  </si>
  <si>
    <t>Govt Model Primary school Kashmir colony post office Jallan. Gujranwala</t>
  </si>
  <si>
    <t>Kashmir colony</t>
  </si>
  <si>
    <t>Nazima Perveen</t>
  </si>
  <si>
    <t>GMPS KASHMIRI COLONY</t>
  </si>
  <si>
    <t>kashmir colony post office chund bharwana</t>
  </si>
  <si>
    <t>RUBINA KUKAB</t>
  </si>
  <si>
    <t>GMPS KASSOKI</t>
  </si>
  <si>
    <t>Kassoke</t>
  </si>
  <si>
    <t>Govt model p/s kadssoke village kassoke tehsil kamoke dist Gujranwala</t>
  </si>
  <si>
    <t>Nannd Pure</t>
  </si>
  <si>
    <t>GMPS KATHAN WALA SHUMALI</t>
  </si>
  <si>
    <t>Kathanwala shumali</t>
  </si>
  <si>
    <t>gmps kathanwala shumali</t>
  </si>
  <si>
    <t>Kathanwala Shumali</t>
  </si>
  <si>
    <t>BAIT BOGHA</t>
  </si>
  <si>
    <t>Khalida Nawaz</t>
  </si>
  <si>
    <t>GMPS KATHWAI</t>
  </si>
  <si>
    <t>Jorabad North</t>
  </si>
  <si>
    <t>vpo her do sodhi</t>
  </si>
  <si>
    <t>Kathwai</t>
  </si>
  <si>
    <t>Khund</t>
  </si>
  <si>
    <t>GMPS KATHYALI BANGLA</t>
  </si>
  <si>
    <t>Kathiyali Bangla</t>
  </si>
  <si>
    <t>Amina Masood Khan</t>
  </si>
  <si>
    <t>GMPS KATTAL KHEL</t>
  </si>
  <si>
    <t>qattal khel p.o makerwal</t>
  </si>
  <si>
    <t>Qattal Khel</t>
  </si>
  <si>
    <t>Basmeena Bibi</t>
  </si>
  <si>
    <t>GMPS KATTARIAN</t>
  </si>
  <si>
    <t>Kattarian</t>
  </si>
  <si>
    <t>village kattarian post office bahtar tehsil Hassan abdal district attock</t>
  </si>
  <si>
    <t>GMPS KATWAR</t>
  </si>
  <si>
    <t>Katwar</t>
  </si>
  <si>
    <t>vill katwar po bhaddar teh kharian</t>
  </si>
  <si>
    <t>Tamseela Tabassum</t>
  </si>
  <si>
    <t>GMPS KAURAY WALA</t>
  </si>
  <si>
    <t>gmps koray wala tehsil &amp; distt jhang</t>
  </si>
  <si>
    <t>Asia Farid</t>
  </si>
  <si>
    <t>GMPS KAYAN PUR, CHAH DOGAR WALA</t>
  </si>
  <si>
    <t>Askarya Road Kaiyan pur Multan</t>
  </si>
  <si>
    <t>razia suba</t>
  </si>
  <si>
    <t>GMPS KHABBA BARALA</t>
  </si>
  <si>
    <t>Khabba Barala</t>
  </si>
  <si>
    <t>Village Khabba Barala, PO Chak Beli Khan, Tehsil &amp; District Rawalpindi</t>
  </si>
  <si>
    <t>Adeela Zainab</t>
  </si>
  <si>
    <t>GMPS KHACHI QADEEM</t>
  </si>
  <si>
    <t>Bastti khichi Moza Goth hayat uc kotla nawab tehsil liaquat pur district Ryk</t>
  </si>
  <si>
    <t>Bastti Khachi</t>
  </si>
  <si>
    <t>Syed Liaquat Ali Shah</t>
  </si>
  <si>
    <t>GMPS KHAIP WALI</t>
  </si>
  <si>
    <t>khaip wali</t>
  </si>
  <si>
    <t>KHAIP WALI NANKANA SAHIB</t>
  </si>
  <si>
    <t>DHERAY DA WARA</t>
  </si>
  <si>
    <t>Mussrat Nazir</t>
  </si>
  <si>
    <t>GMPS KHAIR</t>
  </si>
  <si>
    <t>village khair  p/o nagial tehsil pind dadan khan district jhelum</t>
  </si>
  <si>
    <t>Khair</t>
  </si>
  <si>
    <t>Uzma Kausar</t>
  </si>
  <si>
    <t>GMPS KHAIR KATOO SONTRA</t>
  </si>
  <si>
    <t>GMPS Khair Katoo Sontra</t>
  </si>
  <si>
    <t>Khair Katoo</t>
  </si>
  <si>
    <t>GMPS KHAIR MUHAMMAD WALA</t>
  </si>
  <si>
    <t>GMPS khair Muhammad wala</t>
  </si>
  <si>
    <t>Peer Jevan</t>
  </si>
  <si>
    <t>Zubeda Khanam</t>
  </si>
  <si>
    <t>GMPS KHAIR PUR NOON</t>
  </si>
  <si>
    <t>Khair Pur Noon</t>
  </si>
  <si>
    <t>KHAIR PUR Noon</t>
  </si>
  <si>
    <t>Shabnam Yasmin Khanam</t>
  </si>
  <si>
    <t>GMPS KHAIR PUR SHUJABAD</t>
  </si>
  <si>
    <t>khair pur near basti marha</t>
  </si>
  <si>
    <t>GMPS KHAIRA ABAD</t>
  </si>
  <si>
    <t>HiD</t>
  </si>
  <si>
    <t>basti khairabad moza hid tahsil bhowana</t>
  </si>
  <si>
    <t>Riffat Zulfiqar</t>
  </si>
  <si>
    <t>GMPS KHAKI POONTA</t>
  </si>
  <si>
    <t>Khakhi Ponta</t>
  </si>
  <si>
    <t>Basti and mouza khakhi paunta ghazi pur tehsil jalalpurpirwala multan</t>
  </si>
  <si>
    <t>Rukhsana Ishaq</t>
  </si>
  <si>
    <t>hand and water pump</t>
  </si>
  <si>
    <t>GMPS KHALABAT</t>
  </si>
  <si>
    <t>village Khalabut p/o Ban Teh Murree Dist RWP</t>
  </si>
  <si>
    <t>Khalabut</t>
  </si>
  <si>
    <t>Mussarat  Sajida</t>
  </si>
  <si>
    <t>GMPS KHALIK PUR</t>
  </si>
  <si>
    <t>khakiqpur</t>
  </si>
  <si>
    <t>Khaliqpur</t>
  </si>
  <si>
    <t>Gurnwls</t>
  </si>
  <si>
    <t>GMPS KHALIL ABAD</t>
  </si>
  <si>
    <t>Basti Khalilabad, Jalal Pur Pir Wala</t>
  </si>
  <si>
    <t>Khalilabad</t>
  </si>
  <si>
    <t>GMPS KHALIQ ABAD</t>
  </si>
  <si>
    <t>gmps khaliq abad po wanbachran</t>
  </si>
  <si>
    <t>Muzaffar Pur North</t>
  </si>
  <si>
    <t>GMPS KHALIQA RAZIQIA</t>
  </si>
  <si>
    <t>Dunga Bashnoian</t>
  </si>
  <si>
    <t>Madrassa Khalqia Razaqia Dunga Bunga</t>
  </si>
  <si>
    <t>GMPS KHALIS KHURD</t>
  </si>
  <si>
    <t>govt model primary School khalis khurd</t>
  </si>
  <si>
    <t>Akbar Madi Nehal</t>
  </si>
  <si>
    <t>GMPS KHAMB KALAN</t>
  </si>
  <si>
    <t>khamb kalan Thi phalia dis m. .b din</t>
  </si>
  <si>
    <t>GMPS KHAN BAHADAR</t>
  </si>
  <si>
    <t>Khan Bhadur</t>
  </si>
  <si>
    <t>khan bhadur disst okara</t>
  </si>
  <si>
    <t>GMPS KHAN PUR</t>
  </si>
  <si>
    <t>village Khanpur po thathi tehsil gujarkhan distt rwp</t>
  </si>
  <si>
    <t>Robina Begum</t>
  </si>
  <si>
    <t>GMPS KHAN PUR GUJRAN</t>
  </si>
  <si>
    <t>khanpur gujran</t>
  </si>
  <si>
    <t>Khnapur Gujran</t>
  </si>
  <si>
    <t>Hina Saghir</t>
  </si>
  <si>
    <t>GMPS KHAN PUR KHAMB</t>
  </si>
  <si>
    <t>moza khanpur post office khambi tehsil sarai alamgir distt gujrat</t>
  </si>
  <si>
    <t>Khanpur Khamb</t>
  </si>
  <si>
    <t>Trannam Razzaq</t>
  </si>
  <si>
    <t>GMPS KHAN PUR KHOKHAR</t>
  </si>
  <si>
    <t>Khan Pur Khokhar</t>
  </si>
  <si>
    <t>khan pur khokhar</t>
  </si>
  <si>
    <t>Misbah Begham</t>
  </si>
  <si>
    <t>GMPS KHANAHDAH</t>
  </si>
  <si>
    <t>Khanadah</t>
  </si>
  <si>
    <t>vill khanadah p.o doberan kallan tehsil kallar syedan distt rawalpindi</t>
  </si>
  <si>
    <t>Doberan Kallan</t>
  </si>
  <si>
    <t>Saddiqa  Bibi</t>
  </si>
  <si>
    <t>GMPS KHANANA</t>
  </si>
  <si>
    <t>Khanana</t>
  </si>
  <si>
    <t>P.O Box khanana Teh Dist M.B.Din</t>
  </si>
  <si>
    <t>GMPS KHANDOT</t>
  </si>
  <si>
    <t>Nalla Musalmana</t>
  </si>
  <si>
    <t>VPO khandot tehsil kallar syedain district Rawalpindi</t>
  </si>
  <si>
    <t>Khandot</t>
  </si>
  <si>
    <t>Saffora Kausar</t>
  </si>
  <si>
    <t>GMPS KHARAJ PURA</t>
  </si>
  <si>
    <t>Kharaj Pura</t>
  </si>
  <si>
    <t>GMP/S kharaj pura</t>
  </si>
  <si>
    <t>Denan Wala</t>
  </si>
  <si>
    <t>Maria Ikram</t>
  </si>
  <si>
    <t>GMPS KHARAK BHATTIAN</t>
  </si>
  <si>
    <t>kharak Bhattian</t>
  </si>
  <si>
    <t>GMPS  kharak Bhattian, vanike Tarar, Hafizabad</t>
  </si>
  <si>
    <t>Alloudin ke Kalan</t>
  </si>
  <si>
    <t>GMPS KHARAL NASHEB</t>
  </si>
  <si>
    <t>govt.model primary school,kharal nashiab</t>
  </si>
  <si>
    <t>Kharal Nashiab</t>
  </si>
  <si>
    <t>GMPS KHARAL SIPRA</t>
  </si>
  <si>
    <t>Kharal Sipra</t>
  </si>
  <si>
    <t>gmps kharal sipra</t>
  </si>
  <si>
    <t>Kharal sipra</t>
  </si>
  <si>
    <t>GMPS KHARALA</t>
  </si>
  <si>
    <t>GMPS Kharala Jhelum</t>
  </si>
  <si>
    <t>Tayyibah Noreen</t>
  </si>
  <si>
    <t>GMPS KHARANA PIRGHAZI</t>
  </si>
  <si>
    <t>Kharana Pir Ghazi</t>
  </si>
  <si>
    <t>vill kharana pir ghazi</t>
  </si>
  <si>
    <t>GMPS KHARANAY CHAK</t>
  </si>
  <si>
    <t>Chak Kharanay</t>
  </si>
  <si>
    <t>chak kharanay ,p.o box punoowal district/tehsil sialkot</t>
  </si>
  <si>
    <t>Nasreen Sardar</t>
  </si>
  <si>
    <t>GMPS KHARIAN KHURD</t>
  </si>
  <si>
    <t>Kharin Khurd</t>
  </si>
  <si>
    <t>gmps kharian khurd</t>
  </si>
  <si>
    <t>Kharian Khurd</t>
  </si>
  <si>
    <t>Hazara Mughla</t>
  </si>
  <si>
    <t>GMPS KHARLANWALA NORTH</t>
  </si>
  <si>
    <t>Kharlanwala</t>
  </si>
  <si>
    <t>kharlanwala M B. din</t>
  </si>
  <si>
    <t>Pindi Bahauddin</t>
  </si>
  <si>
    <t>GMPS KHARORA</t>
  </si>
  <si>
    <t>po qaim bharwana teh. shorkot distt. jhang</t>
  </si>
  <si>
    <t>Kharora</t>
  </si>
  <si>
    <t>Qaim Bharwaba</t>
  </si>
  <si>
    <t>Sosan Zahra</t>
  </si>
  <si>
    <t>GMPS KHATANA</t>
  </si>
  <si>
    <t>Pindikoot</t>
  </si>
  <si>
    <t>GMPS Kathana</t>
  </si>
  <si>
    <t>Kathana</t>
  </si>
  <si>
    <t>GMPS KHAWAJA BUKHSH BODLA</t>
  </si>
  <si>
    <t>Khwaja Bux Bodla</t>
  </si>
  <si>
    <t>g m p s. kwaja bux bodla</t>
  </si>
  <si>
    <t>GMPS KHAWAJA SALAH</t>
  </si>
  <si>
    <t>khawaja salah</t>
  </si>
  <si>
    <t>village khawaja salah tehsil bhera district sargodha</t>
  </si>
  <si>
    <t>Rakh charagah</t>
  </si>
  <si>
    <t>farhat noreen</t>
  </si>
  <si>
    <t>GMPS KHAWASRA</t>
  </si>
  <si>
    <t>Khawasra</t>
  </si>
  <si>
    <t>p/o muraliwala v khawasra</t>
  </si>
  <si>
    <t>Chiyan Wali</t>
  </si>
  <si>
    <t>Nazia Faqeer Muhammad</t>
  </si>
  <si>
    <t>GMPS KHAZAN SINGH</t>
  </si>
  <si>
    <t>Khazan Singh</t>
  </si>
  <si>
    <t>mozakhazan singh tehsil &amp; district bahawalnagar</t>
  </si>
  <si>
    <t>Khazansingh</t>
  </si>
  <si>
    <t>Siddra Riaz</t>
  </si>
  <si>
    <t>GMPS KHDVOO WALA, JAHANIAN</t>
  </si>
  <si>
    <t>138 /10r</t>
  </si>
  <si>
    <t>khuduwala</t>
  </si>
  <si>
    <t>Khuduwala</t>
  </si>
  <si>
    <t>136-10r</t>
  </si>
  <si>
    <t>Rushda Rani</t>
  </si>
  <si>
    <t>GMPS KHERA MUSA (PALAM PURA)</t>
  </si>
  <si>
    <t>Nankchand</t>
  </si>
  <si>
    <t>GMPS Khera Musa</t>
  </si>
  <si>
    <t>Khera Musa</t>
  </si>
  <si>
    <t>Ganga Sing</t>
  </si>
  <si>
    <t>Sumera Younas</t>
  </si>
  <si>
    <t>GMPS KHERA QADEEM CHAH SYED WALA</t>
  </si>
  <si>
    <t>Khaira Abad</t>
  </si>
  <si>
    <t>chah syed wala mouza khera abad</t>
  </si>
  <si>
    <t>Chah Syed Wala</t>
  </si>
  <si>
    <t>Qadir Pur Ran Gharbi</t>
  </si>
  <si>
    <t>GMPS KHEVA DUGAL</t>
  </si>
  <si>
    <t>kheva dugal</t>
  </si>
  <si>
    <t>Kheva Dugal</t>
  </si>
  <si>
    <t>Ayesha Riasat</t>
  </si>
  <si>
    <t>GMPS KHEWAY WALI</t>
  </si>
  <si>
    <t>Khewaywali</t>
  </si>
  <si>
    <t>vpo khas khewaywali tehsil wazirabad district gujranwala</t>
  </si>
  <si>
    <t>Zahira Bukhari</t>
  </si>
  <si>
    <t>GMPS KHILO WALA</t>
  </si>
  <si>
    <t>Khilo Wala</t>
  </si>
  <si>
    <t>khilo wala</t>
  </si>
  <si>
    <t>Khilo wala</t>
  </si>
  <si>
    <t>ASIFA SIDDIQUE</t>
  </si>
  <si>
    <t>GMPS KHIZAR</t>
  </si>
  <si>
    <t>Khizar</t>
  </si>
  <si>
    <t>village khizar tehsil malakwal mandi bhauddin</t>
  </si>
  <si>
    <t>GMPS KHOHAR KHURD</t>
  </si>
  <si>
    <t>Khohar Khurd</t>
  </si>
  <si>
    <t>Post office khohar khurd p/okhohar</t>
  </si>
  <si>
    <t>GMPS KHOJIAN WALA</t>
  </si>
  <si>
    <t>Khojianwala</t>
  </si>
  <si>
    <t>khojianwala p\ orasoolnager ,teh,wazirabae,distt, Gujranwala</t>
  </si>
  <si>
    <t>Kailianwala</t>
  </si>
  <si>
    <t>Syeda Itrat Batool</t>
  </si>
  <si>
    <t>GMPS KHOKHAR BHUDDO</t>
  </si>
  <si>
    <t>Khokhar Bhuddu</t>
  </si>
  <si>
    <t>khokhar bhoudo</t>
  </si>
  <si>
    <t>Khokhar Bhoudo</t>
  </si>
  <si>
    <t>Marri Thakran</t>
  </si>
  <si>
    <t>Khalida Meraj</t>
  </si>
  <si>
    <t>GMPS KHOKHRAN</t>
  </si>
  <si>
    <t>mouza khokhar p/o kot shakir</t>
  </si>
  <si>
    <t>SADIA SARWAR</t>
  </si>
  <si>
    <t>GMPS KHOKHRAN WALA</t>
  </si>
  <si>
    <t>GMPS Khokhran Wala, MOZA RORANWALI jhang</t>
  </si>
  <si>
    <t>Khokhran Wala</t>
  </si>
  <si>
    <t>GMPS KHOLA UTAM SINGH</t>
  </si>
  <si>
    <t>Khola Utm Singh</t>
  </si>
  <si>
    <t>GmPS khola utm singh</t>
  </si>
  <si>
    <t>GMPS KHORKA KHINGER</t>
  </si>
  <si>
    <t>Khoraka Khinger</t>
  </si>
  <si>
    <t>Khoraka Khinger P.O. and Tehsil Sohawa District Jhelum</t>
  </si>
  <si>
    <t>mc Sohawa</t>
  </si>
  <si>
    <t>Mehwish Mansoor</t>
  </si>
  <si>
    <t>GMPS KHOT KHURD</t>
  </si>
  <si>
    <t>Khot Khurd</t>
  </si>
  <si>
    <t>khot Khurd</t>
  </si>
  <si>
    <t>Ansa Aslam</t>
  </si>
  <si>
    <t>GMPS KHUDA YAR KHEL</t>
  </si>
  <si>
    <t>Gmps khuda yar post office trag tehsil esa khel disstt mianwali</t>
  </si>
  <si>
    <t>GMPS KHUMB KOHNA</t>
  </si>
  <si>
    <t>Khunb Kohna</t>
  </si>
  <si>
    <t>GMPS khumb kohna</t>
  </si>
  <si>
    <t>Khumb Kohna</t>
  </si>
  <si>
    <t>GMPS KHUMB NAU</t>
  </si>
  <si>
    <t>KhumbNau</t>
  </si>
  <si>
    <t>khumb nau</t>
  </si>
  <si>
    <t>Parveen Bivi</t>
  </si>
  <si>
    <t>GMPS KHUNDI DHERI</t>
  </si>
  <si>
    <t>Khundi Dheri</t>
  </si>
  <si>
    <t>village khundi dheri p.o jangla</t>
  </si>
  <si>
    <t>Gharebwal</t>
  </si>
  <si>
    <t>GMPS KHURRAMPUR</t>
  </si>
  <si>
    <t>basti khuram pur,moza khuram pur,p/o uch sharif,teh.ape,dist.bwp</t>
  </si>
  <si>
    <t>GMPS KHURRAY</t>
  </si>
  <si>
    <t>Khurray</t>
  </si>
  <si>
    <t>khurray p.o Kullawal tehsil sambrial dist Sialkot</t>
  </si>
  <si>
    <t>Abida Shahzadi</t>
  </si>
  <si>
    <t>GMPS KHURSHID ABAD</t>
  </si>
  <si>
    <t>nawan shehr, tehsil shorkot, jhang</t>
  </si>
  <si>
    <t>Khurshid Abad</t>
  </si>
  <si>
    <t>GMPS KHUSAR</t>
  </si>
  <si>
    <t>Khusar</t>
  </si>
  <si>
    <t>khusar</t>
  </si>
  <si>
    <t>GMPS KHUSHAL GARH MOZA DEEPAY WALA</t>
  </si>
  <si>
    <t>khushal garh moza deepay wala</t>
  </si>
  <si>
    <t>Khushal Garh Deepay Wala</t>
  </si>
  <si>
    <t>GMPS KHUSRAY</t>
  </si>
  <si>
    <t>Khasray</t>
  </si>
  <si>
    <t>village and post office khasray wazirabad</t>
  </si>
  <si>
    <t>Bharoke</t>
  </si>
  <si>
    <t>GMPS KHUTIANA</t>
  </si>
  <si>
    <t>Khutiana</t>
  </si>
  <si>
    <t>moza khutiana</t>
  </si>
  <si>
    <t>Hawaili Shaikh Raju</t>
  </si>
  <si>
    <t>rubina umar</t>
  </si>
  <si>
    <t>GMPS KIKRI WALA</t>
  </si>
  <si>
    <t>kikriwala</t>
  </si>
  <si>
    <t>Kikriwala</t>
  </si>
  <si>
    <t>Bibipur</t>
  </si>
  <si>
    <t>Zafer Iqbal</t>
  </si>
  <si>
    <t>GMPS KINIKI PINDI</t>
  </si>
  <si>
    <t>kiniki pindi p/o ahmad pur teh. Sahiwal distt. sargodha</t>
  </si>
  <si>
    <t>Kiniki Pindi</t>
  </si>
  <si>
    <t>Ihsan Ahmad</t>
  </si>
  <si>
    <t>GMPS KIRAN</t>
  </si>
  <si>
    <t>post office lau moz kiran</t>
  </si>
  <si>
    <t>safia sultana</t>
  </si>
  <si>
    <t>GMPS KIRAN WALI</t>
  </si>
  <si>
    <t>KIRANWALI</t>
  </si>
  <si>
    <t>RABIA AZIZ</t>
  </si>
  <si>
    <t>GMPS KIRANWALA KHAS</t>
  </si>
  <si>
    <t>Government modal primary school keeranwala khas</t>
  </si>
  <si>
    <t>Keeranwala Khas</t>
  </si>
  <si>
    <t>Nazia bashir</t>
  </si>
  <si>
    <t>GMPS KIRANWALA SHUMALI</t>
  </si>
  <si>
    <t>keeranwala SHUMALI  post office machiwal dist. GUJRAT</t>
  </si>
  <si>
    <t>Keeranwala SHUMALI</t>
  </si>
  <si>
    <t>Syeda Mofeeza Bokhari</t>
  </si>
  <si>
    <t>GMPS KIRLIAN WALA</t>
  </si>
  <si>
    <t>Kirlianwala</t>
  </si>
  <si>
    <t>gmps kirlianwala</t>
  </si>
  <si>
    <t>GMPS KIRPARAM</t>
  </si>
  <si>
    <t>Kirpa Ram</t>
  </si>
  <si>
    <t>GMPS Kirpa Ram</t>
  </si>
  <si>
    <t>GMPS KIRTOWAL</t>
  </si>
  <si>
    <t>Kirtowal</t>
  </si>
  <si>
    <t>kirtowal</t>
  </si>
  <si>
    <t>Mariam Aisha</t>
  </si>
  <si>
    <t>GMPS KISHEN GARH</t>
  </si>
  <si>
    <t>P.O Begowala, village Kishan Garh Tehsil Sambrial Distt Sialkot</t>
  </si>
  <si>
    <t>Nabeela Zulfiqar</t>
  </si>
  <si>
    <t>GMPS KOCHRA</t>
  </si>
  <si>
    <t>Kochra</t>
  </si>
  <si>
    <t>vpo kochra</t>
  </si>
  <si>
    <t>Khatoon   Bibi</t>
  </si>
  <si>
    <t>GMPS KOHALI</t>
  </si>
  <si>
    <t>vpo kohali shwaha jhelum</t>
  </si>
  <si>
    <t>Asma Amees</t>
  </si>
  <si>
    <t>GMPS KOHATTI</t>
  </si>
  <si>
    <t>Kohatti</t>
  </si>
  <si>
    <t>kohatti</t>
  </si>
  <si>
    <t>Aroosa Shazadi</t>
  </si>
  <si>
    <t>GMPS KOLIAN</t>
  </si>
  <si>
    <t>Colian</t>
  </si>
  <si>
    <t>gmps colian</t>
  </si>
  <si>
    <t>Nadia Arshad</t>
  </si>
  <si>
    <t>GMPS KOLOWAL</t>
  </si>
  <si>
    <t>GMPS kolowal</t>
  </si>
  <si>
    <t>Sameea Kuser</t>
  </si>
  <si>
    <t>GMPS KOOKAN WALA</t>
  </si>
  <si>
    <t>Kokaan Wala</t>
  </si>
  <si>
    <t>kokaan wala</t>
  </si>
  <si>
    <t>Ramky Chattha</t>
  </si>
  <si>
    <t>Sabiqa Sajjad</t>
  </si>
  <si>
    <t>GMPS KORALA</t>
  </si>
  <si>
    <t>g/ mps korala</t>
  </si>
  <si>
    <t>M C Chiniot</t>
  </si>
  <si>
    <t>GMPS KORAY KARAM SHAH</t>
  </si>
  <si>
    <t>Koury Karam Shh</t>
  </si>
  <si>
    <t>gmps koury karam shah the phalia distt mb din</t>
  </si>
  <si>
    <t>Koury Karam Shah</t>
  </si>
  <si>
    <t>Chakshabaz</t>
  </si>
  <si>
    <t>GMPS KOROTANA</t>
  </si>
  <si>
    <t>Korotana</t>
  </si>
  <si>
    <t>GMPS korotana, P.O.Box, Kohlowala.</t>
  </si>
  <si>
    <t>Kholowala</t>
  </si>
  <si>
    <t>GMPS KOT</t>
  </si>
  <si>
    <t>Koot</t>
  </si>
  <si>
    <t>village Koot Tehsil kahuta District Rawalpindi</t>
  </si>
  <si>
    <t>Lubna Qaddus</t>
  </si>
  <si>
    <t>GMPS KOT ABDULLAH</t>
  </si>
  <si>
    <t>kot abdullah sadha hathar chunian kasur</t>
  </si>
  <si>
    <t>Faiza Kiran</t>
  </si>
  <si>
    <t>GMPS KOT AHMAD KHAN</t>
  </si>
  <si>
    <t>Kot Ahmed</t>
  </si>
  <si>
    <t>Village Kot Ahmed Nankana Sahib</t>
  </si>
  <si>
    <t>Kot ahmed</t>
  </si>
  <si>
    <t>dhary da wara</t>
  </si>
  <si>
    <t>GMPS KOT ALI</t>
  </si>
  <si>
    <t>Kot Ali</t>
  </si>
  <si>
    <t>kot Ali p.o Alipur chatha</t>
  </si>
  <si>
    <t>Kot  Ali</t>
  </si>
  <si>
    <t>Noyenwala</t>
  </si>
  <si>
    <t>Anum Shahzadi</t>
  </si>
  <si>
    <t>GMPS KOT ARJAN SINGH</t>
  </si>
  <si>
    <t>kot arjan singh</t>
  </si>
  <si>
    <t>Kot Arjun Singh</t>
  </si>
  <si>
    <t>Kausar Begum</t>
  </si>
  <si>
    <t>GMPS KOT ASAD ULLAH</t>
  </si>
  <si>
    <t>Kot Asadullah</t>
  </si>
  <si>
    <t>GMPS Kot  Asadullah</t>
  </si>
  <si>
    <t>Jalal Balagan</t>
  </si>
  <si>
    <t>Ayesha Rehman</t>
  </si>
  <si>
    <t>GMPS KOT BABAL</t>
  </si>
  <si>
    <t>Kot Babal</t>
  </si>
  <si>
    <t>kot babal</t>
  </si>
  <si>
    <t>Kot  Babal</t>
  </si>
  <si>
    <t>Manzoora Hamid</t>
  </si>
  <si>
    <t>GMPS KOT BAHADUR JANUBI</t>
  </si>
  <si>
    <t>Fareed Mehmood Kathiya</t>
  </si>
  <si>
    <t>Colony Qasim Abad Teh Shorkot Distt Jhang</t>
  </si>
  <si>
    <t>GMPS KOT BALA</t>
  </si>
  <si>
    <t>kot bala</t>
  </si>
  <si>
    <t>Mohammad Zafar Khan</t>
  </si>
  <si>
    <t>GMPS KOT BAQAR</t>
  </si>
  <si>
    <t>GMPS KOT BASIRA</t>
  </si>
  <si>
    <t>kotbasira</t>
  </si>
  <si>
    <t>vpo Kotbasira teh jhelum distt jhelum</t>
  </si>
  <si>
    <t>kot basira</t>
  </si>
  <si>
    <t>GMPS KOT BEHRAM</t>
  </si>
  <si>
    <t>basti dhandla umer kot tehsil rojhan distt.Rajanpur</t>
  </si>
  <si>
    <t>Tanveer zohira</t>
  </si>
  <si>
    <t>GMPS KOT BELLA</t>
  </si>
  <si>
    <t>village kot bella uc sabowal tehsil &amp; district gujrat</t>
  </si>
  <si>
    <t>Maria Noreen</t>
  </si>
  <si>
    <t>GMPS KOT BHARA, P/O 140/10-R, JAHANIAN</t>
  </si>
  <si>
    <t>Kotbhara</t>
  </si>
  <si>
    <t>kotbhara</t>
  </si>
  <si>
    <t>GMPS KOT BIALA</t>
  </si>
  <si>
    <t>KOT Baila</t>
  </si>
  <si>
    <t>KOT baila teh wazirabad district gujranwala</t>
  </si>
  <si>
    <t>GMPS KOT CHAND</t>
  </si>
  <si>
    <t>Kot  Chand</t>
  </si>
  <si>
    <t>kot chand</t>
  </si>
  <si>
    <t>Kot Chand</t>
  </si>
  <si>
    <t>Tehamina Prveen</t>
  </si>
  <si>
    <t>GMPS KOT CHOUHDA</t>
  </si>
  <si>
    <t>Kot Chouhda</t>
  </si>
  <si>
    <t>Kot Chouhda Sambrial</t>
  </si>
  <si>
    <t>Nazia Naz</t>
  </si>
  <si>
    <t>GMPS KOT DADU GHALLU</t>
  </si>
  <si>
    <t>Kot Dadu Ghallu</t>
  </si>
  <si>
    <t>GMES Kot Dadu Ghallu</t>
  </si>
  <si>
    <t>lubna masood</t>
  </si>
  <si>
    <t>GMPS KOT DHARA SINGH</t>
  </si>
  <si>
    <t>Kot  Dhara Singh</t>
  </si>
  <si>
    <t>Kot Dhara Singh</t>
  </si>
  <si>
    <t>Mubeen Shafqat</t>
  </si>
  <si>
    <t>GMPS KOT DHNANPAT (MADINA PUR)</t>
  </si>
  <si>
    <t>MADINA Pur</t>
  </si>
  <si>
    <t>MADINA PUR KAMOKE</t>
  </si>
  <si>
    <t>Kot Dhanpat MADINA Pur</t>
  </si>
  <si>
    <t>Ghuma</t>
  </si>
  <si>
    <t>ASMA SHAZADI</t>
  </si>
  <si>
    <t>GMPS KOT DOGRAN</t>
  </si>
  <si>
    <t>Kot dogran</t>
  </si>
  <si>
    <t>Roshan bheela</t>
  </si>
  <si>
    <t>NASREEN MUHAMMAD HUSAIN</t>
  </si>
  <si>
    <t>GMPS KOT FATEH KHAN</t>
  </si>
  <si>
    <t>KOT FATEH Khan</t>
  </si>
  <si>
    <t>KOT FATEH khan</t>
  </si>
  <si>
    <t>Kot FATEH KHAN</t>
  </si>
  <si>
    <t>Jallaha Mukhdoom</t>
  </si>
  <si>
    <t>Nighat-bibi</t>
  </si>
  <si>
    <t>GMPS KOT GHAR MUKH RAI</t>
  </si>
  <si>
    <t>Kot Gurmukh Rai</t>
  </si>
  <si>
    <t>GMPS kot gurmukh rai</t>
  </si>
  <si>
    <t>GMPS KOT GHAZI</t>
  </si>
  <si>
    <t>Govt Model Primary School kot ghazi</t>
  </si>
  <si>
    <t>Hina Dilshad</t>
  </si>
  <si>
    <t>GMPS KOT GHULAM</t>
  </si>
  <si>
    <t>Kot Ghulam</t>
  </si>
  <si>
    <t>kot ghulam</t>
  </si>
  <si>
    <t>GMPS KOT GHULAM RASOOL</t>
  </si>
  <si>
    <t>Choghta Arain</t>
  </si>
  <si>
    <t>Kat Ghulam Rasool, Tehsil &amp; distt. Bahawal Nagar</t>
  </si>
  <si>
    <t>Kat Ghulam Rasool</t>
  </si>
  <si>
    <t>Raana Zahoor</t>
  </si>
  <si>
    <t>brought from nearby</t>
  </si>
  <si>
    <t>GMPS KOT HAMEED ULLAH</t>
  </si>
  <si>
    <t>basti kote hammed ullah mouza kakis</t>
  </si>
  <si>
    <t>Kote Hameed Ullah</t>
  </si>
  <si>
    <t>Kote Khalifa</t>
  </si>
  <si>
    <t>GMPS KOT HAMID SHAH</t>
  </si>
  <si>
    <t>Kot Hamid Shah</t>
  </si>
  <si>
    <t>GMPS Kot Hamid Shah</t>
  </si>
  <si>
    <t>Talat Islam</t>
  </si>
  <si>
    <t>GMPS KOT HANIF</t>
  </si>
  <si>
    <t>dakkhana eminabad village kot hanif Gujranwala</t>
  </si>
  <si>
    <t>Kot Hanif</t>
  </si>
  <si>
    <t>Fatima Alamdar</t>
  </si>
  <si>
    <t>GMPS KOT HAQ NAWAZ</t>
  </si>
  <si>
    <t>Bahudipur</t>
  </si>
  <si>
    <t>kot haq nawaz</t>
  </si>
  <si>
    <t>Kot Haq Nawaz</t>
  </si>
  <si>
    <t>GMPS KOT HARY CHAND</t>
  </si>
  <si>
    <t>Kot Hari Chand</t>
  </si>
  <si>
    <t>kot hari chanc</t>
  </si>
  <si>
    <t>Radheer</t>
  </si>
  <si>
    <t>Tooba Kiran</t>
  </si>
  <si>
    <t>GMPS KOT HAST KHAN</t>
  </si>
  <si>
    <t>village kot khan Post office bhebra</t>
  </si>
  <si>
    <t>Amina Talat</t>
  </si>
  <si>
    <t>GMPS KOT ISAISH</t>
  </si>
  <si>
    <t>Kot Isaish</t>
  </si>
  <si>
    <t>Sifat Zohra</t>
  </si>
  <si>
    <t>GMPS KOT ISMAIL</t>
  </si>
  <si>
    <t>Kot Ismail</t>
  </si>
  <si>
    <t>kot Ismail chiniot</t>
  </si>
  <si>
    <t>Anam Orangzaib</t>
  </si>
  <si>
    <t>GMPS KOT JAGAT SINGH</t>
  </si>
  <si>
    <t>Kot Jaggat Singh</t>
  </si>
  <si>
    <t>kot jaggat singh</t>
  </si>
  <si>
    <t>GMPS KOT JAHANGIR</t>
  </si>
  <si>
    <t>Kot Jahangir</t>
  </si>
  <si>
    <t>kot jahangir</t>
  </si>
  <si>
    <t>GMPS KOT JAN MUHAMMAD</t>
  </si>
  <si>
    <t>Kot Jan Muhammad  Muhammad</t>
  </si>
  <si>
    <t>kot Jan Muhammad pobox vanike tarar district hafizabad</t>
  </si>
  <si>
    <t>Alloudin k Kalan</t>
  </si>
  <si>
    <t>Hafiza Kashifa Riaz</t>
  </si>
  <si>
    <t>GMPS KOT JEEWA</t>
  </si>
  <si>
    <t>Kot Jeewa</t>
  </si>
  <si>
    <t>dakhana botala jhanda sing kot jeewa</t>
  </si>
  <si>
    <t>Madiha Liaqat</t>
  </si>
  <si>
    <t>GMPS KOT JHARANA</t>
  </si>
  <si>
    <t>Kot Jharana</t>
  </si>
  <si>
    <t>Kot Jharana, P/O Ahla, MB Din</t>
  </si>
  <si>
    <t>Raja Hamid Nazir</t>
  </si>
  <si>
    <t>GMPS KOT KACHA</t>
  </si>
  <si>
    <t>Kot Kacha</t>
  </si>
  <si>
    <t>Village Kot Kacha, PO &amp; Tehsil P.D Khan, Distt Jhelum</t>
  </si>
  <si>
    <t>Samavia Arshad</t>
  </si>
  <si>
    <t>Village's Handpump</t>
  </si>
  <si>
    <t>GMPS KOT KALA</t>
  </si>
  <si>
    <t>Kot Kala</t>
  </si>
  <si>
    <t>markaz midh ranjha post office chak miana tehsil kotmoman district sargodha</t>
  </si>
  <si>
    <t>GMPS KOT KARAMAT ULLAH</t>
  </si>
  <si>
    <t>Kot Karramt Ullah</t>
  </si>
  <si>
    <t>baghyana khurd</t>
  </si>
  <si>
    <t>Kot Karramat Ullah</t>
  </si>
  <si>
    <t>Baghyana Khurd</t>
  </si>
  <si>
    <t>Sana Hameed</t>
  </si>
  <si>
    <t>GMPS KOT KHAIR SHAH</t>
  </si>
  <si>
    <t>kot Khair Shah</t>
  </si>
  <si>
    <t>post office kot khair shah</t>
  </si>
  <si>
    <t>Kot Khair Shah</t>
  </si>
  <si>
    <t>Noor-ul-ain</t>
  </si>
  <si>
    <t>GMPS KOT KHERU</t>
  </si>
  <si>
    <t>Kot Kheru</t>
  </si>
  <si>
    <t>village Kot kheru, vanike tarar Hafizabad</t>
  </si>
  <si>
    <t>Alloudin Ke Chattha</t>
  </si>
  <si>
    <t>GMPS KOT KHUSHAL</t>
  </si>
  <si>
    <t>moza kot khushal teh jhang</t>
  </si>
  <si>
    <t>GMPS KOT KHUSHHAL SINGH</t>
  </si>
  <si>
    <t>village kot Khushal  Singh post office  muhammadi pur0</t>
  </si>
  <si>
    <t>Kot Khushal Singh</t>
  </si>
  <si>
    <t>Sadia Sabir</t>
  </si>
  <si>
    <t>GMPS KOT LEHNA DAS</t>
  </si>
  <si>
    <t>Kot Lehna Das</t>
  </si>
  <si>
    <t>kot lehna das</t>
  </si>
  <si>
    <t>Dhary Da Wara</t>
  </si>
  <si>
    <t>Nheed Kousar</t>
  </si>
  <si>
    <t>GMPS KOT MAKHDUM P/O SADIQIA</t>
  </si>
  <si>
    <t>Kot Makhdom</t>
  </si>
  <si>
    <t>jhulan Arien</t>
  </si>
  <si>
    <t>Kot Makdoom</t>
  </si>
  <si>
    <t>Jhulan ARIEN</t>
  </si>
  <si>
    <t>Samina Javed</t>
  </si>
  <si>
    <t>GMPS KOT MEHR ALI</t>
  </si>
  <si>
    <t>Kot Mehar Ali</t>
  </si>
  <si>
    <t>kot mehar ali teh wzd distt grw</t>
  </si>
  <si>
    <t>GMPS KOT MERATH</t>
  </si>
  <si>
    <t>Kot Marth</t>
  </si>
  <si>
    <t>village kot marth p/o beghowala Sambrial Sialkot</t>
  </si>
  <si>
    <t>Sumaira Ghulam Ali</t>
  </si>
  <si>
    <t>GMPS KOT MIAN</t>
  </si>
  <si>
    <t>kot mian</t>
  </si>
  <si>
    <t>gmps k o t mian</t>
  </si>
  <si>
    <t>GMPS KOT MIAN KHAN</t>
  </si>
  <si>
    <t>Kot Mian Khan</t>
  </si>
  <si>
    <t>Village kot mian khan, post office Vanike Tarar, Hafizabad</t>
  </si>
  <si>
    <t>Alloudin Ke Kalan</t>
  </si>
  <si>
    <t>Ayesha Sirat</t>
  </si>
  <si>
    <t>GMPS KOT MUHAMMAD ALAM</t>
  </si>
  <si>
    <t>Khingranwala</t>
  </si>
  <si>
    <t>Kot Muhammad Alam Moza Khingrawala P/O Khudian khas</t>
  </si>
  <si>
    <t>KOT Muhammad Alam</t>
  </si>
  <si>
    <t>Sadaf Maqbool</t>
  </si>
  <si>
    <t>GMPS KOT MUMIANA</t>
  </si>
  <si>
    <t>Kot Mumiana</t>
  </si>
  <si>
    <t>Kotmumiana  ,P/o Kot Hakim khan, bBhera,  SGD</t>
  </si>
  <si>
    <t>Tauqeer Abbas</t>
  </si>
  <si>
    <t>GMPS KOT NAINAN</t>
  </si>
  <si>
    <t>gmps kot nainan markaz gillanwala</t>
  </si>
  <si>
    <t>Nadia LIAQAT</t>
  </si>
  <si>
    <t>GMPS KOT NIKKA</t>
  </si>
  <si>
    <t>Kot Nikka</t>
  </si>
  <si>
    <t>kot nikka</t>
  </si>
  <si>
    <t>Chak Sadha</t>
  </si>
  <si>
    <t>GMPS KOT NISAR SHAH</t>
  </si>
  <si>
    <t>Kot Nisar Shah</t>
  </si>
  <si>
    <t>kot nisar shah teh Noshera virkan dist.grw</t>
  </si>
  <si>
    <t>Majuchak</t>
  </si>
  <si>
    <t>GMPS KOT NOORA</t>
  </si>
  <si>
    <t>kot Noora</t>
  </si>
  <si>
    <t>Kot Noora</t>
  </si>
  <si>
    <t>GMPS KOT PAROIA</t>
  </si>
  <si>
    <t>Kot Proya</t>
  </si>
  <si>
    <t>kot proya teh wazirabad distt grw</t>
  </si>
  <si>
    <t>GMPS KOT PEERO SHAH</t>
  </si>
  <si>
    <t>Kot Pero Shah</t>
  </si>
  <si>
    <t>kot pero shah distric gujranwala</t>
  </si>
  <si>
    <t>GMPS KOT PEIJO</t>
  </si>
  <si>
    <t>Kot Pejo</t>
  </si>
  <si>
    <t>kot pejo tehsil phalia distt.M b din</t>
  </si>
  <si>
    <t>Sundas</t>
  </si>
  <si>
    <t>GMPS KOT PER SHAH</t>
  </si>
  <si>
    <t>p/o langay village kot pir shah teh and dis gujrat</t>
  </si>
  <si>
    <t>Aina Sehrish</t>
  </si>
  <si>
    <t>GMPS KOT PHULLAY SHAH</t>
  </si>
  <si>
    <t>Kot Phully Shah</t>
  </si>
  <si>
    <t>villg kot phully shah po chak zaher teh.Phalia disst M.B.Din</t>
  </si>
  <si>
    <t>NAZIA PERVEEN</t>
  </si>
  <si>
    <t>GMPS KOT PIR MUHAMMAD</t>
  </si>
  <si>
    <t>Kot Pir Muhammad</t>
  </si>
  <si>
    <t>village kot pir muhammad, Vanike Tarar, Hafizabad</t>
  </si>
  <si>
    <t>Alaudin ke Kalan</t>
  </si>
  <si>
    <t>GMPS KOT QADAR BUKHSH</t>
  </si>
  <si>
    <t>Kot Qadir Bukhsh</t>
  </si>
  <si>
    <t>kot qadir bukhsh hafizabad</t>
  </si>
  <si>
    <t>MC Hafizabad</t>
  </si>
  <si>
    <t>Faisal Imran</t>
  </si>
  <si>
    <t>GMPS KOT QADERDAD</t>
  </si>
  <si>
    <t>Kot qadardad</t>
  </si>
  <si>
    <t>kot qadardad</t>
  </si>
  <si>
    <t>Kopra Kalaan</t>
  </si>
  <si>
    <t>GMPS KOT QADIR BUKSH</t>
  </si>
  <si>
    <t>Kot Qadir Buksh</t>
  </si>
  <si>
    <t>kot qadir buksh</t>
  </si>
  <si>
    <t>Sumeira Yasmin</t>
  </si>
  <si>
    <t>GMPS KOT QAZI</t>
  </si>
  <si>
    <t>Sabeeqa Zahid</t>
  </si>
  <si>
    <t>GMPS KOT RAJA</t>
  </si>
  <si>
    <t>kotrajs</t>
  </si>
  <si>
    <t>Bhonikiottar</t>
  </si>
  <si>
    <t>Fatima Sabir</t>
  </si>
  <si>
    <t>GMPS KOT RAJKORE</t>
  </si>
  <si>
    <t>Kotrajkore</t>
  </si>
  <si>
    <t>Village Kot rajkore Tehsil &amp; District Sialkot</t>
  </si>
  <si>
    <t>Fouzia Mubasher</t>
  </si>
  <si>
    <t>GMPS KOT RASUL PURIAN</t>
  </si>
  <si>
    <t>Kot Rasool Purian, Wazirabad, Gujranwala</t>
  </si>
  <si>
    <t>Kot Rasool Purin</t>
  </si>
  <si>
    <t>Har do Saharan</t>
  </si>
  <si>
    <t>Ms Sayeda Zeenat Maryam</t>
  </si>
  <si>
    <t>GMPS KOT RATTA</t>
  </si>
  <si>
    <t>Kot Ratta</t>
  </si>
  <si>
    <t>p o box khas kot ratta tehsil Wzr dist Grw</t>
  </si>
  <si>
    <t>Jamky Chatha</t>
  </si>
  <si>
    <t>Sidra saif Ullah</t>
  </si>
  <si>
    <t>GMPS KOT ROSHAN</t>
  </si>
  <si>
    <t>Kot Roshan</t>
  </si>
  <si>
    <t>kot roshan</t>
  </si>
  <si>
    <t>Asma Khan</t>
  </si>
  <si>
    <t>GMPS KOT SADDIQUE</t>
  </si>
  <si>
    <t>Jago K Ghumman</t>
  </si>
  <si>
    <t>p/o phadana CH 45 kot siddique</t>
  </si>
  <si>
    <t>Kot Siddique</t>
  </si>
  <si>
    <t>Sadia Qaisara</t>
  </si>
  <si>
    <t>GMPS KOT SAHIB DIYAL</t>
  </si>
  <si>
    <t>Bandor</t>
  </si>
  <si>
    <t>Basti ali pur moza bandr</t>
  </si>
  <si>
    <t>Dahe 41</t>
  </si>
  <si>
    <t>GMPS KOT SAID MUHAMMAD</t>
  </si>
  <si>
    <t>Kolo</t>
  </si>
  <si>
    <t>kot said Muhammad</t>
  </si>
  <si>
    <t>Kot Said Muhamad</t>
  </si>
  <si>
    <t>Sumia Arshad</t>
  </si>
  <si>
    <t>GMPS KOT SAJAN SINGH</t>
  </si>
  <si>
    <t>KOT SHam singh village haripur bhoe asal</t>
  </si>
  <si>
    <t>KOT SHAM SINGH</t>
  </si>
  <si>
    <t>PHULIANI</t>
  </si>
  <si>
    <t>mehwish Tariq</t>
  </si>
  <si>
    <t>GMPS KOT SALEEM</t>
  </si>
  <si>
    <t>kot Salem.p/o qadirabad colony.tehsil &amp; district hafizabad</t>
  </si>
  <si>
    <t>Shoaib Ullah</t>
  </si>
  <si>
    <t>GMPS KOT SARANG</t>
  </si>
  <si>
    <t>Kot Sareng</t>
  </si>
  <si>
    <t>Kot Sarang Teh Sambrial Distt Sialkot</t>
  </si>
  <si>
    <t>GMPS KOT SARWAR</t>
  </si>
  <si>
    <t>GMPS KOT SATTAR SHARQI</t>
  </si>
  <si>
    <t>Kot Star Sharqi</t>
  </si>
  <si>
    <t>p.o &amp; village kot star sharqi tehsil Phalia district mandibahudin</t>
  </si>
  <si>
    <t>GMPS KOT SHEIKHU</t>
  </si>
  <si>
    <t>Kot Sheikhu</t>
  </si>
  <si>
    <t>village sambla kala.Thsil kamonki District Gugrnwal</t>
  </si>
  <si>
    <t>Nangaldonasing</t>
  </si>
  <si>
    <t>GMPS KOT SIDDIQUE SHAH</t>
  </si>
  <si>
    <t>Kot Siddiq Shah</t>
  </si>
  <si>
    <t>Pakhuki</t>
  </si>
  <si>
    <t>GMPS KOT SIPRA</t>
  </si>
  <si>
    <t>KOT Sipra</t>
  </si>
  <si>
    <t>kotsipra</t>
  </si>
  <si>
    <t>Farhat Gulnaz</t>
  </si>
  <si>
    <t>GMPS KOT SULTAN</t>
  </si>
  <si>
    <t>GMPS KOT TALIB</t>
  </si>
  <si>
    <t>Gov't model primary school Kot talib markaz Ahmad Nagar Tehsil Lallian District Chiniot</t>
  </si>
  <si>
    <t>Kot Talib</t>
  </si>
  <si>
    <t>Hasat Kheiwa</t>
  </si>
  <si>
    <t>Shubnam Akram</t>
  </si>
  <si>
    <t>GMPS KOT UMER DIN</t>
  </si>
  <si>
    <t>Kot Umer Din</t>
  </si>
  <si>
    <t>shekham</t>
  </si>
  <si>
    <t>GMPS KOT VEER SINGH</t>
  </si>
  <si>
    <t>Kot Veer Singh</t>
  </si>
  <si>
    <t>kot veer singh</t>
  </si>
  <si>
    <t>Shamaila Aslam</t>
  </si>
  <si>
    <t>GMPS KOT VIRSA</t>
  </si>
  <si>
    <t>kot Virsa post office Bhatti Bhango</t>
  </si>
  <si>
    <t>Kot Virsa</t>
  </si>
  <si>
    <t>Humaira Baby</t>
  </si>
  <si>
    <t>GMPS KOT WALA, JAHANIAN</t>
  </si>
  <si>
    <t>RAHEEM SHAH</t>
  </si>
  <si>
    <t>KOTWALA TEHSIL JHANIAN DISTRICT KHANEWAL</t>
  </si>
  <si>
    <t>KOTWALA</t>
  </si>
  <si>
    <t>Zubeda Naseem</t>
  </si>
  <si>
    <t>GMPS KOT ZAHIR PIR</t>
  </si>
  <si>
    <t>kot zahir peer maoza sikhani Wala dist rajan pur</t>
  </si>
  <si>
    <t>Kot Zahir Peer</t>
  </si>
  <si>
    <t>Aneela Buzdar</t>
  </si>
  <si>
    <t>GMPS KOTAL KUND</t>
  </si>
  <si>
    <t>Kotal Kund</t>
  </si>
  <si>
    <t>VPO Kotal Kund Tehsil and District Jhelum</t>
  </si>
  <si>
    <t>GMPS KOTEHRA</t>
  </si>
  <si>
    <t>G.M.P.S Kotehra</t>
  </si>
  <si>
    <t>Tahira Roohi</t>
  </si>
  <si>
    <t>GMPS KOTERA</t>
  </si>
  <si>
    <t>Govt Model Primary School Kotehra</t>
  </si>
  <si>
    <t>Tanzila  Shamim</t>
  </si>
  <si>
    <t>GMPS KOTHA WALA NO. 2 P/O KOTHA WALA</t>
  </si>
  <si>
    <t>Basti Kothay wala moza bootay wala Post office bootay wala Multan</t>
  </si>
  <si>
    <t>GMPS KOTHAY PARDHAN SINGH</t>
  </si>
  <si>
    <t>kotha pardhan singh post office and tehsil sambrial district sialkot</t>
  </si>
  <si>
    <t>kotha Pardhan Singh</t>
  </si>
  <si>
    <t>habib pur</t>
  </si>
  <si>
    <t>Razia Aqib</t>
  </si>
  <si>
    <t>GMPS KOTHY NO.7 KABIRWALA</t>
  </si>
  <si>
    <t>kothi no.7</t>
  </si>
  <si>
    <t>Kothi No 7</t>
  </si>
  <si>
    <t>GMPS KOTLA DOULAT</t>
  </si>
  <si>
    <t>basti kotla doulat p.o pacca larran</t>
  </si>
  <si>
    <t>Arifa Tajammul</t>
  </si>
  <si>
    <t>GMPS KOTLA GAIDEY SHAH</t>
  </si>
  <si>
    <t>Kotla Gadey Shah</t>
  </si>
  <si>
    <t>mahallah sadat p.o.box murghai dist.rajan pur</t>
  </si>
  <si>
    <t>Nazish Perveen</t>
  </si>
  <si>
    <t>GMPS KOTLA HUSSAIN</t>
  </si>
  <si>
    <t>BASTI KOTLA HUSSAIN</t>
  </si>
  <si>
    <t>KOT MITHAN</t>
  </si>
  <si>
    <t>Surrya bibi Qureshi</t>
  </si>
  <si>
    <t>GMPS KOTLA JAAM NASHEB</t>
  </si>
  <si>
    <t>Kotla jam</t>
  </si>
  <si>
    <t>Hadiqa Hussain</t>
  </si>
  <si>
    <t>GMPS KOTLA MAHI</t>
  </si>
  <si>
    <t>kotla mahi</t>
  </si>
  <si>
    <t>Saqia  Koser</t>
  </si>
  <si>
    <t>GMPS KOTLA MEHMOOD KHAN</t>
  </si>
  <si>
    <t>Kotla Mehmood Khan</t>
  </si>
  <si>
    <t>kotla mehmood khan post office mianwali qureshian</t>
  </si>
  <si>
    <t>Dulatpur</t>
  </si>
  <si>
    <t>Tehmina Waris</t>
  </si>
  <si>
    <t>GMPS KOTLA MURTAZA SHAH</t>
  </si>
  <si>
    <t>Kotla Murtaza Shah</t>
  </si>
  <si>
    <t>Kotla murtaza shah</t>
  </si>
  <si>
    <t>Farida  Khanm</t>
  </si>
  <si>
    <t>GMPS KOTLA NAIK AHMAD</t>
  </si>
  <si>
    <t>Kotla Naik Ahmed</t>
  </si>
  <si>
    <t>Mouza Kotla Naik Ahmed Teh 18 Hazari Distt Jhang</t>
  </si>
  <si>
    <t>Mohammad Mukhtar</t>
  </si>
  <si>
    <t>GMPS KOTLA NOOR MUHAMMAD</t>
  </si>
  <si>
    <t>Kotla Noor Muhammad Muhammad</t>
  </si>
  <si>
    <t>kotla noor muhammad</t>
  </si>
  <si>
    <t>Khursheed Fazal</t>
  </si>
  <si>
    <t>GMPS KOTLA P.O KARNALI</t>
  </si>
  <si>
    <t>Vill kotla post office mohri tehsil gujarkhan dist Rawalpindi</t>
  </si>
  <si>
    <t>Shazana Noreen</t>
  </si>
  <si>
    <t>GMPS KOTLA QAIM</t>
  </si>
  <si>
    <t>Kotla Qaim</t>
  </si>
  <si>
    <t>near docter shair kaleem clinic ward no 10 rajan pur</t>
  </si>
  <si>
    <t>Kotla Esaan</t>
  </si>
  <si>
    <t>Zartashia Atta</t>
  </si>
  <si>
    <t>GMPS KOTLA SHEIKH NATHA</t>
  </si>
  <si>
    <t>Kotla Sheikh Natha Natha</t>
  </si>
  <si>
    <t>kotla sheikh natha</t>
  </si>
  <si>
    <t>Kotla Sheikh Natha</t>
  </si>
  <si>
    <t>Sheikh Umad</t>
  </si>
  <si>
    <t>Munaza Begum</t>
  </si>
  <si>
    <t>GMPS KOTLA SOHIAN</t>
  </si>
  <si>
    <t>Kotla Sohian</t>
  </si>
  <si>
    <t>kotla sohian</t>
  </si>
  <si>
    <t>Kotl a Sohian</t>
  </si>
  <si>
    <t>GMPS KOTLA TIPPA</t>
  </si>
  <si>
    <t>Kotla Tappa</t>
  </si>
  <si>
    <t>kotla tappa</t>
  </si>
  <si>
    <t>GMPS KOTLAH PANAH</t>
  </si>
  <si>
    <t>Kotlah Panah</t>
  </si>
  <si>
    <t>Kotlah panah</t>
  </si>
  <si>
    <t>Nasir Pur Kalaan</t>
  </si>
  <si>
    <t>Umbarin Yasmin</t>
  </si>
  <si>
    <t>GMPS KOTLI AADHO</t>
  </si>
  <si>
    <t>village kotli Aadho PO buttranwali Grw</t>
  </si>
  <si>
    <t>Kotli Aadho</t>
  </si>
  <si>
    <t>Waniawala</t>
  </si>
  <si>
    <t>Bilal Afzal</t>
  </si>
  <si>
    <t>GMPS KOTLI ALI AHMAD</t>
  </si>
  <si>
    <t>wazidi</t>
  </si>
  <si>
    <t>Kotli Ali Ahmad</t>
  </si>
  <si>
    <t>Musarat Mumtaz</t>
  </si>
  <si>
    <t>GMPS KOTLI ANANTA</t>
  </si>
  <si>
    <t>Kotli Ananta</t>
  </si>
  <si>
    <t>p/o&amp; kotli ananta kamoki Gujranwala</t>
  </si>
  <si>
    <t>Asma Waheed</t>
  </si>
  <si>
    <t>GMPS KOTLI ARRORA</t>
  </si>
  <si>
    <t>Kotli Arrora</t>
  </si>
  <si>
    <t>GMPS Kotli Arrora</t>
  </si>
  <si>
    <t>NATASHA</t>
  </si>
  <si>
    <t>GMPS KOTLI BAVERIAN</t>
  </si>
  <si>
    <t>Kotli Bawrian</t>
  </si>
  <si>
    <t>kotli bawrian p/o begowala</t>
  </si>
  <si>
    <t>GMPS KOTLI BHAGO</t>
  </si>
  <si>
    <t>Kotli Bhago</t>
  </si>
  <si>
    <t>Near Qabristan Kotli Bhago</t>
  </si>
  <si>
    <t>GMPS KOTLI CHANDU</t>
  </si>
  <si>
    <t>Kotli Chando</t>
  </si>
  <si>
    <t>kotli chando</t>
  </si>
  <si>
    <t>GMPS KOTLI CHANU</t>
  </si>
  <si>
    <t>Kotli Chanoon</t>
  </si>
  <si>
    <t>kotli chanoo</t>
  </si>
  <si>
    <t>Kotli Chanoo</t>
  </si>
  <si>
    <t>Sumera Kousar</t>
  </si>
  <si>
    <t>GMPS KOTLI DASU SINGH</t>
  </si>
  <si>
    <t>Kotli Dasu Singh</t>
  </si>
  <si>
    <t>kotli dasu singh p\o cieoki</t>
  </si>
  <si>
    <t>Fiza Anwar</t>
  </si>
  <si>
    <t>GMPS KOTLI ESSA</t>
  </si>
  <si>
    <t>Kotli Essa</t>
  </si>
  <si>
    <t>kotli essa nat kalan ghakhar</t>
  </si>
  <si>
    <t>GMPS KOTLI FAREED</t>
  </si>
  <si>
    <t>Kotli Fareed</t>
  </si>
  <si>
    <t>kotli fareed p.o Beerh teh daska district sialkot</t>
  </si>
  <si>
    <t>GMPS KOTLI GUL</t>
  </si>
  <si>
    <t>KOTLA ANDROON</t>
  </si>
  <si>
    <t>BASTI KOTLI GULL MOUZA KOTLA ANDROON</t>
  </si>
  <si>
    <t>KOTLI GUL</t>
  </si>
  <si>
    <t>Rukhsana Laghari</t>
  </si>
  <si>
    <t>GMPS KOTLI GUL MUHAMMAD</t>
  </si>
  <si>
    <t>Kotli Gul Muhammad</t>
  </si>
  <si>
    <t>vill kotli hul Muhammad p/o bhaghat pur teh daska distt sialkot</t>
  </si>
  <si>
    <t>Bhaghat</t>
  </si>
  <si>
    <t>GMPS KOTLI JOSHAN</t>
  </si>
  <si>
    <t>Kotli Joshan</t>
  </si>
  <si>
    <t>kotli joshan p/o Gadgoor</t>
  </si>
  <si>
    <t>SHMAILA GHULAM MUSTAFA</t>
  </si>
  <si>
    <t>GMPS KOTLI KAWEL RAM</t>
  </si>
  <si>
    <t>Kotli Kawal Ram</t>
  </si>
  <si>
    <t>kotli kewal ram</t>
  </si>
  <si>
    <t>Kotlikawal Ram</t>
  </si>
  <si>
    <t>GMPS KOTLI KHAIRA</t>
  </si>
  <si>
    <t>Kotli Khaira</t>
  </si>
  <si>
    <t>kotli khaira post office wadala sindhwan tehsil daska destt sialkot</t>
  </si>
  <si>
    <t>Sameena Koaser</t>
  </si>
  <si>
    <t>GMPS KOTLI KHOKHRAN KHURD</t>
  </si>
  <si>
    <t>Kotli Khokhran Khurd</t>
  </si>
  <si>
    <t>kotli khokhran khurd</t>
  </si>
  <si>
    <t>Tayba Amanat</t>
  </si>
  <si>
    <t>GMPS KOTLI KHURD</t>
  </si>
  <si>
    <t>Kotli Khurd</t>
  </si>
  <si>
    <t>Um E Rubab</t>
  </si>
  <si>
    <t>GMPS KOTLI LAL</t>
  </si>
  <si>
    <t>Kotli Lal</t>
  </si>
  <si>
    <t>Kotli lal</t>
  </si>
  <si>
    <t>Nibi Pur Piran</t>
  </si>
  <si>
    <t>Anila Mushtaq</t>
  </si>
  <si>
    <t>GMPS KOTLI LALA</t>
  </si>
  <si>
    <t>KOTLI Lala</t>
  </si>
  <si>
    <t>p.o box begowala, village Kotli lala, Tehsil Daska, District Sialkot</t>
  </si>
  <si>
    <t>Sidrah Riaz</t>
  </si>
  <si>
    <t>GMPS KOTLI MACHRANWAN</t>
  </si>
  <si>
    <t>Kotli Muchranwan</t>
  </si>
  <si>
    <t>Ferozewala Road Kotli Muchranwan</t>
  </si>
  <si>
    <t>Kalsoom Rani</t>
  </si>
  <si>
    <t>GMPS KOTLI MAHAL</t>
  </si>
  <si>
    <t>kotli Mahal</t>
  </si>
  <si>
    <t>Village kotli mahal P O Kot Shera Gujranwala</t>
  </si>
  <si>
    <t>Kotli Mahal</t>
  </si>
  <si>
    <t>GMPS KOTLI MANALIAN</t>
  </si>
  <si>
    <t>Kotli Manalian</t>
  </si>
  <si>
    <t>Village Kotli MANALIAN Post office phuklian Tehsil &amp; District sialkot</t>
  </si>
  <si>
    <t>GMPS KOTLI MANSOO</t>
  </si>
  <si>
    <t>Kotly Mansoo</t>
  </si>
  <si>
    <t>kotly mansoo</t>
  </si>
  <si>
    <t>Kotli Mansoo</t>
  </si>
  <si>
    <t>Shazia shahbaz</t>
  </si>
  <si>
    <t>GMPS KOTLI MARLAN</t>
  </si>
  <si>
    <t>KOTLI MARLAN</t>
  </si>
  <si>
    <t>Shabana Asghar</t>
  </si>
  <si>
    <t>GMPS KOTLI MASNANI</t>
  </si>
  <si>
    <t>Pandowal</t>
  </si>
  <si>
    <t>village kotli masnani P.O mianwal Ranjha teh &amp;distt M.B.Din</t>
  </si>
  <si>
    <t>Kotli Masnani</t>
  </si>
  <si>
    <t>Shahbaz Gul</t>
  </si>
  <si>
    <t>GMPS KOTLI MIANI</t>
  </si>
  <si>
    <t>kotli miani</t>
  </si>
  <si>
    <t>Mussart Shaheen</t>
  </si>
  <si>
    <t>GMPS KOTLI MOMAN</t>
  </si>
  <si>
    <t>Kotli Moman</t>
  </si>
  <si>
    <t>kotli moman tehsil daska district Sialkot</t>
  </si>
  <si>
    <t>Khadija Tul kubra</t>
  </si>
  <si>
    <t>GMPS KOTLI MUGHLAN</t>
  </si>
  <si>
    <t>Kotli Muglan</t>
  </si>
  <si>
    <t>village kotli mughlan. p/o Begowala. test sambrial. dist sialkot</t>
  </si>
  <si>
    <t>Asia Kulsoom</t>
  </si>
  <si>
    <t>GMPS KOTLI MUGHLANI</t>
  </si>
  <si>
    <t>kotli muglani</t>
  </si>
  <si>
    <t>p/o mundakey goraya teh.daska dist.sialkot</t>
  </si>
  <si>
    <t>Qotly muglany</t>
  </si>
  <si>
    <t>Bhudda goraya</t>
  </si>
  <si>
    <t>GMPS KOTLI NEHANGA</t>
  </si>
  <si>
    <t>Kotli Nehanga</t>
  </si>
  <si>
    <t>Village Kotli Nehanga  P/O box Malo Mahey , Tehsil Daska , District Sialkot</t>
  </si>
  <si>
    <t>Malo Mahey</t>
  </si>
  <si>
    <t>GMPS KOTLI PEER AHMED SHAH</t>
  </si>
  <si>
    <t>Kotly Peer Ahmed Shah</t>
  </si>
  <si>
    <t>GMPS Kotly Peer Ahmed Shah</t>
  </si>
  <si>
    <t>Saima Sardar</t>
  </si>
  <si>
    <t>GMPS KOTLI SHAHNAY</t>
  </si>
  <si>
    <t>Kotly Shahani</t>
  </si>
  <si>
    <t>GMPS KOTLI TARAR</t>
  </si>
  <si>
    <t>Kotli Tarar</t>
  </si>
  <si>
    <t>Village kotli Trar, PO Qila Kalarwala, Teh. Pasrur</t>
  </si>
  <si>
    <t>Saima Intizar</t>
  </si>
  <si>
    <t>GMPS KOTLI URBANG</t>
  </si>
  <si>
    <t>Kotli Urbung</t>
  </si>
  <si>
    <t>Rukhsana Kusar</t>
  </si>
  <si>
    <t>GMPS KOTLI WADAN</t>
  </si>
  <si>
    <t>Kotli Wadan</t>
  </si>
  <si>
    <t>village kotli wadan po Tanda tehsil district  gujrat</t>
  </si>
  <si>
    <t>Ghazala Jabeen</t>
  </si>
  <si>
    <t>GMPS KOUL PUR</t>
  </si>
  <si>
    <t>Koulpur</t>
  </si>
  <si>
    <t>koulpur</t>
  </si>
  <si>
    <t>FoziaAsif</t>
  </si>
  <si>
    <t>GMPS KULACHI</t>
  </si>
  <si>
    <t>Mouza kulachi Teh Ahmad pur sial District Jhang</t>
  </si>
  <si>
    <t>Rihana Kanwal</t>
  </si>
  <si>
    <t>GMPS KULI SALAH</t>
  </si>
  <si>
    <t>GMPS Kulisalah</t>
  </si>
  <si>
    <t>village kulli salah tehsil and distt. sialkot</t>
  </si>
  <si>
    <t>KulliSalah</t>
  </si>
  <si>
    <t>GMPS KULOYIAN</t>
  </si>
  <si>
    <t>Kuloyian</t>
  </si>
  <si>
    <t>village kuloyian post office Punjar tehsil kahuta district Rawalpindi</t>
  </si>
  <si>
    <t>saiqa zeb</t>
  </si>
  <si>
    <t>water pipe</t>
  </si>
  <si>
    <t>GMPS KUND KANJUAN</t>
  </si>
  <si>
    <t>Kund Kanjuan</t>
  </si>
  <si>
    <t>Kund  Kanjuan</t>
  </si>
  <si>
    <t>Muhammad  Shabbir</t>
  </si>
  <si>
    <t>GMPS KUNDBORH</t>
  </si>
  <si>
    <t>Kundborh</t>
  </si>
  <si>
    <t>GMPS KUND BOHAR P/O JANDRAKA DISTRICT OKARA</t>
  </si>
  <si>
    <t>KUND BOHAR</t>
  </si>
  <si>
    <t>GMPS KUNJARI</t>
  </si>
  <si>
    <t>Kunjahri</t>
  </si>
  <si>
    <t>kunjhari</t>
  </si>
  <si>
    <t>GMPS KURHIAN WALA</t>
  </si>
  <si>
    <t>Kurrhianwala</t>
  </si>
  <si>
    <t>GMPS Kurrhianwala</t>
  </si>
  <si>
    <t>GMPS KURLA</t>
  </si>
  <si>
    <t>kurla</t>
  </si>
  <si>
    <t>villge kurla post ofce dina teh Dina distrct jhelum</t>
  </si>
  <si>
    <t>madukalas</t>
  </si>
  <si>
    <t>Malkiya Begum</t>
  </si>
  <si>
    <t>GMPS KUSSAK</t>
  </si>
  <si>
    <t>Kussak</t>
  </si>
  <si>
    <t>Vill Kussak P/O watli Tehsil Choa Saiden Shah District</t>
  </si>
  <si>
    <t>Rehna tabasam</t>
  </si>
  <si>
    <t>GMPS LADIAN</t>
  </si>
  <si>
    <t>ladian</t>
  </si>
  <si>
    <t>Sabiha Yasmin</t>
  </si>
  <si>
    <t>GMPS LAGHARI</t>
  </si>
  <si>
    <t>mouza laghari</t>
  </si>
  <si>
    <t>Shafqat Abbas</t>
  </si>
  <si>
    <t>GMPS LAHSOORI WALA NO.2</t>
  </si>
  <si>
    <t>ggmps lasoori wala</t>
  </si>
  <si>
    <t>Lasoori Wala</t>
  </si>
  <si>
    <t>Sahar Saleem</t>
  </si>
  <si>
    <t>GMPS LAILY PUR</t>
  </si>
  <si>
    <t>Laili Pur</t>
  </si>
  <si>
    <t>Gmps LailiPur Budhla sant Multan</t>
  </si>
  <si>
    <t>Gulam hussain wala</t>
  </si>
  <si>
    <t>Khagy wala</t>
  </si>
  <si>
    <t>GMPS LAKHAN</t>
  </si>
  <si>
    <t>Moza Lakhan p/o jaboka teh &amp; district okara</t>
  </si>
  <si>
    <t>GMPS LAKHAN PUR</t>
  </si>
  <si>
    <t>Lakhan Pur</t>
  </si>
  <si>
    <t>lakhan pur pasrur road sialkot</t>
  </si>
  <si>
    <t>PragPur</t>
  </si>
  <si>
    <t>GMPS LAKHAN WAL NO.2</t>
  </si>
  <si>
    <t>Lakhanwal Kalan</t>
  </si>
  <si>
    <t>Lakhanwal kalan tehsil and dist. Gujrat</t>
  </si>
  <si>
    <t>Hina Kalsoom</t>
  </si>
  <si>
    <t>GMPS LAKHANI</t>
  </si>
  <si>
    <t>moza lakhani city khan bela</t>
  </si>
  <si>
    <t>Shazia Tehseen</t>
  </si>
  <si>
    <t>GMPS LAKHI SHAH</t>
  </si>
  <si>
    <t>Lakhi shah</t>
  </si>
  <si>
    <t>G M P S Lakhi shah</t>
  </si>
  <si>
    <t>Syed  Akmal Sajid</t>
  </si>
  <si>
    <t>GMPS LAL BHATTI WALA</t>
  </si>
  <si>
    <t>Rakh Haider Abad</t>
  </si>
  <si>
    <t>Lal bhatti wala p/O haidarabad. thall..tehsil Mankera.distt. distt bhakkar</t>
  </si>
  <si>
    <t>Lal Bhatti Wala</t>
  </si>
  <si>
    <t>GMPS LAL KHAN BHATI WALA</t>
  </si>
  <si>
    <t>chah lal khan bhatti wala, mankera</t>
  </si>
  <si>
    <t>Gmps lal khan bhatti wala</t>
  </si>
  <si>
    <t>pattibulanda</t>
  </si>
  <si>
    <t>GMPS LAL KHAN DHUDI</t>
  </si>
  <si>
    <t>Lal KHAN Dhudi</t>
  </si>
  <si>
    <t>lal khan dhudi</t>
  </si>
  <si>
    <t>Lal Khan Dhudi</t>
  </si>
  <si>
    <t>Gulnaz</t>
  </si>
  <si>
    <t>GMPS LAL WAH</t>
  </si>
  <si>
    <t>Lal Wah</t>
  </si>
  <si>
    <t>gmps lal mouza lal uc lal wah juggo wala</t>
  </si>
  <si>
    <t>GMPS LALA CHAK</t>
  </si>
  <si>
    <t>village lala chak p/o jalal pur jattan district gujrat</t>
  </si>
  <si>
    <t>Sheeza Mubeen</t>
  </si>
  <si>
    <t>GMPS LALAY WALI</t>
  </si>
  <si>
    <t>lalywali</t>
  </si>
  <si>
    <t>Lalywali</t>
  </si>
  <si>
    <t>Alharh</t>
  </si>
  <si>
    <t>Iram Javed</t>
  </si>
  <si>
    <t>GMPS LALOO GUDAR(Under NGO)</t>
  </si>
  <si>
    <t>GMPS Lalu Gudar</t>
  </si>
  <si>
    <t>Govt. Model Primary School Laloo Guddar Tehseel Depalpur District Okara</t>
  </si>
  <si>
    <t>Lalu Guddar</t>
  </si>
  <si>
    <t>Maimoona Akbar</t>
  </si>
  <si>
    <t>GMPS LALYAL</t>
  </si>
  <si>
    <t>GMPS Lalyal</t>
  </si>
  <si>
    <t>Isma Aslam</t>
  </si>
  <si>
    <t>GMPS LAMBRA</t>
  </si>
  <si>
    <t>Lambra</t>
  </si>
  <si>
    <t>vill Lambra P.O BHOTA</t>
  </si>
  <si>
    <t>Dolat Nagar</t>
  </si>
  <si>
    <t>GMPS LANDAY SHARIF</t>
  </si>
  <si>
    <t>Landay Sharif</t>
  </si>
  <si>
    <t>Amna Babar</t>
  </si>
  <si>
    <t>GMPS LANGAR WALA</t>
  </si>
  <si>
    <t>Langarwala</t>
  </si>
  <si>
    <t>post office wattoo tensile district khushab</t>
  </si>
  <si>
    <t>GMPS LANGER MAKHDOOM EAST</t>
  </si>
  <si>
    <t>P/O Langar Makhdoom Tehsil Lalian District Chiniot</t>
  </si>
  <si>
    <t>Tariq Yasin</t>
  </si>
  <si>
    <t>GMPS LANGHA WALA</t>
  </si>
  <si>
    <t>Dera Langah wala moza mahni p/o Haiderabad Tehsil Mankera.</t>
  </si>
  <si>
    <t>Dera Langah wala</t>
  </si>
  <si>
    <t>Rubbina Siddique</t>
  </si>
  <si>
    <t>GMPS LAS MALI</t>
  </si>
  <si>
    <t>Las Mali</t>
  </si>
  <si>
    <t>Village Las Mali, P.O. Rupper Kalan, Teh and Distt. Rwp.</t>
  </si>
  <si>
    <t>Khalila Zahra</t>
  </si>
  <si>
    <t>GMPS LAWERAY</t>
  </si>
  <si>
    <t>laweray</t>
  </si>
  <si>
    <t>gmps laweray</t>
  </si>
  <si>
    <t>jodhala</t>
  </si>
  <si>
    <t>asifa shaheen</t>
  </si>
  <si>
    <t>GMPS LEHRI</t>
  </si>
  <si>
    <t>Village. lehri. p/o:thutha rai bahader. teh. Kharian. dist. Gujrat</t>
  </si>
  <si>
    <t>Ishrat Jan</t>
  </si>
  <si>
    <t>GMPS LESKOTHAR</t>
  </si>
  <si>
    <t>Lesskhotar</t>
  </si>
  <si>
    <t>village lesskhotar</t>
  </si>
  <si>
    <t>Gulnisa Bibi</t>
  </si>
  <si>
    <t>GMPS LIDHAR</t>
  </si>
  <si>
    <t>P/O Dandian Teh Kamoke Dist Gujrawnwala</t>
  </si>
  <si>
    <t>GMPS LIDHARR MUSLIM</t>
  </si>
  <si>
    <t>LIDDHAR MUSlim</t>
  </si>
  <si>
    <t>VILLAGE LIDDHAR MUSLIM.c om</t>
  </si>
  <si>
    <t>LIDDHAR MUSLIM</t>
  </si>
  <si>
    <t>NAND PUR</t>
  </si>
  <si>
    <t>GMPS LODHARAN</t>
  </si>
  <si>
    <t>Lodhara</t>
  </si>
  <si>
    <t>Pingu moza Lodhara p.o Muhammadi Sharif tehsil Bhowana District Chiniot</t>
  </si>
  <si>
    <t>Pingu</t>
  </si>
  <si>
    <t>Sumandar</t>
  </si>
  <si>
    <t>GMPS LODHEKAY</t>
  </si>
  <si>
    <t>Lodikhay</t>
  </si>
  <si>
    <t>village lodikhay Tehsil sambrial District Sialkot</t>
  </si>
  <si>
    <t>Amna Amjad</t>
  </si>
  <si>
    <t>GMPS LOHARAN WALI</t>
  </si>
  <si>
    <t>Tehmina Saleem</t>
  </si>
  <si>
    <t>GMPS LOHDRA</t>
  </si>
  <si>
    <t>Lohdra</t>
  </si>
  <si>
    <t>Sanam Javed</t>
  </si>
  <si>
    <t>GMPS LOKRY MULLAN</t>
  </si>
  <si>
    <t>Lokry Mullan</t>
  </si>
  <si>
    <t>lokry Mullan p.o kunjah teh&amp;dist gujrat</t>
  </si>
  <si>
    <t>Jhauranwali</t>
  </si>
  <si>
    <t>Naila Tabassam</t>
  </si>
  <si>
    <t>GMPS LONG JANUBI</t>
  </si>
  <si>
    <t>Lang Janoobi</t>
  </si>
  <si>
    <t>Mouza Lang janoobi</t>
  </si>
  <si>
    <t>Fozia Akhtar</t>
  </si>
  <si>
    <t>GMPS LOOMBRA</t>
  </si>
  <si>
    <t>LOOMBRA</t>
  </si>
  <si>
    <t>t. Gujranwala</t>
  </si>
  <si>
    <t>Loombra</t>
  </si>
  <si>
    <t>Akbar Ghanoki</t>
  </si>
  <si>
    <t>GMPS LOON WALA</t>
  </si>
  <si>
    <t>Loon Wala</t>
  </si>
  <si>
    <t>moza loon wala basti haji abdul hameed phahoor</t>
  </si>
  <si>
    <t>Basti Haji Abdul Hameed Phahoor</t>
  </si>
  <si>
    <t>Fatima waheed</t>
  </si>
  <si>
    <t>GMPS LOSAR</t>
  </si>
  <si>
    <t>Lohsar</t>
  </si>
  <si>
    <t>p.o hunj village lohsar</t>
  </si>
  <si>
    <t>Muqadas Khalid</t>
  </si>
  <si>
    <t>GMPS LOT NO.137 BHAKKAR</t>
  </si>
  <si>
    <t>4RM</t>
  </si>
  <si>
    <t>RAKH MANKERA</t>
  </si>
  <si>
    <t>RURAL MANKERA</t>
  </si>
  <si>
    <t>ABIDA HANIF</t>
  </si>
  <si>
    <t>GMPS LOUNG</t>
  </si>
  <si>
    <t>Loung</t>
  </si>
  <si>
    <t>govt model primary school loung.</t>
  </si>
  <si>
    <t>Subohi Ahmed</t>
  </si>
  <si>
    <t>GMPS LUBANA HILL</t>
  </si>
  <si>
    <t>Lubana Hail</t>
  </si>
  <si>
    <t>Vill Lubana Hail P/O Baragowah</t>
  </si>
  <si>
    <t>Saba Shahzad</t>
  </si>
  <si>
    <t>GMPS LUND PUR</t>
  </si>
  <si>
    <t>lund  Pur tehsil wazirabad district gujranwala</t>
  </si>
  <si>
    <t>GMPS LUNGER KOT</t>
  </si>
  <si>
    <t>Lungar Kot</t>
  </si>
  <si>
    <t>Govt model p/s lunger kot notak zila bhakkar</t>
  </si>
  <si>
    <t>Lunger Kot</t>
  </si>
  <si>
    <t>Waqar Fatima</t>
  </si>
  <si>
    <t>GMPS LUNJ KALAN</t>
  </si>
  <si>
    <t>Lunj</t>
  </si>
  <si>
    <t>lunj no noushara virkan</t>
  </si>
  <si>
    <t>Marri Khurd</t>
  </si>
  <si>
    <t>Rukhsana Sadaqat</t>
  </si>
  <si>
    <t>GMPS MABBOO KAY</t>
  </si>
  <si>
    <t>mabookay</t>
  </si>
  <si>
    <t>village mabbookay p/o sehjra teh &amp;distt kasur</t>
  </si>
  <si>
    <t>Muneeba Ibrahim</t>
  </si>
  <si>
    <t>GMPS MACHIKEY SANDHWANA</t>
  </si>
  <si>
    <t>gmps machikey sandhwan</t>
  </si>
  <si>
    <t>Machikey Sandhwan</t>
  </si>
  <si>
    <t>Nadal a Sandhwan</t>
  </si>
  <si>
    <t>Ghizala Shaheen</t>
  </si>
  <si>
    <t>GMPS MADDRISSA CHATHA</t>
  </si>
  <si>
    <t>Madrasa Chatha</t>
  </si>
  <si>
    <t>madrasa chatha post office qadir abad colony tehsil wazirabad district guhranwala</t>
  </si>
  <si>
    <t>GMPS MADNI PUR</t>
  </si>
  <si>
    <t>Madni Pur</t>
  </si>
  <si>
    <t>GMPS MADNIPUR</t>
  </si>
  <si>
    <t>Taqdees Aisha</t>
  </si>
  <si>
    <t>GMPS MADU PUR VAINCE</t>
  </si>
  <si>
    <t>Madoo Pur Vaince</t>
  </si>
  <si>
    <t>madoo pur vaince</t>
  </si>
  <si>
    <t>GMPS MADWAL</t>
  </si>
  <si>
    <t>Madwal</t>
  </si>
  <si>
    <t>village madwal, p/o thekrian gujran ,teh gujarkhan, distt rwp.</t>
  </si>
  <si>
    <t>Samina Raza</t>
  </si>
  <si>
    <t>GMPS MAHAL</t>
  </si>
  <si>
    <t>mehl Village</t>
  </si>
  <si>
    <t>Mehl</t>
  </si>
  <si>
    <t>Mirza Muhammad Nauman Khalid</t>
  </si>
  <si>
    <t>GMPS MAHAL SHARIF</t>
  </si>
  <si>
    <t>Mahal</t>
  </si>
  <si>
    <t>Majju Chack</t>
  </si>
  <si>
    <t>Muhammad Amin Virk</t>
  </si>
  <si>
    <t>GMPS MAHALAM KHURD</t>
  </si>
  <si>
    <t>Mahalam Khurd</t>
  </si>
  <si>
    <t>P/O BAZID PUR VILLAGE MAHALAM KHURD</t>
  </si>
  <si>
    <t>mahalam khurd</t>
  </si>
  <si>
    <t>BAZID PUR</t>
  </si>
  <si>
    <t>shakila yasmin</t>
  </si>
  <si>
    <t>GMPS MAHI WALA</t>
  </si>
  <si>
    <t>Mahi wala</t>
  </si>
  <si>
    <t>Ayesha Jaffar</t>
  </si>
  <si>
    <t>GMPS MAHIWALA</t>
  </si>
  <si>
    <t>Mahiwala</t>
  </si>
  <si>
    <t>Mahiwala p/o Jurian  Teh , Distt Hafizabad</t>
  </si>
  <si>
    <t>GMPS MAHLA BUKKAN</t>
  </si>
  <si>
    <t>Mahla Bukkan</t>
  </si>
  <si>
    <t>chak wali Mohammed mahla Bukkan tesh depal pur dest okara</t>
  </si>
  <si>
    <t>GMPS MAHMOOD KOT</t>
  </si>
  <si>
    <t>mahmood kot tehsil a.p sial distt jhang</t>
  </si>
  <si>
    <t>GMPS MAHNIAN WALA</t>
  </si>
  <si>
    <t>Mahniawala</t>
  </si>
  <si>
    <t>mahniawala</t>
  </si>
  <si>
    <t>Mab Khan</t>
  </si>
  <si>
    <t>GMPS MAHROOF</t>
  </si>
  <si>
    <t>village maroof tehsil Gujrat</t>
  </si>
  <si>
    <t>Sook Kalaan</t>
  </si>
  <si>
    <t>GMPS MAIKAN SHARIF</t>
  </si>
  <si>
    <t>maken sharif</t>
  </si>
  <si>
    <t>village makin sharif p/p box lalamusa</t>
  </si>
  <si>
    <t>theekrian</t>
  </si>
  <si>
    <t>Naheed Ashraf</t>
  </si>
  <si>
    <t>GMPS MAINI</t>
  </si>
  <si>
    <t>Post Office shedani Tehsil Lqp</t>
  </si>
  <si>
    <t>Munir Hussain Khawar</t>
  </si>
  <si>
    <t>GMPS MAIR</t>
  </si>
  <si>
    <t>MAIR</t>
  </si>
  <si>
    <t>village MAIR</t>
  </si>
  <si>
    <t>Alya Younas</t>
  </si>
  <si>
    <t>GMPS MAIRAJKAY CHATHA</t>
  </si>
  <si>
    <t>Mairaj K Chathha</t>
  </si>
  <si>
    <t>village mairaj k chathha,p/o Rasool nagar,tehsil wazirabad,district gujranwala</t>
  </si>
  <si>
    <t>Hazrat Kailyanwala</t>
  </si>
  <si>
    <t>GMPS MAJEED ABAD</t>
  </si>
  <si>
    <t>uch gillani uch sharif</t>
  </si>
  <si>
    <t>Majeed Abad</t>
  </si>
  <si>
    <t>Mairaj Husnain</t>
  </si>
  <si>
    <t>GMPS MAJHI SULTAN NO.1</t>
  </si>
  <si>
    <t>p/o same majhi sultan</t>
  </si>
  <si>
    <t>GMPS MAKAN</t>
  </si>
  <si>
    <t>Nafeesa Parveen</t>
  </si>
  <si>
    <t>GMPS MAKHANI</t>
  </si>
  <si>
    <t>makhni</t>
  </si>
  <si>
    <t>Makhni</t>
  </si>
  <si>
    <t>Ambreen Rafiq</t>
  </si>
  <si>
    <t>GMPS MAKHDOOM PUR</t>
  </si>
  <si>
    <t>Moza Makhdoompur Post Ofgice Uch Sharif</t>
  </si>
  <si>
    <t>Azra Kouser</t>
  </si>
  <si>
    <t>GMPS MAKKU WALA</t>
  </si>
  <si>
    <t>Makkuwala</t>
  </si>
  <si>
    <t>rajoya</t>
  </si>
  <si>
    <t>Atrat Naz</t>
  </si>
  <si>
    <t>GMPS MAKWAL</t>
  </si>
  <si>
    <t>P/O and village makwal, Tehsil Kharian, district Gujrat</t>
  </si>
  <si>
    <t>Zarlish Majeed</t>
  </si>
  <si>
    <t>GMPS MALAGAR PUR</t>
  </si>
  <si>
    <t>malagr pur</t>
  </si>
  <si>
    <t>malagr pr p/o najwal</t>
  </si>
  <si>
    <t>malagrpur</t>
  </si>
  <si>
    <t>Naseem Ghulam Rasool</t>
  </si>
  <si>
    <t>GMPS MALAKAY VIRKAN</t>
  </si>
  <si>
    <t>Mallah Virkan</t>
  </si>
  <si>
    <t>Govt.model primary school mallah virkan</t>
  </si>
  <si>
    <t>Akbar Ghonke</t>
  </si>
  <si>
    <t>Fakhira Bano</t>
  </si>
  <si>
    <t>GMPS MALAN WALI</t>
  </si>
  <si>
    <t>Mallanwali</t>
  </si>
  <si>
    <t>gmps mallan wali</t>
  </si>
  <si>
    <t>GMPS MALANAY</t>
  </si>
  <si>
    <t>distt. Sialkot, Tehh. Pasrur, P/O &amp; Vill. Malanay</t>
  </si>
  <si>
    <t>GMPS MALANG BUKHARI</t>
  </si>
  <si>
    <t>Malang Bukhari</t>
  </si>
  <si>
    <t>Sara Kamlana</t>
  </si>
  <si>
    <t>GMPS MALAY CHAK NIA</t>
  </si>
  <si>
    <t>Malay Chak Nia</t>
  </si>
  <si>
    <t>GMPS MALAY CHAK PURANA</t>
  </si>
  <si>
    <t>Malay Chak Purana</t>
  </si>
  <si>
    <t>Malay chak purana</t>
  </si>
  <si>
    <t>Langraili</t>
  </si>
  <si>
    <t>Iqra Arslan</t>
  </si>
  <si>
    <t>GMPS MALBAT WALA</t>
  </si>
  <si>
    <t>Wanda Muhammad kalo Wala trag</t>
  </si>
  <si>
    <t>Malbat WaLa</t>
  </si>
  <si>
    <t>GMPS MALDEVE</t>
  </si>
  <si>
    <t>Maldeve</t>
  </si>
  <si>
    <t>po box Maldeve dina</t>
  </si>
  <si>
    <t>Attia Bano</t>
  </si>
  <si>
    <t>GMPS MALHU</t>
  </si>
  <si>
    <t>GMPS Mallhu P.O. Bhau Ghaseetpur</t>
  </si>
  <si>
    <t>GMPS MALI WAL</t>
  </si>
  <si>
    <t>Maliwal</t>
  </si>
  <si>
    <t>maliwal</t>
  </si>
  <si>
    <t>Rani Bibi</t>
  </si>
  <si>
    <t>GMPS MALI WALL</t>
  </si>
  <si>
    <t>Kramer Mushani</t>
  </si>
  <si>
    <t>wanda maliwal</t>
  </si>
  <si>
    <t>Kamer Mushani</t>
  </si>
  <si>
    <t>GMPS MALIAN WALA ARAIAN</t>
  </si>
  <si>
    <t>Malianwala</t>
  </si>
  <si>
    <t>Malianwala Araian</t>
  </si>
  <si>
    <t>Manzia Kausar</t>
  </si>
  <si>
    <t>GMPS MALIK ABAD</t>
  </si>
  <si>
    <t>Malik Abad</t>
  </si>
  <si>
    <t>malik abad</t>
  </si>
  <si>
    <t>Natha</t>
  </si>
  <si>
    <t>GMPS MALIK PUR</t>
  </si>
  <si>
    <t>basti malikpur</t>
  </si>
  <si>
    <t>GMPS MALIK WALA</t>
  </si>
  <si>
    <t>govt girls primary school malik wala</t>
  </si>
  <si>
    <t>GMPS MALIKPUR</t>
  </si>
  <si>
    <t>Village Malik Pur, P. O:Jalal Pur Sharif, Teh &amp; Distt: Jhelum</t>
  </si>
  <si>
    <t>GMPS MALKEY</t>
  </si>
  <si>
    <t>Malkey</t>
  </si>
  <si>
    <t>village and p /o Malkey teh. kamoke District. Gujranwala</t>
  </si>
  <si>
    <t>Akber Ghanoke</t>
  </si>
  <si>
    <t>Shaista Iqbal</t>
  </si>
  <si>
    <t>GMPS MALL</t>
  </si>
  <si>
    <t>mall khokhran p.o domali teh sohawa dist Jhelum</t>
  </si>
  <si>
    <t>Faiza akbar</t>
  </si>
  <si>
    <t>GMPS MALOOK WALI</t>
  </si>
  <si>
    <t>KACHA MIAN WALI 2</t>
  </si>
  <si>
    <t>BASTI SIBGHAT ULLAH KACHA MIAN WALI No2</t>
  </si>
  <si>
    <t>BASTI SIBGAT ULLAH</t>
  </si>
  <si>
    <t>Abida Mazari</t>
  </si>
  <si>
    <t>GMPS MALOWAL</t>
  </si>
  <si>
    <t>malowal sialkot</t>
  </si>
  <si>
    <t>GMPS MALUKAL</t>
  </si>
  <si>
    <t>Malukal</t>
  </si>
  <si>
    <t>VPO: Malokal, Teh &amp; DIstt: Rawalpindi,</t>
  </si>
  <si>
    <t>Malokal</t>
  </si>
  <si>
    <t>from neghbours</t>
  </si>
  <si>
    <t>GMPS MAMDANA</t>
  </si>
  <si>
    <t>Mamdana</t>
  </si>
  <si>
    <t>vpo box mamdana Teh phalia Dist Mande Bha Ud Din</t>
  </si>
  <si>
    <t>Sadia Shehrbano</t>
  </si>
  <si>
    <t>GMPS MANAK CHAND</t>
  </si>
  <si>
    <t>Manak Chand</t>
  </si>
  <si>
    <t>gmps manak chand</t>
  </si>
  <si>
    <t>Manak Chnd</t>
  </si>
  <si>
    <t>Nasreen kausar</t>
  </si>
  <si>
    <t>GMPS MANDAR</t>
  </si>
  <si>
    <t>Abadi mandar mouza suleman</t>
  </si>
  <si>
    <t>Mandar</t>
  </si>
  <si>
    <t>RABIA SHER</t>
  </si>
  <si>
    <t>GMPS MANDAWAL</t>
  </si>
  <si>
    <t>Mandwal</t>
  </si>
  <si>
    <t>mandwal</t>
  </si>
  <si>
    <t>GMPS MANDI JATTAN</t>
  </si>
  <si>
    <t>Mandi Jattan</t>
  </si>
  <si>
    <t>village.  mandi Jattan post office mandi Jattan tehsil sarai alamgir district   gujrat</t>
  </si>
  <si>
    <t>Sundas Rashid</t>
  </si>
  <si>
    <t>GMPS MANDIAN WALA</t>
  </si>
  <si>
    <t>village Mandianwala post office sahowali tehsil and district sialkot</t>
  </si>
  <si>
    <t>GMPS MANGA KALAN</t>
  </si>
  <si>
    <t>MANGA KALAN</t>
  </si>
  <si>
    <t>village  MANGA  KALAN; P/O AGROYA  (PHALIA)</t>
  </si>
  <si>
    <t>DHERAKAN KALAN</t>
  </si>
  <si>
    <t>GMPS MANGOWAL</t>
  </si>
  <si>
    <t>chak jhaamtanwala tehsil shahpur district sargodha</t>
  </si>
  <si>
    <t>Sajid Nadeem</t>
  </si>
  <si>
    <t>GmPS MANGOWAL KALAN</t>
  </si>
  <si>
    <t>Mangowal Kalan</t>
  </si>
  <si>
    <t>Mangowal kalan</t>
  </si>
  <si>
    <t>Mangowal khurd</t>
  </si>
  <si>
    <t>GMPS MANGRIL</t>
  </si>
  <si>
    <t>Mangril</t>
  </si>
  <si>
    <t>mangril PO box Sabowal tehsil shahpur district sargodha</t>
  </si>
  <si>
    <t>GMPS MANGU BEHRAM</t>
  </si>
  <si>
    <t>Mangu Behram</t>
  </si>
  <si>
    <t>tehsil sambrial district Sialkot village mangu behram</t>
  </si>
  <si>
    <t>Mangubehram</t>
  </si>
  <si>
    <t>GMPS MANJ PUR</t>
  </si>
  <si>
    <t>Manjpur</t>
  </si>
  <si>
    <t>Gao manjpur</t>
  </si>
  <si>
    <t>GMPS MANJHI WALA</t>
  </si>
  <si>
    <t>govt cms manjhi wala post ofc uch sharif</t>
  </si>
  <si>
    <t>Rabia Manazir</t>
  </si>
  <si>
    <t>GMPS MANJHOTEY WALA</t>
  </si>
  <si>
    <t>gudden wala</t>
  </si>
  <si>
    <t>manjothay wala moza gaddan wala teh jampur dist rajanpur</t>
  </si>
  <si>
    <t>manjothay wala</t>
  </si>
  <si>
    <t>Allah abad sharqi</t>
  </si>
  <si>
    <t>sumbla saleem</t>
  </si>
  <si>
    <t>GMPS MANJWAN</t>
  </si>
  <si>
    <t>Manjwan</t>
  </si>
  <si>
    <t>village manjwan hafizabad</t>
  </si>
  <si>
    <t>Afshan Batool</t>
  </si>
  <si>
    <t>GMPS MANWAINS</t>
  </si>
  <si>
    <t>Manwais</t>
  </si>
  <si>
    <t>GMPS Manwais Village Manwais post office hazorpur Teh. bhera dist. Sargodha</t>
  </si>
  <si>
    <t>Mamwais</t>
  </si>
  <si>
    <t>Bareera Hayat</t>
  </si>
  <si>
    <t>GMPS MANZOOR ABAD</t>
  </si>
  <si>
    <t>p/o kot bahadar basti manzoor abad district jhang tehsil ahmad pur sial</t>
  </si>
  <si>
    <t>GMPS MANZOOR ABAD NO. 2</t>
  </si>
  <si>
    <t>Gujju hatta</t>
  </si>
  <si>
    <t>Lalu wala moza gajju hatta Shujabad</t>
  </si>
  <si>
    <t>Lalu Wala</t>
  </si>
  <si>
    <t>GMPS MANZOOR JAMRA</t>
  </si>
  <si>
    <t>Post office Aqilpur baste manzoor jamfa</t>
  </si>
  <si>
    <t>GMPS MAOUZA JUJJ</t>
  </si>
  <si>
    <t>moza Jujj</t>
  </si>
  <si>
    <t>barket town Depalpur</t>
  </si>
  <si>
    <t>Moza Jujj</t>
  </si>
  <si>
    <t>GMPS MAQAM KALAN</t>
  </si>
  <si>
    <t>Muqam Kalan</t>
  </si>
  <si>
    <t>village muqam kalan u/c jabbi tehsil fateh jang district attock</t>
  </si>
  <si>
    <t>GMPS MAQUABAR</t>
  </si>
  <si>
    <t>Moqabar</t>
  </si>
  <si>
    <t>vill Moqabar P/O city Sialkot Teh &amp;Distt Sialkot</t>
  </si>
  <si>
    <t>Farkhanda Sarwar</t>
  </si>
  <si>
    <t>GMPS MARAY VAIEN KHURD</t>
  </si>
  <si>
    <t>Maray Waien Khurd</t>
  </si>
  <si>
    <t>maray waien khurd p.o.box aiman abad</t>
  </si>
  <si>
    <t>Toseef Ahmad Gondal</t>
  </si>
  <si>
    <t>GMPS MARAY WAIEN KALAN</t>
  </si>
  <si>
    <t>Maray waien kalan</t>
  </si>
  <si>
    <t>Maray waien kalan tehsil kamoki</t>
  </si>
  <si>
    <t>imran Ghani</t>
  </si>
  <si>
    <t>GMPS MARHANA</t>
  </si>
  <si>
    <t>Marhana</t>
  </si>
  <si>
    <t>village marhana</t>
  </si>
  <si>
    <t>Sallhoky</t>
  </si>
  <si>
    <t>Amna Razzaq</t>
  </si>
  <si>
    <t>GMPS MARI ANWAR PUR</t>
  </si>
  <si>
    <t>Anwar Pir</t>
  </si>
  <si>
    <t>vill anwarpur p/ o qasba karyali teh sara e alamgir gujrat</t>
  </si>
  <si>
    <t>Anwar Pur</t>
  </si>
  <si>
    <t>Sofia Tabassum</t>
  </si>
  <si>
    <t>GMPS MARI BHEER</t>
  </si>
  <si>
    <t>Mari Beer</t>
  </si>
  <si>
    <t>village and Post office mari beer tehsil gujjar khan District Rawalpindi</t>
  </si>
  <si>
    <t>GMPS MARI DIN SALAH</t>
  </si>
  <si>
    <t>Mari Din Salah</t>
  </si>
  <si>
    <t>7 / 1R</t>
  </si>
  <si>
    <t>GMPS MARTH</t>
  </si>
  <si>
    <t>MARATH</t>
  </si>
  <si>
    <t>GMPS marath tehsil and district chakwal post office bhagwal</t>
  </si>
  <si>
    <t>Marath</t>
  </si>
  <si>
    <t>Ruqia Jabeen</t>
  </si>
  <si>
    <t>GMPS MARWAL</t>
  </si>
  <si>
    <t>Marwal</t>
  </si>
  <si>
    <t>MarwalP/OPhuklian</t>
  </si>
  <si>
    <t>Rashda Bibi</t>
  </si>
  <si>
    <t>GMPS MARZI PURA SHARQI</t>
  </si>
  <si>
    <t>GMPS Merzi Pura Sharqi</t>
  </si>
  <si>
    <t>Jhang MC AREA</t>
  </si>
  <si>
    <t>Mussarat Riaz</t>
  </si>
  <si>
    <t>GMPS MASEETAN (SOUTH)</t>
  </si>
  <si>
    <t>SYED NIAZ HUSSAIN</t>
  </si>
  <si>
    <t>Rukhshana Majeed</t>
  </si>
  <si>
    <t>GMPS MASSAN</t>
  </si>
  <si>
    <t>GMPS massan</t>
  </si>
  <si>
    <t>GMPS MASSAN KAY</t>
  </si>
  <si>
    <t>Massan Kay</t>
  </si>
  <si>
    <t>moza massan kay</t>
  </si>
  <si>
    <t>Sheikhu Sharief</t>
  </si>
  <si>
    <t>Naveeda Noreen</t>
  </si>
  <si>
    <t>GMPS MASSAN SHAH</t>
  </si>
  <si>
    <t>Masan Shah</t>
  </si>
  <si>
    <t>mohalla massan shah jampur</t>
  </si>
  <si>
    <t>MC Jampur</t>
  </si>
  <si>
    <t>GMPS MASSET SOUTH</t>
  </si>
  <si>
    <t>street Akhtar Ali Khan wali Mohala jafria bhakkar</t>
  </si>
  <si>
    <t>Maseeta South</t>
  </si>
  <si>
    <t>Farhat shehzadi</t>
  </si>
  <si>
    <t>GMPS MATA HARIAN</t>
  </si>
  <si>
    <t>G</t>
  </si>
  <si>
    <t>matta Hari post office dugri hariyan tehsil pasrur district sialkot</t>
  </si>
  <si>
    <t>Matta Hariyan</t>
  </si>
  <si>
    <t>Dugri Hariyan</t>
  </si>
  <si>
    <t>Wasiaha</t>
  </si>
  <si>
    <t>GMPS MATHANA CHAK</t>
  </si>
  <si>
    <t>Mathana Chak</t>
  </si>
  <si>
    <t>mathana chak post office sheikhpur</t>
  </si>
  <si>
    <t>GMPS MATIAN WALA</t>
  </si>
  <si>
    <t>Matianwala</t>
  </si>
  <si>
    <t>village matianwala p.o tanda</t>
  </si>
  <si>
    <t>Zaiba Shafi</t>
  </si>
  <si>
    <t>GMPS MATTA</t>
  </si>
  <si>
    <t>Ratta Matta Shumali</t>
  </si>
  <si>
    <t>GMPS MATTAYKAY SAHIAN</t>
  </si>
  <si>
    <t>Matteke Sahiyan</t>
  </si>
  <si>
    <t>village matteke sahiyan near p.o dheedowali</t>
  </si>
  <si>
    <t>Mundeke Goraya</t>
  </si>
  <si>
    <t>Robina Badar</t>
  </si>
  <si>
    <t>GMPS MATTAYKE NAGRA</t>
  </si>
  <si>
    <t>Matayke Nagra</t>
  </si>
  <si>
    <t>GMPSMattayke nagra</t>
  </si>
  <si>
    <t>Mataykenagra</t>
  </si>
  <si>
    <t>Saima Rehmat</t>
  </si>
  <si>
    <t>GMPS MATTEY HATTI</t>
  </si>
  <si>
    <t>Mattay Hatti</t>
  </si>
  <si>
    <t>GGPS matty hati near adda bund bosan</t>
  </si>
  <si>
    <t>GMPS MATTO</t>
  </si>
  <si>
    <t>Matto</t>
  </si>
  <si>
    <t>matto</t>
  </si>
  <si>
    <t>Bhoha Hasan</t>
  </si>
  <si>
    <t>Ghazala   Sarwari</t>
  </si>
  <si>
    <t>GMPS MATTO BHANOKE</t>
  </si>
  <si>
    <t>Mattu Bhano Ke</t>
  </si>
  <si>
    <t>Village .Mattu Bhano ke.  Post Office Buddha Goraya Tehsil Noshehra  Virkan Dist .Gujranwala.</t>
  </si>
  <si>
    <t>Mattu Bhai Ke</t>
  </si>
  <si>
    <t>GMPS MATTUM</t>
  </si>
  <si>
    <t>Mattam</t>
  </si>
  <si>
    <t>mattam</t>
  </si>
  <si>
    <t>Muhammad Rizwan Ishaq</t>
  </si>
  <si>
    <t>GMPS MATUANN WALA</t>
  </si>
  <si>
    <t>chah mattuwala</t>
  </si>
  <si>
    <t>Mattuwala</t>
  </si>
  <si>
    <t>GMPS MATWAN</t>
  </si>
  <si>
    <t>Matwan</t>
  </si>
  <si>
    <t>matwan</t>
  </si>
  <si>
    <t>Jourasian</t>
  </si>
  <si>
    <t>Mehreen Liaqat</t>
  </si>
  <si>
    <t>GMPS MC HABIB COLONY</t>
  </si>
  <si>
    <t>govt mc m p/s habib colony bure wala</t>
  </si>
  <si>
    <t>Ward No 16</t>
  </si>
  <si>
    <t>GMPS MC ISLAM PURA SARGODHA</t>
  </si>
  <si>
    <t>GG MC Model PS No 7  Islam Pura Sargodha</t>
  </si>
  <si>
    <t>Zahida Hayat</t>
  </si>
  <si>
    <t>GMPS MC NO. 2 CHAKWAL</t>
  </si>
  <si>
    <t>Gps mc no2 circular road chakwal</t>
  </si>
  <si>
    <t>Nusrat Shaban</t>
  </si>
  <si>
    <t>GMPS MC NO. 5 JHANG CITY</t>
  </si>
  <si>
    <t>moh. haweli noor khan near sheren chok jhang city</t>
  </si>
  <si>
    <t>muhammad Akhlaq</t>
  </si>
  <si>
    <t>GMPS MC NO. 6 JHANG CITY</t>
  </si>
  <si>
    <t>Hakeem younas road linkroad  old chiniot road Jhang City.</t>
  </si>
  <si>
    <t>muhammad raza malik</t>
  </si>
  <si>
    <t>GMPS MC NO.6 Sadar</t>
  </si>
  <si>
    <t>gmps mc no 6 sadar jhang bazar</t>
  </si>
  <si>
    <t>GMPS MC NO.7</t>
  </si>
  <si>
    <t>Mohallah Bulaq shah</t>
  </si>
  <si>
    <t>Qaisara Qamar</t>
  </si>
  <si>
    <t>GMPS MC RAM DIN BAZAR</t>
  </si>
  <si>
    <t>GMPS MC RAM DIN bazar</t>
  </si>
  <si>
    <t>GMPS MEERAN PUR COLONY</t>
  </si>
  <si>
    <t>khokhar Abad</t>
  </si>
  <si>
    <t>Hina Gul</t>
  </si>
  <si>
    <t>GMPS MEGHA MORE</t>
  </si>
  <si>
    <t>Mega More</t>
  </si>
  <si>
    <t>YASMIN KOUSAR</t>
  </si>
  <si>
    <t>GMPS MEGHA MUKHIAN</t>
  </si>
  <si>
    <t>Takhtmahl Hitaarh</t>
  </si>
  <si>
    <t>Chak Megha Mukhian</t>
  </si>
  <si>
    <t>Megha Mukhian</t>
  </si>
  <si>
    <t>Takhtmahl</t>
  </si>
  <si>
    <t>Rubina Aleem</t>
  </si>
  <si>
    <t>GMPS MEH KALAN</t>
  </si>
  <si>
    <t>village mahay kalan ,p/O sarai Alamgir,tehsil sarai alamgir,distt gujrat.</t>
  </si>
  <si>
    <t>Mahay Kalan</t>
  </si>
  <si>
    <t>GMPS MEHDI PUR</t>
  </si>
  <si>
    <t>Mehdi Pur</t>
  </si>
  <si>
    <t>GMPS MEHMAND TULLAH</t>
  </si>
  <si>
    <t>Mehmondtullah</t>
  </si>
  <si>
    <t>mehmondtullah shahpur</t>
  </si>
  <si>
    <t>ABDUR RAUF SHAH</t>
  </si>
  <si>
    <t>GMPS MEHMAND WALI</t>
  </si>
  <si>
    <t>Mehmandwali</t>
  </si>
  <si>
    <t>gmps mehmand wali...vill&amp;p/o mehmand wali teh pasrur distt sialkot</t>
  </si>
  <si>
    <t>Arfa Mushtaq</t>
  </si>
  <si>
    <t>GMPS MEHMOOD ABAD</t>
  </si>
  <si>
    <t>Mari Shok Shah</t>
  </si>
  <si>
    <t>GMPS Mehmoodabad p/o chak Abdullah</t>
  </si>
  <si>
    <t>Sadia Nayyar</t>
  </si>
  <si>
    <t>GMPS MEHMOOD PURA AKOKA</t>
  </si>
  <si>
    <t>Mehmood Pur Akuka</t>
  </si>
  <si>
    <t>chak Ahmed pur akuka bhawalnagar</t>
  </si>
  <si>
    <t>Ahmed Pur Akuka</t>
  </si>
  <si>
    <t>GMPS MEHMOODA PUR DONGAR</t>
  </si>
  <si>
    <t>Khober Chishti</t>
  </si>
  <si>
    <t>Mehmood Abad,Moza khober chishti,Bahawalnagar</t>
  </si>
  <si>
    <t>GMPS MEHR QULI CHOHAN</t>
  </si>
  <si>
    <t>Mehr Qulli Chohan</t>
  </si>
  <si>
    <t>vill Mehr Qulli Chohan P/O Karounta Tehsil Sohawa Distt Jhelum</t>
  </si>
  <si>
    <t>Veena Khalid</t>
  </si>
  <si>
    <t>GMPS MEHR SHAH WALI NO. 2</t>
  </si>
  <si>
    <t>Ranjhy wala Trag sharqi</t>
  </si>
  <si>
    <t>GMPS MEHRAJKAY</t>
  </si>
  <si>
    <t>Rana Muhammad Aslam</t>
  </si>
  <si>
    <t>GMPS MEHSIAN</t>
  </si>
  <si>
    <t>p/o daulat nagar village mehsian tehsil&amp;district gujrat</t>
  </si>
  <si>
    <t>GMPS MEHSUM</t>
  </si>
  <si>
    <t>GMPS Mehsam post office daulat nagar dist gujrat</t>
  </si>
  <si>
    <t>Mehsam</t>
  </si>
  <si>
    <t>Dhuma Malika</t>
  </si>
  <si>
    <t>Raazia Parveen</t>
  </si>
  <si>
    <t>GMPS MEHTA LOSAR</t>
  </si>
  <si>
    <t>Mehta Lohsar</t>
  </si>
  <si>
    <t>mehta lohsar</t>
  </si>
  <si>
    <t>Saba Shabir</t>
  </si>
  <si>
    <t>GMPS MERAN PINDI</t>
  </si>
  <si>
    <t>meran pindi</t>
  </si>
  <si>
    <t>meran pindi village</t>
  </si>
  <si>
    <t>Sadia Ali</t>
  </si>
  <si>
    <t>GMPS MIAN NAGAR</t>
  </si>
  <si>
    <t>javid colony iqbal abad</t>
  </si>
  <si>
    <t>Javid Colony Iqbal Abad</t>
  </si>
  <si>
    <t>GMPS MIAN PUR MATAM</t>
  </si>
  <si>
    <t>Mian pur</t>
  </si>
  <si>
    <t>Mian put Mahtam</t>
  </si>
  <si>
    <t>Wahi salamat rai</t>
  </si>
  <si>
    <t>GMPS MIAN PUR, JAHANIAN</t>
  </si>
  <si>
    <t>G M P S Mian Pur</t>
  </si>
  <si>
    <t>Shabana Norin</t>
  </si>
  <si>
    <t>GMPS MIAN RODHA SHARIF</t>
  </si>
  <si>
    <t>Zalla Shumali</t>
  </si>
  <si>
    <t>Mian Roda Sharif</t>
  </si>
  <si>
    <t>Shabana Karim</t>
  </si>
  <si>
    <t>GMPS MIANA POTHA</t>
  </si>
  <si>
    <t>Miana Potha</t>
  </si>
  <si>
    <t>village miana potha tehsil gujer khan district rawalpindi</t>
  </si>
  <si>
    <t>GMPS MIANA SEHTAL</t>
  </si>
  <si>
    <t>Miana Sehtal</t>
  </si>
  <si>
    <t>village post office Miana sehtal tehsil Gujar khan</t>
  </si>
  <si>
    <t>Saeeda Kousar</t>
  </si>
  <si>
    <t>GMPS MIANI BORGI</t>
  </si>
  <si>
    <t>Miani Borgi</t>
  </si>
  <si>
    <t>village miani borgi tensile gujarkhan distt Rawalpindi</t>
  </si>
  <si>
    <t>Islampura Jabbar</t>
  </si>
  <si>
    <t>Rubina Tabssam</t>
  </si>
  <si>
    <t>GMPS MIANI MALAH</t>
  </si>
  <si>
    <t>Fazil Shah</t>
  </si>
  <si>
    <t>mohallah fazil shah kot mithan district rajanpur</t>
  </si>
  <si>
    <t>Kot mithan</t>
  </si>
  <si>
    <t>Kiran Ashiq</t>
  </si>
  <si>
    <t>GMPS MIANI MEHMOOD NO. 2</t>
  </si>
  <si>
    <t>GMPS MIANI MOUTHA JALALPUR PIRWALA</t>
  </si>
  <si>
    <t>Basti miani motha p/o kotla chakar jppw</t>
  </si>
  <si>
    <t>Mianii Motha</t>
  </si>
  <si>
    <t>GMPS MIANKAY MORE</t>
  </si>
  <si>
    <t>Phool nagar</t>
  </si>
  <si>
    <t>muhala mian k more, phool nagar, pattoki, kasur</t>
  </si>
  <si>
    <t>Mian k more</t>
  </si>
  <si>
    <t>Abida zafar</t>
  </si>
  <si>
    <t>GMPS MIANWALA</t>
  </si>
  <si>
    <t>village &amp; post office mianwala</t>
  </si>
  <si>
    <t>GMPS MIR HAZAR</t>
  </si>
  <si>
    <t>sekhaniwala road Fazilpur</t>
  </si>
  <si>
    <t>Basti Mir Hazar</t>
  </si>
  <si>
    <t>Peer Bux East</t>
  </si>
  <si>
    <t>GMPS MIRDAH</t>
  </si>
  <si>
    <t>Mirdah</t>
  </si>
  <si>
    <t>Distt Gujrat Teh kharian post office lalamusa village Mirdah</t>
  </si>
  <si>
    <t>Misbah shaheen</t>
  </si>
  <si>
    <t>GMPS MIRKO</t>
  </si>
  <si>
    <t>MIRKOH</t>
  </si>
  <si>
    <t>MIRKOH p/o Dhadhu basra Teh. Daska Distt. Sialkot</t>
  </si>
  <si>
    <t>Mundaki Goraya</t>
  </si>
  <si>
    <t>Shakeela Akhtar</t>
  </si>
  <si>
    <t>GMPS MIRZA ABAD</t>
  </si>
  <si>
    <t>Mirza Abad</t>
  </si>
  <si>
    <t>GMPS Mirza abad</t>
  </si>
  <si>
    <t>Pinawal</t>
  </si>
  <si>
    <t>GMPS MIRZA PUR</t>
  </si>
  <si>
    <t>nangal duna singh</t>
  </si>
  <si>
    <t>village mirza pur tehseel kamoki district gujranwala</t>
  </si>
  <si>
    <t>Mirza pur</t>
  </si>
  <si>
    <t>Zille Huma</t>
  </si>
  <si>
    <t>GMPS MITHAN KOT NO. 3</t>
  </si>
  <si>
    <t>near darbar road kot mithan</t>
  </si>
  <si>
    <t>Rizwana Nazir</t>
  </si>
  <si>
    <t>GMPS MITHAN KOT NO. 4</t>
  </si>
  <si>
    <t>Kotmithn</t>
  </si>
  <si>
    <t>G M-P/S no 4 KOTMITHAN</t>
  </si>
  <si>
    <t>Mc KOTMITHAN</t>
  </si>
  <si>
    <t>GMPS MITHAN KOT NO. 5</t>
  </si>
  <si>
    <t>kot mitham</t>
  </si>
  <si>
    <t>Shams Munaza</t>
  </si>
  <si>
    <t>GMPS MITTHA TOTA SHUJA ABAD</t>
  </si>
  <si>
    <t>Chah Mitha Tota Moza Basti Mithu Shujabqad</t>
  </si>
  <si>
    <t>Mitha Tota</t>
  </si>
  <si>
    <t>Javaid Akhter</t>
  </si>
  <si>
    <t>GMPS MOAZZAM ABAD</t>
  </si>
  <si>
    <t>Moizamabad P o kotli loharan West teh&amp;distt sialkot</t>
  </si>
  <si>
    <t>Surayya Bashir Mughal</t>
  </si>
  <si>
    <t>GMPS MOCHI PANUHAN</t>
  </si>
  <si>
    <t>basti zaildar wali mochi panuhan</t>
  </si>
  <si>
    <t>Mochi Panuhaan</t>
  </si>
  <si>
    <t>GMPS MOCHI PURA SHUJABAD DISTT. MULTAN</t>
  </si>
  <si>
    <t>GMPS mochi pura</t>
  </si>
  <si>
    <t>GMPS MOCHI WALA</t>
  </si>
  <si>
    <t>mochiwala</t>
  </si>
  <si>
    <t>Movhiwala</t>
  </si>
  <si>
    <t>GMPS MODEL BASTI BALOCHAN</t>
  </si>
  <si>
    <t>Dara Gobind</t>
  </si>
  <si>
    <t>GMPS Basti Balouchan</t>
  </si>
  <si>
    <t>GMPS MODEL CHAK NO 12 WB</t>
  </si>
  <si>
    <t>gmps 12wb vehare</t>
  </si>
  <si>
    <t>12/wb</t>
  </si>
  <si>
    <t>Sumera Ramzan</t>
  </si>
  <si>
    <t>GMPS MODEL CHAK NO 42-44 ML</t>
  </si>
  <si>
    <t>GGPS 42-44M/L</t>
  </si>
  <si>
    <t>42-44M/L</t>
  </si>
  <si>
    <t>Raqeeba Khanum</t>
  </si>
  <si>
    <t>GMPS MODEL CHHANI TAJA REHAN</t>
  </si>
  <si>
    <t>Channi Taja Rehan</t>
  </si>
  <si>
    <t>Ggmps Channi Taja Rehan</t>
  </si>
  <si>
    <t>Channi TAJA REHAN</t>
  </si>
  <si>
    <t>Laksia</t>
  </si>
  <si>
    <t>GMPS MODEL DEHDAR</t>
  </si>
  <si>
    <t>Deedar</t>
  </si>
  <si>
    <t>village Deedar Tehsil &amp; District Rawalpindi.</t>
  </si>
  <si>
    <t>Memoona Liaqat</t>
  </si>
  <si>
    <t>GMPS MODEL DHOK MAJEED</t>
  </si>
  <si>
    <t>Raika maira</t>
  </si>
  <si>
    <t>gmpsdhokemajeed</t>
  </si>
  <si>
    <t>GMPS MODEL DINNAR</t>
  </si>
  <si>
    <t>Dinar</t>
  </si>
  <si>
    <t>GMPS MODEL GHELA KHURD</t>
  </si>
  <si>
    <t>village gheela  khurd  post office  chakri</t>
  </si>
  <si>
    <t>ANEELA BIBI</t>
  </si>
  <si>
    <t>GMPS MODEL HARNIAN WALA</t>
  </si>
  <si>
    <t>GMPS Harnian Wala</t>
  </si>
  <si>
    <t>Village and post office Harnian wala tehsil rawalpindi</t>
  </si>
  <si>
    <t>Harnain Wala</t>
  </si>
  <si>
    <t>Zahoor Akhtar</t>
  </si>
  <si>
    <t>GMPS MODEL JHOK FAQIR ATTA MUHAMMAD</t>
  </si>
  <si>
    <t>Jhok Faqir</t>
  </si>
  <si>
    <t>GMPS Jhok Faqir Atta Mohammad P / O Notak Tehsil  &amp; District Bhakkar</t>
  </si>
  <si>
    <t>Ammara Gul</t>
  </si>
  <si>
    <t>GMPS MODEL JOHAD</t>
  </si>
  <si>
    <t>vill Johad po chakri Rwp</t>
  </si>
  <si>
    <t>Johad</t>
  </si>
  <si>
    <t>shahida tasnim</t>
  </si>
  <si>
    <t>GMPS MODEL KALI BAIR</t>
  </si>
  <si>
    <t>kalibair tehsil distt nankana sahib</t>
  </si>
  <si>
    <t>Khiray Kalan</t>
  </si>
  <si>
    <t>Tasneem Tahir</t>
  </si>
  <si>
    <t>GMPS MODEL KHINGER</t>
  </si>
  <si>
    <t>post office sihal and village khinger</t>
  </si>
  <si>
    <t>Uzma Tanveer</t>
  </si>
  <si>
    <t>GMPS MODEL LADWA</t>
  </si>
  <si>
    <t>LADWA</t>
  </si>
  <si>
    <t>VILLAGE   LADWA P.O DHANDA TEHSIL AND DISTRICT RAWALPINDI</t>
  </si>
  <si>
    <t>DHANDA</t>
  </si>
  <si>
    <t>zubaria safeer</t>
  </si>
  <si>
    <t>GMPS MODEL LAMERAN</t>
  </si>
  <si>
    <t>Lameran</t>
  </si>
  <si>
    <t>village lameran,rwp</t>
  </si>
  <si>
    <t>Kilian Hameed</t>
  </si>
  <si>
    <t>SALMA BANO</t>
  </si>
  <si>
    <t>GMPS MODEL LANDA MIRA</t>
  </si>
  <si>
    <t>p.o.chach..vill.lunda maira</t>
  </si>
  <si>
    <t>Lunda Maira</t>
  </si>
  <si>
    <t>noshia asghar</t>
  </si>
  <si>
    <t>GMPS MODEL MOHRA</t>
  </si>
  <si>
    <t>village Mohra p / o Chakri teh &amp; distt Rwp</t>
  </si>
  <si>
    <t>Qurat ul Ain Bashir</t>
  </si>
  <si>
    <t>GMPS MODEL NALI WALA</t>
  </si>
  <si>
    <t>Govt. girls P.S Naliwala</t>
  </si>
  <si>
    <t>Naliwala</t>
  </si>
  <si>
    <t>Dherey Da Wara</t>
  </si>
  <si>
    <t>GmPS MODEL PEER ALLAH DITTA SHAH</t>
  </si>
  <si>
    <t>Shair Garwan</t>
  </si>
  <si>
    <t>BASTI MEHDI SHAH P/O SAMA SATTAH</t>
  </si>
  <si>
    <t>MEHDI SHAH</t>
  </si>
  <si>
    <t>Nadira Firdous</t>
  </si>
  <si>
    <t>GMPS MODEL PIND MALHO</t>
  </si>
  <si>
    <t>Pind Malhu</t>
  </si>
  <si>
    <t>village and p.o Pind malhu tehsil and district rawalpindi</t>
  </si>
  <si>
    <t>Shagufta Naheed</t>
  </si>
  <si>
    <t>GMPS MODEL SAGWAN</t>
  </si>
  <si>
    <t>Saggu Shumali Dagar</t>
  </si>
  <si>
    <t>saggu shumali Teh.Kallur Kot District Bhakkar</t>
  </si>
  <si>
    <t>Noon Dagger</t>
  </si>
  <si>
    <t>FATIMA AROOJ</t>
  </si>
  <si>
    <t>GMPS MODEL TIBBI DATA KHAN</t>
  </si>
  <si>
    <t>Tibbi Data khan</t>
  </si>
  <si>
    <t>mouza tibi data khan po nor pur nourunga tehsil sader dist bwp</t>
  </si>
  <si>
    <t>Tibbi Data Khan</t>
  </si>
  <si>
    <t>Hajra Hassan</t>
  </si>
  <si>
    <t>GMPS MODEL TIBBI DILMEER</t>
  </si>
  <si>
    <t>tibbi Dulmeer</t>
  </si>
  <si>
    <t>chah tahli wala moza tibbi dulmeer Lahore road chiniot</t>
  </si>
  <si>
    <t>GMPS MOEL BHARMI CHIRAGH SHAH</t>
  </si>
  <si>
    <t>Bait Makhi</t>
  </si>
  <si>
    <t>bharmi chargh shah</t>
  </si>
  <si>
    <t>Bharmi Chargh</t>
  </si>
  <si>
    <t>GMPS MOH KALYAR KUNDIAN</t>
  </si>
  <si>
    <t>Kundian Paka</t>
  </si>
  <si>
    <t>GMPS MOHALLAH Kalyar kundian</t>
  </si>
  <si>
    <t>Zunaira Farooq</t>
  </si>
  <si>
    <t>GMPS MOHABTA GONDAL</t>
  </si>
  <si>
    <t>Mohabta Gondal</t>
  </si>
  <si>
    <t>P.O. Gondal Tehsil Shahpur District Sargodha</t>
  </si>
  <si>
    <t>GMPS MOHAL</t>
  </si>
  <si>
    <t>village mohal p. o.box dina tehsil dina distt Jhelum</t>
  </si>
  <si>
    <t>GMPS MOHALLA ALAM SHER JOYIA</t>
  </si>
  <si>
    <t>GMPS MOHALLA ALAMSHER AINO</t>
  </si>
  <si>
    <t>Qumer un nisa</t>
  </si>
  <si>
    <t>GMPS MOHALLA AWAN</t>
  </si>
  <si>
    <t>moza giamal tehseel rojhan</t>
  </si>
  <si>
    <t>Basti Punjabi</t>
  </si>
  <si>
    <t>Ramzana Naz</t>
  </si>
  <si>
    <t>GMPS MOHALLA LANGRIAN</t>
  </si>
  <si>
    <t>Mohla langrial</t>
  </si>
  <si>
    <t>Mohla. langrial. p/o jalzl pur. jattan. Gujrat</t>
  </si>
  <si>
    <t>Jalal pur jattan</t>
  </si>
  <si>
    <t>Asma Naseem</t>
  </si>
  <si>
    <t>GMPS MOHALLA NASIR ABAD</t>
  </si>
  <si>
    <t>TURKABAD COLONY</t>
  </si>
  <si>
    <t>GMPS MOHALLAH DABKRAN</t>
  </si>
  <si>
    <t>Mehboob Colony near Iqbal Garden Jhang Sadar</t>
  </si>
  <si>
    <t>GMPS MOHALLAH SHAH ABAD</t>
  </si>
  <si>
    <t>Shahabad</t>
  </si>
  <si>
    <t>Mohalla Shahabad</t>
  </si>
  <si>
    <t>Amber Khalil</t>
  </si>
  <si>
    <t>GMPS MOHAN PUR</t>
  </si>
  <si>
    <t>Mouza Mohan  Pur Sharqi</t>
  </si>
  <si>
    <t>Chan Sammy wala moza mohan pur sharqi shujabad</t>
  </si>
  <si>
    <t>Sammay Wala</t>
  </si>
  <si>
    <t>GMPS MOHAN PUR SYEDAN</t>
  </si>
  <si>
    <t>Mohan pur Syedan</t>
  </si>
  <si>
    <t>Mohan Pur syedan</t>
  </si>
  <si>
    <t>Mohan Pur Syedan</t>
  </si>
  <si>
    <t>Tehmina Seraj Din</t>
  </si>
  <si>
    <t>GMPS MOHANA SANDILA</t>
  </si>
  <si>
    <t>Mohana Sandila</t>
  </si>
  <si>
    <t>mohana sandila,markaz khan bela,tehsil j.p.p.w,zila multan</t>
  </si>
  <si>
    <t>GMPS MOHAR</t>
  </si>
  <si>
    <t>mohar, teh.NWR district GRW</t>
  </si>
  <si>
    <t>Mohar</t>
  </si>
  <si>
    <t>Shamsa Dhahda</t>
  </si>
  <si>
    <t>Shafaaqat Ali</t>
  </si>
  <si>
    <t>GMPS MOHARI</t>
  </si>
  <si>
    <t>village Mohri p/o ganga pind teh Hassan Abdal district Attock</t>
  </si>
  <si>
    <t>GMPS MOHIB PUR ZAREEN</t>
  </si>
  <si>
    <t>near post office village Mohibpur zareen</t>
  </si>
  <si>
    <t>GMPS MOHLA KALAN</t>
  </si>
  <si>
    <t>Mohla Kalan</t>
  </si>
  <si>
    <t>mohla Kalan district gujrat</t>
  </si>
  <si>
    <t>GMPS MOHRA</t>
  </si>
  <si>
    <t>GGMPS Mohra numb ro mall phgwari murree rwp</t>
  </si>
  <si>
    <t>Numb Ro Mall</t>
  </si>
  <si>
    <t>Sadaf Shafiq</t>
  </si>
  <si>
    <t>GMPS MOHRA BHATAN</t>
  </si>
  <si>
    <t>Mohra Bhattan</t>
  </si>
  <si>
    <t>village Mohra bhattan @ g mail.com</t>
  </si>
  <si>
    <t>GMPS MOHRA HIRAN</t>
  </si>
  <si>
    <t>village Mohra Hiran teh Kallar Syedan dist rwp</t>
  </si>
  <si>
    <t>Mohra Hiran</t>
  </si>
  <si>
    <t>GMPS MOHRA KHATRAN</t>
  </si>
  <si>
    <t>Mohra khatran p/o Hassanabdal Distt Attock</t>
  </si>
  <si>
    <t>Mohra khatran</t>
  </si>
  <si>
    <t>pindmehri</t>
  </si>
  <si>
    <t>GMPS MOHRA QAZI</t>
  </si>
  <si>
    <t>Mohra qazi</t>
  </si>
  <si>
    <t>Mohra  qazi post  office karyala tehsil and district chakwal</t>
  </si>
  <si>
    <t>GMPS MOHRA RAJGAN</t>
  </si>
  <si>
    <t>Mohra Rajgan</t>
  </si>
  <si>
    <t>Vil Mohra Rajgan Post office Lehr sultan pur Teh choa ss Dis chakwal</t>
  </si>
  <si>
    <t>Naveeda Kausar</t>
  </si>
  <si>
    <t>GMPS MOHRA SHARIF</t>
  </si>
  <si>
    <t>mohra sharif</t>
  </si>
  <si>
    <t>p/o kashmiri bazar vill mohra sharif</t>
  </si>
  <si>
    <t>Nasira Altaf</t>
  </si>
  <si>
    <t>spring water</t>
  </si>
  <si>
    <t>GMPS MOHRA SHEIKHAN</t>
  </si>
  <si>
    <t>mohra sheikhan</t>
  </si>
  <si>
    <t>vill mohra sheikhan post office mohra kor chashaim teh &amp; distt chakwal</t>
  </si>
  <si>
    <t>shamim-ur-rehman</t>
  </si>
  <si>
    <t>GMPS MOHREKAY JAJJA</t>
  </si>
  <si>
    <t>Mohrikey Jajja</t>
  </si>
  <si>
    <t>Post office &amp; village mohrikey jajj teh pasrur dist sialkot</t>
  </si>
  <si>
    <t>GMPS MOHRI KHATRAN</t>
  </si>
  <si>
    <t>Mohri Khatran</t>
  </si>
  <si>
    <t>village Mohri Khatran Post Office Qutbal</t>
  </si>
  <si>
    <t>Mohri Khatran Enrollment</t>
  </si>
  <si>
    <t>Shafqat Jabeen</t>
  </si>
  <si>
    <t>GMPS MOHRI WAL</t>
  </si>
  <si>
    <t>Mohriwal</t>
  </si>
  <si>
    <t>GMPS MOHRIWAL</t>
  </si>
  <si>
    <t>GMPS MONAN</t>
  </si>
  <si>
    <t>village monan PO gharmala jhelum</t>
  </si>
  <si>
    <t>Maryam Saghir</t>
  </si>
  <si>
    <t>GMPS MONGAR</t>
  </si>
  <si>
    <t>village mongar p/o kotli loharan west district Sialkot</t>
  </si>
  <si>
    <t>GMPS MONI WALA</t>
  </si>
  <si>
    <t>MONIWALA</t>
  </si>
  <si>
    <t>MONIWALA, TEHSIL RENALA KHURD, DISTRICT OKARA</t>
  </si>
  <si>
    <t>MALIK NOOR HASSAN</t>
  </si>
  <si>
    <t>GMPS MORJHANG</t>
  </si>
  <si>
    <t>Morjhang</t>
  </si>
  <si>
    <t>village Morjhang post office Rupper kalan</t>
  </si>
  <si>
    <t>Iram Bibi</t>
  </si>
  <si>
    <t>GMPS MOUCHA</t>
  </si>
  <si>
    <t>village moucha, post office karore, kotli sattian Rawalpindi.</t>
  </si>
  <si>
    <t>Moucha</t>
  </si>
  <si>
    <t>Saima Yasir</t>
  </si>
  <si>
    <t>GMPS MOUZA ALI KHANANA</t>
  </si>
  <si>
    <t>near katcha pakka ahmad pur road moza ali khanana</t>
  </si>
  <si>
    <t>GMPS MOUZA JANA</t>
  </si>
  <si>
    <t>Moza Jana  Teh. A P Sial Jhang</t>
  </si>
  <si>
    <t>Moza Jana</t>
  </si>
  <si>
    <t>Ghudara</t>
  </si>
  <si>
    <t>GMPS MOUZA JUSSA</t>
  </si>
  <si>
    <t>moza jussa</t>
  </si>
  <si>
    <t>Muhammad SIDDIQUE</t>
  </si>
  <si>
    <t>GMPS MOUZA RAJIB KATHIA</t>
  </si>
  <si>
    <t>Rajab Katha</t>
  </si>
  <si>
    <t>mouza rajab kathia</t>
  </si>
  <si>
    <t>Mouza Rajab Katha</t>
  </si>
  <si>
    <t>Amina Ashraf</t>
  </si>
  <si>
    <t>GMPS MOZA KIRTOO</t>
  </si>
  <si>
    <t>Moza kirto</t>
  </si>
  <si>
    <t>Moza KIRTO</t>
  </si>
  <si>
    <t>Asma Jamshaid</t>
  </si>
  <si>
    <t>GMPS MOZA MURAD WALA</t>
  </si>
  <si>
    <t>Moza Murad Wala</t>
  </si>
  <si>
    <t>GmPS MUBARAY WALA</t>
  </si>
  <si>
    <t>Mubharaywala</t>
  </si>
  <si>
    <t>mubharaywala sahiwal sargodha</t>
  </si>
  <si>
    <t>Rakh Sahiwal 133</t>
  </si>
  <si>
    <t>GMPS MUD AHMED BUX BOHAR</t>
  </si>
  <si>
    <t>basti bohar maoza rakh raikh</t>
  </si>
  <si>
    <t>Pir Ba Sharki</t>
  </si>
  <si>
    <t>Sabira Hafeez</t>
  </si>
  <si>
    <t>GMPS MUD MOULVI</t>
  </si>
  <si>
    <t>MUD MOLVI</t>
  </si>
  <si>
    <t>BAMBKA MUD MOLVI P/O KOT MITHAN</t>
  </si>
  <si>
    <t>MURGHAI</t>
  </si>
  <si>
    <t>Talat Bibi</t>
  </si>
  <si>
    <t>GMPS MUGHLAY WALA</t>
  </si>
  <si>
    <t>Mughlay Wala</t>
  </si>
  <si>
    <t>GMPS MUGHRANI</t>
  </si>
  <si>
    <t>GMPS Mughrani pacca laran tehsil Liaquat pur Disst Rahim Year Khan</t>
  </si>
  <si>
    <t>Hina  Kanwal</t>
  </si>
  <si>
    <t>GMPS MUHAMMAD BUX DAHA</t>
  </si>
  <si>
    <t>GMPS Muhammad Bux Daha</t>
  </si>
  <si>
    <t>Rais Muhammad Bux</t>
  </si>
  <si>
    <t>GMPS MUHAMMAD KHAN JATOI</t>
  </si>
  <si>
    <t>M Khan Jatoi p/o chak abbas Teh &amp;Dis Rahim yar Khan</t>
  </si>
  <si>
    <t>M Khan Jatoi</t>
  </si>
  <si>
    <t>Bushra Majeed</t>
  </si>
  <si>
    <t>GMPS MUHAMMAD PUR</t>
  </si>
  <si>
    <t>Peer Tannu</t>
  </si>
  <si>
    <t>gmps.pumamad.pur</t>
  </si>
  <si>
    <t>Malkani Wala</t>
  </si>
  <si>
    <t>GMPS MUHAMMAD PUR GHOTA MULTAN</t>
  </si>
  <si>
    <t>Muhammad Pur Ghota Multan</t>
  </si>
  <si>
    <t>Muhammad Pur  Ghota Multan</t>
  </si>
  <si>
    <t>Muhammad Pur Ghota</t>
  </si>
  <si>
    <t>Samar  Ara Firdous</t>
  </si>
  <si>
    <t>GMPS MUHAMMADI RAN WALI</t>
  </si>
  <si>
    <t>post office nawanbaigraj</t>
  </si>
  <si>
    <t>MUHAMMADi Ran WALi</t>
  </si>
  <si>
    <t>Salem Akhtar</t>
  </si>
  <si>
    <t>GMPS MUHAMMADIAN WALA</t>
  </si>
  <si>
    <t>Mohamdianwala</t>
  </si>
  <si>
    <t>Muhammdian Wala</t>
  </si>
  <si>
    <t>Zeba Batool</t>
  </si>
  <si>
    <t>GMPS MUIT WALA</t>
  </si>
  <si>
    <t>Mat Wala</t>
  </si>
  <si>
    <t>Mat wala teh  MinchinAbad  BWN</t>
  </si>
  <si>
    <t>GMPS MUJAHID ABAD</t>
  </si>
  <si>
    <t>GMPS Mujahidabad</t>
  </si>
  <si>
    <t>AP Sial</t>
  </si>
  <si>
    <t>GMPS MULO WALI</t>
  </si>
  <si>
    <t>Mulowali</t>
  </si>
  <si>
    <t>govt model primary school mulowali</t>
  </si>
  <si>
    <t>Mulo Wali</t>
  </si>
  <si>
    <t>Allay Wali Wasti</t>
  </si>
  <si>
    <t>GMPS MUMDANI</t>
  </si>
  <si>
    <t>Mumdani</t>
  </si>
  <si>
    <t>Government Model Primary School Mumdani</t>
  </si>
  <si>
    <t>Doalt Wala</t>
  </si>
  <si>
    <t>GMPS MUMTAZ ABAD</t>
  </si>
  <si>
    <t>Thatti Hanakin</t>
  </si>
  <si>
    <t>Fill. Thatti Hanakin teh Sahiwal Distt. Sargodha</t>
  </si>
  <si>
    <t>Fehmida Kousar</t>
  </si>
  <si>
    <t>GMPS MUND</t>
  </si>
  <si>
    <t>village mand near p.o ada kassowala</t>
  </si>
  <si>
    <t>GMPS MUNDAIR KALAN</t>
  </si>
  <si>
    <t>Mandair Kalan</t>
  </si>
  <si>
    <t>mundair kalan</t>
  </si>
  <si>
    <t>Zeenat Shehla</t>
  </si>
  <si>
    <t>GMPS MUNIR ABAD CHAK BANDI</t>
  </si>
  <si>
    <t>GPS Munirabad chakbandi chiniot</t>
  </si>
  <si>
    <t>Jappy 125</t>
  </si>
  <si>
    <t>GMPS MUNIR ABAD CHAK NO 505</t>
  </si>
  <si>
    <t>Chak 505</t>
  </si>
  <si>
    <t>Chak No. 505 Munirabad</t>
  </si>
  <si>
    <t>Chak No 505 Munirabad</t>
  </si>
  <si>
    <t>NUSRAT BANO</t>
  </si>
  <si>
    <t>GMPS MURADIAN WALI</t>
  </si>
  <si>
    <t>Muradanwali</t>
  </si>
  <si>
    <t>dhoke muradan wali vpo nagail p.d.khan jhelum</t>
  </si>
  <si>
    <t>GMPS MURARIAN</t>
  </si>
  <si>
    <t>Village : Murarian, Post Office :Khawas Pur,Tehsil :Kharian, District :Gujrat</t>
  </si>
  <si>
    <t>Sadia Ameen</t>
  </si>
  <si>
    <t>GMPS MUSA ALI KHAK, TULAMBA</t>
  </si>
  <si>
    <t>Musa Ali Khakh</t>
  </si>
  <si>
    <t>GMPS, Moza Musa Ali Khakh, Teh. Mian Channu, District Khanewal</t>
  </si>
  <si>
    <t>GMPS MUSA KAMALA</t>
  </si>
  <si>
    <t>Musa Kamala</t>
  </si>
  <si>
    <t>Govt. Model primary school Musa Kamala Tehsil &amp; District Gujrat</t>
  </si>
  <si>
    <t>GMPS MUSA KHAN ABAD TARAG</t>
  </si>
  <si>
    <t>moosa khan abad trag</t>
  </si>
  <si>
    <t>ZUBAIDA KOUSAR</t>
  </si>
  <si>
    <t>GMPS MUSALMANIAN</t>
  </si>
  <si>
    <t>musalmanian</t>
  </si>
  <si>
    <t>Golatian Kalan</t>
  </si>
  <si>
    <t>GMPS MUZAFFAR</t>
  </si>
  <si>
    <t>Muzaffar</t>
  </si>
  <si>
    <t>village muzaffar p o kalaswala tehsil pasrur district sialkot</t>
  </si>
  <si>
    <t>GMPS MUZAFFAR KHELAN WALA PIPLAN</t>
  </si>
  <si>
    <t>moh muzafar khailan wala piplan</t>
  </si>
  <si>
    <t>MC piplan</t>
  </si>
  <si>
    <t>Ghulam Layla</t>
  </si>
  <si>
    <t>GMPS MUZAFFAR KOHNA</t>
  </si>
  <si>
    <t>Muzaffer Kohna</t>
  </si>
  <si>
    <t>Muzaffer Kohna Tehsil and District Hafizabad</t>
  </si>
  <si>
    <t>Sana Razaq</t>
  </si>
  <si>
    <t>GMPS MUZAFFAR PUR COLONY</t>
  </si>
  <si>
    <t>Muzafar Pur Janubi</t>
  </si>
  <si>
    <t>kanalColony  wan bhachran</t>
  </si>
  <si>
    <t>Muzafar Pur Janobi Wan Bhachran</t>
  </si>
  <si>
    <t>GMPS NACHING</t>
  </si>
  <si>
    <t>BAIT KAITCH</t>
  </si>
  <si>
    <t>BAIT KAITCH BASTI NACHING TEHSIL JALAL PUR</t>
  </si>
  <si>
    <t>NACHING</t>
  </si>
  <si>
    <t>BAIT KAITCH Janubi</t>
  </si>
  <si>
    <t>Asia Manzoor</t>
  </si>
  <si>
    <t>GMPS NADALA PACCA</t>
  </si>
  <si>
    <t>Naddala Pacca</t>
  </si>
  <si>
    <t>Nadala pacca</t>
  </si>
  <si>
    <t>GMPS NADHA GHAR</t>
  </si>
  <si>
    <t>Nadha Ghar</t>
  </si>
  <si>
    <t>mouza bhone tehsil  and district jhang</t>
  </si>
  <si>
    <t>Arifa Yasmeen</t>
  </si>
  <si>
    <t>GMPS NAFRIAN</t>
  </si>
  <si>
    <t>Nafrian</t>
  </si>
  <si>
    <t>Nafrian thimka J,P,J Gujrat</t>
  </si>
  <si>
    <t>GMPS NAGIAL</t>
  </si>
  <si>
    <t>vpo Nagial tehsil p. d.khan  district jhelum</t>
  </si>
  <si>
    <t>Jalal Pur Sharf</t>
  </si>
  <si>
    <t>GMPS NAGIAL PHALWAN</t>
  </si>
  <si>
    <t>Nagail Pehlwan</t>
  </si>
  <si>
    <t>Gmps nagail pehlwan</t>
  </si>
  <si>
    <t>tehmina nazli</t>
  </si>
  <si>
    <t>GMPS NAGREY BHATTI</t>
  </si>
  <si>
    <t>Nangrey Bhatti</t>
  </si>
  <si>
    <t>nangrey bhatti  ,kamoki,dist,gujranwala</t>
  </si>
  <si>
    <t>Ghaniya</t>
  </si>
  <si>
    <t>GMPS NAI ABADI KOTLA NASEER</t>
  </si>
  <si>
    <t>NAI ABADI KOTLA NASEER</t>
  </si>
  <si>
    <t>KHAJI WALA</t>
  </si>
  <si>
    <t>Sumaira Ahmed</t>
  </si>
  <si>
    <t>GMPS NAI ABADI MANCHAR CHATHA</t>
  </si>
  <si>
    <t>Man char Chatha</t>
  </si>
  <si>
    <t>GMPS nai abaadi manchar chatha</t>
  </si>
  <si>
    <t>Kalayanwala</t>
  </si>
  <si>
    <t>GMPS NAI ABADI SOHAWA</t>
  </si>
  <si>
    <t>mohalla nai abadi ward no 5 post office sohawa teh sohawa distt jhelum</t>
  </si>
  <si>
    <t>Sadaf Kayani</t>
  </si>
  <si>
    <t>GMPS NAI KAY HITHAR</t>
  </si>
  <si>
    <t>Nayy Kay Hithar</t>
  </si>
  <si>
    <t>nayy kay hithar</t>
  </si>
  <si>
    <t>Bhadar Pura</t>
  </si>
  <si>
    <t>KAUSAR PARVEEN</t>
  </si>
  <si>
    <t>GMPS NAI WALA CHAH NAZIM ABAD</t>
  </si>
  <si>
    <t>17 kasi budhla road, moza naiwala multan</t>
  </si>
  <si>
    <t>Chah Nizamwala</t>
  </si>
  <si>
    <t>GMPS NAIWALA</t>
  </si>
  <si>
    <t>nai Wala more khunda</t>
  </si>
  <si>
    <t>Aneela Latif</t>
  </si>
  <si>
    <t>GMPS NAJAN</t>
  </si>
  <si>
    <t>Najan</t>
  </si>
  <si>
    <t>GMPS najan</t>
  </si>
  <si>
    <t>GMPS NAJEEB ABAD</t>
  </si>
  <si>
    <t>Najeeb Abad</t>
  </si>
  <si>
    <t>Najeeb abad</t>
  </si>
  <si>
    <t>Nathy  Wala</t>
  </si>
  <si>
    <t>Tayyiba Shafique</t>
  </si>
  <si>
    <t>GMPS NAKHNAL</t>
  </si>
  <si>
    <t>nakhnal p/o nakhnal</t>
  </si>
  <si>
    <t>GMPS NAKI</t>
  </si>
  <si>
    <t>Naki</t>
  </si>
  <si>
    <t>naki</t>
  </si>
  <si>
    <t>Sumera Parveen</t>
  </si>
  <si>
    <t>GMPS NAKKA KHURD</t>
  </si>
  <si>
    <t>NAKKA Khurd</t>
  </si>
  <si>
    <t>village and P.o NAKKA Khurd teh and district Jhelum</t>
  </si>
  <si>
    <t>GMPS NAKKE WAL</t>
  </si>
  <si>
    <t>Nakkaywal</t>
  </si>
  <si>
    <t>P.O.Nakkewal Tehsile.Malakwal</t>
  </si>
  <si>
    <t>Nakkewal</t>
  </si>
  <si>
    <t>Fazeelat Rani</t>
  </si>
  <si>
    <t>GMPS NAKKI CHATTA</t>
  </si>
  <si>
    <t>Nakki Chatha</t>
  </si>
  <si>
    <t>nakki Chatha. p.O QADIR ABAD COLONY.TEHSIL. TEH&amp;DIST.HAFIZABAD</t>
  </si>
  <si>
    <t>GMPS NAKODAR (SHEENBAGH)</t>
  </si>
  <si>
    <t>dhoke nakodar,village mari kanjoor</t>
  </si>
  <si>
    <t>Maimooona Bibi</t>
  </si>
  <si>
    <t>GMPS NALI</t>
  </si>
  <si>
    <t>village Nali tehsil choa saiden shah distt chakwal</t>
  </si>
  <si>
    <t>Shabana Batool</t>
  </si>
  <si>
    <t>GMPS NALI MOHAL</t>
  </si>
  <si>
    <t>Nali Mohal</t>
  </si>
  <si>
    <t>GMPS NALI MOHL</t>
  </si>
  <si>
    <t>NALI Mohl</t>
  </si>
  <si>
    <t>GMPS NAMDAR SIAL</t>
  </si>
  <si>
    <t>Namdar Sial</t>
  </si>
  <si>
    <t>mouza namdar sial</t>
  </si>
  <si>
    <t>Mubashir Ali</t>
  </si>
  <si>
    <t>GMPS NAND PUR</t>
  </si>
  <si>
    <t>GMPS NAND PUR JALAL PUR JATTAN</t>
  </si>
  <si>
    <t>GMPS NAND PUR GHARBI</t>
  </si>
  <si>
    <t>Nand Pur Gharbi</t>
  </si>
  <si>
    <t>Nand Pur gharbi p/I verowala sambrial sialkot</t>
  </si>
  <si>
    <t>Rabia Rustam</t>
  </si>
  <si>
    <t>GMPS NANGAL BAJWA</t>
  </si>
  <si>
    <t>Nangal Bajwa</t>
  </si>
  <si>
    <t>nangal bajwa tehsilpasrur distt sialkot p/o mundaki bariya</t>
  </si>
  <si>
    <t>GMPS NAR SINGH</t>
  </si>
  <si>
    <t>Narsingh</t>
  </si>
  <si>
    <t>Narsingh p/o Chobara Tehsil Pasrur district Sialkot</t>
  </si>
  <si>
    <t>Zain Zia</t>
  </si>
  <si>
    <t>GMPS NARAR</t>
  </si>
  <si>
    <t>gmps narar</t>
  </si>
  <si>
    <t>Bihalian Narar</t>
  </si>
  <si>
    <t>Saleha Zamurad</t>
  </si>
  <si>
    <t>GMPS NARI KHORI</t>
  </si>
  <si>
    <t>Post Office Rajar Nari Khorian Rawalpindi</t>
  </si>
  <si>
    <t>Nari Khorian</t>
  </si>
  <si>
    <t>Ghulam Zaitoon</t>
  </si>
  <si>
    <t>GMPS NAROKAY</t>
  </si>
  <si>
    <t>Narokay</t>
  </si>
  <si>
    <t>Narokay. p/o kohlowala  Gujranwala</t>
  </si>
  <si>
    <t>samina Hanif</t>
  </si>
  <si>
    <t>GMPS NAROOL</t>
  </si>
  <si>
    <t>Narool</t>
  </si>
  <si>
    <t>basti jam allah rakha monza narool</t>
  </si>
  <si>
    <t>Bait Katich Shumali</t>
  </si>
  <si>
    <t>GMPS NARYALA</t>
  </si>
  <si>
    <t>Naryala</t>
  </si>
  <si>
    <t>GMPS Naryala</t>
  </si>
  <si>
    <t>GMPS NASEER ABAD</t>
  </si>
  <si>
    <t>gmps naseer abad 9 meal chack koriana north jhang</t>
  </si>
  <si>
    <t>Basti Naseer Abad</t>
  </si>
  <si>
    <t>Rabia Hanif</t>
  </si>
  <si>
    <t>GMPS NASEER ABAD DERA TAJEY WALA</t>
  </si>
  <si>
    <t>naseerabad dera tajey wala</t>
  </si>
  <si>
    <t>Sonia Naseer</t>
  </si>
  <si>
    <t>GMPS NASEER PUR KHURD</t>
  </si>
  <si>
    <t>Naseer Pur Khurd</t>
  </si>
  <si>
    <t>Naseer pur khurd teh. kotmoman dist sargodha</t>
  </si>
  <si>
    <t>Alia Shaheen</t>
  </si>
  <si>
    <t>GMPS NASIRA ABAD 1</t>
  </si>
  <si>
    <t>Nasir Abad</t>
  </si>
  <si>
    <t>sugar mil road Nasir Abad street no one,  Chishtian BWN</t>
  </si>
  <si>
    <t>Urban Chishtian</t>
  </si>
  <si>
    <t>Siddiqa Tahira</t>
  </si>
  <si>
    <t>GMPS NASSOKE</t>
  </si>
  <si>
    <t>Nassoki</t>
  </si>
  <si>
    <t>Nassoke p /o kamoke</t>
  </si>
  <si>
    <t>Nassoke</t>
  </si>
  <si>
    <t>M Salman</t>
  </si>
  <si>
    <t>GMPS NATA GUJAR MALL</t>
  </si>
  <si>
    <t>Nata Gujarmal</t>
  </si>
  <si>
    <t>Nata gujarmal</t>
  </si>
  <si>
    <t>GMPS NATAIN</t>
  </si>
  <si>
    <t>Natain</t>
  </si>
  <si>
    <t>vpo Natain tehsil Dina district jhelum</t>
  </si>
  <si>
    <t>Sualeha aAfzal</t>
  </si>
  <si>
    <t>GMPS NATHAIN</t>
  </si>
  <si>
    <t>Nothain</t>
  </si>
  <si>
    <t>PO chak# village nathain</t>
  </si>
  <si>
    <t>Nathain</t>
  </si>
  <si>
    <t>Mehmand Khan</t>
  </si>
  <si>
    <t>GMPS NATHO WALA</t>
  </si>
  <si>
    <t>Hafiz Muhammad Nadeem</t>
  </si>
  <si>
    <t>GMPS NATHOWAL</t>
  </si>
  <si>
    <t>Nathuwal</t>
  </si>
  <si>
    <t>Gmps Nathuwal village Nathuwal Gujrat</t>
  </si>
  <si>
    <t>Rumana Anjum</t>
  </si>
  <si>
    <t>GMPS NATHU KEY SINDHUWAN</t>
  </si>
  <si>
    <t>Nathukay</t>
  </si>
  <si>
    <t>nathukay</t>
  </si>
  <si>
    <t>Nishat Zubari</t>
  </si>
  <si>
    <t>GMPS NAWA</t>
  </si>
  <si>
    <t>Nawa</t>
  </si>
  <si>
    <t>tehsil dist attock,post office dhok jawanda,nawa</t>
  </si>
  <si>
    <t>lfra Hayyat</t>
  </si>
  <si>
    <t>GMPS NAWAB KOT</t>
  </si>
  <si>
    <t>GMPS Nawabkot</t>
  </si>
  <si>
    <t>Nawabkot</t>
  </si>
  <si>
    <t>GMPS NAWAB PUR MINHAS</t>
  </si>
  <si>
    <t>Boonga</t>
  </si>
  <si>
    <t>Nawab pur minhas tehsil and district sargodha</t>
  </si>
  <si>
    <t>Nawab Pur Minhas</t>
  </si>
  <si>
    <t>Amna Imtiaz</t>
  </si>
  <si>
    <t>GMPS NAWADAY MALIAN</t>
  </si>
  <si>
    <t>Nawady</t>
  </si>
  <si>
    <t>Nawady malian</t>
  </si>
  <si>
    <t>Sonia Aslam</t>
  </si>
  <si>
    <t>GMPS NAWAN KOT</t>
  </si>
  <si>
    <t>nawan kot pheroke</t>
  </si>
  <si>
    <t>nawan kot pherke</t>
  </si>
  <si>
    <t>noin wala chattha</t>
  </si>
  <si>
    <t>Asma Yaqoob</t>
  </si>
  <si>
    <t>GMPS NAWAN LOK</t>
  </si>
  <si>
    <t>Thathi Muzaml</t>
  </si>
  <si>
    <t>Humaira Ahmed</t>
  </si>
  <si>
    <t>GMPS NAWAN LOK SIAL DHOLKA</t>
  </si>
  <si>
    <t>Sial Dholka</t>
  </si>
  <si>
    <t>GMPS Nawan Loke Sial Dholka Sahiwal Sargodha</t>
  </si>
  <si>
    <t>Nawan Loke Sial Dholka</t>
  </si>
  <si>
    <t>GMPS NAWAN LOKE</t>
  </si>
  <si>
    <t>gps nawan Loke p/0 dhunni kalan teh.phalia distt. M B Din</t>
  </si>
  <si>
    <t>Nadeem Irshad</t>
  </si>
  <si>
    <t>GMPS NAWAN PIND ARIAN</t>
  </si>
  <si>
    <t>Nawan Pind Araiyan</t>
  </si>
  <si>
    <t>Nawan Pind Araiyan po Bhatti Bhango Tehsil &amp; District Gujranwala</t>
  </si>
  <si>
    <t>GMPS NAWAN SHEHAR ABDUL HAKIM</t>
  </si>
  <si>
    <t>G.M.P.S Nawan Shehr Abdul Hakim</t>
  </si>
  <si>
    <t>Rukhsana Tabasam</t>
  </si>
  <si>
    <t>GMPS NAWAN SHEHRA BUDHOANA</t>
  </si>
  <si>
    <t>gmps nawan shehar budhuana</t>
  </si>
  <si>
    <t>MEHBOOB MUSTAFA</t>
  </si>
  <si>
    <t>GMPS NAWAZ ABAD LATIF NAGAR</t>
  </si>
  <si>
    <t>gmps nawazabad latif nagar</t>
  </si>
  <si>
    <t>Csheikh Chohar</t>
  </si>
  <si>
    <t>Ferhat Yasmeen</t>
  </si>
  <si>
    <t>GMPS NAZAM ABAD</t>
  </si>
  <si>
    <t>Nizamabad Abad</t>
  </si>
  <si>
    <t>GMPS.NIZAM ABAD</t>
  </si>
  <si>
    <t>BahudipuerQureshian</t>
  </si>
  <si>
    <t>Madiha  Nasim</t>
  </si>
  <si>
    <t>GMPS NAZAR HUSSIAN SHAH</t>
  </si>
  <si>
    <t>Tebbah Mehrban Shah</t>
  </si>
  <si>
    <t>Wandah nazar hussain shah</t>
  </si>
  <si>
    <t>Nazar Hussain Shah</t>
  </si>
  <si>
    <t>Tebbha Mehrban Shah</t>
  </si>
  <si>
    <t>GMPS NAZIR ABAD</t>
  </si>
  <si>
    <t>Fidi Shah</t>
  </si>
  <si>
    <t>Asia Ghaffar</t>
  </si>
  <si>
    <t>GMPS NEHALAY WALA, ABDUL HAKIM</t>
  </si>
  <si>
    <t>abdulhakeem</t>
  </si>
  <si>
    <t>basti nehalay wala</t>
  </si>
  <si>
    <t>nehalay wala</t>
  </si>
  <si>
    <t>jahan pir</t>
  </si>
  <si>
    <t>Ruqia</t>
  </si>
  <si>
    <t>GMPS NEW 126 COLONY</t>
  </si>
  <si>
    <t>Chak 126 sahmal</t>
  </si>
  <si>
    <t>chak 126 sahmal</t>
  </si>
  <si>
    <t>GMPS NEW LUCK KALAN</t>
  </si>
  <si>
    <t>Lak Kalan</t>
  </si>
  <si>
    <t>new lak kalan</t>
  </si>
  <si>
    <t>New Lak Kalan</t>
  </si>
  <si>
    <t>Angra Dager</t>
  </si>
  <si>
    <t>GMPS NEW SHAHEEDAN WALI</t>
  </si>
  <si>
    <t>New Shaheedanwali</t>
  </si>
  <si>
    <t>new Shaheedanwali M B Din</t>
  </si>
  <si>
    <t>GMPS NIYA NOORSAR</t>
  </si>
  <si>
    <t>Moran Wala</t>
  </si>
  <si>
    <t>chak new noor sar teh&amp; dist bahawlnagar</t>
  </si>
  <si>
    <t>New Noor Sar</t>
  </si>
  <si>
    <t>GMPS NIZAM DIN</t>
  </si>
  <si>
    <t>NIZAM DEEN</t>
  </si>
  <si>
    <t>GMPS Nizamdeen uc134 baseer pur road tehsil depal pur distract okara depal pur</t>
  </si>
  <si>
    <t>Mazher Abad</t>
  </si>
  <si>
    <t>Fauzia Zamir</t>
  </si>
  <si>
    <t>GMPS NO. 1 CHAK NO. 39 MB JAUHARABAD</t>
  </si>
  <si>
    <t>Chak 39 Mb</t>
  </si>
  <si>
    <t>50 Mb</t>
  </si>
  <si>
    <t>SADIA HAMEED</t>
  </si>
  <si>
    <t>GMPS NO. 1 MALAKWAL</t>
  </si>
  <si>
    <t>Mkw</t>
  </si>
  <si>
    <t>GMps no.1 mkw.mohallah kotli khurd</t>
  </si>
  <si>
    <t>Faiza Abbas</t>
  </si>
  <si>
    <t>GMPS NO. 1 NAUSHERA</t>
  </si>
  <si>
    <t>mohala   Ajwal tehsil naushera district khushab</t>
  </si>
  <si>
    <t>MC NAUSHERA</t>
  </si>
  <si>
    <t>GMPS NO. 2 CHOA KHALSA</t>
  </si>
  <si>
    <t>CHOHA KHALSA</t>
  </si>
  <si>
    <t>GMPS CHOA KHALSA TEH: KALLAR SYEDAN DISTT: RWP P\O CHOA KHALSA</t>
  </si>
  <si>
    <t>Saeeda Batool</t>
  </si>
  <si>
    <t>GMPS NO. 3 P.D KHAN</t>
  </si>
  <si>
    <t>PDKhan</t>
  </si>
  <si>
    <t>govt model primary school no 3, pind Dadan Khan Mohallah peer mustafa Pind Dadan khan District Jhelum</t>
  </si>
  <si>
    <t>Tahira sultana</t>
  </si>
  <si>
    <t>GMPS NO.1 CHAK NO.130 NB</t>
  </si>
  <si>
    <t>Cahk no 130 NB</t>
  </si>
  <si>
    <t>Chak No 130 NB Teh. Sillanwali Distt.Sargodha</t>
  </si>
  <si>
    <t>Chak No 130 NB</t>
  </si>
  <si>
    <t>chak no 138 sB</t>
  </si>
  <si>
    <t>GMPS NO.1 CHAK NO.38 SB</t>
  </si>
  <si>
    <t>Chak Number 38SB</t>
  </si>
  <si>
    <t>chak no. 38 SB</t>
  </si>
  <si>
    <t>Chak 38Sb</t>
  </si>
  <si>
    <t>Chak 33Sb</t>
  </si>
  <si>
    <t>Rubina Tariq</t>
  </si>
  <si>
    <t>GMPS NO.1 CHAK NO.46 SB</t>
  </si>
  <si>
    <t>Chak  No 46 SB</t>
  </si>
  <si>
    <t>chak no,46 s.b  tehsil &amp;distt  sargodha</t>
  </si>
  <si>
    <t>Chak No 46 SB</t>
  </si>
  <si>
    <t>GMPS NO.1 CHAK NO.8 NB BHALWAL CITY</t>
  </si>
  <si>
    <t>Chak No 8nb</t>
  </si>
  <si>
    <t>GMPS 8NB Bhalwal</t>
  </si>
  <si>
    <t>Chak 8NB</t>
  </si>
  <si>
    <t>Muhammad Anwar Saeed</t>
  </si>
  <si>
    <t>GMPS NO.2 BHALWAL</t>
  </si>
  <si>
    <t>Block No. 5 Mandar road Bhalwal</t>
  </si>
  <si>
    <t>Block No 5</t>
  </si>
  <si>
    <t>M.c. program changa pani</t>
  </si>
  <si>
    <t>GMPS NO.2 CHAK NO.169 NB</t>
  </si>
  <si>
    <t>Moza 169/2 Nb</t>
  </si>
  <si>
    <t>chak No. 169/2 Nb</t>
  </si>
  <si>
    <t>Chak 169/2 Nb</t>
  </si>
  <si>
    <t>Chak 169 Nb</t>
  </si>
  <si>
    <t>GMPS NO.4 BHERA</t>
  </si>
  <si>
    <t>lal wali lokri bhera</t>
  </si>
  <si>
    <t>Lal Wali Lokri</t>
  </si>
  <si>
    <t>Yaqoot Tahira</t>
  </si>
  <si>
    <t>GMPS NOIN WALA</t>
  </si>
  <si>
    <t>Noin wala Chatha</t>
  </si>
  <si>
    <t>noinwala Chatha,  post office alipur chatha tensile wazirabad distance gujranwala</t>
  </si>
  <si>
    <t>GMPS NOKERIAN</t>
  </si>
  <si>
    <t>Nokerian</t>
  </si>
  <si>
    <t>p.o chahal kalan, village naukarin</t>
  </si>
  <si>
    <t>GMPS NOOR KHAN-E-WALA</t>
  </si>
  <si>
    <t>Noorkhanewala</t>
  </si>
  <si>
    <t>Noorkhanewala Teh Bhera Dist Sargodha</t>
  </si>
  <si>
    <t>Ahmed Naseem</t>
  </si>
  <si>
    <t>GMPS NOOR MUHAMMAD CHANNAR</t>
  </si>
  <si>
    <t>Hassan Channer</t>
  </si>
  <si>
    <t>basti noor muhammad channer</t>
  </si>
  <si>
    <t>Wahi Hussin</t>
  </si>
  <si>
    <t>GMPS NOOR PUR BAGHAN</t>
  </si>
  <si>
    <t>Noor Pur Baghan</t>
  </si>
  <si>
    <t>vill Noor pur baghan p/o Sanghoi teh dina distt jhelum</t>
  </si>
  <si>
    <t>Aqeela Chand</t>
  </si>
  <si>
    <t>GMPS NOOR PUR DOGRAN</t>
  </si>
  <si>
    <t>Noorpur Dogran</t>
  </si>
  <si>
    <t>saba saddique</t>
  </si>
  <si>
    <t>GMPS NOOR PUR KARAM ALIA</t>
  </si>
  <si>
    <t>Noor Pur Karamalia</t>
  </si>
  <si>
    <t>GMPS NOOR PUR KARAMALIA</t>
  </si>
  <si>
    <t>Bushra Fatmi</t>
  </si>
  <si>
    <t>GMPS NOOR PUR NOON</t>
  </si>
  <si>
    <t>Noor Pur noon</t>
  </si>
  <si>
    <t>Saira Ilyass</t>
  </si>
  <si>
    <t>GMPS NOOR PUR SYEDAN</t>
  </si>
  <si>
    <t>Noor Pur Syedan</t>
  </si>
  <si>
    <t>vpo Noor Pur Syedan Teh Sambrial District Sialkot</t>
  </si>
  <si>
    <t>Hajra Khalid</t>
  </si>
  <si>
    <t>GMPS NORANG BAKHT</t>
  </si>
  <si>
    <t>Makhi choha</t>
  </si>
  <si>
    <t>Village  makhi choha Tehsil kahuta District Rawalpindi</t>
  </si>
  <si>
    <t>GMPS NOSHERA</t>
  </si>
  <si>
    <t>GMPS noshera</t>
  </si>
  <si>
    <t>Noor-e-wala</t>
  </si>
  <si>
    <t>GMPS NOSHERA KAKKI NOU</t>
  </si>
  <si>
    <t>P/O Khaki Lakhi Mozah Noshera Tehsil Shrkot Dist.Jhang</t>
  </si>
  <si>
    <t>Dab Kallan</t>
  </si>
  <si>
    <t>Attia Batool</t>
  </si>
  <si>
    <t>GMPS NOTHIA ALAM SHER</t>
  </si>
  <si>
    <t>Nathia Alam Sher</t>
  </si>
  <si>
    <t>Village Nathia Alam Sher P.O Raman Tehsil Gujarkhan Disttt Rwp</t>
  </si>
  <si>
    <t>Anum Fatima</t>
  </si>
  <si>
    <t>GMPS NOUKRIAN</t>
  </si>
  <si>
    <t>Noukarian</t>
  </si>
  <si>
    <t>noukarian mitranwali daska sialkot</t>
  </si>
  <si>
    <t>GMPS NOUL</t>
  </si>
  <si>
    <t>tehseel pasrur disttc sialkot</t>
  </si>
  <si>
    <t>GMPS NUMB BUDHRIAL</t>
  </si>
  <si>
    <t>Numb Budhrial</t>
  </si>
  <si>
    <t>numb budhrial .if deal.Murree</t>
  </si>
  <si>
    <t>Aasia Naz</t>
  </si>
  <si>
    <t>GMPS NUMBLE BHARAMAL</t>
  </si>
  <si>
    <t>Village Numbal, P/o bordgali Tehsil Murree Distt. Rwp</t>
  </si>
  <si>
    <t>Numbal Behramal</t>
  </si>
  <si>
    <t>Mehreen Kamal</t>
  </si>
  <si>
    <t>GMPS NUTT KALAR</t>
  </si>
  <si>
    <t>NATT KALLAR</t>
  </si>
  <si>
    <t>GMPS NATTKALLAR</t>
  </si>
  <si>
    <t>KALI SOBA</t>
  </si>
  <si>
    <t>Asma Rahmat</t>
  </si>
  <si>
    <t>GMPS OAD COLONY</t>
  </si>
  <si>
    <t>chah murad wala Chak ghumnana near shakar ganj mill toba road jhang</t>
  </si>
  <si>
    <t>GMPS OBHAL</t>
  </si>
  <si>
    <t>GMPS Obhal</t>
  </si>
  <si>
    <t>Haidrabad Thal</t>
  </si>
  <si>
    <t>GMPS OBHAN</t>
  </si>
  <si>
    <t>Obhan</t>
  </si>
  <si>
    <t>moza obhan tehsil Bhowana district chiniot</t>
  </si>
  <si>
    <t>Samundr</t>
  </si>
  <si>
    <t>Sajeela Khursheed</t>
  </si>
  <si>
    <t>GMPS OJLA KHURD</t>
  </si>
  <si>
    <t>oujla khurd teh wazirabad district gujranwala</t>
  </si>
  <si>
    <t>Oujla Khurd</t>
  </si>
  <si>
    <t>Madiha Kousar</t>
  </si>
  <si>
    <t>GMPS OKAAN WALA, P/O KUKKAR HATTA, KABIRWALA</t>
  </si>
  <si>
    <t>okaanwala</t>
  </si>
  <si>
    <t>okaanwala p/o kukerhata</t>
  </si>
  <si>
    <t>saima sharif</t>
  </si>
  <si>
    <t>GMPS OLAKH</t>
  </si>
  <si>
    <t>OLAKH p/o Naiwala chatta teh.Wazirabad distt.Grjranwala</t>
  </si>
  <si>
    <t>Ume Samia</t>
  </si>
  <si>
    <t>GMPS OLKHAN WALA</t>
  </si>
  <si>
    <t>Chak No 2/ Ml</t>
  </si>
  <si>
    <t>olkhan wala west p/o chak no 2ml piplan mianwali</t>
  </si>
  <si>
    <t>Olkhan Wala</t>
  </si>
  <si>
    <t>Duaaba</t>
  </si>
  <si>
    <t>GMPS OPAL JAGEER</t>
  </si>
  <si>
    <t>Nadala Sadhwa</t>
  </si>
  <si>
    <t>upal jageer</t>
  </si>
  <si>
    <t>Upal jageer</t>
  </si>
  <si>
    <t>Nadala sandhwa</t>
  </si>
  <si>
    <t>GMPS OSSAH</t>
  </si>
  <si>
    <t>Ossah</t>
  </si>
  <si>
    <t>pasrur sialkot</t>
  </si>
  <si>
    <t>Sumaira Riaz</t>
  </si>
  <si>
    <t>GMPS OUJLA KALAN</t>
  </si>
  <si>
    <t>ojla Kalan</t>
  </si>
  <si>
    <t>ojla kalan</t>
  </si>
  <si>
    <t>Ojla Kalan</t>
  </si>
  <si>
    <t>Madiha Ashfaq</t>
  </si>
  <si>
    <t>GMPS OULAKH JATTAN</t>
  </si>
  <si>
    <t>Oulakh Jattan</t>
  </si>
  <si>
    <t>Post office Uggoki GMPS Oulakh jattan distt and teh Sialkot.</t>
  </si>
  <si>
    <t>Jorian Kalan</t>
  </si>
  <si>
    <t>Nasreen Ahter</t>
  </si>
  <si>
    <t>GMPS OURA TAPPA</t>
  </si>
  <si>
    <t>Oura Tappa</t>
  </si>
  <si>
    <t>dist RWP teh Murree p/o Jhika Gali village oura tappa</t>
  </si>
  <si>
    <t>Samina Masood</t>
  </si>
  <si>
    <t>GMPS PACCA HAJI MAJEED, TULAMBA</t>
  </si>
  <si>
    <t>Pacca Haji Majeed</t>
  </si>
  <si>
    <t>Pacca Haji Majeed, Tehsil Mian Channu, Distt. Khanewal</t>
  </si>
  <si>
    <t>Tasmia Bano Yaseen</t>
  </si>
  <si>
    <t>GMPS PAHALWAN ARAIN</t>
  </si>
  <si>
    <t>Pehlwan Arain</t>
  </si>
  <si>
    <t>moza pehlwan arain</t>
  </si>
  <si>
    <t>195w/B</t>
  </si>
  <si>
    <t>GMPS PAHORAN WALA (CHAH CHEELAN WALA)</t>
  </si>
  <si>
    <t>Alamgheer</t>
  </si>
  <si>
    <t>Cheelan Wala</t>
  </si>
  <si>
    <t>Sharoon Mary</t>
  </si>
  <si>
    <t>GMPS PAKKAY</t>
  </si>
  <si>
    <t>Pakkay</t>
  </si>
  <si>
    <t>pakkay</t>
  </si>
  <si>
    <t>Bushra Shaukat</t>
  </si>
  <si>
    <t>GMPS PAKKI GARHI</t>
  </si>
  <si>
    <t>PAKKI GARHI</t>
  </si>
  <si>
    <t>PAKKI GARHI P.O BEGOWALA TEHSIL SAMBRIAL DISTT SIALKOIT</t>
  </si>
  <si>
    <t>SAIMA NAZEER</t>
  </si>
  <si>
    <t>GMPS PALL</t>
  </si>
  <si>
    <t>pall</t>
  </si>
  <si>
    <t>vill paal p /o chakori bhilowal</t>
  </si>
  <si>
    <t>Aqsa Perveen</t>
  </si>
  <si>
    <t>GMPS PANDOKE KALAN</t>
  </si>
  <si>
    <t>Pandoke</t>
  </si>
  <si>
    <t>pandoke kalan</t>
  </si>
  <si>
    <t>Pandoke Kalan</t>
  </si>
  <si>
    <t>Safeena Noreen</t>
  </si>
  <si>
    <t>GMPS PANDOKE NOU</t>
  </si>
  <si>
    <t>pando ki nou</t>
  </si>
  <si>
    <t>pandori kalan</t>
  </si>
  <si>
    <t>GMPS PANDOWAL PAIN</t>
  </si>
  <si>
    <t>Pandowal pain Teh and distt MBDin</t>
  </si>
  <si>
    <t>Pandowal pain</t>
  </si>
  <si>
    <t>Nain  Ranjha</t>
  </si>
  <si>
    <t>Kaleem Abbas</t>
  </si>
  <si>
    <t>GMPS PANJATHA</t>
  </si>
  <si>
    <t>pnjhatha</t>
  </si>
  <si>
    <t>punjhatha</t>
  </si>
  <si>
    <t>kot hasan khan</t>
  </si>
  <si>
    <t>Asma Farooq</t>
  </si>
  <si>
    <t>GMPS PANJGRAN KHURD</t>
  </si>
  <si>
    <t>Punjgran Khurd</t>
  </si>
  <si>
    <t>vpo punjgran Khurd,tehsil gujar khan,Distt. Rwp</t>
  </si>
  <si>
    <t>Shafqat Un Nisa</t>
  </si>
  <si>
    <t>GMPS PANWAL</t>
  </si>
  <si>
    <t>Panwal</t>
  </si>
  <si>
    <t>vill panwal p.o.box najwal teh&amp;distt sialkot</t>
  </si>
  <si>
    <t>Plorah Killan</t>
  </si>
  <si>
    <t>muryam manzoor</t>
  </si>
  <si>
    <t>GMPS PANWANA</t>
  </si>
  <si>
    <t>Panwana</t>
  </si>
  <si>
    <t>panwana teh pasrur distt sialkot p/0 panwana</t>
  </si>
  <si>
    <t>Rizwana Abid</t>
  </si>
  <si>
    <t>GMPS PARCHAN P/O KOTLI SATTIAN</t>
  </si>
  <si>
    <t>Perchhan</t>
  </si>
  <si>
    <t>village perchan</t>
  </si>
  <si>
    <t>TMC Kotli Sattian</t>
  </si>
  <si>
    <t>Sumaira Khatoon</t>
  </si>
  <si>
    <t>GMPS PARNAY SHAH PO NOORA RATH ARIF WALA</t>
  </si>
  <si>
    <t>Budhan Shah</t>
  </si>
  <si>
    <t>Gmps parnay shah p/o Noora rath tahsil Arifwala District pakpattan</t>
  </si>
  <si>
    <t>GMPS PASIA</t>
  </si>
  <si>
    <t>Passia</t>
  </si>
  <si>
    <t>V&amp; P.O. Passaia Tehsil Sambrial District Sialkot</t>
  </si>
  <si>
    <t>Zunara Tabasum</t>
  </si>
  <si>
    <t>GMPS PATHAN KAY</t>
  </si>
  <si>
    <t>pathankey</t>
  </si>
  <si>
    <t>Kaneez Musarrat</t>
  </si>
  <si>
    <t>GMPS PATHAN KOT</t>
  </si>
  <si>
    <t>Nor Allah Dad</t>
  </si>
  <si>
    <t>adda pathan kot moza noor allah dad tehsil bhowana district chiniot</t>
  </si>
  <si>
    <t>GMPS PATHAN MAR</t>
  </si>
  <si>
    <t>Uchri</t>
  </si>
  <si>
    <t>teh jand dist attock pathanmar</t>
  </si>
  <si>
    <t>Pathanmar</t>
  </si>
  <si>
    <t>Nasreen Jan</t>
  </si>
  <si>
    <t>GMPS PATHAN WALI</t>
  </si>
  <si>
    <t>Pathanwall</t>
  </si>
  <si>
    <t>pathanwali tehsil wazirabad</t>
  </si>
  <si>
    <t>Ghakkamitar</t>
  </si>
  <si>
    <t>Farah Islam</t>
  </si>
  <si>
    <t>GMPS PATHI PATHANAN WALI</t>
  </si>
  <si>
    <t>zalla</t>
  </si>
  <si>
    <t>gmps phati pathanan wali mianwali</t>
  </si>
  <si>
    <t>phatti pathanan wali</t>
  </si>
  <si>
    <t>gulmeeri</t>
  </si>
  <si>
    <t>asia sultana</t>
  </si>
  <si>
    <t>GMPS PATTI PUR</t>
  </si>
  <si>
    <t>Patti pur</t>
  </si>
  <si>
    <t>Patti Pur</t>
  </si>
  <si>
    <t>Shabaz Pur</t>
  </si>
  <si>
    <t>Ambar Shaheen</t>
  </si>
  <si>
    <t>GMPS PATTI WALA</t>
  </si>
  <si>
    <t>patti Wala ,P/O Rodi ,kallur kot ,Bhakker</t>
  </si>
  <si>
    <t>Patti Wala</t>
  </si>
  <si>
    <t>Salma Agha</t>
  </si>
  <si>
    <t>GMPS PATTO KHURD</t>
  </si>
  <si>
    <t>Patto Khurd</t>
  </si>
  <si>
    <t>Patto Khurd Kasur</t>
  </si>
  <si>
    <t>Baroonn Kasur</t>
  </si>
  <si>
    <t>Yasmin Ramzan</t>
  </si>
  <si>
    <t>GMPS PATWAL</t>
  </si>
  <si>
    <t>Patwal</t>
  </si>
  <si>
    <t>Village Patwal P/O Chaprar Tehsil and District Sialkot</t>
  </si>
  <si>
    <t>Rukhshanda Younas</t>
  </si>
  <si>
    <t>GMPS PEELO</t>
  </si>
  <si>
    <t>Peelo</t>
  </si>
  <si>
    <t>peelo kharel</t>
  </si>
  <si>
    <t>Musharraf Afza</t>
  </si>
  <si>
    <t>GMPS PEER CHARAGH</t>
  </si>
  <si>
    <t>Rind Jada</t>
  </si>
  <si>
    <t>GMPS Pir charagh rind Jada kahror pacca district Lodhran</t>
  </si>
  <si>
    <t>Pir Charagh</t>
  </si>
  <si>
    <t>Mrs TabassumTasneem</t>
  </si>
  <si>
    <t>GMPS PEER OLIYA (DEEPAL)</t>
  </si>
  <si>
    <t>Deepal</t>
  </si>
  <si>
    <t>basti peer oliya moza deepal</t>
  </si>
  <si>
    <t>Peer Oliya</t>
  </si>
  <si>
    <t>Monazza Khalil</t>
  </si>
  <si>
    <t>GMPS PEERO</t>
  </si>
  <si>
    <t>Peero</t>
  </si>
  <si>
    <t>mouza peero p/o bhero jhang</t>
  </si>
  <si>
    <t>HAFIZA MUBEEN KHAN</t>
  </si>
  <si>
    <t>GMPS PERA</t>
  </si>
  <si>
    <t>Pera</t>
  </si>
  <si>
    <t>village  Pera teh Pasrur dist  sialkot</t>
  </si>
  <si>
    <t>Balaggon</t>
  </si>
  <si>
    <t>Yasmeen Kramat</t>
  </si>
  <si>
    <t>GMPS PHADIAL</t>
  </si>
  <si>
    <t>Phadial</t>
  </si>
  <si>
    <t>gmps Phadial P.O dial teh. sohawa distt. jehlum</t>
  </si>
  <si>
    <t>samia rizwan</t>
  </si>
  <si>
    <t>Electric Water Coler</t>
  </si>
  <si>
    <t>GMPS PHADIALA SYEDAN</t>
  </si>
  <si>
    <t>Bhadyala</t>
  </si>
  <si>
    <t>vpo bhadyala syedan</t>
  </si>
  <si>
    <t>Bhadyala Syedan</t>
  </si>
  <si>
    <t>Saadia Mobeen</t>
  </si>
  <si>
    <t>GMPS PHALO CHARAG SHAH</t>
  </si>
  <si>
    <t>Phullo Charagh Shah</t>
  </si>
  <si>
    <t>phullo chiragh Shah</t>
  </si>
  <si>
    <t>Phullo Chiragh Shah</t>
  </si>
  <si>
    <t>Giggy</t>
  </si>
  <si>
    <t>GMPS PHAMBRA</t>
  </si>
  <si>
    <t>Phambra</t>
  </si>
  <si>
    <t>GMPS PHAMBRA, VILLAGE PHAMBRA,TEHSIL AND DISTRICT GUJRAT.</t>
  </si>
  <si>
    <t>Safina Nazir</t>
  </si>
  <si>
    <t>GMPS PHAPHRA</t>
  </si>
  <si>
    <t>PHAPHRA</t>
  </si>
  <si>
    <t>village phaphra post office Haria</t>
  </si>
  <si>
    <t>TASSADAF RIAZ</t>
  </si>
  <si>
    <t>GMPS PHARAY</t>
  </si>
  <si>
    <t>Paharay</t>
  </si>
  <si>
    <t>Vill Paharay P/O Kotla Arab Ali Khan teh Kharian Distt Guj</t>
  </si>
  <si>
    <t>GMPS PHATHI THARO KHELAN WALI</t>
  </si>
  <si>
    <t>Muzfrpur Janubi</t>
  </si>
  <si>
    <t>Phathi tharu khelan</t>
  </si>
  <si>
    <t>Phathi Tharu Khelan Wali</t>
  </si>
  <si>
    <t>Farzana Hayyat Khan</t>
  </si>
  <si>
    <t>GMPS PHERA KHATANA</t>
  </si>
  <si>
    <t>Phira Khatana</t>
  </si>
  <si>
    <t>phira khatana teh&amp;distt Gujrat</t>
  </si>
  <si>
    <t>GMPS PHOOL MEHRAJ</t>
  </si>
  <si>
    <t>Phoolmehraj</t>
  </si>
  <si>
    <t>Rattan pura road</t>
  </si>
  <si>
    <t>Chak Phoolmehraj</t>
  </si>
  <si>
    <t>Naseem Suleman</t>
  </si>
  <si>
    <t>GMPS PHULARWAN KOHNA</t>
  </si>
  <si>
    <t>Phularwan Kohna</t>
  </si>
  <si>
    <t>GMP School phularwan kohna</t>
  </si>
  <si>
    <t>Thati Noor</t>
  </si>
  <si>
    <t>Nasrullah Khan</t>
  </si>
  <si>
    <t>GMPS PHULLAR WAN CHRAGH</t>
  </si>
  <si>
    <t>tehsil depalpur district okara p/o hasokay phularwan charag</t>
  </si>
  <si>
    <t>Phulaerwan Charag</t>
  </si>
  <si>
    <t>GMPS PHULLEY WALA</t>
  </si>
  <si>
    <t>Chah PHULLAY wala</t>
  </si>
  <si>
    <t>PHULLAY wala</t>
  </si>
  <si>
    <t>GMPS PIARA</t>
  </si>
  <si>
    <t>Piara</t>
  </si>
  <si>
    <t>Village Piara post office Tehal Tehsil Kharian District Gujarat</t>
  </si>
  <si>
    <t>Syed Fakhar Abbas</t>
  </si>
  <si>
    <t>GMPS PIHAL</t>
  </si>
  <si>
    <t>Piyal</t>
  </si>
  <si>
    <t>village piyal p/o jhatta hathial rawalpindi</t>
  </si>
  <si>
    <t>Tayba Sabir</t>
  </si>
  <si>
    <t>GMPS PIND BAGGA</t>
  </si>
  <si>
    <t>pind Bagga</t>
  </si>
  <si>
    <t>chimmon</t>
  </si>
  <si>
    <t>Nuzhat Walyat</t>
  </si>
  <si>
    <t>GMPS PIND BAQRA</t>
  </si>
  <si>
    <t>Pind Baqra</t>
  </si>
  <si>
    <t>pind baqra</t>
  </si>
  <si>
    <t>GMPS PIND GULANDAZAN</t>
  </si>
  <si>
    <t>pind gulandazan</t>
  </si>
  <si>
    <t>vill pind gulandazan p/o baragowah</t>
  </si>
  <si>
    <t>jijyal</t>
  </si>
  <si>
    <t>Farrukh Jabeen</t>
  </si>
  <si>
    <t>GMPS PIND NIAZI</t>
  </si>
  <si>
    <t>pind niazi</t>
  </si>
  <si>
    <t>pind Niazi P/O Jabbi Kasran Teh. Fateh jang Dist. Attock</t>
  </si>
  <si>
    <t>jaBBI KASRAN</t>
  </si>
  <si>
    <t>GMPS PIND RAHEEM SHAH</t>
  </si>
  <si>
    <t>Pind Raheem Shah</t>
  </si>
  <si>
    <t>pind Raheem Shah</t>
  </si>
  <si>
    <t>GMPS PIND RANJHA</t>
  </si>
  <si>
    <t>Village pind ranjha tehsil rawalpindi</t>
  </si>
  <si>
    <t>Pind ranjha</t>
  </si>
  <si>
    <t>GMPS PINDI AWAN</t>
  </si>
  <si>
    <t>pindiawan</t>
  </si>
  <si>
    <t>GMPS Pindiawan teh kharian distt gujrat</t>
  </si>
  <si>
    <t>pindi awan</t>
  </si>
  <si>
    <t>achh</t>
  </si>
  <si>
    <t>Sadia Noreen Akhter</t>
  </si>
  <si>
    <t>GMPS PINDI JATTAN</t>
  </si>
  <si>
    <t>Pindi jattan</t>
  </si>
  <si>
    <t>village Pindi jattan post office simble Teh Sarai Alam Gir Disst Gujrat</t>
  </si>
  <si>
    <t>PINDI JATTAN</t>
  </si>
  <si>
    <t>Simble</t>
  </si>
  <si>
    <t>GMPS PINDI KHOKHRAN</t>
  </si>
  <si>
    <t>Pindi Khokhran</t>
  </si>
  <si>
    <t>village Pindi khokhran,teh kharian,disttt.Gujrat</t>
  </si>
  <si>
    <t>GMPS PINDI MANDALA</t>
  </si>
  <si>
    <t>Pindi Mandala</t>
  </si>
  <si>
    <t>pindi mandla Tehsil sialkot District sialkot</t>
  </si>
  <si>
    <t>Ismat Bashir</t>
  </si>
  <si>
    <t>GMPS PINDI MIANI</t>
  </si>
  <si>
    <t>Pindimiani</t>
  </si>
  <si>
    <t>village pindimiani p.o. jalalpur jattan district Gujrat</t>
  </si>
  <si>
    <t>Saima Razzaq Hashmi</t>
  </si>
  <si>
    <t>GMPS PINDI NOORA</t>
  </si>
  <si>
    <t>Pindi Noora</t>
  </si>
  <si>
    <t>Pindi noora post office Pindi lala district mandi bhauddin tehsil phalia</t>
  </si>
  <si>
    <t>Mehmooda Saadat</t>
  </si>
  <si>
    <t>GMPS PINDI PANJORAN</t>
  </si>
  <si>
    <t>village pindi punjoran P/o Abadi Mehr Hakim Din teh.Sialkot</t>
  </si>
  <si>
    <t>Muhammad Razzaq</t>
  </si>
  <si>
    <t>GMPS PINDI WALA</t>
  </si>
  <si>
    <t>GMPS PINDORI</t>
  </si>
  <si>
    <t>pindori</t>
  </si>
  <si>
    <t>Chak Beli khan</t>
  </si>
  <si>
    <t>NoshabaAqeel</t>
  </si>
  <si>
    <t>GMPS PINIALI</t>
  </si>
  <si>
    <t>Pinyali</t>
  </si>
  <si>
    <t>post offic bhoon Village pinyali</t>
  </si>
  <si>
    <t>Noshiba Saidakbar</t>
  </si>
  <si>
    <t>GMPS PIPAL BHUTTA</t>
  </si>
  <si>
    <t>Noor Pur Pipple Bhutta</t>
  </si>
  <si>
    <t>pipple bhutta tehsil lalian</t>
  </si>
  <si>
    <t>Noor Pur Bhuta</t>
  </si>
  <si>
    <t>Nazia Feroz</t>
  </si>
  <si>
    <t>GMPS PIPLI GORAYA</t>
  </si>
  <si>
    <t>Piply Goraya</t>
  </si>
  <si>
    <t>piply goraya pobox lalapur tehsile nowshera virkan district gujranwala</t>
  </si>
  <si>
    <t>Amna Abid</t>
  </si>
  <si>
    <t>GMPS PIPLI RAJAN</t>
  </si>
  <si>
    <t>Pipli Rajan</t>
  </si>
  <si>
    <t>govt model primry school pipli rajan</t>
  </si>
  <si>
    <t>Piplirajan</t>
  </si>
  <si>
    <t>Irfana Malik</t>
  </si>
  <si>
    <t>GMPS PIPLI SYEDAN</t>
  </si>
  <si>
    <t>Piplisyedan</t>
  </si>
  <si>
    <t>pipli syedan teh noorpur</t>
  </si>
  <si>
    <t>Shehla mumtaz</t>
  </si>
  <si>
    <t>GMPS PIR ALI</t>
  </si>
  <si>
    <t>Peer Ali</t>
  </si>
  <si>
    <t>Moza Peer Ali</t>
  </si>
  <si>
    <t>GMPS PIR GHAR CHISHTI</t>
  </si>
  <si>
    <t>Peer Ghar ChIshti</t>
  </si>
  <si>
    <t>peer ghar chishti</t>
  </si>
  <si>
    <t>Peer Ghar Chishti</t>
  </si>
  <si>
    <t>Riffat Mahmood</t>
  </si>
  <si>
    <t>GMPS PIR HARA</t>
  </si>
  <si>
    <t>Pir Hara</t>
  </si>
  <si>
    <t>Vill Pir Hara P/O Dhool Kalan Tehsil District Gujrat</t>
  </si>
  <si>
    <t>GMPS PIR KHANA</t>
  </si>
  <si>
    <t>Noor Muhammad Bhangra</t>
  </si>
  <si>
    <t>Basti Peer Khana mouza Noor Muhammad bhangran bwn</t>
  </si>
  <si>
    <t>Basti Peer Khana</t>
  </si>
  <si>
    <t>Safia perveen</t>
  </si>
  <si>
    <t>GMPS PIR KOT</t>
  </si>
  <si>
    <t>Kopra Klan</t>
  </si>
  <si>
    <t>Shaista Sadiq</t>
  </si>
  <si>
    <t>GMPS PIRAN WALA</t>
  </si>
  <si>
    <t>Piranwala</t>
  </si>
  <si>
    <t>village piranwala post office pindi said pur</t>
  </si>
  <si>
    <t>GMPS PIRTHY PUR</t>
  </si>
  <si>
    <t>Pirthi Pur</t>
  </si>
  <si>
    <t>village pirthi pur p/o khanmuslman tehsil noshera virkan dist  gujranwala</t>
  </si>
  <si>
    <t>Saba Arif</t>
  </si>
  <si>
    <t>GMPS PIRWALA</t>
  </si>
  <si>
    <t>village pirwala post office kahlol teh kahuta dist rawalpindi</t>
  </si>
  <si>
    <t>sumaira habibn</t>
  </si>
  <si>
    <t>GMPS POTHI</t>
  </si>
  <si>
    <t>Taraki Jor</t>
  </si>
  <si>
    <t>village and p/o pothi tehsil dina district jhelum</t>
  </si>
  <si>
    <t>Umat Ul Shaheen</t>
  </si>
  <si>
    <t>GMPS POURANWALA</t>
  </si>
  <si>
    <t>Porran Wala</t>
  </si>
  <si>
    <t>pouran wala</t>
  </si>
  <si>
    <t>Sumeira Lutf</t>
  </si>
  <si>
    <t>GMPS PRAG PUR</t>
  </si>
  <si>
    <t>GMPS Prag Pur,P/O Sahowali Tehsil,District Sialkot</t>
  </si>
  <si>
    <t>Arshad Bano</t>
  </si>
  <si>
    <t>GMPS PRAIL</t>
  </si>
  <si>
    <t>Prail, Po kingra pasrur  sialkot</t>
  </si>
  <si>
    <t>GMPS PRANAKAY</t>
  </si>
  <si>
    <t>Puranay Kay</t>
  </si>
  <si>
    <t>Shabana Ali</t>
  </si>
  <si>
    <t>GMPS PREM NAGAR</t>
  </si>
  <si>
    <t>Pream Nagar</t>
  </si>
  <si>
    <t>pream nagar</t>
  </si>
  <si>
    <t>GMPS PRIANDLA</t>
  </si>
  <si>
    <t>village prindla post office narar tehsil kotlisttian district rawalpindi</t>
  </si>
  <si>
    <t>Anjuman Shaheen</t>
  </si>
  <si>
    <t>GMPS PUBER WALA</t>
  </si>
  <si>
    <t>Mouza pubberwala</t>
  </si>
  <si>
    <t>Chak no 146</t>
  </si>
  <si>
    <t>GMPS PUL DHEENGAN</t>
  </si>
  <si>
    <t>Basti Nazroo</t>
  </si>
  <si>
    <t>Pul Dhingan</t>
  </si>
  <si>
    <t>Dhingan</t>
  </si>
  <si>
    <t>GMPS PUL NADIR SHAH</t>
  </si>
  <si>
    <t>pul nadir shah</t>
  </si>
  <si>
    <t>Pul Nadir Shah</t>
  </si>
  <si>
    <t>GMPS PULL SANJAR</t>
  </si>
  <si>
    <t>pull sanjar bwp sadar markez</t>
  </si>
  <si>
    <t>Kotla Bakhat Ali</t>
  </si>
  <si>
    <t>Kaiser Nawaz</t>
  </si>
  <si>
    <t>GMPS PUMP GHAFOOR SHAH</t>
  </si>
  <si>
    <t>hersasheikh</t>
  </si>
  <si>
    <t>GMPS Pump Ghafoor Shah</t>
  </si>
  <si>
    <t>hersa sheikh</t>
  </si>
  <si>
    <t>nighat zaidi</t>
  </si>
  <si>
    <t>GMPS PUNG GHARIAN</t>
  </si>
  <si>
    <t>Pung Gharian</t>
  </si>
  <si>
    <t>GMPS PUNJAY WALA</t>
  </si>
  <si>
    <t>Punjay Wala</t>
  </si>
  <si>
    <t>punjay wala tensile lalian district chiniot</t>
  </si>
  <si>
    <t>GMPS PUNJWARIAN</t>
  </si>
  <si>
    <t>Punjwarian</t>
  </si>
  <si>
    <t>punjwarian</t>
  </si>
  <si>
    <t>Nabila Tabsum</t>
  </si>
  <si>
    <t>GMPS PURANA PATWAR KHANA PIPLAN CITY</t>
  </si>
  <si>
    <t>Piplan PKKA</t>
  </si>
  <si>
    <t>GMPS PURANA PATWAR KHANA PIPLAN</t>
  </si>
  <si>
    <t>MC PIPLAN</t>
  </si>
  <si>
    <t>GMPS QADIAN</t>
  </si>
  <si>
    <t>Qadian</t>
  </si>
  <si>
    <t>monza qadian</t>
  </si>
  <si>
    <t>GMPS QADIAN VIRKAN</t>
  </si>
  <si>
    <t>Qadian Virkan</t>
  </si>
  <si>
    <t>Village Qadian Virkan tehsil kamoke District Gujranwala</t>
  </si>
  <si>
    <t>Ghania Nou</t>
  </si>
  <si>
    <t>Salma Naz</t>
  </si>
  <si>
    <t>GMPS QADIR ABAD BASTI</t>
  </si>
  <si>
    <t>Basti bakho moza Qadir abad po Badli Sharif ryk</t>
  </si>
  <si>
    <t>Gulshan Amir Movia</t>
  </si>
  <si>
    <t>Nasima Haider</t>
  </si>
  <si>
    <t>GMPS QAIM KHATHIA</t>
  </si>
  <si>
    <t>Fareed Mahmood Kathia</t>
  </si>
  <si>
    <t>GMPS Qaim kathia</t>
  </si>
  <si>
    <t>Qaim Kathia</t>
  </si>
  <si>
    <t>Shah Sadiq Neghang</t>
  </si>
  <si>
    <t>GMPS QASMANA</t>
  </si>
  <si>
    <t>Qasmana</t>
  </si>
  <si>
    <t>Village Qasmana</t>
  </si>
  <si>
    <t>Bhagwan Pura</t>
  </si>
  <si>
    <t>Atiqa Mushtaq</t>
  </si>
  <si>
    <t>GMPS QAZI AMAM SHAH</t>
  </si>
  <si>
    <t>qazi imam shah</t>
  </si>
  <si>
    <t>village qazi imam shah post office lalamusa</t>
  </si>
  <si>
    <t>syeda zaira fatima</t>
  </si>
  <si>
    <t>GMPS QILA ATTAR SINGH</t>
  </si>
  <si>
    <t>Qila Attar Singh</t>
  </si>
  <si>
    <t>village qila Attar singh p/o pindilala Teh phalia distt MBDin</t>
  </si>
  <si>
    <t>Ishrat Shahzad</t>
  </si>
  <si>
    <t>GMPS QILA CHAND</t>
  </si>
  <si>
    <t>Qila Chand</t>
  </si>
  <si>
    <t>qila chand gujranwala</t>
  </si>
  <si>
    <t>Khiali Shah Pur Barun</t>
  </si>
  <si>
    <t>Zahira Akbar</t>
  </si>
  <si>
    <t>GMPS QILA DAVE</t>
  </si>
  <si>
    <t>Qila Dave</t>
  </si>
  <si>
    <t>qila dave</t>
  </si>
  <si>
    <t>Iram Rafiq</t>
  </si>
  <si>
    <t>GMPS QILA DESA SINGH</t>
  </si>
  <si>
    <t>Qila DesU Sing</t>
  </si>
  <si>
    <t>p/o dhariwal qilaDesu sing</t>
  </si>
  <si>
    <t>Qila Desu Sing</t>
  </si>
  <si>
    <t>Maraliwala</t>
  </si>
  <si>
    <t>Fazeelat Noreen</t>
  </si>
  <si>
    <t>GMPS QILA HARRI CHAND</t>
  </si>
  <si>
    <t>Qila Hari Chand</t>
  </si>
  <si>
    <t>Moza Qila Hari Chand</t>
  </si>
  <si>
    <t>Dola Pukhta</t>
  </si>
  <si>
    <t>GMPS QILA JANDA</t>
  </si>
  <si>
    <t>Qila Jhanda</t>
  </si>
  <si>
    <t>Qila jhanda</t>
  </si>
  <si>
    <t>GMPS QILA KASRAN</t>
  </si>
  <si>
    <t>Qila Kasran</t>
  </si>
  <si>
    <t>qila kasran post office udhowali tehsil wazirabad dist gujranwala</t>
  </si>
  <si>
    <t>Noe Wala</t>
  </si>
  <si>
    <t>GMPS QILA RAJ KOOR (SHANKE)</t>
  </si>
  <si>
    <t>Qila Raj Kor Sankey</t>
  </si>
  <si>
    <t>qila rajkor</t>
  </si>
  <si>
    <t>Qila Raj Kor</t>
  </si>
  <si>
    <t>GMPS QILA SUKHA SINGH</t>
  </si>
  <si>
    <t>Qila Sikhs Singh</t>
  </si>
  <si>
    <t>po Malke Tahsil kamoke District Gujranwala</t>
  </si>
  <si>
    <t>Qila Sukha Singh</t>
  </si>
  <si>
    <t>GMPS QILA TAIK SINGH</t>
  </si>
  <si>
    <t>Qila Taik Singh</t>
  </si>
  <si>
    <t>qilla taik singh p/o qila taik singh uc gojra teh daska</t>
  </si>
  <si>
    <t>QILLA Taik Singh</t>
  </si>
  <si>
    <t>Saima Khurshid</t>
  </si>
  <si>
    <t>GMPS QURESHI WALA, P/O THATHA SADIQ ABAD, JAHANIAN</t>
  </si>
  <si>
    <t>chah qureshi wala p/O khas thatha sadiqabad</t>
  </si>
  <si>
    <t>Maria Talib</t>
  </si>
  <si>
    <t>GMPS QURESHIAN</t>
  </si>
  <si>
    <t>Malluana</t>
  </si>
  <si>
    <t>Gmps yousfi Qureshian</t>
  </si>
  <si>
    <t>GMPS QURESHIAN WALA</t>
  </si>
  <si>
    <t>uc no 4 Sultan khel Isa khel</t>
  </si>
  <si>
    <t>Naheed Bibi</t>
  </si>
  <si>
    <t>GMPS QUTAB GOLRA</t>
  </si>
  <si>
    <t>QUTAB GOLRA</t>
  </si>
  <si>
    <t>VILLAGE QUTAB GOLRA P/O BHURRUCH BASOHA TEHSIL KHARIAN DISTRIT GUJRAT</t>
  </si>
  <si>
    <t>Naila Ambreen</t>
  </si>
  <si>
    <t>GMPS RAFIQ ABAD HAFIZ WALA</t>
  </si>
  <si>
    <t>GMPS Rafiqabad Hafizwala</t>
  </si>
  <si>
    <t>Fehmidah Anjum</t>
  </si>
  <si>
    <t>GMPS RAHEN WALA PO TALIB WALA</t>
  </si>
  <si>
    <t>Rehanwal</t>
  </si>
  <si>
    <t>Rehanwal Tehsil Kotmoman District Sargodha</t>
  </si>
  <si>
    <t>GMPS RAHIAN</t>
  </si>
  <si>
    <t>Rahian</t>
  </si>
  <si>
    <t>vill rahian pobox nothaia qureshia teh sarai alamgir dist gujrat</t>
  </si>
  <si>
    <t>GMPS RAHMAN PURA</t>
  </si>
  <si>
    <t>GMPS Rehman Pur Khushab Moh Ali Pura Khb</t>
  </si>
  <si>
    <t>GMPS RAHWALI</t>
  </si>
  <si>
    <t>Govt.Girls Primary School Rahwali,Muhallah Pathana wala ,Main Bazar Rahwali,Teh n Distt Gujranwala</t>
  </si>
  <si>
    <t>Attia Adeeb</t>
  </si>
  <si>
    <t>GMPS RAI CHAND</t>
  </si>
  <si>
    <t>Raichand</t>
  </si>
  <si>
    <t>rai chand</t>
  </si>
  <si>
    <t>Rai Chand</t>
  </si>
  <si>
    <t>Sadwahtarar</t>
  </si>
  <si>
    <t>GMPS RAI PUR, KABIRWALA</t>
  </si>
  <si>
    <t>chah namdar wala</t>
  </si>
  <si>
    <t>Namdar Wala</t>
  </si>
  <si>
    <t>Bilawal Pur</t>
  </si>
  <si>
    <t>Quyoom Bibi</t>
  </si>
  <si>
    <t>GMPS Railway Godam</t>
  </si>
  <si>
    <t>GMPS Godam   Mohallah sharif farm Rahwali</t>
  </si>
  <si>
    <t>Cantonment Board Gujranwala</t>
  </si>
  <si>
    <t>GMPS RAILWAY STATION RUSTAM SARGANA</t>
  </si>
  <si>
    <t>ggms railway station Rustam Sargana</t>
  </si>
  <si>
    <t>GMPS RAIS PEER BUX</t>
  </si>
  <si>
    <t>Government model primary school Rais peer Bux Moza Rais pathan markaz Allahabad Tehsil Liaqatpur Distt Rahim Yar Khan</t>
  </si>
  <si>
    <t>Rais Peer Bux</t>
  </si>
  <si>
    <t>GMPS RAJ PURA MORE KHANDA</t>
  </si>
  <si>
    <t>Mohalla Rajpura More Khunda District Nankana Sahib</t>
  </si>
  <si>
    <t>GMPS RAJA DAHAR</t>
  </si>
  <si>
    <t>Raja Dahar</t>
  </si>
  <si>
    <t>GMPS Raja Dahar</t>
  </si>
  <si>
    <t>Raja Daha</t>
  </si>
  <si>
    <t>Jan M Wala</t>
  </si>
  <si>
    <t>GMPS RAJA HARPAL</t>
  </si>
  <si>
    <t>Raja Harpal</t>
  </si>
  <si>
    <t>Vill. P/O Raja harpal tehsil and Disttrict Sialkot</t>
  </si>
  <si>
    <t>ZAREENA AKHTER</t>
  </si>
  <si>
    <t>GMPS RAJA TARAR</t>
  </si>
  <si>
    <t>Raja Tarar</t>
  </si>
  <si>
    <t>raja tarar tehsil &amp; district hafizabad</t>
  </si>
  <si>
    <t>Kot Sayd Muhammad</t>
  </si>
  <si>
    <t>Maryam Atta</t>
  </si>
  <si>
    <t>GMPS RAJAB CHAK</t>
  </si>
  <si>
    <t>Rajab Chak</t>
  </si>
  <si>
    <t>village rajab chak,teh.wzd,dist.gujranwala</t>
  </si>
  <si>
    <t>Maria Seemab</t>
  </si>
  <si>
    <t>GMPS RAJAM</t>
  </si>
  <si>
    <t>Rajjam</t>
  </si>
  <si>
    <t>village rajjam po choha khalsa</t>
  </si>
  <si>
    <t>Naheeda Nasreen</t>
  </si>
  <si>
    <t>GMPS RAJANA</t>
  </si>
  <si>
    <t>rajana</t>
  </si>
  <si>
    <t>GMPS RAJANA P/O KHAS THANA MASSAN TEHSIL DISTRICT JHANG</t>
  </si>
  <si>
    <t>MOUZA CHEELA</t>
  </si>
  <si>
    <t>Shaukat Hayat</t>
  </si>
  <si>
    <t>GMPS RAJANPUR NO. 2</t>
  </si>
  <si>
    <t>RAJAN PUR NO 1</t>
  </si>
  <si>
    <t>NEAR MUNICIPAL COMITTIE</t>
  </si>
  <si>
    <t>Muncipal Comitee</t>
  </si>
  <si>
    <t>Sarwat Niaz</t>
  </si>
  <si>
    <t>GMPS RAJANPUR NO. 5</t>
  </si>
  <si>
    <t>RAJAN Pur</t>
  </si>
  <si>
    <t>dara machi wala rajanpur</t>
  </si>
  <si>
    <t>GMPS RAJANPUR NO. 6</t>
  </si>
  <si>
    <t>Dheh</t>
  </si>
  <si>
    <t>machi Dara near Ali book certer</t>
  </si>
  <si>
    <t>Rajan Pur City</t>
  </si>
  <si>
    <t>Municipal Comittee</t>
  </si>
  <si>
    <t>Noureen Bibi</t>
  </si>
  <si>
    <t>GMPS RAJEY WALA</t>
  </si>
  <si>
    <t>Chaant</t>
  </si>
  <si>
    <t>Gmps RAJAY</t>
  </si>
  <si>
    <t>Rajay Wala</t>
  </si>
  <si>
    <t>KHALID IJAZ</t>
  </si>
  <si>
    <t>GMPS RAJI NAARA</t>
  </si>
  <si>
    <t>Rajinara</t>
  </si>
  <si>
    <t>village Rajinara tehsil Dina district jhelum</t>
  </si>
  <si>
    <t>HUMAIRA NASIM</t>
  </si>
  <si>
    <t>private tank</t>
  </si>
  <si>
    <t>GMPS RAJIN AMAM</t>
  </si>
  <si>
    <t>Gmps rajan Imam Moza peer Wala</t>
  </si>
  <si>
    <t>Rajin Imam</t>
  </si>
  <si>
    <t>GMPS RAJUWAL</t>
  </si>
  <si>
    <t>vill &amp; p/o Rajuwal Teh. kharian Distt Gujrat</t>
  </si>
  <si>
    <t>Rajuwal</t>
  </si>
  <si>
    <t>Nazima Kousar</t>
  </si>
  <si>
    <t>GMPS RAKH ABDAL KAY</t>
  </si>
  <si>
    <t>Rakh Abdal Kay</t>
  </si>
  <si>
    <t>Haveli lakha</t>
  </si>
  <si>
    <t>Nama Jindy Ka</t>
  </si>
  <si>
    <t>Mahmoona Baby</t>
  </si>
  <si>
    <t>GMPS RAKH BHAROKE</t>
  </si>
  <si>
    <t>Rakh Bharoki</t>
  </si>
  <si>
    <t>bharoki cheema tehsil wazirabad dist gujranwala</t>
  </si>
  <si>
    <t>Bharoki Cheema</t>
  </si>
  <si>
    <t>GmPS RAKH BUSLANA</t>
  </si>
  <si>
    <t>Buslana</t>
  </si>
  <si>
    <t>near  Bangla  sultan pur</t>
  </si>
  <si>
    <t>Take Buslana</t>
  </si>
  <si>
    <t>Ruksana Parveen</t>
  </si>
  <si>
    <t>GMPS RAKH CHUNIAN</t>
  </si>
  <si>
    <t>Gmps rakh chunian</t>
  </si>
  <si>
    <t>kaniz fatima</t>
  </si>
  <si>
    <t>GMPS RAKH MIANI</t>
  </si>
  <si>
    <t>Rakh Miani</t>
  </si>
  <si>
    <t>rakh Mianip p/o kalyanpur the. bhera dist. sargodha</t>
  </si>
  <si>
    <t>GMPS RAKH NOSHEHRA</t>
  </si>
  <si>
    <t>Rakh Noshehra</t>
  </si>
  <si>
    <t>GMPS Rakh Noshehra tehsil Sambrial district Sialkot.</t>
  </si>
  <si>
    <t>Sadia Azeem</t>
  </si>
  <si>
    <t>GMPS RAKH PAIL</t>
  </si>
  <si>
    <t>Rakh Pail</t>
  </si>
  <si>
    <t>village rakh pail post office pail tehsil and district khushab</t>
  </si>
  <si>
    <t>Nabeela Rafique</t>
  </si>
  <si>
    <t>GMPS RALIOKAY</t>
  </si>
  <si>
    <t>Raliokey</t>
  </si>
  <si>
    <t>Badokey</t>
  </si>
  <si>
    <t>GMPS RAM GARH</t>
  </si>
  <si>
    <t>Ramgarh p/o Doburgi bhaga Tehsil &amp; dist Gujranwala</t>
  </si>
  <si>
    <t>Nadala Sundhwan</t>
  </si>
  <si>
    <t>Nafees Siddique</t>
  </si>
  <si>
    <t>GMPS RAM GARHA</t>
  </si>
  <si>
    <t>Ramgarha</t>
  </si>
  <si>
    <t>GMPS Ramgarha</t>
  </si>
  <si>
    <t>Hmza Gouse</t>
  </si>
  <si>
    <t>Shafia</t>
  </si>
  <si>
    <t>GMPS RAM KALI</t>
  </si>
  <si>
    <t>adda patan wala ramkali</t>
  </si>
  <si>
    <t>GMPS RAM PUR</t>
  </si>
  <si>
    <t>Rampur village</t>
  </si>
  <si>
    <t>GMPS RAM PUR KOT NOWLAN</t>
  </si>
  <si>
    <t>Kot Noual</t>
  </si>
  <si>
    <t>gmp\s rampur moza kot naulan tehsil 18 hazari distt jhang</t>
  </si>
  <si>
    <t>Samina Sadiq</t>
  </si>
  <si>
    <t>GMPS RAM PUR MAGHA, TULAMBA</t>
  </si>
  <si>
    <t>Ram Pur Magna</t>
  </si>
  <si>
    <t>ram pur magna misn channu khanewal</t>
  </si>
  <si>
    <t>Ram Pur Magha</t>
  </si>
  <si>
    <t>NooriSuhag</t>
  </si>
  <si>
    <t>Tahira Kouser</t>
  </si>
  <si>
    <t>GMPS RAM RAYAN KALAN</t>
  </si>
  <si>
    <t>Slohkey</t>
  </si>
  <si>
    <t>ram rayan Kalan</t>
  </si>
  <si>
    <t>Ram Rayan Kalan</t>
  </si>
  <si>
    <t>Khalid hassan</t>
  </si>
  <si>
    <t>GMPS RAM TARAR</t>
  </si>
  <si>
    <t>Ram Tarar</t>
  </si>
  <si>
    <t>ram tarar</t>
  </si>
  <si>
    <t>Safina Jabeen</t>
  </si>
  <si>
    <t>GMPS RAMBRIAN WALA</t>
  </si>
  <si>
    <t>Ramberianwala</t>
  </si>
  <si>
    <t>Khajasta Azam</t>
  </si>
  <si>
    <t>GMPS RAMZAN WALA</t>
  </si>
  <si>
    <t>249 Wb</t>
  </si>
  <si>
    <t>chak 249 qb</t>
  </si>
  <si>
    <t>Chak 249 Wb</t>
  </si>
  <si>
    <t>237 Wb</t>
  </si>
  <si>
    <t>NAJAMA KHURSHEED</t>
  </si>
  <si>
    <t>GMPS RANA</t>
  </si>
  <si>
    <t>village rana</t>
  </si>
  <si>
    <t>Farzana Latif</t>
  </si>
  <si>
    <t>GMPS RANA NAGAR</t>
  </si>
  <si>
    <t>GGMPS Rana Nagar</t>
  </si>
  <si>
    <t>Basti Lunjawani</t>
  </si>
  <si>
    <t>Alishah Mazhar</t>
  </si>
  <si>
    <t>GMPS RANDEER KHOKHRAN</t>
  </si>
  <si>
    <t>Govt MP/S randheer p/o tanda tehsil distt gujrat</t>
  </si>
  <si>
    <t>Shumaila Sadiq</t>
  </si>
  <si>
    <t>GMPS RANG PUR KADHI GIROTE</t>
  </si>
  <si>
    <t>Rang Pur Kadhi</t>
  </si>
  <si>
    <t>p.o box girote teh &amp;disst khushab</t>
  </si>
  <si>
    <t>Muhibpur</t>
  </si>
  <si>
    <t>Ali Waqas Khan</t>
  </si>
  <si>
    <t>GMPS RANGAN WALA</t>
  </si>
  <si>
    <t>Ranganwala</t>
  </si>
  <si>
    <t>GMPS Ranganwala post office daska, Tehsil Daska, District Sialkot</t>
  </si>
  <si>
    <t>Maila Kousar</t>
  </si>
  <si>
    <t>GMPS RANGAY WALA</t>
  </si>
  <si>
    <t>Thati Fareed</t>
  </si>
  <si>
    <t>GMPS Rangay wala</t>
  </si>
  <si>
    <t>Rajo Wal No</t>
  </si>
  <si>
    <t>GMPS RANGPUR SAROCHAN</t>
  </si>
  <si>
    <t>Rangpur Sarochan</t>
  </si>
  <si>
    <t>China chuk Harar sialkot</t>
  </si>
  <si>
    <t>Shani</t>
  </si>
  <si>
    <t>Alia Akbar</t>
  </si>
  <si>
    <t>GMPS RANSIN KAY</t>
  </si>
  <si>
    <t>Ranseekay</t>
  </si>
  <si>
    <t>village ranseekay po khayian teh phalia dist m.b.din</t>
  </si>
  <si>
    <t>GMPS RAO GARH</t>
  </si>
  <si>
    <t>Rana Whain</t>
  </si>
  <si>
    <t>gmps rao garh post office momin abad multan saddar multan</t>
  </si>
  <si>
    <t>Rao Garh</t>
  </si>
  <si>
    <t>Rana whain</t>
  </si>
  <si>
    <t>zulfqar ali</t>
  </si>
  <si>
    <t>GMPS RAQBA PIR MOHSIN SHAH</t>
  </si>
  <si>
    <t>T M P</t>
  </si>
  <si>
    <t>mohsana Abad tmp</t>
  </si>
  <si>
    <t>Mohsana Abad</t>
  </si>
  <si>
    <t>Trandha M Panha</t>
  </si>
  <si>
    <t>Nadra Hanif</t>
  </si>
  <si>
    <t>GMPS RARIAN WALA</t>
  </si>
  <si>
    <t>RARIAN WALA</t>
  </si>
  <si>
    <t>rarianwala tehsil noshehra virkan</t>
  </si>
  <si>
    <t>Rarian Wala</t>
  </si>
  <si>
    <t>Karyak Kalan</t>
  </si>
  <si>
    <t>Khursheed Akhtar</t>
  </si>
  <si>
    <t>GMPS RARYALA WARRICH</t>
  </si>
  <si>
    <t>Ruryala Warraich</t>
  </si>
  <si>
    <t>ruryala warraich p/o radiyala warraich tehsil o district GRW</t>
  </si>
  <si>
    <t>MandyalaWarraich</t>
  </si>
  <si>
    <t>Shagufta Younis</t>
  </si>
  <si>
    <t>GMPS RASHIDI</t>
  </si>
  <si>
    <t>mouza pir panja chah rasheedi post office pir panja tehsil lalian district chiniot</t>
  </si>
  <si>
    <t>Rasheedi</t>
  </si>
  <si>
    <t>GMPS RASIDA</t>
  </si>
  <si>
    <t>Raseeda</t>
  </si>
  <si>
    <t>Govt model primary school raseeda p.o.jalal pur jattan district Gujrat</t>
  </si>
  <si>
    <t>Saman Habib</t>
  </si>
  <si>
    <t>GMPS RASOOL PUR AWANA</t>
  </si>
  <si>
    <t>Rasool Pur Awana</t>
  </si>
  <si>
    <t>village RASOOL PUR AWANA post office  Marakial sialkot</t>
  </si>
  <si>
    <t>RASOOL PUR AWANA</t>
  </si>
  <si>
    <t>Saira Arif</t>
  </si>
  <si>
    <t>GMPS RASOOL PUR KAKAY ZIAN</t>
  </si>
  <si>
    <t>Rasool Pur Kakay Zian</t>
  </si>
  <si>
    <t>rasool pur kakay zian</t>
  </si>
  <si>
    <t>Sadia Sarwar</t>
  </si>
  <si>
    <t>GMPS RASUL COLLEGE</t>
  </si>
  <si>
    <t>Rasul College</t>
  </si>
  <si>
    <t>GMPS rasul college</t>
  </si>
  <si>
    <t>Rasool</t>
  </si>
  <si>
    <t>Reena Samuel</t>
  </si>
  <si>
    <t>GMPS RASUL PUR</t>
  </si>
  <si>
    <t>GMPS RATA PUR BALIAN</t>
  </si>
  <si>
    <t>Rattapur Balian</t>
  </si>
  <si>
    <t>gmps Ratta pur balian</t>
  </si>
  <si>
    <t>Ratta Pur Balian</t>
  </si>
  <si>
    <t>GMPS RATALI KHURD</t>
  </si>
  <si>
    <t>Ratali khurd</t>
  </si>
  <si>
    <t>Ratali khurd nowshera virkan Gujranwala</t>
  </si>
  <si>
    <t>GMPS RATTI</t>
  </si>
  <si>
    <t>Ratti gujrat</t>
  </si>
  <si>
    <t>Ratti</t>
  </si>
  <si>
    <t>GMPS RATTI PINDI</t>
  </si>
  <si>
    <t>village Ratti Pindi Po Dara Kamoki Tehsil Phalia Dist M.B.Din</t>
  </si>
  <si>
    <t>Fozia Ansar</t>
  </si>
  <si>
    <t>GMPS RATTI THATH</t>
  </si>
  <si>
    <t>Ratti Thath</t>
  </si>
  <si>
    <t>Shazia Bahadur</t>
  </si>
  <si>
    <t>GMPS RATTO WALI</t>
  </si>
  <si>
    <t>Village Rattowali po Khanki head Tehsil Wazirabad District Gujranwala Pakistan</t>
  </si>
  <si>
    <t>RATTOWALI</t>
  </si>
  <si>
    <t>Ifza Ghazanfar</t>
  </si>
  <si>
    <t>GMPS RAWAL</t>
  </si>
  <si>
    <t>rawal</t>
  </si>
  <si>
    <t>Maria Fayyaz</t>
  </si>
  <si>
    <t>GMPS RAZI SHAH JANUBI PO NOTAK</t>
  </si>
  <si>
    <t>govt model p, s razai Shah Janobi p.o notak Teh and distt bhakkar</t>
  </si>
  <si>
    <t>Tahira Anbreen</t>
  </si>
  <si>
    <t>GMPS REHAN CHEEMA</t>
  </si>
  <si>
    <t>Rehancheema</t>
  </si>
  <si>
    <t>rehancheema</t>
  </si>
  <si>
    <t>D hillman Blugun</t>
  </si>
  <si>
    <t>GMPS REHMAN ABAD</t>
  </si>
  <si>
    <t>184 TDA RehmanAbad  po box 186 TDA</t>
  </si>
  <si>
    <t>RehmanAbad</t>
  </si>
  <si>
    <t>chak no183184tda</t>
  </si>
  <si>
    <t>Tahira  Parveen</t>
  </si>
  <si>
    <t>GMPS REHMAN PUR</t>
  </si>
  <si>
    <t>Rehman Pur</t>
  </si>
  <si>
    <t>Gmps rehmanpur post office saadat pur tehsil Sarai alamgir dist.gujrat</t>
  </si>
  <si>
    <t>Rehmanpur</t>
  </si>
  <si>
    <t>Tehmina Habib</t>
  </si>
  <si>
    <t>GMPS REHMANIAN</t>
  </si>
  <si>
    <t>rehmania</t>
  </si>
  <si>
    <t>Rehmania</t>
  </si>
  <si>
    <t>Hadia Iqbal</t>
  </si>
  <si>
    <t>GMPS RIAZ UL KHATEEB COLONY SHAHPUR SADAR</t>
  </si>
  <si>
    <t>Riaz ul khatib colony Shahpur Sadar</t>
  </si>
  <si>
    <t>Riaz ul khatib colony</t>
  </si>
  <si>
    <t>M Qayyum</t>
  </si>
  <si>
    <t>GMPS RIND WALA</t>
  </si>
  <si>
    <t>Meran</t>
  </si>
  <si>
    <t>mouza basti miran chah rind wala</t>
  </si>
  <si>
    <t>Rind Wala</t>
  </si>
  <si>
    <t>Zarina Mai</t>
  </si>
  <si>
    <t>GMPS RODAY WALI KAT</t>
  </si>
  <si>
    <t>Ameen Koat</t>
  </si>
  <si>
    <t>Basti Bashir Koat Jalwala Road Tehsil &amp; Distt.Bahawal Nagar</t>
  </si>
  <si>
    <t>Basti Bashir Koat</t>
  </si>
  <si>
    <t>Koat fateh Shah Muhammad</t>
  </si>
  <si>
    <t>GMPS ROHANA</t>
  </si>
  <si>
    <t>Basti rohana</t>
  </si>
  <si>
    <t>Sobia Musrrat</t>
  </si>
  <si>
    <t>GMPS ROHI WALA</t>
  </si>
  <si>
    <t>Rohiwala</t>
  </si>
  <si>
    <t>rohi wala</t>
  </si>
  <si>
    <t>Rohi Wala</t>
  </si>
  <si>
    <t>Toshiba Kanwal</t>
  </si>
  <si>
    <t>GMPS ROJHAN NO. 2</t>
  </si>
  <si>
    <t>Chak Dum</t>
  </si>
  <si>
    <t>GMPS # 2 Rojhan</t>
  </si>
  <si>
    <t>Mahala Mochian</t>
  </si>
  <si>
    <t>tahira Shamus</t>
  </si>
  <si>
    <t>others</t>
  </si>
  <si>
    <t>GMPS ROLLIA</t>
  </si>
  <si>
    <t>Rolia</t>
  </si>
  <si>
    <t>vpo Rolia</t>
  </si>
  <si>
    <t>GMPS ROMAL JATTAN</t>
  </si>
  <si>
    <t>Romal Jattan</t>
  </si>
  <si>
    <t>vill romal jattan po najwal teh distt Sialkot</t>
  </si>
  <si>
    <t>GMPS ROPER KHURD</t>
  </si>
  <si>
    <t>Rupper khurd</t>
  </si>
  <si>
    <t>vill Rupper khurd p/o pindori dist/teh Rawalpindi</t>
  </si>
  <si>
    <t>Yasira Yasmeen</t>
  </si>
  <si>
    <t>GMPS RUKAN PUR</t>
  </si>
  <si>
    <t>Sofia Shahwana</t>
  </si>
  <si>
    <t>GMPS RUKHEY</t>
  </si>
  <si>
    <t>Rukhey</t>
  </si>
  <si>
    <t>Village Rukhey Tehsil Nowshera Virkan district Gujranwala</t>
  </si>
  <si>
    <t>Amir Humza</t>
  </si>
  <si>
    <t>GMPS RUNG PUR ALLAH YAR</t>
  </si>
  <si>
    <t>Range Pur Allah Yar</t>
  </si>
  <si>
    <t>Rung pur Allah yar</t>
  </si>
  <si>
    <t>Rang Pur Allah yar</t>
  </si>
  <si>
    <t>Rakh Chargah</t>
  </si>
  <si>
    <t>GMPS RUNIKE</t>
  </si>
  <si>
    <t>Ranike Cheema</t>
  </si>
  <si>
    <t>ranike cheema</t>
  </si>
  <si>
    <t>Mansoor Walli</t>
  </si>
  <si>
    <t>GMPS RUPOKI</t>
  </si>
  <si>
    <t>Rupoki</t>
  </si>
  <si>
    <t>village Rupoki</t>
  </si>
  <si>
    <t>Gakhra</t>
  </si>
  <si>
    <t>MARYAM KHURSHID</t>
  </si>
  <si>
    <t>GMPS RUPOWALI</t>
  </si>
  <si>
    <t>Rupowali</t>
  </si>
  <si>
    <t>Village Rupowali Qila Ahemad Abad Distt Sialkot.</t>
  </si>
  <si>
    <t>Noreen Zaib</t>
  </si>
  <si>
    <t>GMPS SABA SHER KHAN</t>
  </si>
  <si>
    <t>Saba Sher Khan</t>
  </si>
  <si>
    <t>Village .Saba Sher Khan</t>
  </si>
  <si>
    <t>GMPS SABARWAL COLONY</t>
  </si>
  <si>
    <t>Sabharwal</t>
  </si>
  <si>
    <t>GMPS SABHARWAL COLONY SGD</t>
  </si>
  <si>
    <t>Sabhrwal</t>
  </si>
  <si>
    <t>71NB</t>
  </si>
  <si>
    <t>GMPS SABBAR</t>
  </si>
  <si>
    <t>Sabbar</t>
  </si>
  <si>
    <t>mouz sbbar</t>
  </si>
  <si>
    <t>Naila Noreen Kanwal</t>
  </si>
  <si>
    <t>GMPS SABOOKA DAKHANA TIBI LAL BAIG</t>
  </si>
  <si>
    <t>Sanattekay</t>
  </si>
  <si>
    <t>SABOOKA, PO TIBBI LAL BAIG, ARIFWALA, PAKPATTAN</t>
  </si>
  <si>
    <t>SABOOKA</t>
  </si>
  <si>
    <t>GMPS SABQI MOZA SABQI</t>
  </si>
  <si>
    <t>Sabqi</t>
  </si>
  <si>
    <t>GMPS Sabqi</t>
  </si>
  <si>
    <t>Muhammad Iqbal khan</t>
  </si>
  <si>
    <t>GMPS SABU WALA</t>
  </si>
  <si>
    <t>Sabuwala</t>
  </si>
  <si>
    <t>Imran Khan</t>
  </si>
  <si>
    <t>GMPS SADAR DEWAN</t>
  </si>
  <si>
    <t>Sadder Dewan</t>
  </si>
  <si>
    <t>Sadder dewan</t>
  </si>
  <si>
    <t>GMPS SADDA KAMAL</t>
  </si>
  <si>
    <t>village Sada Kamal ,po dhamali,tehsil kallar syedan,distt rwp</t>
  </si>
  <si>
    <t>Sada Kmal</t>
  </si>
  <si>
    <t>Knoha</t>
  </si>
  <si>
    <t>Namal Khan</t>
  </si>
  <si>
    <t>GMPS SADDOKI</t>
  </si>
  <si>
    <t>Saddoki</t>
  </si>
  <si>
    <t>village saddoki post office jassoki tehsil and district Gujrat</t>
  </si>
  <si>
    <t>Maryum Khan</t>
  </si>
  <si>
    <t>GMPS SADOKE</t>
  </si>
  <si>
    <t>Safhoki</t>
  </si>
  <si>
    <t>govt p s Sadhoki jalalpur bhattian</t>
  </si>
  <si>
    <t>RobinaKousar</t>
  </si>
  <si>
    <t>GMPS SADU GORAYA</t>
  </si>
  <si>
    <t>sadu goraya</t>
  </si>
  <si>
    <t>Buddah Goraya</t>
  </si>
  <si>
    <t>Mariam Arfan</t>
  </si>
  <si>
    <t>GMPS SADU LANGAR</t>
  </si>
  <si>
    <t>Sadu Langar</t>
  </si>
  <si>
    <t>Sadu langar post office sarsal district gujrat tehsil kharian</t>
  </si>
  <si>
    <t>ACHH</t>
  </si>
  <si>
    <t>GMPS SADULLAHPUR</t>
  </si>
  <si>
    <t>SADULLAHPUR</t>
  </si>
  <si>
    <t>chack Saadullahpur</t>
  </si>
  <si>
    <t>SHAFQAT BIBI</t>
  </si>
  <si>
    <t>GMPS SADWAL BRAHMNAN</t>
  </si>
  <si>
    <t>Sadwal brahmnan</t>
  </si>
  <si>
    <t>Village sadwal brahmnan P/O Goteryala District Gujrat Tehsil Kharian</t>
  </si>
  <si>
    <t>Sadwal Brahmnan</t>
  </si>
  <si>
    <t>Thutha Rai Bhadur</t>
  </si>
  <si>
    <t>GMPS SAECH KALAR</t>
  </si>
  <si>
    <t>Saech Kalar</t>
  </si>
  <si>
    <t>saech kalar</t>
  </si>
  <si>
    <t>Saba Farooq</t>
  </si>
  <si>
    <t>GMPS SAEED ABAD</t>
  </si>
  <si>
    <t>Kotla Pehlwan</t>
  </si>
  <si>
    <t>kotla pehlwan</t>
  </si>
  <si>
    <t>samreen fatima</t>
  </si>
  <si>
    <t>GMPS SAEED ABAD KHANPUR</t>
  </si>
  <si>
    <t>Taly Vala</t>
  </si>
  <si>
    <t>Saee abad moza taly wala</t>
  </si>
  <si>
    <t>Jetha Butha</t>
  </si>
  <si>
    <t>GMPS SAFAIR</t>
  </si>
  <si>
    <t>Saffair</t>
  </si>
  <si>
    <t>village and post office safair RWP.</t>
  </si>
  <si>
    <t>GMPS SAGRI</t>
  </si>
  <si>
    <t>village and Post office Sagri,Tehsil and District Rawalpindi</t>
  </si>
  <si>
    <t>GMPS SAHALIA</t>
  </si>
  <si>
    <t>Sahalia</t>
  </si>
  <si>
    <t>village sahalia,tahsil and district sialkot</t>
  </si>
  <si>
    <t>Hafiza Shabnam Kousar</t>
  </si>
  <si>
    <t>GMPS SAHAN WAL</t>
  </si>
  <si>
    <t>Sahnwal Kalan</t>
  </si>
  <si>
    <t>Sahnwal kalan</t>
  </si>
  <si>
    <t>Sadia Yaqoob</t>
  </si>
  <si>
    <t>GMPS SAHARAN KALAN</t>
  </si>
  <si>
    <t>Saharan Kalan</t>
  </si>
  <si>
    <t>Saharan Kalan Tehsil Wazirabad District GRW</t>
  </si>
  <si>
    <t>Shagufta Yaqoob</t>
  </si>
  <si>
    <t>GMPS SAHDOKI</t>
  </si>
  <si>
    <t>Sahdoki</t>
  </si>
  <si>
    <t>village sahdoki P.O Dullanwala tehsil &amp;district  Gujrat</t>
  </si>
  <si>
    <t>Muchiana</t>
  </si>
  <si>
    <t>GMPS SAHIAN WALA</t>
  </si>
  <si>
    <t>Sayianwala</t>
  </si>
  <si>
    <t>village sayianwala. p/o Begowala Teh.Sambrial Dist.sialkot</t>
  </si>
  <si>
    <t>Ayesha Tasleem</t>
  </si>
  <si>
    <t>GMPS SAHIBKAY</t>
  </si>
  <si>
    <t>Sahibkay</t>
  </si>
  <si>
    <t>vill sahibkay cheema,p/o baddokay cheema,tehsil sambrial,district sialkot</t>
  </si>
  <si>
    <t>Baddokay</t>
  </si>
  <si>
    <t>Somia Riaz</t>
  </si>
  <si>
    <t>GMPS SAHJHAR KALASAN</t>
  </si>
  <si>
    <t>Sahjhar Kalasan</t>
  </si>
  <si>
    <t>sajhar kslasan pir kot sadhana jhal ka</t>
  </si>
  <si>
    <t>Sajhar Kalasan</t>
  </si>
  <si>
    <t>Hakim Bibi</t>
  </si>
  <si>
    <t>GMPS SAHNAY WALA</t>
  </si>
  <si>
    <t>Sahnywala</t>
  </si>
  <si>
    <t>sahnywala po dhariwal tehsil, and distt gujranwala .</t>
  </si>
  <si>
    <t>Sajida Iqbal</t>
  </si>
  <si>
    <t>GMPS SAHNAY WALI</t>
  </si>
  <si>
    <t>SAHNEYWALI</t>
  </si>
  <si>
    <t>Sumera iqbal</t>
  </si>
  <si>
    <t>GMPS SAHOO WALA</t>
  </si>
  <si>
    <t>Nawa Bagraj</t>
  </si>
  <si>
    <t>sahoo wala jampur</t>
  </si>
  <si>
    <t>Basti Bermani</t>
  </si>
  <si>
    <t>Uzma Rehman</t>
  </si>
  <si>
    <t>GMPS SAHOOT BAGIAL</t>
  </si>
  <si>
    <t>Sahote Bagyal</t>
  </si>
  <si>
    <t>Shot Bagyal</t>
  </si>
  <si>
    <t>Asad Javed</t>
  </si>
  <si>
    <t>GMPS SAI KAY SALOKAY</t>
  </si>
  <si>
    <t>Sai Hussain Kay</t>
  </si>
  <si>
    <t>GMPS sai Kay salol kay tehsil Bhowana dist chiniot</t>
  </si>
  <si>
    <t>Sai Kay Salol Kay</t>
  </si>
  <si>
    <t>Samandr</t>
  </si>
  <si>
    <t>Tassawar Batool</t>
  </si>
  <si>
    <t>GMPS SAICH</t>
  </si>
  <si>
    <t>Saich</t>
  </si>
  <si>
    <t>saich</t>
  </si>
  <si>
    <t>Manaza Anwar</t>
  </si>
  <si>
    <t>GMPS SAID NAGAR</t>
  </si>
  <si>
    <t>said nagar</t>
  </si>
  <si>
    <t>Farah Shazia</t>
  </si>
  <si>
    <t>GMPS SAID PUR</t>
  </si>
  <si>
    <t>village said pur ugoki sialkot</t>
  </si>
  <si>
    <t>Anusha Amin</t>
  </si>
  <si>
    <t>GMPS SAID PUR UTMAN</t>
  </si>
  <si>
    <t>Said Pur Utman</t>
  </si>
  <si>
    <t>Chak Mubarik</t>
  </si>
  <si>
    <t>M Akhtar Ali</t>
  </si>
  <si>
    <t>GMPS SAIDA</t>
  </si>
  <si>
    <t>village Saida post office Bazuragwal tehsil &amp; district Gujrat</t>
  </si>
  <si>
    <t>Sana Aqeel</t>
  </si>
  <si>
    <t>GMPS SAIDA SAGHAR</t>
  </si>
  <si>
    <t>Saida Saghar</t>
  </si>
  <si>
    <t>GMP Saida Saghar PO Pahriawali  Tehsl Phalia  M.B.Din</t>
  </si>
  <si>
    <t>Pahriawali</t>
  </si>
  <si>
    <t>Munawar Iqbal</t>
  </si>
  <si>
    <t>GMPS SAIDO WALI</t>
  </si>
  <si>
    <t>Saidowali</t>
  </si>
  <si>
    <t>village Saidowali p.o kulluwal tehsil sambrial dist sialkot</t>
  </si>
  <si>
    <t>GMPS SAIF PUR</t>
  </si>
  <si>
    <t>Soifpur</t>
  </si>
  <si>
    <t>govt model primary school saifpur</t>
  </si>
  <si>
    <t>Rukhsana Saj</t>
  </si>
  <si>
    <t>GMPS SAILAB COLONY</t>
  </si>
  <si>
    <t>Sailab Colony</t>
  </si>
  <si>
    <t>village silab colony p.o kallur</t>
  </si>
  <si>
    <t>GMPS SAILRA NO. 1</t>
  </si>
  <si>
    <t>Basti qabeer wala moza silra un qamber shah</t>
  </si>
  <si>
    <t>GMPS SAIR BABRAN WALI</t>
  </si>
  <si>
    <t>Basti Gaddan</t>
  </si>
  <si>
    <t>GGMPS Sair babran wali,Jampur</t>
  </si>
  <si>
    <t>Sair Babran Wali</t>
  </si>
  <si>
    <t>Nawan Baig Raj</t>
  </si>
  <si>
    <t>Romana Naz</t>
  </si>
  <si>
    <t>GMPS SAJAN KAY</t>
  </si>
  <si>
    <t>Sajjankay</t>
  </si>
  <si>
    <t>GMPS Sajjankay p/O Muhammed Sharif Bhowana Chiniot</t>
  </si>
  <si>
    <t>Thata Abola</t>
  </si>
  <si>
    <t>Nasreen Malik</t>
  </si>
  <si>
    <t>GMPS SAJAWALAY WALA</t>
  </si>
  <si>
    <t>Moza Sajawal Wala Tehsil lalian District Chiniot</t>
  </si>
  <si>
    <t>GMPS SAJOKA</t>
  </si>
  <si>
    <t>sajoka</t>
  </si>
  <si>
    <t>GMPS SAKRANA</t>
  </si>
  <si>
    <t>vill&amp; p/O  sakrana teh kallar syedan distt Rwp</t>
  </si>
  <si>
    <t>Aneeqa Sultan Kiani</t>
  </si>
  <si>
    <t>GMPS SALAM RATH</t>
  </si>
  <si>
    <t>Salam Rath</t>
  </si>
  <si>
    <t>Salam Rath p/o Noora rath</t>
  </si>
  <si>
    <t>GMPS SALAR</t>
  </si>
  <si>
    <t>G.T Road Salar, Tehsil Kamoke, Dist. Gujranwala</t>
  </si>
  <si>
    <t>GMPS SALARGAH</t>
  </si>
  <si>
    <t>salargah</t>
  </si>
  <si>
    <t>Salargah</t>
  </si>
  <si>
    <t>Andleeb Rani</t>
  </si>
  <si>
    <t>GMPS SALARI</t>
  </si>
  <si>
    <t>salari khura tehsil naushera distt khushab</t>
  </si>
  <si>
    <t>GMPS SALEEM ABAD</t>
  </si>
  <si>
    <t>saleem abad shahpur sadar</t>
  </si>
  <si>
    <t>Rashida Shaheen</t>
  </si>
  <si>
    <t>GMPS SALEEM KAY</t>
  </si>
  <si>
    <t>Saleemkay</t>
  </si>
  <si>
    <t>saleemkay</t>
  </si>
  <si>
    <t>GMPS SALEEM PUR PACCA</t>
  </si>
  <si>
    <t>Saleem Pur Pacca</t>
  </si>
  <si>
    <t>GMPSSaleem our pacca</t>
  </si>
  <si>
    <t>GMPS SALEH MEHAY POST BOX NAWAB PUR</t>
  </si>
  <si>
    <t>Basti Salah Mahag P/o Nawab Pur</t>
  </si>
  <si>
    <t>GMPS SALHOKE</t>
  </si>
  <si>
    <t>salhoke village</t>
  </si>
  <si>
    <t>habib ur rehman</t>
  </si>
  <si>
    <t>GMPS SALITHA</t>
  </si>
  <si>
    <t>SALITHA</t>
  </si>
  <si>
    <t>Ghosia Jabeen</t>
  </si>
  <si>
    <t>GMPS SALL</t>
  </si>
  <si>
    <t>Sall</t>
  </si>
  <si>
    <t>government model primary school sall</t>
  </si>
  <si>
    <t>SALL</t>
  </si>
  <si>
    <t>Alomahar</t>
  </si>
  <si>
    <t>SHAMIM KAUSAR</t>
  </si>
  <si>
    <t>GMPS SALMOON</t>
  </si>
  <si>
    <t>Salmoon</t>
  </si>
  <si>
    <t>Post Office Adhwal,Tehsil &amp;District RWP</t>
  </si>
  <si>
    <t>GMPS SALOWAL</t>
  </si>
  <si>
    <t>Sallowal</t>
  </si>
  <si>
    <t>Village Sallowal P/o Merajky  Tehsil Pasrur District Sialkot</t>
  </si>
  <si>
    <t>Bajra Gharri</t>
  </si>
  <si>
    <t>GMPS SAMAIALA</t>
  </si>
  <si>
    <t>Samaila</t>
  </si>
  <si>
    <t>vill Samaila post office Channan, Teh kharian , Distt Gujrat</t>
  </si>
  <si>
    <t>GMPS SAMANDI WALA</t>
  </si>
  <si>
    <t>samandi wala po box hayat wala mianwali</t>
  </si>
  <si>
    <t>Samandi Wala</t>
  </si>
  <si>
    <t>coolar</t>
  </si>
  <si>
    <t>GMPS SAMBLE KALAN</t>
  </si>
  <si>
    <t>Sambla Kalan</t>
  </si>
  <si>
    <t>sambla kalan</t>
  </si>
  <si>
    <t>Sambls Kalan</t>
  </si>
  <si>
    <t>Muhammad  Nawaz</t>
  </si>
  <si>
    <t>GMPS SAMLAL</t>
  </si>
  <si>
    <t>Samlal</t>
  </si>
  <si>
    <t>village khas samlal</t>
  </si>
  <si>
    <t>Sadaf Gill</t>
  </si>
  <si>
    <t>GMPS SAMLI BHARAMAL</t>
  </si>
  <si>
    <t>Sambli Behramall</t>
  </si>
  <si>
    <t>Sambli Behramall murree</t>
  </si>
  <si>
    <t>Angori</t>
  </si>
  <si>
    <t>Munira Ghafoor</t>
  </si>
  <si>
    <t>chashama</t>
  </si>
  <si>
    <t>GMPS SAMMAN</t>
  </si>
  <si>
    <t>p/o box village samman district gujrat</t>
  </si>
  <si>
    <t>GMPS SANATHA</t>
  </si>
  <si>
    <t>Sanatha</t>
  </si>
  <si>
    <t>VPO Sanatha Teh Dina Distt Jhelum</t>
  </si>
  <si>
    <t>Lubina Dawood</t>
  </si>
  <si>
    <t>GMPS SANBAL</t>
  </si>
  <si>
    <t>Sanbhal</t>
  </si>
  <si>
    <t>Village sanbhal, po rasool pur tarar, thesil pindi bhattian, distt hafizabad</t>
  </si>
  <si>
    <t>GMPS SANDA</t>
  </si>
  <si>
    <t>Vpo Sanda Teh  Malakwal  Dist. M B  Din</t>
  </si>
  <si>
    <t>Hamid Masood</t>
  </si>
  <si>
    <t>GMPS SANDAN WALA</t>
  </si>
  <si>
    <t>Sindhana Wala</t>
  </si>
  <si>
    <t>village sindhana wala p.o kallur</t>
  </si>
  <si>
    <t>Sindhanawala</t>
  </si>
  <si>
    <t>Azra yasmeen</t>
  </si>
  <si>
    <t>GMPS SANDHAL</t>
  </si>
  <si>
    <t>gmps sandhal</t>
  </si>
  <si>
    <t>HUMAIRA NOREEN</t>
  </si>
  <si>
    <t>GMPS SANDIAN</t>
  </si>
  <si>
    <t>Sandhian</t>
  </si>
  <si>
    <t>village sandhian P/O Sunny Bank Teh/Murree  Distt/Rawp</t>
  </si>
  <si>
    <t>Nargis Irshad</t>
  </si>
  <si>
    <t>GMPS SANDRANA</t>
  </si>
  <si>
    <t>village sandrana</t>
  </si>
  <si>
    <t>Nory A Wala</t>
  </si>
  <si>
    <t>Asima Noureen</t>
  </si>
  <si>
    <t>GMPS SANGARANA</t>
  </si>
  <si>
    <t>Sangrana</t>
  </si>
  <si>
    <t>village sangrana post office makiyana district gujrat</t>
  </si>
  <si>
    <t>Anum Touseef</t>
  </si>
  <si>
    <t>GMPS SANGAT PUR</t>
  </si>
  <si>
    <t>Sangatpur Pur</t>
  </si>
  <si>
    <t>sangatpur pur</t>
  </si>
  <si>
    <t>GMPS SANGO WALI</t>
  </si>
  <si>
    <t>sangowali tehsil and district Gujranwala</t>
  </si>
  <si>
    <t>GMPS SANGRAH</t>
  </si>
  <si>
    <t>Sangrah</t>
  </si>
  <si>
    <t>sangrah khai hithar  khudian khass</t>
  </si>
  <si>
    <t>Sangrah P/O Khai Hithar</t>
  </si>
  <si>
    <t>filer water</t>
  </si>
  <si>
    <t>GMPS SANGRAI PUR</t>
  </si>
  <si>
    <t>Sangray Pur</t>
  </si>
  <si>
    <t>village sangraypur post office khan pur seydan tehsile pasrur dist sialkot</t>
  </si>
  <si>
    <t>Duhlum Khalwan</t>
  </si>
  <si>
    <t>GMPS SANGRI SHUJABAD DISTT. MULTAN</t>
  </si>
  <si>
    <t>Malhey Wala Moza Sangri, Shujabad</t>
  </si>
  <si>
    <t>Malhey Wala</t>
  </si>
  <si>
    <t>Muhammad Tariq Naseer</t>
  </si>
  <si>
    <t>GMPS SANGRIAL</t>
  </si>
  <si>
    <t>Sangrial</t>
  </si>
  <si>
    <t>Village Sangrial P/O Kingra Tehsil Pasrur Sialkot</t>
  </si>
  <si>
    <t>GMPS SANJAR MIAN DE BASTI</t>
  </si>
  <si>
    <t>Mian ki basti moza Sanjar markaz Dera bakha sadar</t>
  </si>
  <si>
    <t>Basti Mian Sb</t>
  </si>
  <si>
    <t>Tahira Mahmood</t>
  </si>
  <si>
    <t>GMPS SANPAL</t>
  </si>
  <si>
    <t>Village &amp; P/O Sanpal</t>
  </si>
  <si>
    <t>Village Sanpal</t>
  </si>
  <si>
    <t>Nadia Imtiaz</t>
  </si>
  <si>
    <t>GMPS SANTAY WALA</t>
  </si>
  <si>
    <t>Basti santy wala mouza doran wala tehsil zilla Lodhran</t>
  </si>
  <si>
    <t>Basti Santy Wala</t>
  </si>
  <si>
    <t>GMPS SANWARY</t>
  </si>
  <si>
    <t>govt model sanwary</t>
  </si>
  <si>
    <t>Sanwary</t>
  </si>
  <si>
    <t>zubaida yasmeen</t>
  </si>
  <si>
    <t>GMPS SARANG PUR</t>
  </si>
  <si>
    <t>Ssrangpur</t>
  </si>
  <si>
    <t>gmps sarangpur</t>
  </si>
  <si>
    <t>Sarangpur</t>
  </si>
  <si>
    <t>GMPS SARDAR MUHAMMAD KATHIA</t>
  </si>
  <si>
    <t>P/0 shah sadiq nehang basti kot kathia</t>
  </si>
  <si>
    <t>Sardar M Kathia</t>
  </si>
  <si>
    <t>GMPS SARDAR PUR SEGHAL</t>
  </si>
  <si>
    <t>pathanwali p/o ali pur chatha teh wazirabad district Gujranwala</t>
  </si>
  <si>
    <t>Zulifqar Ali</t>
  </si>
  <si>
    <t>GMPS SARDAR WALA</t>
  </si>
  <si>
    <t>370 Sardarwala</t>
  </si>
  <si>
    <t>370 Srdarwala</t>
  </si>
  <si>
    <t>Sardarwala</t>
  </si>
  <si>
    <t>Hanifa  Bibi</t>
  </si>
  <si>
    <t>GMPS SARDARY WALA</t>
  </si>
  <si>
    <t>Sardarey Wala</t>
  </si>
  <si>
    <t>Moza Sardarey Wala Tehsil Lalian District Chiniot</t>
  </si>
  <si>
    <t>GMPS SARHALI</t>
  </si>
  <si>
    <t>village sarhali tehsel and distt sialkot</t>
  </si>
  <si>
    <t>Rana Saeed Ahmed</t>
  </si>
  <si>
    <t>GMPS SARI</t>
  </si>
  <si>
    <t>sairi village</t>
  </si>
  <si>
    <t>Sairi</t>
  </si>
  <si>
    <t>GMPS SARKIA</t>
  </si>
  <si>
    <t>Sarkia</t>
  </si>
  <si>
    <t>GMPS sarkia</t>
  </si>
  <si>
    <t>GMPS SARLA KHURD</t>
  </si>
  <si>
    <t>Sarlay Kalan</t>
  </si>
  <si>
    <t>Govt model p/s sarla khurd</t>
  </si>
  <si>
    <t>GMPS SARMAT KHEL</t>
  </si>
  <si>
    <t>govt model primary school  hospital colony kamar mushani</t>
  </si>
  <si>
    <t>GMPS SARWAR ABAD</t>
  </si>
  <si>
    <t>Daggar Leel</t>
  </si>
  <si>
    <t>GMPS Sarwar Abad</t>
  </si>
  <si>
    <t>Chah Jhunj</t>
  </si>
  <si>
    <t>Khawar Kalah</t>
  </si>
  <si>
    <t>Zaitoon Akbar</t>
  </si>
  <si>
    <t>GMPS SATHIANA SAHMBAL</t>
  </si>
  <si>
    <t>satyana sahmal</t>
  </si>
  <si>
    <t>Satyana Sahmal</t>
  </si>
  <si>
    <t>riffat batool</t>
  </si>
  <si>
    <t>GMPS SAYEDAN WALI</t>
  </si>
  <si>
    <t>g m p/s saydan wali</t>
  </si>
  <si>
    <t>Saydan Wali</t>
  </si>
  <si>
    <t>Kausar Batool</t>
  </si>
  <si>
    <t>GMPS SEHJOKAY</t>
  </si>
  <si>
    <t>Sehjoke</t>
  </si>
  <si>
    <t>vpo Sehjoke Teh Sambrial District Sialkot</t>
  </si>
  <si>
    <t>Suraiya Khanam</t>
  </si>
  <si>
    <t>GMPS SEHNAY WALI</t>
  </si>
  <si>
    <t>Sahney Wali</t>
  </si>
  <si>
    <t>sahney Wali</t>
  </si>
  <si>
    <t>GMPS SEHOTRA</t>
  </si>
  <si>
    <t>Sehotra</t>
  </si>
  <si>
    <t>Village Sehotra Tahseel Pind Dadan khan District Jhelum</t>
  </si>
  <si>
    <t>Firdous Bashir</t>
  </si>
  <si>
    <t>GMPS SEHR</t>
  </si>
  <si>
    <t>Parhana</t>
  </si>
  <si>
    <t>Village Sehr p/o Bann tehsil  Murree  District Rawalpindi</t>
  </si>
  <si>
    <t>Sehr P/o Bann Tehsil Murree District Rwp</t>
  </si>
  <si>
    <t>Raheem BIBI</t>
  </si>
  <si>
    <t>GMPS SEHRI WALA</t>
  </si>
  <si>
    <t>Sultan pur Hammar chah Sehri wala Sher Shah Multan</t>
  </si>
  <si>
    <t>Sshri Wala</t>
  </si>
  <si>
    <t>GMPS SEHWA MAJOKA</t>
  </si>
  <si>
    <t>sehwa Mjoka moza Nadha ghar p.o kot Essa Shah Jhang</t>
  </si>
  <si>
    <t>Sehwa Mjoka</t>
  </si>
  <si>
    <t>GMPS SERI</t>
  </si>
  <si>
    <t>village Seri,  Post office Khalol,Tehsil Kahuta, District Rawalpindi.</t>
  </si>
  <si>
    <t>Amjad Bibi</t>
  </si>
  <si>
    <t>GMPS SERWER ABAD</t>
  </si>
  <si>
    <t>Near Khawaja Basheer factory multan road jppw</t>
  </si>
  <si>
    <t>Sabu Wali</t>
  </si>
  <si>
    <t>Salma Bagum</t>
  </si>
  <si>
    <t>GMPS SEWA SADAT</t>
  </si>
  <si>
    <t>sewa</t>
  </si>
  <si>
    <t>Government Model primary school sewa sadat</t>
  </si>
  <si>
    <t>sewa sadat</t>
  </si>
  <si>
    <t>kapoori</t>
  </si>
  <si>
    <t>GMPS SHAD BAD COLONY</t>
  </si>
  <si>
    <t>Shadbad colony</t>
  </si>
  <si>
    <t>20chak Ghumnana</t>
  </si>
  <si>
    <t>GMPS SHADBAGH COLONY</t>
  </si>
  <si>
    <t>shad bag colony</t>
  </si>
  <si>
    <t>Shad Bag Colony</t>
  </si>
  <si>
    <t>GMPS SHADIWAL POWER HOUSE</t>
  </si>
  <si>
    <t>Power House</t>
  </si>
  <si>
    <t>wapda colony shadiwal power house</t>
  </si>
  <si>
    <t>Qanita sameen</t>
  </si>
  <si>
    <t>GMPS SHAFI ABAD</t>
  </si>
  <si>
    <t>shafiabad</t>
  </si>
  <si>
    <t>Shafiabad</t>
  </si>
  <si>
    <t>Noreen Umber</t>
  </si>
  <si>
    <t>GMPS SHAH BAHLOL</t>
  </si>
  <si>
    <t>Shahbehlol</t>
  </si>
  <si>
    <t>village shahbehlol</t>
  </si>
  <si>
    <t>Thatha Kreemdad</t>
  </si>
  <si>
    <t>GMPS SHAH JAHNI</t>
  </si>
  <si>
    <t>Shahjahani</t>
  </si>
  <si>
    <t>SUMAIRA ASHRAF</t>
  </si>
  <si>
    <t>GMPS SHAH MUSA (IMAM DIN WALA) SHUJABAD</t>
  </si>
  <si>
    <t>Shahamusa</t>
  </si>
  <si>
    <t>gmps shaha musa imam din wala</t>
  </si>
  <si>
    <t>Imam Din Wala</t>
  </si>
  <si>
    <t>Shaha Musa</t>
  </si>
  <si>
    <t>GMPS SHAH PUR LAMMA</t>
  </si>
  <si>
    <t>Shah  pur  laman</t>
  </si>
  <si>
    <t>Basti  shah  pur  laman</t>
  </si>
  <si>
    <t>shah  pur  laman</t>
  </si>
  <si>
    <t>Ghazi  pur</t>
  </si>
  <si>
    <t>Qurban    Ali</t>
  </si>
  <si>
    <t>GMPS SHAH PUR NATHU, P/O HAJI PUR NATHU, KABIRWALA</t>
  </si>
  <si>
    <t>Shah Pur Nathu Wala</t>
  </si>
  <si>
    <t>Shah pur nathu wala. kabir wala. khanewal</t>
  </si>
  <si>
    <t>Zaha Khalid</t>
  </si>
  <si>
    <t>GMPS SHAH RAI CHARAGH</t>
  </si>
  <si>
    <t>Shah Rai Charagh</t>
  </si>
  <si>
    <t>shah rai charagh</t>
  </si>
  <si>
    <t>GMPS SHAHAB PURA</t>
  </si>
  <si>
    <t>GMPS SHAHAMAND WALA</t>
  </si>
  <si>
    <t>Vijlana</t>
  </si>
  <si>
    <t>muhza vijlana dakhana aliabad gmps shahamand wala</t>
  </si>
  <si>
    <t>Najma Sitara</t>
  </si>
  <si>
    <t>GMPS SHAHAN WALA NO.1</t>
  </si>
  <si>
    <t>SHAHAN WALA NO 1</t>
  </si>
  <si>
    <t>MOZA SHAHAN WALA NO 1 JAMPUR DISTRICT RAJANPUR</t>
  </si>
  <si>
    <t>BASTI MERAN</t>
  </si>
  <si>
    <t>GMPS SHAHBAZ PUR GHARRBI</t>
  </si>
  <si>
    <t>Shahbaz Pur Ghrbi</t>
  </si>
  <si>
    <t>ggmp/s shahbaz pur gharbi</t>
  </si>
  <si>
    <t>GMPS SHAHDI WALA</t>
  </si>
  <si>
    <t>qamber shah</t>
  </si>
  <si>
    <t>umps shadi wala p o box saleemanad jampur  disstric rajanpur</t>
  </si>
  <si>
    <t>candy wala</t>
  </si>
  <si>
    <t>Ghazala Kausar</t>
  </si>
  <si>
    <t>GMPS SHAHPUR</t>
  </si>
  <si>
    <t>village&amp;p/o shahpur tehsil and district chakwal</t>
  </si>
  <si>
    <t>Balokassar</t>
  </si>
  <si>
    <t>Najma Saleem</t>
  </si>
  <si>
    <t>GMPS SHAHPUR SYEDAN</t>
  </si>
  <si>
    <t>Shah Pur Syedan</t>
  </si>
  <si>
    <t>GMPS Shah Pur Syedan</t>
  </si>
  <si>
    <t>GMPS SHAMAS ABAD</t>
  </si>
  <si>
    <t>p/o lar janubi bait kaitch</t>
  </si>
  <si>
    <t>Bait Kaitch Janibi</t>
  </si>
  <si>
    <t>Nadia Umar</t>
  </si>
  <si>
    <t>GMPS SHAMAS PUR</t>
  </si>
  <si>
    <t>Village Shamas Pur near PO Kala Depot jhelum</t>
  </si>
  <si>
    <t>Roobia Iram</t>
  </si>
  <si>
    <t>GMPS SHARF PUR SHAH</t>
  </si>
  <si>
    <t>Sharaf Shah</t>
  </si>
  <si>
    <t>moza sharf shah tehsil Minchin Abad</t>
  </si>
  <si>
    <t>Meraj Bibi</t>
  </si>
  <si>
    <t>GMPS SHARIF MUHAMMAD AWAN</t>
  </si>
  <si>
    <t>basti sharif m awan, post office amin abad</t>
  </si>
  <si>
    <t>Sharif M Awan</t>
  </si>
  <si>
    <t>Zaib Un nisa</t>
  </si>
  <si>
    <t>GMPS SHARIF PURA</t>
  </si>
  <si>
    <t>Rorhas</t>
  </si>
  <si>
    <t>Syeda Saira Bano</t>
  </si>
  <si>
    <t>GMPS Sharqi 3 Rahwali</t>
  </si>
  <si>
    <t>Sharqi 3</t>
  </si>
  <si>
    <t>Trigri Road Rahwali</t>
  </si>
  <si>
    <t>Rahwali sharqi</t>
  </si>
  <si>
    <t>Rahwali Sharqi</t>
  </si>
  <si>
    <t>GMPS SHARQI NO. 1 RAHWALI</t>
  </si>
  <si>
    <t>GMPS SHARQI NO.1 RAHWALI</t>
  </si>
  <si>
    <t>Nabeela Bashir</t>
  </si>
  <si>
    <t>GMPS SHATAB GARH</t>
  </si>
  <si>
    <t>shatab Garh</t>
  </si>
  <si>
    <t>Bhagat  Pur</t>
  </si>
  <si>
    <t>GMPS SHATAY VERAN</t>
  </si>
  <si>
    <t>govt model primary school shahtay veraan</t>
  </si>
  <si>
    <t>Shahtay Veraan</t>
  </si>
  <si>
    <t>Riffat Tharia</t>
  </si>
  <si>
    <t>GMPS SHEENI</t>
  </si>
  <si>
    <t>village shehni p/o kotli loharan west</t>
  </si>
  <si>
    <t>Shabana Najaf</t>
  </si>
  <si>
    <t>GMPS SHEIKH CHOGANI</t>
  </si>
  <si>
    <t>Sheikh Chogani</t>
  </si>
  <si>
    <t>sheikh chogani p/o tanda teh&amp;distt. gujrat</t>
  </si>
  <si>
    <t>Mari Kholharan</t>
  </si>
  <si>
    <t>Syeda Samra Rizvi</t>
  </si>
  <si>
    <t>GMPS SHEIKH MUSA KHEL</t>
  </si>
  <si>
    <t>Isa khel</t>
  </si>
  <si>
    <t>Sheik mussa khel</t>
  </si>
  <si>
    <t>Intizar Begum</t>
  </si>
  <si>
    <t>GMPS SHEIKH PUR KOHNA</t>
  </si>
  <si>
    <t>Sheikh Pur Kohna</t>
  </si>
  <si>
    <t>village sheikh pur Kohna</t>
  </si>
  <si>
    <t>Sheikh pur Kohna</t>
  </si>
  <si>
    <t>Rakh Chrgha</t>
  </si>
  <si>
    <t>GMPS SHEIKH PUR NAO</t>
  </si>
  <si>
    <t>Sheikh Pur Nao</t>
  </si>
  <si>
    <t>GMPS sheikh pur nao</t>
  </si>
  <si>
    <t>Rukhasana Bagum</t>
  </si>
  <si>
    <t>GMPS SHEIKH RAJADHA</t>
  </si>
  <si>
    <t>Sheikhrajada</t>
  </si>
  <si>
    <t>village sheikhrajada p/o sulakhanabad dist.gujranwala</t>
  </si>
  <si>
    <t>Jandialabaghwala</t>
  </si>
  <si>
    <t>GMPS SHEIKHA UMAD NAU</t>
  </si>
  <si>
    <t>sheikha umad nau</t>
  </si>
  <si>
    <t>Sheikha Umad Nau</t>
  </si>
  <si>
    <t>Hussain Khan Wala Hussain Khan Wala</t>
  </si>
  <si>
    <t>Sumera Shoukat</t>
  </si>
  <si>
    <t>GMPS SHEIKHPUR</t>
  </si>
  <si>
    <t>G.M.P.S Sheikhpur</t>
  </si>
  <si>
    <t>Zobia</t>
  </si>
  <si>
    <t>GMPS SHER GRAH</t>
  </si>
  <si>
    <t>Sher Grah</t>
  </si>
  <si>
    <t>village sher grah p.o.box machiwal teh and distt gujrat</t>
  </si>
  <si>
    <t>Summera Bibi</t>
  </si>
  <si>
    <t>GMPS SHER MUHAMMAD AWAN</t>
  </si>
  <si>
    <t>Sher M Awan P.O Amin Abad Teh.Liaquatpur Dist.R.Y.Khan</t>
  </si>
  <si>
    <t>Sher M Awan</t>
  </si>
  <si>
    <t>Khadija Mahmood Bhatti</t>
  </si>
  <si>
    <t>GMPS SHER MUHAMMAD NO. 2</t>
  </si>
  <si>
    <t>CHAK ZUHRANI</t>
  </si>
  <si>
    <t>GMPS SHER PUR</t>
  </si>
  <si>
    <t>Village sherpur P/O Alipur chattha tehsil wazirabad</t>
  </si>
  <si>
    <t>Pindori klan</t>
  </si>
  <si>
    <t>Fizat Unssa</t>
  </si>
  <si>
    <t>GMPS SHER WALA</t>
  </si>
  <si>
    <t>post office sher wala district Mianwali</t>
  </si>
  <si>
    <t>GMPS SHERGHAR KALAN</t>
  </si>
  <si>
    <t>SHAIR GHAR KALAN</t>
  </si>
  <si>
    <t>SHAIR Ghar kalan</t>
  </si>
  <si>
    <t>SHAIR Ghar Kalan</t>
  </si>
  <si>
    <t>GMPS SHERK PUR</t>
  </si>
  <si>
    <t>Sharakpur</t>
  </si>
  <si>
    <t>sharakpur</t>
  </si>
  <si>
    <t>GMPS SHIAN WALA</t>
  </si>
  <si>
    <t>Jhok Wains</t>
  </si>
  <si>
    <t>Basti Shian wala</t>
  </si>
  <si>
    <t>Shian Wala</t>
  </si>
  <si>
    <t>GMPS SHORI CHATHA</t>
  </si>
  <si>
    <t>Shori Chatha</t>
  </si>
  <si>
    <t>shori  chatha</t>
  </si>
  <si>
    <t>Kaliawala</t>
  </si>
  <si>
    <t>GMPS SHUJAT PUR TEH. JALALPUR PIRWALA</t>
  </si>
  <si>
    <t>Basti Shujat pur,Tehsil Jalalpur Pirwala,Multan</t>
  </si>
  <si>
    <t>Nuzhat Fatima</t>
  </si>
  <si>
    <t>GMPS SHUMHARI</t>
  </si>
  <si>
    <t>Shumhari</t>
  </si>
  <si>
    <t>v/p/0 shumhari, teh malakwal, distt m.b.din</t>
  </si>
  <si>
    <t>Harya</t>
  </si>
  <si>
    <t>GMPS SIALAY WALA SHUJABAD</t>
  </si>
  <si>
    <t>Sialay Wala</t>
  </si>
  <si>
    <t>Muhammad  Latif</t>
  </si>
  <si>
    <t>GMPS SIAN</t>
  </si>
  <si>
    <t>GMPS SIDDIQIA COLONY</t>
  </si>
  <si>
    <t>Siddiqia colony bhowana</t>
  </si>
  <si>
    <t>Shazia Qamar</t>
  </si>
  <si>
    <t>GMPS SIDDU CHAK 51</t>
  </si>
  <si>
    <t>sursing</t>
  </si>
  <si>
    <t>sidoo chak 51</t>
  </si>
  <si>
    <t>GMPS SIGH BALA</t>
  </si>
  <si>
    <t>Sigh Bala</t>
  </si>
  <si>
    <t>GMPS sigh bala Markaz Chak Saida tehsil bhera district Sargodha</t>
  </si>
  <si>
    <t>GMPS SIKANDAR ABAD</t>
  </si>
  <si>
    <t>skindarabad, jhang</t>
  </si>
  <si>
    <t>skindarabad</t>
  </si>
  <si>
    <t>GMPS SIKHANI WALA</t>
  </si>
  <si>
    <t>Mirhatta</t>
  </si>
  <si>
    <t>Chah marry wala mouza mirhatta</t>
  </si>
  <si>
    <t>GMPS SIMBLI</t>
  </si>
  <si>
    <t>sambli</t>
  </si>
  <si>
    <t>GMPS SOBAY WALA</t>
  </si>
  <si>
    <t>Sobay Wala bsti dad shujabad</t>
  </si>
  <si>
    <t>Sobay Wala</t>
  </si>
  <si>
    <t>MASOOMA KOUSAR</t>
  </si>
  <si>
    <t>GMPS SODIAN</t>
  </si>
  <si>
    <t>Sodian</t>
  </si>
  <si>
    <t>GGMPS Sodian</t>
  </si>
  <si>
    <t>GMPS SOHA</t>
  </si>
  <si>
    <t>Soha</t>
  </si>
  <si>
    <t>Village soha post office punjar tehsil kahuta district rawalpindi</t>
  </si>
  <si>
    <t>GMPS SOHAL KALAN</t>
  </si>
  <si>
    <t>sohal kalan</t>
  </si>
  <si>
    <t>Akhlasghar</t>
  </si>
  <si>
    <t>Naseem Tahira</t>
  </si>
  <si>
    <t>GMPS SOHAL NO.1</t>
  </si>
  <si>
    <t>village sohal, p/o badiana, thesil pasrur,  district sialkot</t>
  </si>
  <si>
    <t>Sumara Naik</t>
  </si>
  <si>
    <t>GMPS SOHAVI</t>
  </si>
  <si>
    <t>Sohavi</t>
  </si>
  <si>
    <t>tazkia idrees</t>
  </si>
  <si>
    <t>GMPS SOHAWA BAJWA</t>
  </si>
  <si>
    <t>Sohawa Bajwa</t>
  </si>
  <si>
    <t>village sohawa bajwa the.pasrur sialkot</t>
  </si>
  <si>
    <t>Chechrwali</t>
  </si>
  <si>
    <t>Amina Nazir</t>
  </si>
  <si>
    <t>GMPS SOHAWA MAL</t>
  </si>
  <si>
    <t>SOHAWAMAL</t>
  </si>
  <si>
    <t>SOHAWAMAL, PO MACHHI SINGH, ARIFWALA, PAKPATTAN</t>
  </si>
  <si>
    <t>Fareeha Niaz</t>
  </si>
  <si>
    <t>GMPS SOMBRI</t>
  </si>
  <si>
    <t>Sombri</t>
  </si>
  <si>
    <t>Vill sombri p.o. bhota teh kharian dist gujrat</t>
  </si>
  <si>
    <t>GMPS SONEY KHELAN WALA PO ROKHRI</t>
  </si>
  <si>
    <t>Rokhri Mor</t>
  </si>
  <si>
    <t>GMPS Sone khelan Wala Rokhri</t>
  </si>
  <si>
    <t>Rokhri Moza Rokhri Mor</t>
  </si>
  <si>
    <t>abida latief</t>
  </si>
  <si>
    <t>GMPS SOOD BADHANA</t>
  </si>
  <si>
    <t>Sood Bhadana</t>
  </si>
  <si>
    <t>vill sood bhadana p.o Ramman teh Gujarkhan Rawalpindi</t>
  </si>
  <si>
    <t>GMPS SOON</t>
  </si>
  <si>
    <t>Soon</t>
  </si>
  <si>
    <t>village and PO soon Tehsil Kahuta district Rawalpindi</t>
  </si>
  <si>
    <t>Samina Balqis</t>
  </si>
  <si>
    <t>GMPS SOON MIANI NO. 2</t>
  </si>
  <si>
    <t>Basti jam Sultan  khalti</t>
  </si>
  <si>
    <t>Jam Sultan Mahmood Khalti</t>
  </si>
  <si>
    <t>IMAM DEEN</t>
  </si>
  <si>
    <t>GMPS SOUD SARIF</t>
  </si>
  <si>
    <t>Soud Sharif</t>
  </si>
  <si>
    <t>Soud sharif p /o fatta bhand teh kharian dist gujrat</t>
  </si>
  <si>
    <t>Phatta Bhand</t>
  </si>
  <si>
    <t>GMPS SUDHAR WALI</t>
  </si>
  <si>
    <t>Sudharwali</t>
  </si>
  <si>
    <t>village sudharwali p.o Badiana Teh Dist sialkot</t>
  </si>
  <si>
    <t>Tayyiba Kabir</t>
  </si>
  <si>
    <t>GMPS SUGAR CANE</t>
  </si>
  <si>
    <t>Mumtazkot</t>
  </si>
  <si>
    <t>Abdulqayyum</t>
  </si>
  <si>
    <t>GMPS SUGGHAR WALA</t>
  </si>
  <si>
    <t>Sagharwala</t>
  </si>
  <si>
    <t>GMPS Saghar Wala tehsil Bhowana District Chiniot</t>
  </si>
  <si>
    <t>GMPS SUI</t>
  </si>
  <si>
    <t>dhoke sui moza Potha tehsil murree</t>
  </si>
  <si>
    <t>Sui</t>
  </si>
  <si>
    <t>Neelam Bibi</t>
  </si>
  <si>
    <t>natural resources</t>
  </si>
  <si>
    <t>GMPS SUJJOWALI</t>
  </si>
  <si>
    <t>Sujowali</t>
  </si>
  <si>
    <t>islaam pura tehsil pasrour disst sialkot</t>
  </si>
  <si>
    <t>Takhut Pur</t>
  </si>
  <si>
    <t>GMPS SUKCHANA</t>
  </si>
  <si>
    <t>Sukhchena</t>
  </si>
  <si>
    <t>post office shahsermust sukhchena</t>
  </si>
  <si>
    <t>Qutla Qasim Khan</t>
  </si>
  <si>
    <t>Alice Victor</t>
  </si>
  <si>
    <t>GMPS SUKHAR NEHAR</t>
  </si>
  <si>
    <t>sukher nehar</t>
  </si>
  <si>
    <t>Sukher Nehar</t>
  </si>
  <si>
    <t>Salha Arif</t>
  </si>
  <si>
    <t>GMPS SUKHIAL</t>
  </si>
  <si>
    <t>Sukhial</t>
  </si>
  <si>
    <t>village sukhial p/o kachi mand bajwat sialkot</t>
  </si>
  <si>
    <t>GMPS SULTAN ABAD</t>
  </si>
  <si>
    <t>Village sultan wala p/o makarwal</t>
  </si>
  <si>
    <t>GMPS SULTAN PURA</t>
  </si>
  <si>
    <t>Sooian Wala</t>
  </si>
  <si>
    <t>GMPS SULTAN WALA</t>
  </si>
  <si>
    <t>POB notak chah sultan wala</t>
  </si>
  <si>
    <t>Shmim Akhtar</t>
  </si>
  <si>
    <t>GMPS SULTANY WALA</t>
  </si>
  <si>
    <t>Sultanay Wala</t>
  </si>
  <si>
    <t>sultanay wala tehsil piplan district mianwali</t>
  </si>
  <si>
    <t>Kausar Nasim</t>
  </si>
  <si>
    <t>GMPS SUN WALA</t>
  </si>
  <si>
    <t>Bastie sohla Mouza Gullan lar tahseel Ape district bwp</t>
  </si>
  <si>
    <t>Bastie Sohla</t>
  </si>
  <si>
    <t>GMPS SUNDAR BISHNOIAN</t>
  </si>
  <si>
    <t>Sunder Bishnoian</t>
  </si>
  <si>
    <t>Govt  .mps sunder bisnoian p/o donga bonga  BWN</t>
  </si>
  <si>
    <t>Soonda</t>
  </si>
  <si>
    <t>Sughra Khanum</t>
  </si>
  <si>
    <t>GMPS SUNDHWALA</t>
  </si>
  <si>
    <t>Sandhwala</t>
  </si>
  <si>
    <t>GMPS Sandhwala</t>
  </si>
  <si>
    <t>Kishwar  Tahira</t>
  </si>
  <si>
    <t>GMPS SUR SINGH CHAK NO 50</t>
  </si>
  <si>
    <t>Sur Singh Chk 50</t>
  </si>
  <si>
    <t>sur singh chk 50</t>
  </si>
  <si>
    <t>Hafiza Shahida Saddiqi</t>
  </si>
  <si>
    <t>GMPS SURAJ PURA</t>
  </si>
  <si>
    <t>Suraj Pura</t>
  </si>
  <si>
    <t>gmps surj pura minchinabad</t>
  </si>
  <si>
    <t>Surai Pura</t>
  </si>
  <si>
    <t>Muncipal Committe</t>
  </si>
  <si>
    <t>Nasreen Akhter Khursheed</t>
  </si>
  <si>
    <t>GMPS SURKIAN</t>
  </si>
  <si>
    <t>Surkian</t>
  </si>
  <si>
    <t>surkian</t>
  </si>
  <si>
    <t>Amrozia Nazir</t>
  </si>
  <si>
    <t>GMPS SYED NAU</t>
  </si>
  <si>
    <t>Syed Nou</t>
  </si>
  <si>
    <t>Syed nou</t>
  </si>
  <si>
    <t>Jan Muhammad wala</t>
  </si>
  <si>
    <t>mansha Ahmad</t>
  </si>
  <si>
    <t>GMPS SYED WALA</t>
  </si>
  <si>
    <t>chah syed wala</t>
  </si>
  <si>
    <t>Gulshad Ghani</t>
  </si>
  <si>
    <t>GMPS TABI SYEDAN</t>
  </si>
  <si>
    <t>Tibbi Syedan</t>
  </si>
  <si>
    <t>village and PO tibbi syedan tehsil sohawa distt. jhelum</t>
  </si>
  <si>
    <t>PhulraySyedan</t>
  </si>
  <si>
    <t>MEHVISH AZIZ</t>
  </si>
  <si>
    <t>GMPS TAHI</t>
  </si>
  <si>
    <t>Tahi</t>
  </si>
  <si>
    <t>govt.model primary school tahi</t>
  </si>
  <si>
    <t>Zamurd Akhtar</t>
  </si>
  <si>
    <t>GMPS TAHLI WALA</t>
  </si>
  <si>
    <t>village 
tahliwala wazirabad Distt Gujranwla</t>
  </si>
  <si>
    <t>GMPS TAIL MADRSSA</t>
  </si>
  <si>
    <t>tail madrassa</t>
  </si>
  <si>
    <t>Tail Madrassa</t>
  </si>
  <si>
    <t>Sadia Younus</t>
  </si>
  <si>
    <t>GMPS TAJA BAIR WALA</t>
  </si>
  <si>
    <t>Taja Bair Wala</t>
  </si>
  <si>
    <t>Taja Bair Wala P/O Bhowana</t>
  </si>
  <si>
    <t>GMPS TALIB NUMBAR DAR</t>
  </si>
  <si>
    <t>GMPS DERA TALIB NUMBERDAR</t>
  </si>
  <si>
    <t>Chinjri</t>
  </si>
  <si>
    <t>Dagar shada</t>
  </si>
  <si>
    <t>Farhat Ali</t>
  </si>
  <si>
    <t>GMPS TANGRA, SARAI SIDHU</t>
  </si>
  <si>
    <t>Govt model primary school Tangra</t>
  </si>
  <si>
    <t>Tanzila Riasat</t>
  </si>
  <si>
    <t>GMPS TANKI WALA</t>
  </si>
  <si>
    <t>Tankiwala</t>
  </si>
  <si>
    <t>Uzma Abbas</t>
  </si>
  <si>
    <t>GMPS TAPI WASAKA SINGH</t>
  </si>
  <si>
    <t>Tapai Wasakh Singh</t>
  </si>
  <si>
    <t>GMPS TAPI WASAKH  SINGH</t>
  </si>
  <si>
    <t>Tpai Wasakh Singh</t>
  </si>
  <si>
    <t>Nadia Nasim</t>
  </si>
  <si>
    <t>GMPS TAPYALI</t>
  </si>
  <si>
    <t>Tehsil  Kahuta Distt Rawalpindi p0st office kahuta village Tapyali</t>
  </si>
  <si>
    <t>Tapyali</t>
  </si>
  <si>
    <t>Salma Ghazanfar</t>
  </si>
  <si>
    <t>GMPS TARA GARH</t>
  </si>
  <si>
    <t>Tara Garh Khurd</t>
  </si>
  <si>
    <t>village tara garh khurd po alipur Sharqi teh and disst Gujrat</t>
  </si>
  <si>
    <t>kathala chenab</t>
  </si>
  <si>
    <t>outside school</t>
  </si>
  <si>
    <t>GMPS TARA JAT</t>
  </si>
  <si>
    <t>Tara Jat</t>
  </si>
  <si>
    <t>basti wisalderamoza Tara jat bahawalnagar</t>
  </si>
  <si>
    <t>Wisalderamoza Tara Jat</t>
  </si>
  <si>
    <t>Saba Jamil</t>
  </si>
  <si>
    <t>GMPS TARAND BISHARAT</t>
  </si>
  <si>
    <t>Ratrh Wali</t>
  </si>
  <si>
    <t>basti trand bishrat</t>
  </si>
  <si>
    <t>Trandbishrat</t>
  </si>
  <si>
    <t>Chanab Rasol Pur</t>
  </si>
  <si>
    <t>Iqra Mahmood</t>
  </si>
  <si>
    <t>GMPS TARANDA MUDHU KHAN</t>
  </si>
  <si>
    <t>TARANDA MUDHOO KHAN</t>
  </si>
  <si>
    <t>Head mistress GOVERNMT MODEL PRIMARY SCHOOL,TARANDA MUDHOO KHAN BASTI QAZI NOOR MUHAMMAD POST OFFICE NAWAN KOT TEHSIL KHANPUR DISTRICT RAHIM YAR KHAN</t>
  </si>
  <si>
    <t>Basti QAZI NOOR   Muhammad</t>
  </si>
  <si>
    <t>GMPS TARVANIAN WALA</t>
  </si>
  <si>
    <t>Tarvanianwala</t>
  </si>
  <si>
    <t>Travanianwala</t>
  </si>
  <si>
    <t>GMPS TATRI</t>
  </si>
  <si>
    <t>Tatri</t>
  </si>
  <si>
    <t>Noor pur noon</t>
  </si>
  <si>
    <t>GMPS THAKARKAY</t>
  </si>
  <si>
    <t>Thakkarkay</t>
  </si>
  <si>
    <t>village thakarkay tahsil daska</t>
  </si>
  <si>
    <t>Thakarkay</t>
  </si>
  <si>
    <t>GMPS THAKLAN JALALPUR PIRWALA</t>
  </si>
  <si>
    <t>Basti thaiklan Ada bamb mor</t>
  </si>
  <si>
    <t>Husnain Raza</t>
  </si>
  <si>
    <t>GMPS THAKRA MHAY</t>
  </si>
  <si>
    <t>THakra Mahy</t>
  </si>
  <si>
    <t>THakra mahy</t>
  </si>
  <si>
    <t>Vero Wala</t>
  </si>
  <si>
    <t>GMPS THALLAN WALA</t>
  </si>
  <si>
    <t>thalawala</t>
  </si>
  <si>
    <t>Thalawala</t>
  </si>
  <si>
    <t>Noora sharif</t>
  </si>
  <si>
    <t>Hifza Iqbal</t>
  </si>
  <si>
    <t>GMPS THANDA PANI</t>
  </si>
  <si>
    <t>Darouhya</t>
  </si>
  <si>
    <t>GMPS Thandapani</t>
  </si>
  <si>
    <t>Thanda Pani</t>
  </si>
  <si>
    <t>GMPS THANDA THAL</t>
  </si>
  <si>
    <t>Chack 11/1 Thall</t>
  </si>
  <si>
    <t>thanda thal chak#11/1</t>
  </si>
  <si>
    <t>ThandaThall</t>
  </si>
  <si>
    <t>GMPS THAPLA</t>
  </si>
  <si>
    <t>Gmps Thapla</t>
  </si>
  <si>
    <t>ADEEBA SHABNAM</t>
  </si>
  <si>
    <t>GMPS THATA JAHAD HASSAN WALA</t>
  </si>
  <si>
    <t>Thatha Jahad Hassan Wala</t>
  </si>
  <si>
    <t>Muqdas Andleeb</t>
  </si>
  <si>
    <t>GMPS THATHA AMIR</t>
  </si>
  <si>
    <t>Thatha Amir</t>
  </si>
  <si>
    <t>vill thatha amir p/o haslanwala teh phalia distt m.b.din</t>
  </si>
  <si>
    <t>Nuzhat Ahsan</t>
  </si>
  <si>
    <t>GMPS THATHA AZAM</t>
  </si>
  <si>
    <t>Thatha Azam</t>
  </si>
  <si>
    <t>thatha azam khan</t>
  </si>
  <si>
    <t>Thatha Azam Khan</t>
  </si>
  <si>
    <t>Talwndi Musa Khan</t>
  </si>
  <si>
    <t>GMPS THATHA BAGHAILA KHOKHAR</t>
  </si>
  <si>
    <t>Thatha Bghaila</t>
  </si>
  <si>
    <t>thatha bghaila</t>
  </si>
  <si>
    <t>Nasira Rashid</t>
  </si>
  <si>
    <t>GMPS THATHA CHALWA</t>
  </si>
  <si>
    <t>Thatha Chalwa</t>
  </si>
  <si>
    <t>GMPS thatha chalwa po mehlowala near more eminabad</t>
  </si>
  <si>
    <t>GMPS THATHA CHOWN</t>
  </si>
  <si>
    <t>thatha chown</t>
  </si>
  <si>
    <t>Hadia saif</t>
  </si>
  <si>
    <t>GMPS THATHA DARSA SINGH</t>
  </si>
  <si>
    <t>Darsa Singh</t>
  </si>
  <si>
    <t>Thatha Darsa Singh</t>
  </si>
  <si>
    <t>GMPS THATHA ESA</t>
  </si>
  <si>
    <t>Thatha Essa</t>
  </si>
  <si>
    <t>Thatha essa</t>
  </si>
  <si>
    <t>GMPS THATHA GHULAM KAY</t>
  </si>
  <si>
    <t>Thatha Ghulam kay</t>
  </si>
  <si>
    <t>Thatha Ghulam Kay</t>
  </si>
  <si>
    <t>Shiekhu Sharif</t>
  </si>
  <si>
    <t>Maryam Bibii</t>
  </si>
  <si>
    <t>GMPS THATHA GLOTRAN</t>
  </si>
  <si>
    <t>Thatta Gorran Iqbal Nagar</t>
  </si>
  <si>
    <t>thatta glotran</t>
  </si>
  <si>
    <t>Chak 125 Jappy</t>
  </si>
  <si>
    <t>Fakhara  Bibi</t>
  </si>
  <si>
    <t>GMPS THATHA JHANB</t>
  </si>
  <si>
    <t>Thatha Jhanb</t>
  </si>
  <si>
    <t>moza thatta jhanb tehsil bhowana dist chiniot</t>
  </si>
  <si>
    <t>Summander</t>
  </si>
  <si>
    <t>GMPS THATHA KADHI WALA</t>
  </si>
  <si>
    <t>Thatha Kadhiwala</t>
  </si>
  <si>
    <t>Vlg thatha kadhiwala post office  thatha alia Tehsil phalia distt M. B. Din</t>
  </si>
  <si>
    <t>GMPS THATHA LOONA</t>
  </si>
  <si>
    <t>Thathaloona</t>
  </si>
  <si>
    <t>gmps thatta loona tehsil bhowana dist chiniot</t>
  </si>
  <si>
    <t>Thatha Loona</t>
  </si>
  <si>
    <t>Rubeena Arshad</t>
  </si>
  <si>
    <t>GMPS THATHA MAHMOOD</t>
  </si>
  <si>
    <t>mouza Qazian  District chiniot</t>
  </si>
  <si>
    <t>GMPS THATHA MALKHI</t>
  </si>
  <si>
    <t>Thatha milkhi</t>
  </si>
  <si>
    <t>Thatha Milkhi</t>
  </si>
  <si>
    <t>Naghmana Habib</t>
  </si>
  <si>
    <t>GMPS THATHA MONA SALABAT</t>
  </si>
  <si>
    <t>Thatha  Mona Salabat Salabat</t>
  </si>
  <si>
    <t>govt girls model primary school</t>
  </si>
  <si>
    <t>Ththa Mona Salabat</t>
  </si>
  <si>
    <t>zeenat rani</t>
  </si>
  <si>
    <t>GMPS THATHA MUHAMMAD SHAH AT NALKA ADDA</t>
  </si>
  <si>
    <t>Thattha Muhammad Shah</t>
  </si>
  <si>
    <t>thattha muhammad shah</t>
  </si>
  <si>
    <t>Thattha Muhammad  Shah</t>
  </si>
  <si>
    <t>Thattha Muhammad S Shah</t>
  </si>
  <si>
    <t>GMPS THATHA NO.2 JAHANIAN</t>
  </si>
  <si>
    <t>thatha jadeed</t>
  </si>
  <si>
    <t>Thatha Jadeed</t>
  </si>
  <si>
    <t>Thatha S Abad</t>
  </si>
  <si>
    <t>Ashra Hashim</t>
  </si>
  <si>
    <t>GMPS THATHA PIRA</t>
  </si>
  <si>
    <t>Thatha Pira</t>
  </si>
  <si>
    <t>Thatha Pira P/O Mohlanky,Teh.Wazirabad. District.GRW</t>
  </si>
  <si>
    <t>Thathai Pira</t>
  </si>
  <si>
    <t>GMPS THATHA QURESHI</t>
  </si>
  <si>
    <t>Balarky</t>
  </si>
  <si>
    <t>gmps thatha qureshi</t>
  </si>
  <si>
    <t>GMPS THATHA QUTBA</t>
  </si>
  <si>
    <t>THATHA QUTBA</t>
  </si>
  <si>
    <t>VILLAGE THATHA QUTBA P/O BHIRI KHURD TEHSIL NOWSHERAH VIRKAN DISTRICT GUJRANWALA</t>
  </si>
  <si>
    <t>BHIRI KALAN</t>
  </si>
  <si>
    <t>GMPS THATHA RAHMOON</t>
  </si>
  <si>
    <t>Thatta Rehmoon</t>
  </si>
  <si>
    <t>Gmps thatta rehmoon  moza Thatta rehmun</t>
  </si>
  <si>
    <t>Thatta rehmoon</t>
  </si>
  <si>
    <t>GMPS THATHA SHAH JAMAL</t>
  </si>
  <si>
    <t>Thatta Shah Jamal</t>
  </si>
  <si>
    <t>Moza Thatta shah Jsmal</t>
  </si>
  <si>
    <t>GMPS THATHI</t>
  </si>
  <si>
    <t>GMPS THATHI BAJWA</t>
  </si>
  <si>
    <t>Thathi Bajwa</t>
  </si>
  <si>
    <t>Govt.model primary school thathi bajwa</t>
  </si>
  <si>
    <t>GMPS THATHI BALOCH</t>
  </si>
  <si>
    <t>Thathi Baloch</t>
  </si>
  <si>
    <t>village Thathi Baloch p/o Head khanki tehsil WZD Distt, GRW</t>
  </si>
  <si>
    <t>Hafsa Hanif Mughal</t>
  </si>
  <si>
    <t>GMPS THATHI HINDWAN</t>
  </si>
  <si>
    <t>Thathi Hindwan</t>
  </si>
  <si>
    <t>thathi hindwan teh chunian dist kasur</t>
  </si>
  <si>
    <t>SHAGUFTA ALLAH DITTA</t>
  </si>
  <si>
    <t>GMPS THATHI KHER SHAH</t>
  </si>
  <si>
    <t>Thathi Kher Shah</t>
  </si>
  <si>
    <t>moza thathi kher shah</t>
  </si>
  <si>
    <t>GMPS THATHI KHUDA YAAR SHAH</t>
  </si>
  <si>
    <t>Thathi Khuda Yar Shah</t>
  </si>
  <si>
    <t>THATHI KHUDA YAR SHAH Tehsil Lalian District Chiniot</t>
  </si>
  <si>
    <t>THATHI KHUDA YAR SHAH</t>
  </si>
  <si>
    <t>Nadia Khaliq</t>
  </si>
  <si>
    <t>GMPS THATHI LAL</t>
  </si>
  <si>
    <t>thathi lal</t>
  </si>
  <si>
    <t>thathi lal shah</t>
  </si>
  <si>
    <t>thathi laal</t>
  </si>
  <si>
    <t>GMPS THATHI SIKANDRI</t>
  </si>
  <si>
    <t>Thathi Sikndri</t>
  </si>
  <si>
    <t>GMPS Thathi sikandri</t>
  </si>
  <si>
    <t>Sikndri</t>
  </si>
  <si>
    <t>GMPS THATHI USMAN</t>
  </si>
  <si>
    <t>kasur</t>
  </si>
  <si>
    <t>Gohad Hithad</t>
  </si>
  <si>
    <t>ZARA MUSHTAQ</t>
  </si>
  <si>
    <t>GMPS THATHI WALANA</t>
  </si>
  <si>
    <t>Thathi Walana</t>
  </si>
  <si>
    <t>Thathi Walana post Office Bhera Tehsil Bhera District Sargodha</t>
  </si>
  <si>
    <t>Alipur Saydan</t>
  </si>
  <si>
    <t>Sadia Halima</t>
  </si>
  <si>
    <t>GMPS THATTA DEWKA</t>
  </si>
  <si>
    <t>Thattha Dewaka</t>
  </si>
  <si>
    <t>post office dheeranke lalke,village thattha dewoka</t>
  </si>
  <si>
    <t>GMPS THATTA HARIAN NO. 2</t>
  </si>
  <si>
    <t>Thatha Harian P/O Kul Tehsil Lalian District Chiniot</t>
  </si>
  <si>
    <t>Thatha Harian</t>
  </si>
  <si>
    <t>GMPS THATTA KALLAN</t>
  </si>
  <si>
    <t>Thatta Kalan</t>
  </si>
  <si>
    <t>village thatta kalan p.o raman tehsil gujarkhan</t>
  </si>
  <si>
    <t>Sehrish Shaheen</t>
  </si>
  <si>
    <t>GMPS THATTA MAHLA</t>
  </si>
  <si>
    <t>Thatha Mahla</t>
  </si>
  <si>
    <t>Thatha Pehlwan</t>
  </si>
  <si>
    <t>Pakkey Wala</t>
  </si>
  <si>
    <t>GMPS THATTA MASTA</t>
  </si>
  <si>
    <t>Thatha Masta</t>
  </si>
  <si>
    <t>thatha masta p/o sukheki mandi</t>
  </si>
  <si>
    <t>Thatha masta</t>
  </si>
  <si>
    <t>Nasira Yasmeen</t>
  </si>
  <si>
    <t>GMPS THATTA NAIKE</t>
  </si>
  <si>
    <t>Thatha Naik</t>
  </si>
  <si>
    <t>P.o thatha alia village thatha naik thesil phalia district m.bdin</t>
  </si>
  <si>
    <t>Kiran Idrees</t>
  </si>
  <si>
    <t>GMPS THATTA NOON</t>
  </si>
  <si>
    <t>Thatta noon</t>
  </si>
  <si>
    <t>GMPS thatta NOON</t>
  </si>
  <si>
    <t>Sumreen kausar</t>
  </si>
  <si>
    <t>GMPS THATTA PANAH</t>
  </si>
  <si>
    <t>Thatta panah</t>
  </si>
  <si>
    <t>Allowdin K Kalan</t>
  </si>
  <si>
    <t>GMPS THATTA PROTHIAN</t>
  </si>
  <si>
    <t>Thatha Prothian</t>
  </si>
  <si>
    <t>thatha prothian tehsil pindi bhattian district hafizabad</t>
  </si>
  <si>
    <t>Zamurd Raza</t>
  </si>
  <si>
    <t>GMPS THATTA SHAMSA</t>
  </si>
  <si>
    <t>Thatha Shamsa</t>
  </si>
  <si>
    <t>thatha Shamsa dist hafizabad</t>
  </si>
  <si>
    <t>Aqsa Jabeen</t>
  </si>
  <si>
    <t>GMPS THATTI ANOK SINGH</t>
  </si>
  <si>
    <t>Thatti Anok Singh</t>
  </si>
  <si>
    <t>Govt Model Primry School Thatti anok singh</t>
  </si>
  <si>
    <t>Alaudin Ke Kalan</t>
  </si>
  <si>
    <t>Shabana Azam</t>
  </si>
  <si>
    <t>GMPS THATTI LONG</t>
  </si>
  <si>
    <t>Thati Long</t>
  </si>
  <si>
    <t>nehangtehsahiwalsargodha</t>
  </si>
  <si>
    <t>Hafizsarfrazhussain</t>
  </si>
  <si>
    <t>GMPS THATTI MURID</t>
  </si>
  <si>
    <t>Thatti Mureed</t>
  </si>
  <si>
    <t>post office thatti mureed teh phalia diss M B Din</t>
  </si>
  <si>
    <t>GMPS THATTI NAIKA</t>
  </si>
  <si>
    <t>Thatti Naika</t>
  </si>
  <si>
    <t>thatti naika teh.shahpur sgd</t>
  </si>
  <si>
    <t>GMPS THATTI SAID BEHRAM</t>
  </si>
  <si>
    <t>Thatti Said Behram</t>
  </si>
  <si>
    <t>moza Thatti said Behram, pubber Wala jhang</t>
  </si>
  <si>
    <t>Hafiza Hafsa Sahar</t>
  </si>
  <si>
    <t>GMPS THATTI SAIDU SHAH</t>
  </si>
  <si>
    <t>Thatti Saidu Shah</t>
  </si>
  <si>
    <t>thatti saidu shah tensile pindi gheb district attock</t>
  </si>
  <si>
    <t>Um I Kalsoom</t>
  </si>
  <si>
    <t>GMPS THATTI SHAHANI</t>
  </si>
  <si>
    <t>Thatti Shahani</t>
  </si>
  <si>
    <t>Samina Rehman</t>
  </si>
  <si>
    <t>GMPS THATTI UBBI</t>
  </si>
  <si>
    <t>Thatti Ubhi</t>
  </si>
  <si>
    <t>,Thatti ubhi shahpur sargodha</t>
  </si>
  <si>
    <t>Muzamil Un Nisa</t>
  </si>
  <si>
    <t>GMPS THDDA THAHEEM BASTI JAT WALA</t>
  </si>
  <si>
    <t>Thadda Thaheem</t>
  </si>
  <si>
    <t>ggps thadda thaheem basti jat wala lodhran.</t>
  </si>
  <si>
    <t>Ifat Naz</t>
  </si>
  <si>
    <t>GMPS THEKRIAL</t>
  </si>
  <si>
    <t>THEKRIAL</t>
  </si>
  <si>
    <t>VILLAGE THEKRIAL P.O. CHARWA TEHSIL PASRUR DISTRICT SIALKOT</t>
  </si>
  <si>
    <t>GMPS THITRAN WALA</t>
  </si>
  <si>
    <t>Behal Daggar</t>
  </si>
  <si>
    <t>thitranwala p.o behal tehsil&amp;district Bhakkar</t>
  </si>
  <si>
    <t>Thitranwala</t>
  </si>
  <si>
    <t>Uzma Irshad</t>
  </si>
  <si>
    <t>GMPS THUL KHAIR MUHAMMAD</t>
  </si>
  <si>
    <t>Thull Khair Mohammad</t>
  </si>
  <si>
    <t>thull khair Mohammad</t>
  </si>
  <si>
    <t>GMPS TIBA BOTAY SHAH</t>
  </si>
  <si>
    <t>Tiba booty shah gujrat pk</t>
  </si>
  <si>
    <t>Tiba booty shah po deona mndi</t>
  </si>
  <si>
    <t>Tiba bootay shah</t>
  </si>
  <si>
    <t>Deona mndi</t>
  </si>
  <si>
    <t>GMPS TIBBA AKBAR SHAH</t>
  </si>
  <si>
    <t>THALLA Noon Daggar</t>
  </si>
  <si>
    <t>GMPS Tibbah Akbar shah</t>
  </si>
  <si>
    <t>Tibba akbar Shah</t>
  </si>
  <si>
    <t>Khursheed Baigum</t>
  </si>
  <si>
    <t>GMPS TIBBA HAMAD SHAH</t>
  </si>
  <si>
    <t>Tiba Hamid Shah</t>
  </si>
  <si>
    <t>tibba hamid shah p/o deona mandi distt.&amp; tehsil gujrat</t>
  </si>
  <si>
    <t>Deoa Mandi</t>
  </si>
  <si>
    <t>Shakeela Naz</t>
  </si>
  <si>
    <t>GMPS TIBBA KHICHI</t>
  </si>
  <si>
    <t>tibba-khichi</t>
  </si>
  <si>
    <t>Tibba Khichi</t>
  </si>
  <si>
    <t>Angra - Dagger</t>
  </si>
  <si>
    <t>Akbari Perveen</t>
  </si>
  <si>
    <t>GMPS TIBBA NANAK SER</t>
  </si>
  <si>
    <t>Tibba Nanak Ser</t>
  </si>
  <si>
    <t>tibba nanak ser pakpattan</t>
  </si>
  <si>
    <t>Faisal Masood</t>
  </si>
  <si>
    <t>GMPS TIBBI DARYANI</t>
  </si>
  <si>
    <t>Tibbi Daryani</t>
  </si>
  <si>
    <t>tibbi daryni. post johlana .mandi Bhauaddin</t>
  </si>
  <si>
    <t>Tibbi Daryni</t>
  </si>
  <si>
    <t>Johlana</t>
  </si>
  <si>
    <t>GMPS TIBBI KATHIA</t>
  </si>
  <si>
    <t>Tibbi Nijabt Kathia</t>
  </si>
  <si>
    <t>tibbi nijabat kathia</t>
  </si>
  <si>
    <t>Tibbi  Nijabt Kathia</t>
  </si>
  <si>
    <t>722 Gb</t>
  </si>
  <si>
    <t>Noreen Nawaz</t>
  </si>
  <si>
    <t>GMPS TIBBI WALA</t>
  </si>
  <si>
    <t>Patten road basti khoker abad shorkot city</t>
  </si>
  <si>
    <t>Basti Khoker Abad</t>
  </si>
  <si>
    <t>Humaira Banu</t>
  </si>
  <si>
    <t>GMPS TIBIAN WALA</t>
  </si>
  <si>
    <t>mohallah tibbian wala chiniot</t>
  </si>
  <si>
    <t>Sahar Munir</t>
  </si>
  <si>
    <t>GMPS TIKKA</t>
  </si>
  <si>
    <t>Tikka</t>
  </si>
  <si>
    <t>GMPS Tikka</t>
  </si>
  <si>
    <t>GMPS TINDIAN WALA</t>
  </si>
  <si>
    <t>Tindian wala</t>
  </si>
  <si>
    <t>Moza Tindian Wala post office sheikhan Teh. lalian distt. chiniot</t>
  </si>
  <si>
    <t>Tindian Wala</t>
  </si>
  <si>
    <t>Fouzia Sadiq</t>
  </si>
  <si>
    <t>GMPS TOKI SIKANDER</t>
  </si>
  <si>
    <t>murad pur</t>
  </si>
  <si>
    <t>basti toki sikandar khan</t>
  </si>
  <si>
    <t>toki sikandar</t>
  </si>
  <si>
    <t>chamb kulyar</t>
  </si>
  <si>
    <t>Fauzia Adeeb</t>
  </si>
  <si>
    <t>GMPS TONG</t>
  </si>
  <si>
    <t>village Tong tehsil and district Sialkot</t>
  </si>
  <si>
    <t>Partan Wali</t>
  </si>
  <si>
    <t>Samina Ghulam Ali</t>
  </si>
  <si>
    <t>GMPS TOPA KAIR</t>
  </si>
  <si>
    <t>Topa Kair</t>
  </si>
  <si>
    <t>village topa kair  u/c darya gali tehsil Murree district rwp</t>
  </si>
  <si>
    <t>Madiha Shoukat</t>
  </si>
  <si>
    <t>GMPS TOPIAN</t>
  </si>
  <si>
    <t>Bardiana</t>
  </si>
  <si>
    <t>village mohra Topian post office Thakra mohra tehsil gujar khan  district Rawalpindi</t>
  </si>
  <si>
    <t>Mohra Topian</t>
  </si>
  <si>
    <t>GMPS TOUNG UCHA</t>
  </si>
  <si>
    <t>Tong oncha</t>
  </si>
  <si>
    <t>tong oncha</t>
  </si>
  <si>
    <t>Tong Oncha</t>
  </si>
  <si>
    <t>GMPS TRAGAR</t>
  </si>
  <si>
    <t>TRAGAR</t>
  </si>
  <si>
    <t>VPO TRAGAR TEHSIL JAND DISTRICT ATTOCK</t>
  </si>
  <si>
    <t>NAILA JABEEN</t>
  </si>
  <si>
    <t>GMPS TRIGERY SHARIF</t>
  </si>
  <si>
    <t>trigri sharif</t>
  </si>
  <si>
    <t>trigri sharif po box ranyki nagra teh daska dist sialkot</t>
  </si>
  <si>
    <t>GMPS TUBKIAN</t>
  </si>
  <si>
    <t>Tubkian</t>
  </si>
  <si>
    <t>vill.Tubkian,p/o Kaliam Awan, Teh.Gujar Khan,Distt.Rwp</t>
  </si>
  <si>
    <t>Rahila Amin</t>
  </si>
  <si>
    <t>GMPS TUNG BUCHA</t>
  </si>
  <si>
    <t>Tong Bucha</t>
  </si>
  <si>
    <t>village tong bucha teh kamoki dist Gujranwala</t>
  </si>
  <si>
    <t>GMPS TUNG KALAN</t>
  </si>
  <si>
    <t>TUNG Kalan</t>
  </si>
  <si>
    <t>TUNG kalan tataly Ali</t>
  </si>
  <si>
    <t>Nabeela Salma</t>
  </si>
  <si>
    <t>GMPS TURBAT HAJI SHAH</t>
  </si>
  <si>
    <t>Mouza Turbat Haji  Shah</t>
  </si>
  <si>
    <t>mouza turbat haji shah</t>
  </si>
  <si>
    <t>Amjid Javed</t>
  </si>
  <si>
    <t>GMPS UFTALIAN</t>
  </si>
  <si>
    <t>Uftalian</t>
  </si>
  <si>
    <t>Govt Model primary school uftalian P/o karianwala</t>
  </si>
  <si>
    <t>Rizwana latif</t>
  </si>
  <si>
    <t>GMPS ULLAN KAY</t>
  </si>
  <si>
    <t>Ullan Kay</t>
  </si>
  <si>
    <t>village fatoohi Wala p/o ganda Singh Wala kasur.</t>
  </si>
  <si>
    <t>GMPS UMAR ABAD</t>
  </si>
  <si>
    <t>Umra Abad</t>
  </si>
  <si>
    <t>umra Abad tehsil pattoki distt kasuar</t>
  </si>
  <si>
    <t>Wan Radha Ram 76</t>
  </si>
  <si>
    <t>Bilqees</t>
  </si>
  <si>
    <t>GMPS UMAR BAGGA</t>
  </si>
  <si>
    <t>Umar Bagga</t>
  </si>
  <si>
    <t>G.M.P/S Umar bagga</t>
  </si>
  <si>
    <t>GMPS UMAR CHAK</t>
  </si>
  <si>
    <t>Umer Chak</t>
  </si>
  <si>
    <t>village UMAR CHAK Post office haji Muhammad tehsil kharian district gujrat</t>
  </si>
  <si>
    <t>Rana Kousar</t>
  </si>
  <si>
    <t>GMPS UMAR WAL</t>
  </si>
  <si>
    <t>UMER WAL</t>
  </si>
  <si>
    <t>gmps umarwal</t>
  </si>
  <si>
    <t>Umerwal</t>
  </si>
  <si>
    <t>GMPS UMARKAY KHURD</t>
  </si>
  <si>
    <t>Umerkaykhurd</t>
  </si>
  <si>
    <t>Umer k khurd</t>
  </si>
  <si>
    <t>Aqdas Riaz</t>
  </si>
  <si>
    <t>GMPS UMRANA JANOOBI</t>
  </si>
  <si>
    <t>Umrana Janoobi</t>
  </si>
  <si>
    <t>Govt.Model primary school umrana janoobi</t>
  </si>
  <si>
    <t>Siddiqa Khan</t>
  </si>
  <si>
    <t>GMPS UTHWAL KHALSA</t>
  </si>
  <si>
    <t>Uthwal Khalsa</t>
  </si>
  <si>
    <t>Mouza Uthwal Khalsa PO sadar Gogera</t>
  </si>
  <si>
    <t>GMPS UTTAM</t>
  </si>
  <si>
    <t>Uttam</t>
  </si>
  <si>
    <t>GMPS Uttam, Kharian (Gujrat)</t>
  </si>
  <si>
    <t>Saima Sarwar</t>
  </si>
  <si>
    <t>GMPS VAVNA WALA SHUMALI</t>
  </si>
  <si>
    <t>Nasir Wala</t>
  </si>
  <si>
    <t>GMPS wavna wala shumali</t>
  </si>
  <si>
    <t>Wavna wala Shumali</t>
  </si>
  <si>
    <t>Allowali</t>
  </si>
  <si>
    <t>GMPS VERAMKAY</t>
  </si>
  <si>
    <t>Viramkey</t>
  </si>
  <si>
    <t>Viramkey, tehsil sambrial, sialkot</t>
  </si>
  <si>
    <t>Rukhsana Kowsar</t>
  </si>
  <si>
    <t>GMPS VEROKI CHEEMA</t>
  </si>
  <si>
    <t>Veroki</t>
  </si>
  <si>
    <t>Veroki cheema</t>
  </si>
  <si>
    <t>Verokicheema</t>
  </si>
  <si>
    <t>Bharoki cheema</t>
  </si>
  <si>
    <t>GMPS VIJHAN (VIJHI)</t>
  </si>
  <si>
    <t>Vijhi</t>
  </si>
  <si>
    <t>Gmps vijhi</t>
  </si>
  <si>
    <t>GMPS VINJAL</t>
  </si>
  <si>
    <t>village Vinjal  Teh&amp; Distt Sialkot</t>
  </si>
  <si>
    <t>Fatima Bint-e-Asad</t>
  </si>
  <si>
    <t>GMPS WAHALI BALA</t>
  </si>
  <si>
    <t>wahali bala</t>
  </si>
  <si>
    <t>lehr sultan pur</t>
  </si>
  <si>
    <t>Hina Akhter</t>
  </si>
  <si>
    <t>GMPS WAHI CHANI KHAN</t>
  </si>
  <si>
    <t>basti hafÄ±z wala moza wahi ali arain</t>
  </si>
  <si>
    <t>GMPS WAHI RIKKY BASTI PEER SHUJABAD</t>
  </si>
  <si>
    <t>Wahi Rikki</t>
  </si>
  <si>
    <t>mauza wahi rikki basti pir musafir</t>
  </si>
  <si>
    <t>Basti Pir Musafir</t>
  </si>
  <si>
    <t>Raja ram</t>
  </si>
  <si>
    <t>GMPS WAHID AMIR</t>
  </si>
  <si>
    <t>Jendo Daia</t>
  </si>
  <si>
    <t>bsti wahid ameer post office tranda mahammad pnha</t>
  </si>
  <si>
    <t>Wahid ameer</t>
  </si>
  <si>
    <t>Tranda Muhammad Pnha</t>
  </si>
  <si>
    <t>GulnazRafiq Rafiq</t>
  </si>
  <si>
    <t>GMPS WAHLAY</t>
  </si>
  <si>
    <t>Roheeia Khalji</t>
  </si>
  <si>
    <t>GMPS WAJEED WALI</t>
  </si>
  <si>
    <t>wajeed wali</t>
  </si>
  <si>
    <t>wajeedwali</t>
  </si>
  <si>
    <t>GMPS WAKEEL WALA</t>
  </si>
  <si>
    <t>Ashaba Shumali</t>
  </si>
  <si>
    <t>Chak Wakeel Wala, Moza Ashaba Shumali, Tehsil &amp; District Jhang.</t>
  </si>
  <si>
    <t>Chak Wakeel Wala</t>
  </si>
  <si>
    <t>MAMOONA YASMIN</t>
  </si>
  <si>
    <t>GMPS WALANAY</t>
  </si>
  <si>
    <t>Walanay</t>
  </si>
  <si>
    <t>Walanay P.O Khas Tehsil And District Sialkot</t>
  </si>
  <si>
    <t>GMPS WALGAN BAKHSHA</t>
  </si>
  <si>
    <t>Walgan Bakhsha</t>
  </si>
  <si>
    <t>walgan bakhsha sukheke mandi hafiz abad</t>
  </si>
  <si>
    <t>GMPS WALI MOHAMMAD JHANDIR</t>
  </si>
  <si>
    <t>Wali Muhammad Wali Muhammad Jhandir</t>
  </si>
  <si>
    <t>Gmps wali Muhammad jhandir</t>
  </si>
  <si>
    <t>Wali Muhammad Jhandir</t>
  </si>
  <si>
    <t>GMPS WALIA</t>
  </si>
  <si>
    <t>Walia</t>
  </si>
  <si>
    <t>village walia post office shadi khan tehsil hazro district Attock</t>
  </si>
  <si>
    <t>GMPS WALLA RAI</t>
  </si>
  <si>
    <t>Walla Rai</t>
  </si>
  <si>
    <t>gmps walla rai</t>
  </si>
  <si>
    <t>Rukhsana Rani</t>
  </si>
  <si>
    <t>GMPS WALLEKE</t>
  </si>
  <si>
    <t>Wallayke</t>
  </si>
  <si>
    <t>Walayke</t>
  </si>
  <si>
    <t>Tayyaba Janjooah</t>
  </si>
  <si>
    <t>GMPS WAN MEHR SINGH</t>
  </si>
  <si>
    <t>Wan Meher Singh</t>
  </si>
  <si>
    <t>wan mehr singh</t>
  </si>
  <si>
    <t>GMPS WANDALA VIRKAN</t>
  </si>
  <si>
    <t>Wandala Virkan</t>
  </si>
  <si>
    <t>wandala virkan</t>
  </si>
  <si>
    <t>Miss Shagufta Perveen Muhammad Hussain</t>
  </si>
  <si>
    <t>GMPS WANDHA BALOCHI TRUG</t>
  </si>
  <si>
    <t>Janti Wala</t>
  </si>
  <si>
    <t>wandha balochi</t>
  </si>
  <si>
    <t>Wanda Balochi</t>
  </si>
  <si>
    <t>GMPS WANDHA SARMAD KHEL</t>
  </si>
  <si>
    <t>Kacha Kamarmushani</t>
  </si>
  <si>
    <t>kacha kamarmushani  wandha sarmat khel esa khel mianwali</t>
  </si>
  <si>
    <t>Wandhasarmatkhel</t>
  </si>
  <si>
    <t>Mumtaz Aslam</t>
  </si>
  <si>
    <t>GMPS WARA ANDHIAN</t>
  </si>
  <si>
    <t>wara andhian</t>
  </si>
  <si>
    <t>wara andhain</t>
  </si>
  <si>
    <t>Rehana Yasin</t>
  </si>
  <si>
    <t>GMPS WARA BALIAN</t>
  </si>
  <si>
    <t>Wara Balian</t>
  </si>
  <si>
    <t>post office head rasul, village wara balian</t>
  </si>
  <si>
    <t>Raheel Mumtaz</t>
  </si>
  <si>
    <t>GMPS WARA BULAND KHAN</t>
  </si>
  <si>
    <t>Wara Buland Khan</t>
  </si>
  <si>
    <t>GMPS Wara Buland Khan 
Village Wara Buland Khan P.O.Box office Khewra
Tehsil P.D.Khan
Dist Jhelum</t>
  </si>
  <si>
    <t>Khewra 2</t>
  </si>
  <si>
    <t>Sabah Rubab</t>
  </si>
  <si>
    <t>GMPS WARA CHAMIAN</t>
  </si>
  <si>
    <t>WARA CHAMIAN</t>
  </si>
  <si>
    <t>VPO WARA CHAMIAN Tehsil Malakwal District M.b.din</t>
  </si>
  <si>
    <t>Anwar Iqbal</t>
  </si>
  <si>
    <t>GMPS WARALA</t>
  </si>
  <si>
    <t>Warala</t>
  </si>
  <si>
    <t>post office karuli teh k.kahar distt chakwal</t>
  </si>
  <si>
    <t>Samina Akhtar Malik</t>
  </si>
  <si>
    <t>GMPS WARHI PANAH KHAIL</t>
  </si>
  <si>
    <t>Post office Rang pur</t>
  </si>
  <si>
    <t>near by school</t>
  </si>
  <si>
    <t>GMPS WASSUWAL</t>
  </si>
  <si>
    <t>Wasoowal</t>
  </si>
  <si>
    <t>wasoowal</t>
  </si>
  <si>
    <t>Sidra Mukhtar</t>
  </si>
  <si>
    <t>GMPS WAZEERAY CHAK</t>
  </si>
  <si>
    <t>Wazery Chak</t>
  </si>
  <si>
    <t>GMPS wazery chak</t>
  </si>
  <si>
    <t>Pindhi Panjoran</t>
  </si>
  <si>
    <t>Sabha Yousaf</t>
  </si>
  <si>
    <t>GMPS WAZID</t>
  </si>
  <si>
    <t>Wazid</t>
  </si>
  <si>
    <t>village wazid p/o chak kamala district gujrat</t>
  </si>
  <si>
    <t>GMPS WERSALKAY</t>
  </si>
  <si>
    <t>wersalkay</t>
  </si>
  <si>
    <t>NAHEED QADIR BUTT</t>
  </si>
  <si>
    <t>GMPS WHAND</t>
  </si>
  <si>
    <t>Wehand</t>
  </si>
  <si>
    <t>GMPS wehand</t>
  </si>
  <si>
    <t>Ruqia Ejaz</t>
  </si>
  <si>
    <t>GMPS WITHOEY WALA</t>
  </si>
  <si>
    <t>withoey wala</t>
  </si>
  <si>
    <t>haitu</t>
  </si>
  <si>
    <t>Romana Andleeb</t>
  </si>
  <si>
    <t>GMPS YAKOO WALA</t>
  </si>
  <si>
    <t>Yakoowala</t>
  </si>
  <si>
    <t>yakoowala Teh:lalian District. Chiniot</t>
  </si>
  <si>
    <t>Kanwein Wala</t>
  </si>
  <si>
    <t>GMPS YAREY WALA</t>
  </si>
  <si>
    <t>Yareywala</t>
  </si>
  <si>
    <t>Yareywala p/o vijh tehsil shahpur district sargodha</t>
  </si>
  <si>
    <t>Yareywals</t>
  </si>
  <si>
    <t>GMPS YAREY WALA DAHKLI MIDH</t>
  </si>
  <si>
    <t>Yare Wala</t>
  </si>
  <si>
    <t>post office Shah Pur Sadar Teh.Shah pur .Sargodha</t>
  </si>
  <si>
    <t>GMPS YASMIN CANAL LODGE</t>
  </si>
  <si>
    <t>ESA Wala</t>
  </si>
  <si>
    <t>GGMPS yasmin Canal logde</t>
  </si>
  <si>
    <t>ESSA Wala</t>
  </si>
  <si>
    <t>GMPS ZAFAR NAGAR</t>
  </si>
  <si>
    <t>Korina Shumali</t>
  </si>
  <si>
    <t>Zafar Nagar</t>
  </si>
  <si>
    <t>ZAFAR Nagar</t>
  </si>
  <si>
    <t>Sheikh chohar</t>
  </si>
  <si>
    <t>GMPS ZAFAR ULLAH COLONY</t>
  </si>
  <si>
    <t>Zafarullah Coloney</t>
  </si>
  <si>
    <t>zafarullah colony ferozwala</t>
  </si>
  <si>
    <t>Zafarullah Colony</t>
  </si>
  <si>
    <t>Ferozewla</t>
  </si>
  <si>
    <t>GMPS ZAFAR WALI</t>
  </si>
  <si>
    <t>Zafarwali</t>
  </si>
  <si>
    <t>Government girls model primary school zafarwali</t>
  </si>
  <si>
    <t>Nafees Zuhra</t>
  </si>
  <si>
    <t>GMPS ZOOR KOT, JAHANIAN</t>
  </si>
  <si>
    <t>Zor Kot</t>
  </si>
  <si>
    <t>zor kot</t>
  </si>
  <si>
    <t>Miya Pur</t>
  </si>
  <si>
    <t>GMPS ZUBAIR ABAD</t>
  </si>
  <si>
    <t>bsti zubair abad</t>
  </si>
  <si>
    <t>Zubair Abad</t>
  </si>
  <si>
    <t>Bushra Qureshi</t>
  </si>
  <si>
    <t>GMPS ZULFIQAR ALI BHUTTO SHAHEED ARZANI</t>
  </si>
  <si>
    <t>Arzani</t>
  </si>
  <si>
    <t>Government Model Primery School Arzani tehsil phalia Dist M.B.Din1980</t>
  </si>
  <si>
    <t>Hagerwallah</t>
  </si>
  <si>
    <t>Samia Munir</t>
  </si>
  <si>
    <t>GMPS ZURANNI WALA</t>
  </si>
  <si>
    <t>Shiaran Wala</t>
  </si>
  <si>
    <t>Dagershada</t>
  </si>
  <si>
    <t>Madiha Sahrish</t>
  </si>
  <si>
    <t>GMPS123/15-L, MIAN CHANNU</t>
  </si>
  <si>
    <t>chak no 123/15 L</t>
  </si>
  <si>
    <t>123/15l</t>
  </si>
  <si>
    <t>Asiya Mubarak</t>
  </si>
  <si>
    <t>GOVT. ALI ABASS SHAHEED HIGHER SECONDARY SCHOOL MURIDKE</t>
  </si>
  <si>
    <t>G.T.ROAD MURIDKE NEAR CITY POLICE STATION MURIDKE</t>
  </si>
  <si>
    <t>GOVT. ASAD AZIZ SHAHEED HIGH SCHOOL KHANQAH DOGRAN</t>
  </si>
  <si>
    <t>Govt. Asad Aziz Shaheed High School Khanqah Dogran</t>
  </si>
  <si>
    <t>Inam Ul Haq</t>
  </si>
  <si>
    <t>GOVT. FURQAN SHAHEED HIGH SCHOOL  SHEIKHUPURA</t>
  </si>
  <si>
    <t>jinnah park skp</t>
  </si>
  <si>
    <t>GOVT. GIRLS PRIMARY SCHOOL BASTI RANG ALI KHAN</t>
  </si>
  <si>
    <t>Rajjarhoo</t>
  </si>
  <si>
    <t>basti rang ali khan</t>
  </si>
  <si>
    <t>Basti Rang Ali Khan</t>
  </si>
  <si>
    <t>KOMAL IJAZ</t>
  </si>
  <si>
    <t>GOVT. HAJRA SHARIF SHAHEED GIRLS HIGH SCHOOL MOH.  HANJRAN WALA</t>
  </si>
  <si>
    <t>Govt. Hajra Shareef Shaheed Girls High School mOH hanjranwala SKP</t>
  </si>
  <si>
    <t>Moh Hanjranwala</t>
  </si>
  <si>
    <t>Govt. Hammad Aziz Shaheed HSS LALIAN</t>
  </si>
  <si>
    <t>THANA ROAD LALIAN</t>
  </si>
  <si>
    <t>THANA ROAD</t>
  </si>
  <si>
    <t>MC. LALIAN</t>
  </si>
  <si>
    <t>MAHMOOD IQBAL</t>
  </si>
  <si>
    <t>GOVT. HAROON SHAHEED PILOT SECONDARY SCHOOL SHARAQPUR</t>
  </si>
  <si>
    <t>govt. pilot secondary school sharaqpur sharif district sheikhupura</t>
  </si>
  <si>
    <t>GOVT. PILOT SECONDARY SCHOOL  WAHDAT COLONY</t>
  </si>
  <si>
    <t>WAHDAT COLONY LAHORE</t>
  </si>
  <si>
    <t>WAHDAT COLONY</t>
  </si>
  <si>
    <t>GOVT. SALMAN SHAHEED HIGH SCHOOL IMAMIA COLONY FEROZWALA</t>
  </si>
  <si>
    <t>MAIN G T ROAD IMAMIA COLONY</t>
  </si>
  <si>
    <t>MUHAMMAD FAYYAZ</t>
  </si>
  <si>
    <t>GOVT. SAYEDA FATIMA ZAHRA GIRLS HIGH SCHOOL (SUJAN PUR)</t>
  </si>
  <si>
    <t>Sujanpur</t>
  </si>
  <si>
    <t>sujanpur multan</t>
  </si>
  <si>
    <t>Mussarat Naheed</t>
  </si>
  <si>
    <t>GOVT. SHAHEED LT. MIAN NOMAN RAZA HIGH SCHOOL, LANG SHUMALI</t>
  </si>
  <si>
    <t>LANG SHUMALI</t>
  </si>
  <si>
    <t>MOZA LANG SHUMALI, P/O SAME, TEHSIL &amp; DISTRICT JHANG</t>
  </si>
  <si>
    <t>DHORI WALA</t>
  </si>
  <si>
    <t>Govt. Shuhada-e-APS Memorial High School Sgd</t>
  </si>
  <si>
    <t>Chak 43 NB</t>
  </si>
  <si>
    <t>Kot freed Road Sargodha</t>
  </si>
  <si>
    <t>Qasim Hussain</t>
  </si>
  <si>
    <t>GOVT. TAHIRA QAZI SHAHEED GIRLS HIGH SCHOOL SHEIKHUPURA</t>
  </si>
  <si>
    <t>GOVT. TAHIRA QAZI SHAHEED GIRLS HIGH SCHOOL SKP</t>
  </si>
  <si>
    <t>SKP URBAN</t>
  </si>
  <si>
    <t>Mrs. Ismat Iqbal</t>
  </si>
  <si>
    <t>GOVT. UZMA BASHIR SHAHEED GIRLS HIGHER SECONDARY SCHOOL KHANQAH DOGRAN</t>
  </si>
  <si>
    <t>commtti bazar khanqah dogran</t>
  </si>
  <si>
    <t>Khanqah dogran</t>
  </si>
  <si>
    <t>Saleema Ashraf</t>
  </si>
  <si>
    <t>GPMS 132/10-R JADEED, JAHANIAN</t>
  </si>
  <si>
    <t>132/10-r</t>
  </si>
  <si>
    <t>132/10-r jadeed</t>
  </si>
  <si>
    <t>132/10-r Jadeed</t>
  </si>
  <si>
    <t>Rabia Iram</t>
  </si>
  <si>
    <t>GPMS 76/15-L, KACHA KHUH</t>
  </si>
  <si>
    <t>76/15L</t>
  </si>
  <si>
    <t>76/15L po70/15L</t>
  </si>
  <si>
    <t>Saher Raza</t>
  </si>
  <si>
    <t>GPMS 78-A/15-L, KACHA KHUH</t>
  </si>
  <si>
    <t>78-a/15-L</t>
  </si>
  <si>
    <t>GMPS 78-A/15-L TEHSIL KHANEWAL</t>
  </si>
  <si>
    <t>CHAK NO. 78-A/15-L</t>
  </si>
  <si>
    <t>naila akbar</t>
  </si>
  <si>
    <t>GPMS ADDA PULL M</t>
  </si>
  <si>
    <t>chak no 117/M adda pull murad ctn markaz 2</t>
  </si>
  <si>
    <t>masjid</t>
  </si>
  <si>
    <t>GPmS BANGLA HUSSAIN SHAH</t>
  </si>
  <si>
    <t>Bangla Hussain Shah</t>
  </si>
  <si>
    <t>Jalal Pur Jadeed</t>
  </si>
  <si>
    <t>Samina Batool</t>
  </si>
  <si>
    <t>GPMS ISMAIL PUR</t>
  </si>
  <si>
    <t>Ismailpur</t>
  </si>
  <si>
    <t>ismailpur</t>
  </si>
  <si>
    <t>Rukkaya baigum</t>
  </si>
  <si>
    <t>GPMS KOTLA NARANJEN</t>
  </si>
  <si>
    <t>kotla narunjen</t>
  </si>
  <si>
    <t>basti kotla narunjen  tehsil kehror pacca district  lodhran</t>
  </si>
  <si>
    <t>Amir pur sadaat</t>
  </si>
  <si>
    <t>GPMS SOJHLAY WALA</t>
  </si>
  <si>
    <t>darkhast jamal khan shumai basti sojhli</t>
  </si>
  <si>
    <t>Basti Sojhli</t>
  </si>
  <si>
    <t>GPPS DERA RAJGAN</t>
  </si>
  <si>
    <t>Dera Rajgan</t>
  </si>
  <si>
    <t>GGPS Dera Rajga</t>
  </si>
  <si>
    <t>Musharraf Attia</t>
  </si>
  <si>
    <t>GPS  8-1/A.L</t>
  </si>
  <si>
    <t>8/1AL</t>
  </si>
  <si>
    <t>Chak # 8/1.AL</t>
  </si>
  <si>
    <t>9/1AL Akhtarabad AKHTARABAD</t>
  </si>
  <si>
    <t>Saeed Jamal</t>
  </si>
  <si>
    <t>GPS  AWANAN WALA</t>
  </si>
  <si>
    <t>awanwala P/O Jandanwala tehsil kallur kot district Bhskkar</t>
  </si>
  <si>
    <t>GPS  BATHAN WALA</t>
  </si>
  <si>
    <t>GPS Bathan Wala P/O Garmula Virkan tehsil Nowshera Virkan Distt Gujranwala</t>
  </si>
  <si>
    <t>Rana Shahid</t>
  </si>
  <si>
    <t>GPS  BEER WALA</t>
  </si>
  <si>
    <t>Soban Elahi</t>
  </si>
  <si>
    <t>GPS  CHAHDOGRAN WALA  PIRSADDAR DIN</t>
  </si>
  <si>
    <t>Chah Dogran wala p/o Sader Din Teh. &amp; District Pakpattan</t>
  </si>
  <si>
    <t>Chah Dogran Wala</t>
  </si>
  <si>
    <t>Muhammed Umar</t>
  </si>
  <si>
    <t>GPS  CHAK NO. 149-A TDA</t>
  </si>
  <si>
    <t>Gatt Thal Jandi</t>
  </si>
  <si>
    <t>Chak no. 149-A/TDA</t>
  </si>
  <si>
    <t>GPS  DABBAY WALI</t>
  </si>
  <si>
    <t>Thallanoon Daggar</t>
  </si>
  <si>
    <t>Dabbay wali p/o punjgrien tehsil daria khan district bhakkar</t>
  </si>
  <si>
    <t>Dabbay Wali</t>
  </si>
  <si>
    <t>Punjgrien Daggar</t>
  </si>
  <si>
    <t>GPS  DOOM</t>
  </si>
  <si>
    <t>Doom</t>
  </si>
  <si>
    <t>Village Doom, PO  Dina,Tehsil Dina</t>
  </si>
  <si>
    <t>DOOM</t>
  </si>
  <si>
    <t>Saifullah Khan</t>
  </si>
  <si>
    <t>GPS  JALAL PUR</t>
  </si>
  <si>
    <t>Mouza Jalal Pur</t>
  </si>
  <si>
    <t>GPS  KACHERY BHATTIAN</t>
  </si>
  <si>
    <t>Moza kot sultan p/o same katchery bhattian</t>
  </si>
  <si>
    <t>Katchery Bhattian</t>
  </si>
  <si>
    <t>Muhammad Ikram Ullah</t>
  </si>
  <si>
    <t>GPS  KACHI M. KHAN</t>
  </si>
  <si>
    <t>basti Ghulam Nabi Baloch Mouza Ghazi Pur</t>
  </si>
  <si>
    <t>Basti Ghulam Nabi Baloch</t>
  </si>
  <si>
    <t>Tranda Gurgaje</t>
  </si>
  <si>
    <t>GPS  KOT FATEH MOHAMMAD</t>
  </si>
  <si>
    <t>Chakkoka</t>
  </si>
  <si>
    <t>Moza Chakkoka tehsil Minchinabad Dist Bahawalnagar</t>
  </si>
  <si>
    <t>GPS  MERA WALA BANGLA</t>
  </si>
  <si>
    <t>meran wala bangla jinah town</t>
  </si>
  <si>
    <t>Meran Wala Bagla Jinmah Abadi</t>
  </si>
  <si>
    <t>Chak No 6 Jb</t>
  </si>
  <si>
    <t>MUHAMMAD SAEED AULAKH</t>
  </si>
  <si>
    <t>GPS  MODEL 8-B/8-R, KACHA KHUH</t>
  </si>
  <si>
    <t>8b/8r</t>
  </si>
  <si>
    <t>chak 8b/8r</t>
  </si>
  <si>
    <t>14/8r Gul Abad</t>
  </si>
  <si>
    <t>GPS  MUHAMMAD HORRA</t>
  </si>
  <si>
    <t>Basti Azeem khosa</t>
  </si>
  <si>
    <t>Basti Azeem Khosa</t>
  </si>
  <si>
    <t>GPS  NATHAN WALA</t>
  </si>
  <si>
    <t>THAL KUNNEL KALAN</t>
  </si>
  <si>
    <t>CHACK 165/TDA P/O LADHANA LAYYAH</t>
  </si>
  <si>
    <t>Muhammad Zulqurnain</t>
  </si>
  <si>
    <t>GPS  SADQIA MINCHINABAD</t>
  </si>
  <si>
    <t>city minchin abad</t>
  </si>
  <si>
    <t>Muhammad Arslan Akhtar</t>
  </si>
  <si>
    <t>GPS  SHEIKHU PUR</t>
  </si>
  <si>
    <t>Villl Sheikhupur, PO Ladhar Tehsil Dina</t>
  </si>
  <si>
    <t>Nabeela Tabussam</t>
  </si>
  <si>
    <t>GPS  ZIARAT</t>
  </si>
  <si>
    <t>Village Ziarat. Tahsil Jand. District Attock.</t>
  </si>
  <si>
    <t>OGDCL  water supply</t>
  </si>
  <si>
    <t>GPS (A) KHALIL ABAD</t>
  </si>
  <si>
    <t>Basti molvi</t>
  </si>
  <si>
    <t>Basti Molvi</t>
  </si>
  <si>
    <t>GPS (LOWER MIDDLE) CHAKOKA</t>
  </si>
  <si>
    <t>Moza Chakoka Teh Minchinabad</t>
  </si>
  <si>
    <t>GPS (MC) ATTOCK NO.3</t>
  </si>
  <si>
    <t>moh.shed eid gah road attock</t>
  </si>
  <si>
    <t>moh.shed</t>
  </si>
  <si>
    <t>Mukhtar Ahmad Qureshi</t>
  </si>
  <si>
    <t>GPS (MC) ATTOCK NO.6</t>
  </si>
  <si>
    <t>GBPS mc no 6 Behari colony attock</t>
  </si>
  <si>
    <t>GPS (MC) CHOI WEST ATTOCK CITY</t>
  </si>
  <si>
    <t>Mohallah Amin abad chhoi west Attock</t>
  </si>
  <si>
    <t>GPS (MC) SHAHIDABAD HASSANABDAL</t>
  </si>
  <si>
    <t>Mohallah Shahidabad HassanAbdal</t>
  </si>
  <si>
    <t>GPS 1/14-L</t>
  </si>
  <si>
    <t>Chak 1/14-L</t>
  </si>
  <si>
    <t>MUHAMMAD SADIQ</t>
  </si>
  <si>
    <t>GPS 1/1-RA</t>
  </si>
  <si>
    <t>Chak No 1/1RA</t>
  </si>
  <si>
    <t>CHAK NO 1/1RA</t>
  </si>
  <si>
    <t>GPS 1/M EAST</t>
  </si>
  <si>
    <t>Kot Qadir</t>
  </si>
  <si>
    <t>GPS 10 KB</t>
  </si>
  <si>
    <t>10 KB</t>
  </si>
  <si>
    <t>10 KB p/o hota tehsil &amp; district pakpattan</t>
  </si>
  <si>
    <t>GPS 10 SP PAKPATTAN</t>
  </si>
  <si>
    <t>10/SP</t>
  </si>
  <si>
    <t>Chak # 10/sp post office 8/sp Tehsil and District Pakpattan</t>
  </si>
  <si>
    <t>Hafiz Muhammad Waqas Akhtar</t>
  </si>
  <si>
    <t>GPS 10/14-L</t>
  </si>
  <si>
    <t>Chak No10/14-L</t>
  </si>
  <si>
    <t>G .P/ S  Chak No.10/14-L Tehsil Chichawatni Distt-Sahiwal.</t>
  </si>
  <si>
    <t>HQ 6/14-L</t>
  </si>
  <si>
    <t>GPS 100 JB AZAFI BASTI</t>
  </si>
  <si>
    <t>100JBII</t>
  </si>
  <si>
    <t>100JBII Ghulam Muhammad abad no 2</t>
  </si>
  <si>
    <t>MUHAMMAD NAEEM SAJID</t>
  </si>
  <si>
    <t>GPS 100 WB</t>
  </si>
  <si>
    <t>GPS 100/ WM</t>
  </si>
  <si>
    <t>Chak 100/wm</t>
  </si>
  <si>
    <t>GPS100/wm sahiwal</t>
  </si>
  <si>
    <t>Chak No 100/wm</t>
  </si>
  <si>
    <t>1/10l</t>
  </si>
  <si>
    <t>AHMAD DIN</t>
  </si>
  <si>
    <t>GPS 100/12-L</t>
  </si>
  <si>
    <t>Chak No 100/12L</t>
  </si>
  <si>
    <t>chak no 100/12L post office same tehsil chichawatni district sahiwal</t>
  </si>
  <si>
    <t>Chak No 52/12L</t>
  </si>
  <si>
    <t>Muhammad Ijaz Sohail</t>
  </si>
  <si>
    <t>GPS 100/9-L</t>
  </si>
  <si>
    <t>chak#100/9L</t>
  </si>
  <si>
    <t>GPS 101/10-R, JAHANIAN</t>
  </si>
  <si>
    <t>chak no,101/10-R jahanian,khanwal</t>
  </si>
  <si>
    <t>101 /10-r</t>
  </si>
  <si>
    <t>100/10-r</t>
  </si>
  <si>
    <t>GPS 101/12-L TENDER</t>
  </si>
  <si>
    <t>10112-l Tender</t>
  </si>
  <si>
    <t>chak no 101/12-L tender</t>
  </si>
  <si>
    <t>Chak 101/12-L Tender</t>
  </si>
  <si>
    <t>Chak No 101/12-L</t>
  </si>
  <si>
    <t>M.Anwar-ul-Haq</t>
  </si>
  <si>
    <t>GPS 101/6AR</t>
  </si>
  <si>
    <t>101-6-A R</t>
  </si>
  <si>
    <t>102-6-A R</t>
  </si>
  <si>
    <t>GPS 102 WB</t>
  </si>
  <si>
    <t>ChakNo102wb</t>
  </si>
  <si>
    <t>Chak No 102wb</t>
  </si>
  <si>
    <t>102wb</t>
  </si>
  <si>
    <t>Chak No 88wb</t>
  </si>
  <si>
    <t>Muhammad Rashid Naseem</t>
  </si>
  <si>
    <t>GPS 102/10-R, JAHANIAN</t>
  </si>
  <si>
    <t>Govt p/s 102/10.r teh JAHANIAN distt khanewal</t>
  </si>
  <si>
    <t>102/10R</t>
  </si>
  <si>
    <t>GPS 102/6-AR</t>
  </si>
  <si>
    <t>102/6ar.dist sahiwal</t>
  </si>
  <si>
    <t>GPS 103-4/7-R</t>
  </si>
  <si>
    <t>103-4/7R</t>
  </si>
  <si>
    <t>Chak No. 103-4/7R Tahsil and District Sahiwal</t>
  </si>
  <si>
    <t>Chak No 102/6AR</t>
  </si>
  <si>
    <t>GPS 104 / 7- R</t>
  </si>
  <si>
    <t>Chak No 104/7R</t>
  </si>
  <si>
    <t>Chak  No 102/6AR</t>
  </si>
  <si>
    <t>Hafaz Muhammad Saleem</t>
  </si>
  <si>
    <t>GPS 104 RB</t>
  </si>
  <si>
    <t>104RB</t>
  </si>
  <si>
    <t>Chak No 104RB Teh. Jaranwala Disst. Faisalabad</t>
  </si>
  <si>
    <t>GPS 104/10-R JADEED, P/O 105/10-R, JAHANIAN</t>
  </si>
  <si>
    <t>Jahanisn</t>
  </si>
  <si>
    <t>Chak No. 104/10-R Jadeed P/O 105/10-R jahanian</t>
  </si>
  <si>
    <t>104/10-R Jadeed</t>
  </si>
  <si>
    <t>Chak 102</t>
  </si>
  <si>
    <t>Mubashar Ramzan</t>
  </si>
  <si>
    <t>GPS 104/9-L</t>
  </si>
  <si>
    <t>104/9-L</t>
  </si>
  <si>
    <t>Chak no,104/9L P.O  same Tehsil and Distt Sahiwal</t>
  </si>
  <si>
    <t>Chak 104/9L</t>
  </si>
  <si>
    <t>Chak no 133/9-L</t>
  </si>
  <si>
    <t>GPS 105 EB ARIFWALA</t>
  </si>
  <si>
    <t>105/EB</t>
  </si>
  <si>
    <t>chak# 105/EB Qaboola Teh. Arifwala Distt. Pakpattan</t>
  </si>
  <si>
    <t>Chak# 105/EB</t>
  </si>
  <si>
    <t>MehdI Khan</t>
  </si>
  <si>
    <t>Faiz Ahmad</t>
  </si>
  <si>
    <t>GPS 105 JB</t>
  </si>
  <si>
    <t>105 JB QAZIWALA</t>
  </si>
  <si>
    <t>113 JB</t>
  </si>
  <si>
    <t>Hasan abdal</t>
  </si>
  <si>
    <t>GPS 105/9-L</t>
  </si>
  <si>
    <t>105/9-L</t>
  </si>
  <si>
    <t>105/9-L Sahiwal</t>
  </si>
  <si>
    <t>129/9-L</t>
  </si>
  <si>
    <t>GPS 106/12-L</t>
  </si>
  <si>
    <t>106/12-L</t>
  </si>
  <si>
    <t>chak no. 106/12-L Tehsil Chichawatni Distt Sahiwal</t>
  </si>
  <si>
    <t>GPS 106/15-L, BHENI TARA SINGH, MIAN CHANNU</t>
  </si>
  <si>
    <t>Bheni Tara Singh</t>
  </si>
  <si>
    <t>chak 106/15-L BT</t>
  </si>
  <si>
    <t>106/15-L BT</t>
  </si>
  <si>
    <t>105/15-L</t>
  </si>
  <si>
    <t>Muhammad Azhar</t>
  </si>
  <si>
    <t>GPS 107 JB</t>
  </si>
  <si>
    <t>Chak No 107 JB paharang Teh.chak jhumra  fsd</t>
  </si>
  <si>
    <t>Chak No 107 JB</t>
  </si>
  <si>
    <t>Tariq Ali</t>
  </si>
  <si>
    <t>GPS 107/7-R</t>
  </si>
  <si>
    <t>chak no 107/7-R</t>
  </si>
  <si>
    <t>Mohammad Yasin</t>
  </si>
  <si>
    <t>GPS 108 WB</t>
  </si>
  <si>
    <t>108/WB</t>
  </si>
  <si>
    <t>Chak No108/WB</t>
  </si>
  <si>
    <t>Zaheera Abad Shaheed</t>
  </si>
  <si>
    <t>GPS 108/7-R</t>
  </si>
  <si>
    <t>108/7R</t>
  </si>
  <si>
    <t>108/7R west chichawatni</t>
  </si>
  <si>
    <t>108/7R West</t>
  </si>
  <si>
    <t>GPS 109 WB</t>
  </si>
  <si>
    <t>Chak No 109WB,P/O Sargana, tehsil mailsi, dusty. Vehari.</t>
  </si>
  <si>
    <t>GPS 109/7-R</t>
  </si>
  <si>
    <t>109/7R</t>
  </si>
  <si>
    <t>Chak no 109/7R</t>
  </si>
  <si>
    <t>109/7r</t>
  </si>
  <si>
    <t>GPS 10-D HAMONA ABAD</t>
  </si>
  <si>
    <t>10D</t>
  </si>
  <si>
    <t>10D Hamonabad</t>
  </si>
  <si>
    <t>10D jhok Niven khan</t>
  </si>
  <si>
    <t>Ameera tejeka</t>
  </si>
  <si>
    <t>GPS 11 EB</t>
  </si>
  <si>
    <t>Chak No 11/EB</t>
  </si>
  <si>
    <t>Chak No. 11/E.B , Tehsil Arifwala,Distt. Pakpattan</t>
  </si>
  <si>
    <t>13 EB</t>
  </si>
  <si>
    <t>Ghulam Mustafa Tabassam</t>
  </si>
  <si>
    <t>GPS 11 GHAGH, P/O 25 PUL, ABDUL HAKIM</t>
  </si>
  <si>
    <t>11 Ghagh</t>
  </si>
  <si>
    <t>Chak no 11 Gh p/o 25 pull via Abdulhakim</t>
  </si>
  <si>
    <t>11 Gh</t>
  </si>
  <si>
    <t>9 Gh</t>
  </si>
  <si>
    <t>Wasif Hussain</t>
  </si>
  <si>
    <t>GPS 11 KB</t>
  </si>
  <si>
    <t>Chak No11/kb</t>
  </si>
  <si>
    <t>Chak no.11/kb tehsil&amp;District Pakpattan</t>
  </si>
  <si>
    <t>Chak No/11kb</t>
  </si>
  <si>
    <t>Chak No/15kb</t>
  </si>
  <si>
    <t>Muhammad Farhan</t>
  </si>
  <si>
    <t>GPS 11/14-L</t>
  </si>
  <si>
    <t>11/14L</t>
  </si>
  <si>
    <t>Muhammad Mowaz</t>
  </si>
  <si>
    <t>GPS 11/4-L</t>
  </si>
  <si>
    <t>11/4l</t>
  </si>
  <si>
    <t>chak no 11/4l okara</t>
  </si>
  <si>
    <t>CBO</t>
  </si>
  <si>
    <t>GPS 11/GD KALAPUR</t>
  </si>
  <si>
    <t>11gd kalapur</t>
  </si>
  <si>
    <t>chak 11gd kalapur tehsil &amp; Disst.okara</t>
  </si>
  <si>
    <t>14gd raza abad</t>
  </si>
  <si>
    <t>imran sharif</t>
  </si>
  <si>
    <t>GPS 11/SP P.O 8/S.P PAKPATTAN</t>
  </si>
  <si>
    <t>chak Noor Muhammad 11/sp</t>
  </si>
  <si>
    <t>ARSLAN MURTAZA SHAH</t>
  </si>
  <si>
    <t>GPS 110 JB-II</t>
  </si>
  <si>
    <t>Babaywala</t>
  </si>
  <si>
    <t>Chak No110JB Babaywala</t>
  </si>
  <si>
    <t>chak no 110JB Babaywala</t>
  </si>
  <si>
    <t>Dilshad Haider</t>
  </si>
  <si>
    <t>GPS 110/10-R, JAHANIAN</t>
  </si>
  <si>
    <t>110/10R</t>
  </si>
  <si>
    <t>Chak No 110/10R</t>
  </si>
  <si>
    <t>Umar Nawaz</t>
  </si>
  <si>
    <t>GPS 110/9-L</t>
  </si>
  <si>
    <t>Chak no 110/9.L</t>
  </si>
  <si>
    <t>Muhammad amin</t>
  </si>
  <si>
    <t>GPS 111/10-R, JAHANIAN</t>
  </si>
  <si>
    <t>111/10 R</t>
  </si>
  <si>
    <t>New colony jahanian</t>
  </si>
  <si>
    <t>M Rashid Rahimi</t>
  </si>
  <si>
    <t>GPS 111/15-L, P/O KOT SINGH, MIAN CHANNU</t>
  </si>
  <si>
    <t>chak no.111/15-L mohsinwal mianchannu</t>
  </si>
  <si>
    <t>Chak No111/15-L</t>
  </si>
  <si>
    <t>GPS 112 GB</t>
  </si>
  <si>
    <t>chak 112gb</t>
  </si>
  <si>
    <t>Tauheed Shabnam</t>
  </si>
  <si>
    <t>GPS 112/10-R, JAHANIAN</t>
  </si>
  <si>
    <t>112/10r</t>
  </si>
  <si>
    <t>chak#112/10r</t>
  </si>
  <si>
    <t>Ghulam Abbas Summra</t>
  </si>
  <si>
    <t>GPS 112/15-L, MIAN CHANNU</t>
  </si>
  <si>
    <t>chak no.112/15-L  adda Musa wirk  Mian Channu  District Khanewal</t>
  </si>
  <si>
    <t>GPS 112/7-R</t>
  </si>
  <si>
    <t>Chak no ll2/7r chichawatni district sahiwal</t>
  </si>
  <si>
    <t>Chak no ll2/7r</t>
  </si>
  <si>
    <t>Rehm  Din</t>
  </si>
  <si>
    <t>GPS 112/9-L AHATA WALIAT SHAH</t>
  </si>
  <si>
    <t>112/9.L ahata walait shah</t>
  </si>
  <si>
    <t>112/9L Budh Dhako</t>
  </si>
  <si>
    <t>GPS 112/9-L NOORAN KA DHAKOO</t>
  </si>
  <si>
    <t>Dudh Dhako</t>
  </si>
  <si>
    <t>112/9.L nooran k dhako</t>
  </si>
  <si>
    <t>Nooran K Dhko 112/9L Nooran K</t>
  </si>
  <si>
    <t>Muhammad Hussain Zahid</t>
  </si>
  <si>
    <t>GPS 113/7-R</t>
  </si>
  <si>
    <t>Chak No113 /7R</t>
  </si>
  <si>
    <t>Chak No.113/7.R.Tehsil Chichawatni</t>
  </si>
  <si>
    <t>Chak No113/7R</t>
  </si>
  <si>
    <t>Chak No114/7R</t>
  </si>
  <si>
    <t>Syed Zahid Mahmood</t>
  </si>
  <si>
    <t>GPS 114 WB</t>
  </si>
  <si>
    <t>114wb</t>
  </si>
  <si>
    <t>GPS 114/12-L</t>
  </si>
  <si>
    <t>114/12-L</t>
  </si>
  <si>
    <t>Chak No. 114/12.L</t>
  </si>
  <si>
    <t>Jafar Iqbal</t>
  </si>
  <si>
    <t>GPS 114/7-R</t>
  </si>
  <si>
    <t>GPS 115/9-L</t>
  </si>
  <si>
    <t>115/9-L</t>
  </si>
  <si>
    <t>115/9-L Arif wala road sahiwal</t>
  </si>
  <si>
    <t>112/9-L Budh Dhaku</t>
  </si>
  <si>
    <t>GPS 116 GB</t>
  </si>
  <si>
    <t>116GB</t>
  </si>
  <si>
    <t>GPS116GB</t>
  </si>
  <si>
    <t>GPS 116/7-CR</t>
  </si>
  <si>
    <t>116/7-cr</t>
  </si>
  <si>
    <t>chak no 116/7-cr</t>
  </si>
  <si>
    <t>GPS 116/9-L</t>
  </si>
  <si>
    <t>116 /9L</t>
  </si>
  <si>
    <t>Chak # 116/9L Tehseel &amp; District Sahiwal</t>
  </si>
  <si>
    <t>Chak # 116/9L</t>
  </si>
  <si>
    <t>112/9L Bud Dhakkoo</t>
  </si>
  <si>
    <t>Nousher Ali</t>
  </si>
  <si>
    <t>GPS 116/P</t>
  </si>
  <si>
    <t>khalid mehmood shaheen</t>
  </si>
  <si>
    <t>GPS 117 GB E</t>
  </si>
  <si>
    <t>chak no 117GB East</t>
  </si>
  <si>
    <t>117GB East</t>
  </si>
  <si>
    <t>115gb</t>
  </si>
  <si>
    <t>MUZAFFAR HUSSAIN</t>
  </si>
  <si>
    <t>GPS 117 GB W</t>
  </si>
  <si>
    <t>117gb</t>
  </si>
  <si>
    <t>117 gb west</t>
  </si>
  <si>
    <t>117gb West</t>
  </si>
  <si>
    <t>GPS 117/12-L</t>
  </si>
  <si>
    <t>117/12L</t>
  </si>
  <si>
    <t>chak no#117/12L</t>
  </si>
  <si>
    <t>GPS 117/7-DR</t>
  </si>
  <si>
    <t>Chak No 117/7-DR</t>
  </si>
  <si>
    <t>Chak no. 117/7-DR kassowal</t>
  </si>
  <si>
    <t>Chak No117/7-DR</t>
  </si>
  <si>
    <t>GPS 117/9-L BHOJIAN</t>
  </si>
  <si>
    <t>GPS 117/9L Bhojian</t>
  </si>
  <si>
    <t>117/9L Bhojian</t>
  </si>
  <si>
    <t>TARIQ MAHBOOB</t>
  </si>
  <si>
    <t>GPS 118 WB</t>
  </si>
  <si>
    <t>118/WB</t>
  </si>
  <si>
    <t>Chak No. 118/WB TEH Mailsi DIST Vehari</t>
  </si>
  <si>
    <t>Chak No124/WB</t>
  </si>
  <si>
    <t>M Younis</t>
  </si>
  <si>
    <t>GPS 118/12-L</t>
  </si>
  <si>
    <t>118/12-l</t>
  </si>
  <si>
    <t>118/1-l</t>
  </si>
  <si>
    <t>SYED MUDASSAR HUSSAIN SHAH</t>
  </si>
  <si>
    <t>GPS 118/9-L GHUNNA</t>
  </si>
  <si>
    <t>118/9-L GHUNNAH</t>
  </si>
  <si>
    <t>Aamer Shahzad</t>
  </si>
  <si>
    <t>GPS 119 EB ARIF WALA</t>
  </si>
  <si>
    <t>119/E.B Arifwala</t>
  </si>
  <si>
    <t>119/E.B</t>
  </si>
  <si>
    <t>Riaz ul Haq</t>
  </si>
  <si>
    <t>GPS 119 JB RASOOL PUR</t>
  </si>
  <si>
    <t>chak 119 jb rasoolpur faisalabad</t>
  </si>
  <si>
    <t>sajjad aziz</t>
  </si>
  <si>
    <t>CANAL WATER</t>
  </si>
  <si>
    <t>GPS 119/13-AL</t>
  </si>
  <si>
    <t>119/13.AL</t>
  </si>
  <si>
    <t>Chak no.119/13.AL</t>
  </si>
  <si>
    <t>116/7.CR</t>
  </si>
  <si>
    <t>GPS 119/15-L, MIAN CHANNU</t>
  </si>
  <si>
    <t>119/15L</t>
  </si>
  <si>
    <t>Chak no 119/15L</t>
  </si>
  <si>
    <t>GPS 119/7-DR</t>
  </si>
  <si>
    <t>Chak no.119/7DR Tehsil Chichawatni</t>
  </si>
  <si>
    <t>Chak 119/7DR</t>
  </si>
  <si>
    <t>SHAHZAD HUSSAIN KANWAL</t>
  </si>
  <si>
    <t>GPS 119/9-L</t>
  </si>
  <si>
    <t>chak No 119/9-L</t>
  </si>
  <si>
    <t>GPS 12 EB P/O 10/E.B ARIF WALA</t>
  </si>
  <si>
    <t>chak no 12/EB tehsil arifwala</t>
  </si>
  <si>
    <t>12/EB</t>
  </si>
  <si>
    <t>GPS 12/1 GHAGH, ABDUL HAKIM</t>
  </si>
  <si>
    <t>Chk No 12 GH</t>
  </si>
  <si>
    <t>chk no 12 ghah</t>
  </si>
  <si>
    <t>Chk No 12 Gh</t>
  </si>
  <si>
    <t>Mohammad Yousuf Nasir</t>
  </si>
  <si>
    <t>GPS 12/14-L</t>
  </si>
  <si>
    <t>12/14L</t>
  </si>
  <si>
    <t>G.P..S 12/14L</t>
  </si>
  <si>
    <t>Adam Ali</t>
  </si>
  <si>
    <t>GPS 12/8-R, KACHA KHUH</t>
  </si>
  <si>
    <t>ch no 12/8.R</t>
  </si>
  <si>
    <t>govt primry schol 12/8.R markaz kacha khuh</t>
  </si>
  <si>
    <t>12/8.R</t>
  </si>
  <si>
    <t>11/A8.R</t>
  </si>
  <si>
    <t>GPS 12/D, P/O DARKHANA, ABDUL HAKIM</t>
  </si>
  <si>
    <t>12 D</t>
  </si>
  <si>
    <t>mouza 12 D</t>
  </si>
  <si>
    <t>Abdulghafoor</t>
  </si>
  <si>
    <t>GPS 12/SP P.O 8.S.P PAKPATTAN</t>
  </si>
  <si>
    <t>12/sp</t>
  </si>
  <si>
    <t>GPS 12sp</t>
  </si>
  <si>
    <t>GPS 120/13 AL</t>
  </si>
  <si>
    <t>120/13Al</t>
  </si>
  <si>
    <t>chak no 120/13 Al</t>
  </si>
  <si>
    <t>114/ 7R</t>
  </si>
  <si>
    <t>GPS 120/13-AL  ABADI BATHA</t>
  </si>
  <si>
    <t>Chak 120/13AL Abadi Bhatta</t>
  </si>
  <si>
    <t>Chak No 120/13A l Abadi Bhatta</t>
  </si>
  <si>
    <t>Chak120/13AL Abadi Bhatta</t>
  </si>
  <si>
    <t>GPS 121/9-L</t>
  </si>
  <si>
    <t>Chak No 121/9-L</t>
  </si>
  <si>
    <t>chak No.121/9-L</t>
  </si>
  <si>
    <t>121/9-L</t>
  </si>
  <si>
    <t>GPS 121/9-L ABADI KODAN WALA</t>
  </si>
  <si>
    <t>Abadi Kodhan</t>
  </si>
  <si>
    <t>chak number 121/9.L Abadi kodhan</t>
  </si>
  <si>
    <t>121/9L Abadi Kodhan</t>
  </si>
  <si>
    <t>Arshad Ahmad Akhter</t>
  </si>
  <si>
    <t>GPS 121/EB</t>
  </si>
  <si>
    <t>chak 121/e.b Arifwala Pakpattan</t>
  </si>
  <si>
    <t>Chak 121/EB</t>
  </si>
  <si>
    <t>Nasir Ud Din Hammaun</t>
  </si>
  <si>
    <t>GPS 123/9-L</t>
  </si>
  <si>
    <t>123/9.L</t>
  </si>
  <si>
    <t>Ansar Abbas</t>
  </si>
  <si>
    <t>GPS 124 JB MARZI PURA</t>
  </si>
  <si>
    <t>124 Jb Marzi Pura</t>
  </si>
  <si>
    <t>124 JB Marzipura Faisalabad</t>
  </si>
  <si>
    <t>124 Jb Marzipura</t>
  </si>
  <si>
    <t>124 JB Marzipura</t>
  </si>
  <si>
    <t>GPS 124 RB II</t>
  </si>
  <si>
    <t>Gps 124rbll</t>
  </si>
  <si>
    <t>chak no 124rbll</t>
  </si>
  <si>
    <t>124rbll</t>
  </si>
  <si>
    <t>Rukhsana Nazir</t>
  </si>
  <si>
    <t>GPS 124 WB</t>
  </si>
  <si>
    <t>chak no 124wb</t>
  </si>
  <si>
    <t>GPS 124/9-L</t>
  </si>
  <si>
    <t>chak no 124/9l .p/o 128/9l sahiwal</t>
  </si>
  <si>
    <t>Chak No124/9l</t>
  </si>
  <si>
    <t>Abdul Wahab Khan</t>
  </si>
  <si>
    <t>GPS 125 RB</t>
  </si>
  <si>
    <t>127 RB NO9</t>
  </si>
  <si>
    <t>chak no 125 RB ladhar</t>
  </si>
  <si>
    <t>125RB</t>
  </si>
  <si>
    <t>Chak No 127RB</t>
  </si>
  <si>
    <t>Muhammad Rafi</t>
  </si>
  <si>
    <t>GPS 125/15-L MEHAR ABAD, MIAN CHANNU</t>
  </si>
  <si>
    <t>125/15l</t>
  </si>
  <si>
    <t>GPS MA 125/15l</t>
  </si>
  <si>
    <t>GPS 125/9-L</t>
  </si>
  <si>
    <t>125/-L</t>
  </si>
  <si>
    <t>GPS 126 RB II</t>
  </si>
  <si>
    <t>126RB</t>
  </si>
  <si>
    <t>Chak No. 126RB Pharang</t>
  </si>
  <si>
    <t>127RB</t>
  </si>
  <si>
    <t>Gulam Mustafa</t>
  </si>
  <si>
    <t>GPS 126 WB</t>
  </si>
  <si>
    <t>chak No 126 wb near Ghara more</t>
  </si>
  <si>
    <t>126/WB</t>
  </si>
  <si>
    <t>GPS 128 RB</t>
  </si>
  <si>
    <t>Wahlay Chak</t>
  </si>
  <si>
    <t>GPS 128RB wahlay</t>
  </si>
  <si>
    <t>128RB Wahlay</t>
  </si>
  <si>
    <t>44 JB</t>
  </si>
  <si>
    <t>Muhammad  Waheed  Akhtar</t>
  </si>
  <si>
    <t>GPS 129 GB</t>
  </si>
  <si>
    <t>129 gb Nabiabad</t>
  </si>
  <si>
    <t>chak no 129 gb tehsil &amp; distt faisalabad</t>
  </si>
  <si>
    <t>chak no 129 gb fsd</t>
  </si>
  <si>
    <t>chak no 91 gb</t>
  </si>
  <si>
    <t>GPS 129 RB II</t>
  </si>
  <si>
    <t>Chak No 129 RB II</t>
  </si>
  <si>
    <t>129 RB Tibbi</t>
  </si>
  <si>
    <t>GPS 13 KB</t>
  </si>
  <si>
    <t>13 KB</t>
  </si>
  <si>
    <t>chak 13 KB Pakpattan</t>
  </si>
  <si>
    <t>13/KB</t>
  </si>
  <si>
    <t>GPS 13/11-L</t>
  </si>
  <si>
    <t>Chak 13/11L</t>
  </si>
  <si>
    <t>Chak No. 13/11.L</t>
  </si>
  <si>
    <t>Chak 18/11L</t>
  </si>
  <si>
    <t>Shafqat Ali</t>
  </si>
  <si>
    <t>GPS 130 RB</t>
  </si>
  <si>
    <t>GPS 130 rb Ratian tehsil ckj jhumra fsd.</t>
  </si>
  <si>
    <t>130 RB FSD</t>
  </si>
  <si>
    <t>Pakka Dala</t>
  </si>
  <si>
    <t>Subae Khan</t>
  </si>
  <si>
    <t>GPS 130/9-L</t>
  </si>
  <si>
    <t>130 9L</t>
  </si>
  <si>
    <t>CHAK 130/9L</t>
  </si>
  <si>
    <t>Chan Peer Anjum</t>
  </si>
  <si>
    <t>GPS 130/P</t>
  </si>
  <si>
    <t>Chak 130/p,Sadiq Abad.RYK.</t>
  </si>
  <si>
    <t>Chak 130/p</t>
  </si>
  <si>
    <t>Chak 148/p</t>
  </si>
  <si>
    <t>Abid Javed</t>
  </si>
  <si>
    <t>GPS 131 EB P.O SAME</t>
  </si>
  <si>
    <t>chak no 131eb po same tehsil Arifwala distt pakpattan</t>
  </si>
  <si>
    <t>131/eb</t>
  </si>
  <si>
    <t>GPS 131 GB</t>
  </si>
  <si>
    <t>GPS 131 GB  Ahmed abad</t>
  </si>
  <si>
    <t>Chack No 131gb</t>
  </si>
  <si>
    <t>659gb Chughal Pura</t>
  </si>
  <si>
    <t>GPS 131 RB I</t>
  </si>
  <si>
    <t>Buchoana 131 RB</t>
  </si>
  <si>
    <t>GPS 131 RB I Buchoana Tehsile Chak Jhumra District Faisalabad</t>
  </si>
  <si>
    <t>Buchoana</t>
  </si>
  <si>
    <t>Pakkadala</t>
  </si>
  <si>
    <t>GPS 131 WB</t>
  </si>
  <si>
    <t>131 Wb</t>
  </si>
  <si>
    <t>chak no 131 WB,P/o mitru,Mailsi vehari</t>
  </si>
  <si>
    <t>Chak 131 Wb</t>
  </si>
  <si>
    <t>GPS 131/9-L</t>
  </si>
  <si>
    <t>chak no.131/9L</t>
  </si>
  <si>
    <t>Chak No131/9L</t>
  </si>
  <si>
    <t>Chak No129/9L</t>
  </si>
  <si>
    <t>GPS 132 RB I</t>
  </si>
  <si>
    <t>SAHUWALA</t>
  </si>
  <si>
    <t>CHAK NO. 132 RB Sahu wala Chak Jhumara Faisal abad</t>
  </si>
  <si>
    <t>127 RB BEHLOLPUR</t>
  </si>
  <si>
    <t>GPS 132/9-L</t>
  </si>
  <si>
    <t>132/9l sahiwal</t>
  </si>
  <si>
    <t>GPS 133 EB P.O 135 E.B</t>
  </si>
  <si>
    <t>133/EB</t>
  </si>
  <si>
    <t>chak 133/EB post office 135/EB Teh .Arifwala. Dist. .Pakpattan.</t>
  </si>
  <si>
    <t>GPS 133 RB</t>
  </si>
  <si>
    <t>chak no.133 rb</t>
  </si>
  <si>
    <t>Chak No133rb</t>
  </si>
  <si>
    <t>Chak No133 Rb</t>
  </si>
  <si>
    <t>GPS 133/9-L</t>
  </si>
  <si>
    <t>M. SADIQ</t>
  </si>
  <si>
    <t>GPS 134 RB 2</t>
  </si>
  <si>
    <t>Mitranwali2nd</t>
  </si>
  <si>
    <t>CHAK NO. 134 RB II TEHSIL CHAK JHUMRA DISTRICT FAISALABAD</t>
  </si>
  <si>
    <t>134  RB  II</t>
  </si>
  <si>
    <t>BHAKHRY-WALI</t>
  </si>
  <si>
    <t>Amir Amanat</t>
  </si>
  <si>
    <t>GPS 134 RB I</t>
  </si>
  <si>
    <t>chak no. 134 RB I</t>
  </si>
  <si>
    <t>134 1st</t>
  </si>
  <si>
    <t>GPS 134/10-R, JAHANIAN</t>
  </si>
  <si>
    <t>chak no 134.r teh jahanian</t>
  </si>
  <si>
    <t>134/10r</t>
  </si>
  <si>
    <t>GPS 135 EB P.O SAME ARIF WALA</t>
  </si>
  <si>
    <t>Chak No135 eb</t>
  </si>
  <si>
    <t>135e.b Arifwala Dist. Pakpattan</t>
  </si>
  <si>
    <t>GPS 135/10-R QADEEM, JAHANIAN</t>
  </si>
  <si>
    <t>Chak#135/10r jahanian</t>
  </si>
  <si>
    <t>135/10r</t>
  </si>
  <si>
    <t>THATTA SADIQABAD</t>
  </si>
  <si>
    <t>M Tahir</t>
  </si>
  <si>
    <t>GPS 135-A/9-L</t>
  </si>
  <si>
    <t>135A/9L</t>
  </si>
  <si>
    <t>135A/9.L alawal colony sahiwal</t>
  </si>
  <si>
    <t>Peer Muhammad</t>
  </si>
  <si>
    <t>GPS 136 EB</t>
  </si>
  <si>
    <t>Chak no 136/EB Burewala</t>
  </si>
  <si>
    <t>136/EB</t>
  </si>
  <si>
    <t>GPS 136 RB</t>
  </si>
  <si>
    <t>136  RB   Chak Jumra  FSD</t>
  </si>
  <si>
    <t>136  RB</t>
  </si>
  <si>
    <t>Hussain Arshad</t>
  </si>
  <si>
    <t>GPS 136/9-L</t>
  </si>
  <si>
    <t>136/9-L</t>
  </si>
  <si>
    <t>chak no 136/9-L Sahiwal</t>
  </si>
  <si>
    <t>MUHAMMAD BOOTA NAEEM</t>
  </si>
  <si>
    <t>GPS 136/WB</t>
  </si>
  <si>
    <t>Chak#136/WB</t>
  </si>
  <si>
    <t>Chak# 136/WB</t>
  </si>
  <si>
    <t>GPS 137  RB  I</t>
  </si>
  <si>
    <t>137 RB</t>
  </si>
  <si>
    <t>Javed Iqbal Bajwa</t>
  </si>
  <si>
    <t>GPS 137 RB-II</t>
  </si>
  <si>
    <t>137/rb</t>
  </si>
  <si>
    <t>chak 137/rb tehsil chak jhumra dist.fsd</t>
  </si>
  <si>
    <t>139/rb</t>
  </si>
  <si>
    <t>GPS 137/9-L</t>
  </si>
  <si>
    <t>Chak No 137/9L</t>
  </si>
  <si>
    <t>GPS 138 WB</t>
  </si>
  <si>
    <t>138/wb</t>
  </si>
  <si>
    <t>chalk no 138/ wb</t>
  </si>
  <si>
    <t>Seher</t>
  </si>
  <si>
    <t>GPS 138/9-L OLD</t>
  </si>
  <si>
    <t>chack No.138/9-L old Sahiwal</t>
  </si>
  <si>
    <t>Chack No138/9-L Old</t>
  </si>
  <si>
    <t>Chack No138/9L Old</t>
  </si>
  <si>
    <t>Naik Muhammed</t>
  </si>
  <si>
    <t>GPS 14 KB P.O KALYANA</t>
  </si>
  <si>
    <t>14/kb</t>
  </si>
  <si>
    <t>Hafiz Shahzad Ali Attar</t>
  </si>
  <si>
    <t>GPS 14 ML</t>
  </si>
  <si>
    <t>Chak 14  Ml</t>
  </si>
  <si>
    <t>14 ml</t>
  </si>
  <si>
    <t>14ml</t>
  </si>
  <si>
    <t>muhammad faisal kamran</t>
  </si>
  <si>
    <t>GPS 14/14-L DERA BHATTIAN.</t>
  </si>
  <si>
    <t>Chak No. 14/14. L Tehsil Chicha Watni Distt. Sahiwal</t>
  </si>
  <si>
    <t>14/14. L</t>
  </si>
  <si>
    <t>20/14 L</t>
  </si>
  <si>
    <t>MUHAMMAD TARIQ NAZIR</t>
  </si>
  <si>
    <t>GPS 14/8-R BHIR, KACHA KHUH</t>
  </si>
  <si>
    <t>Chak 14/8r Bhir</t>
  </si>
  <si>
    <t>chak 14/8r bhir</t>
  </si>
  <si>
    <t>14/8r Bhir</t>
  </si>
  <si>
    <t>14/8r Gul Abaad</t>
  </si>
  <si>
    <t>Faisal Nawaz</t>
  </si>
  <si>
    <t>GPS 14/M</t>
  </si>
  <si>
    <t>chak No 14/M-East</t>
  </si>
  <si>
    <t>Chak No 14/M-East</t>
  </si>
  <si>
    <t>Sultan Ayub Qataal 307/WB</t>
  </si>
  <si>
    <t>GPS 140 RB</t>
  </si>
  <si>
    <t>140 Rb Muthianwala</t>
  </si>
  <si>
    <t>Chak no 140 rb muthianwala</t>
  </si>
  <si>
    <t>140 Rb</t>
  </si>
  <si>
    <t>Muhammad Muzammal Akbar</t>
  </si>
  <si>
    <t>GPS 140 WB</t>
  </si>
  <si>
    <t>140/wb</t>
  </si>
  <si>
    <t>chak no 140/wb tehsil mailsi district vehari</t>
  </si>
  <si>
    <t>Chak 140/wb</t>
  </si>
  <si>
    <t>ASHIQ HUSSAIN FAIZI</t>
  </si>
  <si>
    <t>GPS 141 EB</t>
  </si>
  <si>
    <t>141EB</t>
  </si>
  <si>
    <t>chak no 141EB, Arifwala</t>
  </si>
  <si>
    <t>151EB</t>
  </si>
  <si>
    <t>GPS 141 RB I</t>
  </si>
  <si>
    <t>Chak No 141 RB I</t>
  </si>
  <si>
    <t>Chak No 141 RB I Aqil</t>
  </si>
  <si>
    <t>Chak No156 RB</t>
  </si>
  <si>
    <t>MUHAMMAD YAR</t>
  </si>
  <si>
    <t>GPS 141 RB II</t>
  </si>
  <si>
    <t>Sadarwala</t>
  </si>
  <si>
    <t>Chak no 141rb II</t>
  </si>
  <si>
    <t>Dair</t>
  </si>
  <si>
    <t>Sufyan Ashiq</t>
  </si>
  <si>
    <t>GPS 142 WB</t>
  </si>
  <si>
    <t>142wb</t>
  </si>
  <si>
    <t>chak # 142/wb , tehsil mailsi , dist. vehari</t>
  </si>
  <si>
    <t>sehar</t>
  </si>
  <si>
    <t>GPS 143 RB I</t>
  </si>
  <si>
    <t>Chak No 143RB Tehsil Chak Jhumra District Faisalabad</t>
  </si>
  <si>
    <t>143 RB Matiyani</t>
  </si>
  <si>
    <t>GPS 143 WB P.O DOKATA</t>
  </si>
  <si>
    <t>Dokota</t>
  </si>
  <si>
    <t>chak no 143/wb Mailsi</t>
  </si>
  <si>
    <t>143/WB</t>
  </si>
  <si>
    <t>GPS 144 GB</t>
  </si>
  <si>
    <t>SHADO DI JHOK-MALE</t>
  </si>
  <si>
    <t>Shado Di Jhok</t>
  </si>
  <si>
    <t>Chak no. 144 G.B. P.O. 648 G.B. Tehsil Jaranwala District Faisalabad</t>
  </si>
  <si>
    <t>Chak 144 GB</t>
  </si>
  <si>
    <t>Chak 648 GB</t>
  </si>
  <si>
    <t>Naveed Akhtar Mazhar</t>
  </si>
  <si>
    <t>GPS 144 WB</t>
  </si>
  <si>
    <t>Sehar</t>
  </si>
  <si>
    <t>144wb</t>
  </si>
  <si>
    <t>GPS 144/P.B</t>
  </si>
  <si>
    <t>144/PB</t>
  </si>
  <si>
    <t>Gps144/P.B P.O. Bangla Manthar Tehsil and District Rahim Yar Khan</t>
  </si>
  <si>
    <t>GPS 145 EB</t>
  </si>
  <si>
    <t>Chak 145/eb</t>
  </si>
  <si>
    <t>GPS 145/eb post office chak No 143/eb tehsil arif wala district pakpattan</t>
  </si>
  <si>
    <t>145/eb</t>
  </si>
  <si>
    <t>GPS 145 GB</t>
  </si>
  <si>
    <t>chak No  145 GB Jaranwala Faisalabad</t>
  </si>
  <si>
    <t>Chak No 145 GB Jaranwala Faisalabad</t>
  </si>
  <si>
    <t>Chak No  648GB</t>
  </si>
  <si>
    <t>Abid  Hussain</t>
  </si>
  <si>
    <t>GPS 145 RB I</t>
  </si>
  <si>
    <t>Chak No 145 RB</t>
  </si>
  <si>
    <t>GPS 145 RB</t>
  </si>
  <si>
    <t>Chak No 146 RB</t>
  </si>
  <si>
    <t>GPS 145/9-L</t>
  </si>
  <si>
    <t>Chak No145/9L</t>
  </si>
  <si>
    <t>chak No145/9L</t>
  </si>
  <si>
    <t>Chak No141/9L</t>
  </si>
  <si>
    <t>Muhammad Yousaf Shahid</t>
  </si>
  <si>
    <t>GPS 146  GB</t>
  </si>
  <si>
    <t>chak no 146 GB tehsil jaranwala district faisalbad</t>
  </si>
  <si>
    <t>Chak No 146 Gb</t>
  </si>
  <si>
    <t>Chak No 147 Gb</t>
  </si>
  <si>
    <t>GPS 146 RB I</t>
  </si>
  <si>
    <t>146 RB I</t>
  </si>
  <si>
    <t>CHAK NO. 146 RB I</t>
  </si>
  <si>
    <t>Tayyba Rani</t>
  </si>
  <si>
    <t>GPS 146 RB-II</t>
  </si>
  <si>
    <t>146 Rb</t>
  </si>
  <si>
    <t>chak no 146 rb kheewa</t>
  </si>
  <si>
    <t>kheeva</t>
  </si>
  <si>
    <t>daowala</t>
  </si>
  <si>
    <t>shahzad ali</t>
  </si>
  <si>
    <t>GPS 146/9 L</t>
  </si>
  <si>
    <t>146/9-L</t>
  </si>
  <si>
    <t>chak no 146/9-L tehsil chichawtni district sahiwal</t>
  </si>
  <si>
    <t>GPS 147 WB</t>
  </si>
  <si>
    <t>147/Wb</t>
  </si>
  <si>
    <t>Chuck no147/wb</t>
  </si>
  <si>
    <t>Chuck147wb</t>
  </si>
  <si>
    <t>Muhammad Nazar</t>
  </si>
  <si>
    <t>Electeric water cooler</t>
  </si>
  <si>
    <t>GPS 147/9-L</t>
  </si>
  <si>
    <t>chak 147/9l</t>
  </si>
  <si>
    <t>chak no 147/9l</t>
  </si>
  <si>
    <t>147/9l</t>
  </si>
  <si>
    <t>Muhammad yasin</t>
  </si>
  <si>
    <t>GPS 148 RB</t>
  </si>
  <si>
    <t>sohna toba</t>
  </si>
  <si>
    <t>chak no 148 rb tehsile chak jumrah dis faisalabad</t>
  </si>
  <si>
    <t>chak dairh 156 rb</t>
  </si>
  <si>
    <t>GPS 1-4MPR</t>
  </si>
  <si>
    <t>1-4MPR</t>
  </si>
  <si>
    <t>Chak.no 1-4Mpr Tehsil Dunyapur District, Lodhran</t>
  </si>
  <si>
    <t>Muhammad Zahoor Azad</t>
  </si>
  <si>
    <t>GPS 14-SP P.O PAKPATTAN</t>
  </si>
  <si>
    <t>14 Sp</t>
  </si>
  <si>
    <t>chak # 14 sp tehsil and district pakpattan</t>
  </si>
  <si>
    <t>Chak #14sp</t>
  </si>
  <si>
    <t>GPS 15 EB</t>
  </si>
  <si>
    <t>15eb</t>
  </si>
  <si>
    <t>gps15eb</t>
  </si>
  <si>
    <t>GPS 15/11-L</t>
  </si>
  <si>
    <t>Sharif Pur</t>
  </si>
  <si>
    <t>Chak 15/11-L Chichawatni</t>
  </si>
  <si>
    <t>15/11-L</t>
  </si>
  <si>
    <t>GPS 15/4.L</t>
  </si>
  <si>
    <t>15/4l</t>
  </si>
  <si>
    <t>chak no 15,/4l</t>
  </si>
  <si>
    <t>Cant Board</t>
  </si>
  <si>
    <t>GPS 15/8-BR, TULAMBA</t>
  </si>
  <si>
    <t>chack no 15/8br</t>
  </si>
  <si>
    <t>158br</t>
  </si>
  <si>
    <t>GPS 15/D NORTH, P/O 25 PUL, ABDUL HAKIM</t>
  </si>
  <si>
    <t>15d</t>
  </si>
  <si>
    <t>chak 15d darkhana</t>
  </si>
  <si>
    <t>Chak 15D</t>
  </si>
  <si>
    <t>GPS 15/D SOUTH, ABDUL HAKIM</t>
  </si>
  <si>
    <t>15 D South</t>
  </si>
  <si>
    <t>15 D south teh. KABIRWALA  KHANEWAL</t>
  </si>
  <si>
    <t>15 D Soth</t>
  </si>
  <si>
    <t>GPS 15/V NO.2 KHANEWAL</t>
  </si>
  <si>
    <t>chak #15v khanewal</t>
  </si>
  <si>
    <t>Chak15v Aadhiwala</t>
  </si>
  <si>
    <t>GPS 15/WB</t>
  </si>
  <si>
    <t>15 Wb</t>
  </si>
  <si>
    <t>GPS 15/WM TUKRA</t>
  </si>
  <si>
    <t>Chak 15/wm Tukra</t>
  </si>
  <si>
    <t>GPS 150 RB</t>
  </si>
  <si>
    <t>JOHAL - MALE</t>
  </si>
  <si>
    <t>Chak 150 RB, Jaranwala, Faisalabad.</t>
  </si>
  <si>
    <t>Chak No 68 RB I</t>
  </si>
  <si>
    <t>GPS 151 EB</t>
  </si>
  <si>
    <t>151/eb teh. arifwala ditt. pakpattan</t>
  </si>
  <si>
    <t>GPS 151 RB</t>
  </si>
  <si>
    <t>Chak No 151 RB</t>
  </si>
  <si>
    <t>chak no  151 RB</t>
  </si>
  <si>
    <t>Chak No151 RB</t>
  </si>
  <si>
    <t>Muhammad Jamil Ahmad</t>
  </si>
  <si>
    <t>GPS 152 RB</t>
  </si>
  <si>
    <t>Gunnah</t>
  </si>
  <si>
    <t>chak no 152 rb tehsil chak jhumra fsd</t>
  </si>
  <si>
    <t>152  RB</t>
  </si>
  <si>
    <t>Subay Chak 159rb</t>
  </si>
  <si>
    <t>Muhammad Nadeem Tabassam</t>
  </si>
  <si>
    <t>GPS 152/9-L</t>
  </si>
  <si>
    <t>152/9-L</t>
  </si>
  <si>
    <t>chak no 152/9.L p/o same sahiwal</t>
  </si>
  <si>
    <t>KHALID MAQSOOD AHMAD</t>
  </si>
  <si>
    <t>GPS 153 RB II</t>
  </si>
  <si>
    <t>153 rb</t>
  </si>
  <si>
    <t>gps 153 rb 2</t>
  </si>
  <si>
    <t>do wala</t>
  </si>
  <si>
    <t>muhammad naveed arif</t>
  </si>
  <si>
    <t>GPS 153 RB III</t>
  </si>
  <si>
    <t>153Rb Bhroki</t>
  </si>
  <si>
    <t>chak#153RB Bhroki sahianwala</t>
  </si>
  <si>
    <t>Bhroki</t>
  </si>
  <si>
    <t>CHAK 146 RB DAO WALA</t>
  </si>
  <si>
    <t>GPS 154/RB</t>
  </si>
  <si>
    <t>154 rb</t>
  </si>
  <si>
    <t>chak no. 154 rb, faisalabad</t>
  </si>
  <si>
    <t>Bagiara</t>
  </si>
  <si>
    <t>GPS 155 EB</t>
  </si>
  <si>
    <t>chak no 155eb arifwala</t>
  </si>
  <si>
    <t>Sajid Farooq</t>
  </si>
  <si>
    <t>GPS 155 RB</t>
  </si>
  <si>
    <t>155 rb</t>
  </si>
  <si>
    <t>chak no. 155 rb faisalabad</t>
  </si>
  <si>
    <t>maqsood Ahmad</t>
  </si>
  <si>
    <t>GPS 155/9-L</t>
  </si>
  <si>
    <t>Chak. no. 155/9.L p. o. s. Tch. disst Sahiwal</t>
  </si>
  <si>
    <t>155 9/L</t>
  </si>
  <si>
    <t>Rustam Ali</t>
  </si>
  <si>
    <t>GPS 156 RB II</t>
  </si>
  <si>
    <t>Derh</t>
  </si>
  <si>
    <t>chk no 156 RB ||</t>
  </si>
  <si>
    <t>156 RB 2nd</t>
  </si>
  <si>
    <t>Chk No 156 RB Derh</t>
  </si>
  <si>
    <t>Muhammad Ahmed</t>
  </si>
  <si>
    <t>GPS 156 WB</t>
  </si>
  <si>
    <t>Chak no 156/wb p/o 335/wb tehsil mailsi</t>
  </si>
  <si>
    <t>Chak no 156/wb</t>
  </si>
  <si>
    <t>Hafiz Munir Haider</t>
  </si>
  <si>
    <t>GPS 157 RB MISSION</t>
  </si>
  <si>
    <t>157RB gojra</t>
  </si>
  <si>
    <t>Chak No 157 RB Gojra Tehsil chak jhumra District Faisalabad</t>
  </si>
  <si>
    <t>MalPur Gojra</t>
  </si>
  <si>
    <t>Subay Chak</t>
  </si>
  <si>
    <t>GPS 157/9-L</t>
  </si>
  <si>
    <t>ChakNo157/9L</t>
  </si>
  <si>
    <t>chak no. 157/9.l</t>
  </si>
  <si>
    <t>157/9L</t>
  </si>
  <si>
    <t>Chak No. 153/9.L</t>
  </si>
  <si>
    <t>GPS 158 RB</t>
  </si>
  <si>
    <t>158rb</t>
  </si>
  <si>
    <t>gps 158rb Borrywali, chak jhumram Faisalabad</t>
  </si>
  <si>
    <t>Borrywali</t>
  </si>
  <si>
    <t>sobay chak</t>
  </si>
  <si>
    <t>reverse osmosis plant</t>
  </si>
  <si>
    <t>GPS 158/10-R, JAHANIAN</t>
  </si>
  <si>
    <t>158/10R</t>
  </si>
  <si>
    <t>Chak No 158/10.R Jahanian Khanewal</t>
  </si>
  <si>
    <t>157/10R</t>
  </si>
  <si>
    <t>GPS 158/9-L</t>
  </si>
  <si>
    <t>158/9L</t>
  </si>
  <si>
    <t>chak 158 9L</t>
  </si>
  <si>
    <t>GPS 158/WB</t>
  </si>
  <si>
    <t>Chak no 158 WB,Post office tiba sultan pur tehsil mailsi district Veharii</t>
  </si>
  <si>
    <t>158 WB</t>
  </si>
  <si>
    <t>Mohammad Akbar Sabir</t>
  </si>
  <si>
    <t>GPS 158/WB OADAN WALI</t>
  </si>
  <si>
    <t>Chak Langha</t>
  </si>
  <si>
    <t>chak 158 WB odan wali P/O Choke metla  tehsil mailsi District vehari</t>
  </si>
  <si>
    <t>Chak No 158 WB Odan Wali</t>
  </si>
  <si>
    <t>GPS 159 EB P.O ARIF WALA</t>
  </si>
  <si>
    <t>159/eb</t>
  </si>
  <si>
    <t>gps 159/eb</t>
  </si>
  <si>
    <t>Chak No 159/eb</t>
  </si>
  <si>
    <t>Chak No 147/eb</t>
  </si>
  <si>
    <t>Muhammad Ramiz</t>
  </si>
  <si>
    <t>GPS 159 RB II</t>
  </si>
  <si>
    <t>Bilal  Nagar</t>
  </si>
  <si>
    <t>CHAK NO 159 R.B II WEST BILAL NAGAR</t>
  </si>
  <si>
    <t>159 RB BILAL NAGAR</t>
  </si>
  <si>
    <t>SOOBY CHAK</t>
  </si>
  <si>
    <t>GPS 159-A/10-R PUNNU WALI, JAHANIAN</t>
  </si>
  <si>
    <t>Punnu Wali 150/10R</t>
  </si>
  <si>
    <t>Govt. primary school 159-A/10R  (punnu wali) tehsile jahanian district khanewal.</t>
  </si>
  <si>
    <t>Muhammad Ashraf Nadeem</t>
  </si>
  <si>
    <t>GPS 16 JB II</t>
  </si>
  <si>
    <t>Goleky</t>
  </si>
  <si>
    <t>ChAk 16 JB golekey tehsil ChAk jhumra district Faisalabad</t>
  </si>
  <si>
    <t>ChAk 16 JB Golekey</t>
  </si>
  <si>
    <t>Qadarkey</t>
  </si>
  <si>
    <t>GPS 16 JB III</t>
  </si>
  <si>
    <t>TIBBI Nagar</t>
  </si>
  <si>
    <t>CHAK NO :16 JB 3rd TIBBI Nagar   CKJ  FSD .</t>
  </si>
  <si>
    <t>16 Jb 3rd</t>
  </si>
  <si>
    <t>QADARKAY</t>
  </si>
  <si>
    <t>GPS 16 JB IV</t>
  </si>
  <si>
    <t>Kot Shahbal</t>
  </si>
  <si>
    <t>GPS 16 JB IV KOT SHABAL CKJ FSD</t>
  </si>
  <si>
    <t>Chak No 16jb Kot Shahbal</t>
  </si>
  <si>
    <t>Aamir Haseeb</t>
  </si>
  <si>
    <t>GPS 16 JB V</t>
  </si>
  <si>
    <t>Panakay</t>
  </si>
  <si>
    <t>chak no 16 jb</t>
  </si>
  <si>
    <t>Javed Anwar</t>
  </si>
  <si>
    <t>GPS 16 KB</t>
  </si>
  <si>
    <t>16kb</t>
  </si>
  <si>
    <t>chak no 16 kb p/o mari hazara distrect pakpattan</t>
  </si>
  <si>
    <t>Chak No 16kb P/o Mari Hazara</t>
  </si>
  <si>
    <t>GPS 16/SP PO PAKPATTAN</t>
  </si>
  <si>
    <t>16/sp</t>
  </si>
  <si>
    <t>Gps 16/sp pakpattan</t>
  </si>
  <si>
    <t>Chak 17/sp</t>
  </si>
  <si>
    <t>Banaras Ali</t>
  </si>
  <si>
    <t>GPS 160 WB P.O 160 WB</t>
  </si>
  <si>
    <t>160/wb</t>
  </si>
  <si>
    <t>chack No 160/wb Fojiyan wala Mailsi</t>
  </si>
  <si>
    <t>Faizan Gill</t>
  </si>
  <si>
    <t>GPS 160/10-R, JAHANIAN</t>
  </si>
  <si>
    <t>govt.primaryschool   160/10r. tehsil jahanian  distt.  khanewal</t>
  </si>
  <si>
    <t>GPS 160/9-L</t>
  </si>
  <si>
    <t>Chak No 160/9-L  A</t>
  </si>
  <si>
    <t>chak no 160/9-L</t>
  </si>
  <si>
    <t>Chak No 147/9-L</t>
  </si>
  <si>
    <t>Muhammad Javed  Ramzan</t>
  </si>
  <si>
    <t>GPS 161 EB</t>
  </si>
  <si>
    <t>161/eb</t>
  </si>
  <si>
    <t>chak no. 161/eb Tehsil Arifwala</t>
  </si>
  <si>
    <t>Ahsan Elahi</t>
  </si>
  <si>
    <t>GPS 161 RB I</t>
  </si>
  <si>
    <t>161 R B</t>
  </si>
  <si>
    <t>GPS 161RB 1ckj</t>
  </si>
  <si>
    <t>Napalka</t>
  </si>
  <si>
    <t>GPS 161 RB II</t>
  </si>
  <si>
    <t>CHAK NO 161 RB II</t>
  </si>
  <si>
    <t>CHAK NO 161 RB II BOOTIANWALA TEHSIL CHAK JHUMRA, FAISALABAD</t>
  </si>
  <si>
    <t>BOOTIANWALA</t>
  </si>
  <si>
    <t>SOBAY CHAK</t>
  </si>
  <si>
    <t>GPS 161/10-R, KHANEWAL</t>
  </si>
  <si>
    <t>161/10r</t>
  </si>
  <si>
    <t>Chak no 161/10-R, Tehsil &amp; District Khanewal</t>
  </si>
  <si>
    <t>chak  no161/10-R</t>
  </si>
  <si>
    <t>chak no 166/10-R</t>
  </si>
  <si>
    <t>Shabir Ahmed</t>
  </si>
  <si>
    <t>GPS 161/7-R</t>
  </si>
  <si>
    <t>161/7R</t>
  </si>
  <si>
    <t>chak 161/7R TEHSIL LIAQUAT PUR</t>
  </si>
  <si>
    <t>225/-L Islam Garh</t>
  </si>
  <si>
    <t>Ijaz Hussain Matloob</t>
  </si>
  <si>
    <t>GPS 162 RB I</t>
  </si>
  <si>
    <t>162 rB</t>
  </si>
  <si>
    <t>CHAK NO. 162 RB, FAISALABAD</t>
  </si>
  <si>
    <t>SIKANDAR PUR</t>
  </si>
  <si>
    <t>GPS 162/9-L</t>
  </si>
  <si>
    <t>chak no.162/9.L Chichawatni Distt. Sahiwal</t>
  </si>
  <si>
    <t>GPS 162/9-L CHAKIAN</t>
  </si>
  <si>
    <t>Chakian</t>
  </si>
  <si>
    <t>Chak No 162/9-L chakian</t>
  </si>
  <si>
    <t>162/9L Chakian</t>
  </si>
  <si>
    <t>Chak  162/9-L</t>
  </si>
  <si>
    <t>Manzoor ahmad</t>
  </si>
  <si>
    <t>GPS 163 RB</t>
  </si>
  <si>
    <t>163 RB</t>
  </si>
  <si>
    <t>chak no. 163 rb</t>
  </si>
  <si>
    <t>BALAGAN</t>
  </si>
  <si>
    <t>Ejaz hussain</t>
  </si>
  <si>
    <t>GPS 163/10-R, JAHANIAN</t>
  </si>
  <si>
    <t>163/10r</t>
  </si>
  <si>
    <t>Chak no 163/10-R</t>
  </si>
  <si>
    <t>157/10r</t>
  </si>
  <si>
    <t>GPS 164-A/9-L JAMIA SIDDIQIA</t>
  </si>
  <si>
    <t>164A/9-L</t>
  </si>
  <si>
    <t>chak  no 164A/9-L jamia siddiqia</t>
  </si>
  <si>
    <t>164a</t>
  </si>
  <si>
    <t>EHSAN JILLANI</t>
  </si>
  <si>
    <t>GPS 164-A/9-L RATLI WALA</t>
  </si>
  <si>
    <t>Chak# 164-A/9-L R</t>
  </si>
  <si>
    <t>Chak 164A/9-L R</t>
  </si>
  <si>
    <t>Chak169/9L</t>
  </si>
  <si>
    <t>tariq javed</t>
  </si>
  <si>
    <t>GPS 165 EB P.O 163 E.B ARIF WALA</t>
  </si>
  <si>
    <t>165/eb</t>
  </si>
  <si>
    <t>gps165b po163eb Ariwala DisttPakpattan</t>
  </si>
  <si>
    <t>163/eb</t>
  </si>
  <si>
    <t>Muhammad  Younis Javed</t>
  </si>
  <si>
    <t>GPS 165 RB</t>
  </si>
  <si>
    <t>165 RB</t>
  </si>
  <si>
    <t>CHAK NO. 165 RB</t>
  </si>
  <si>
    <t>JAND WALI</t>
  </si>
  <si>
    <t>DAIDH</t>
  </si>
  <si>
    <t>Hafiz Ihsan ELAHI</t>
  </si>
  <si>
    <t>GPS 165 WB</t>
  </si>
  <si>
    <t>165 Wb</t>
  </si>
  <si>
    <t>165 wb</t>
  </si>
  <si>
    <t>Waheed Ahmad</t>
  </si>
  <si>
    <t>GPS 165-A/9-L</t>
  </si>
  <si>
    <t>Chak No 165-A/9-L</t>
  </si>
  <si>
    <t>Chak no 165-A/9-L</t>
  </si>
  <si>
    <t>Chak No 168/9-L</t>
  </si>
  <si>
    <t>Muhammad Tariq Saqib</t>
  </si>
  <si>
    <t>GPS 166 WB</t>
  </si>
  <si>
    <t>chak no 166wb</t>
  </si>
  <si>
    <t>Chak No 166wb</t>
  </si>
  <si>
    <t>GPS 166/10-R KHANEWAL</t>
  </si>
  <si>
    <t>Chak 166/10R</t>
  </si>
  <si>
    <t>GPS 166/9-L</t>
  </si>
  <si>
    <t>166/9L</t>
  </si>
  <si>
    <t>chak#166/9L</t>
  </si>
  <si>
    <t>Chak#168/9L</t>
  </si>
  <si>
    <t>GPS 167/9-L</t>
  </si>
  <si>
    <t>167/9L</t>
  </si>
  <si>
    <t>167/9-L</t>
  </si>
  <si>
    <t>168/9-L</t>
  </si>
  <si>
    <t>GPS 168/9-L</t>
  </si>
  <si>
    <t>chak number 168/9-L</t>
  </si>
  <si>
    <t>Muhammad Asif Iqbal</t>
  </si>
  <si>
    <t>GPS 169 EB</t>
  </si>
  <si>
    <t>169/EB</t>
  </si>
  <si>
    <t>chak  no. 169/E.B post office 171/EB Teh. Burewala Disst. Vehari</t>
  </si>
  <si>
    <t>365/EB</t>
  </si>
  <si>
    <t>Muhammad nasir</t>
  </si>
  <si>
    <t>GPS 169/9-L</t>
  </si>
  <si>
    <t>chak 169/9.L</t>
  </si>
  <si>
    <t>Chak#169/9L</t>
  </si>
  <si>
    <t>GPS 169A/9L</t>
  </si>
  <si>
    <t>G.P.S chak#169A/9.L</t>
  </si>
  <si>
    <t>Chak#169A/9L</t>
  </si>
  <si>
    <t>Asif Rasool</t>
  </si>
  <si>
    <t>GPS 17 EB</t>
  </si>
  <si>
    <t>ChakNo17 EB</t>
  </si>
  <si>
    <t>CHAK NO.17/EB TEHSIL ARIFWALA DISTRICT PAKPATTAN</t>
  </si>
  <si>
    <t>Chak 17 Eb</t>
  </si>
  <si>
    <t>GPS 17 JB  II</t>
  </si>
  <si>
    <t>Lodikay</t>
  </si>
  <si>
    <t>chak17jb II  ckj   fsd</t>
  </si>
  <si>
    <t>17   Jb  Ckj  Fsd</t>
  </si>
  <si>
    <t>Qadirkay</t>
  </si>
  <si>
    <t>Asad Imran</t>
  </si>
  <si>
    <t>GPS 17/14-L</t>
  </si>
  <si>
    <t>17/14.L</t>
  </si>
  <si>
    <t>Chak 17/14.L near jamia masjid</t>
  </si>
  <si>
    <t>101/12.L</t>
  </si>
  <si>
    <t>Abdul Sallam Anjum</t>
  </si>
  <si>
    <t>GPS 17/SP P.O PAKPATTAN</t>
  </si>
  <si>
    <t>Chak # 17/SP, Pakpattan</t>
  </si>
  <si>
    <t>GPS 170 WB</t>
  </si>
  <si>
    <t>chack # 170/wb</t>
  </si>
  <si>
    <t>GPS 170/10-R, KHANEWAL</t>
  </si>
  <si>
    <t>170/ chak no 170/10r colony</t>
  </si>
  <si>
    <t>chak no 170/10_r colony khanewal</t>
  </si>
  <si>
    <t>chak no 170/10r</t>
  </si>
  <si>
    <t>Chak 170/10r</t>
  </si>
  <si>
    <t>Adnan Naveed</t>
  </si>
  <si>
    <t>GPS 170/9-L</t>
  </si>
  <si>
    <t>170/9l</t>
  </si>
  <si>
    <t>ch 170/9l</t>
  </si>
  <si>
    <t>Barkat Ali</t>
  </si>
  <si>
    <t>GPS 171 EB</t>
  </si>
  <si>
    <t>chak no.171/E.B</t>
  </si>
  <si>
    <t>171/EB</t>
  </si>
  <si>
    <t>Muhammad Naeem Kazmi</t>
  </si>
  <si>
    <t>GPS 171 WB PO SURGANA</t>
  </si>
  <si>
    <t>Chak 171 Wb</t>
  </si>
  <si>
    <t>chak 171 wb p/o sargana tehsil mailsi vehari</t>
  </si>
  <si>
    <t>Mittroo</t>
  </si>
  <si>
    <t>GPS 171/9-L</t>
  </si>
  <si>
    <t>chak 171/9l</t>
  </si>
  <si>
    <t>GPS 171/P</t>
  </si>
  <si>
    <t>171/P</t>
  </si>
  <si>
    <t>171/p Po. bosk and Teh.sadiq Abad</t>
  </si>
  <si>
    <t>171/p</t>
  </si>
  <si>
    <t>M. RAMZAN TAHIR</t>
  </si>
  <si>
    <t>GPS 172/9-L</t>
  </si>
  <si>
    <t>172/9l</t>
  </si>
  <si>
    <t>chak number 172/9l.tehsil Chichawatni</t>
  </si>
  <si>
    <t>Muhammed Safder</t>
  </si>
  <si>
    <t>GPS 173 WB</t>
  </si>
  <si>
    <t>Mouza Mitru P/O Mitru Chak No 173/W.B</t>
  </si>
  <si>
    <t>Chak 173/WB</t>
  </si>
  <si>
    <t>GPS 173/9-L</t>
  </si>
  <si>
    <t>173//9L</t>
  </si>
  <si>
    <t>CHAK# 173/9-L CHICHAWATNI DISTT SAHIWAL</t>
  </si>
  <si>
    <t>GPS 174/9-L BANGLA SHAR WALA</t>
  </si>
  <si>
    <t>chak# 174-a/9-l banglow sher wala</t>
  </si>
  <si>
    <t>162/9-l</t>
  </si>
  <si>
    <t>GPS 174/EB</t>
  </si>
  <si>
    <t>174/EB</t>
  </si>
  <si>
    <t>chak No.174/E.B Tehsil and District vehari</t>
  </si>
  <si>
    <t>Chak No174/EB</t>
  </si>
  <si>
    <t>Chak No166/EB</t>
  </si>
  <si>
    <t>Farman Ali</t>
  </si>
  <si>
    <t>GPS 175/9-L</t>
  </si>
  <si>
    <t>chak no 175/9L(new) teh chichawatni distt.sahiwal</t>
  </si>
  <si>
    <t>Chak No 175/9Lnew</t>
  </si>
  <si>
    <t>Chak No 147/9L</t>
  </si>
  <si>
    <t>GPS 176/9-L NEW</t>
  </si>
  <si>
    <t>176/9.L new</t>
  </si>
  <si>
    <t>GPS 177/9-L</t>
  </si>
  <si>
    <t>GPS 178/9-L NEW</t>
  </si>
  <si>
    <t>chak no 178/9_L new</t>
  </si>
  <si>
    <t>Chak No 178/9 L New</t>
  </si>
  <si>
    <t>Chak No 180/9 L</t>
  </si>
  <si>
    <t>GPS 178/EB</t>
  </si>
  <si>
    <t>Chak No 178/EB</t>
  </si>
  <si>
    <t>Chak  no 178/EB tensile and district vehari</t>
  </si>
  <si>
    <t>Shahid Nazir</t>
  </si>
  <si>
    <t>GPS 178-9/L OLD</t>
  </si>
  <si>
    <t>178/9l Old</t>
  </si>
  <si>
    <t>chak no 178/9l old</t>
  </si>
  <si>
    <t>GPS 179 EB</t>
  </si>
  <si>
    <t>Chak No. 179/EB, Teh. Burewala, Distt. Veahari</t>
  </si>
  <si>
    <t>Yasir Nadeem</t>
  </si>
  <si>
    <t>GPS 179/7-R</t>
  </si>
  <si>
    <t>Chak no 179/7r,Tehsil fort abbas</t>
  </si>
  <si>
    <t>GPS 179/9-L</t>
  </si>
  <si>
    <t>179/9-L</t>
  </si>
  <si>
    <t>179/9-L Tehsil chichawatni Distt.Sahiwal</t>
  </si>
  <si>
    <t>Chak No 179/9-L</t>
  </si>
  <si>
    <t>GPS 179/TDA</t>
  </si>
  <si>
    <t>chak no 179tda</t>
  </si>
  <si>
    <t>chak no.179 tda</t>
  </si>
  <si>
    <t>chak no179</t>
  </si>
  <si>
    <t>barkat wala</t>
  </si>
  <si>
    <t>M Zahid imran</t>
  </si>
  <si>
    <t>GPS 18/14-L</t>
  </si>
  <si>
    <t>chak no. 18/14L Tehsil chichawatni district Sahiwal</t>
  </si>
  <si>
    <t>20/14L</t>
  </si>
  <si>
    <t>GPS 180/WB</t>
  </si>
  <si>
    <t>Chak no.180/WB tehsil Mailsi District Vehari</t>
  </si>
  <si>
    <t>Chak No 180/WB</t>
  </si>
  <si>
    <t>GPS 181/9-L</t>
  </si>
  <si>
    <t>181/9L</t>
  </si>
  <si>
    <t>CHAK NO. 181/9.L CHICHAWATNI</t>
  </si>
  <si>
    <t>GPS 182/9-L EAST</t>
  </si>
  <si>
    <t>chak no 182/9-L tehsil chichawatni district sahiwal</t>
  </si>
  <si>
    <t>182/9L</t>
  </si>
  <si>
    <t>GPS 183 WB</t>
  </si>
  <si>
    <t>183 Wb</t>
  </si>
  <si>
    <t>chak n0 183 wb tehsil mailsi distr vehari</t>
  </si>
  <si>
    <t>195 Wb</t>
  </si>
  <si>
    <t>Rasheed Subhani</t>
  </si>
  <si>
    <t>GPS 183 WB P.O 187 WB</t>
  </si>
  <si>
    <t>chack no 183 post office tibba sultan pur</t>
  </si>
  <si>
    <t>GPS 183/9-L</t>
  </si>
  <si>
    <t>chak no 183/9L</t>
  </si>
  <si>
    <t>GPS 183/EB</t>
  </si>
  <si>
    <t>183/EB</t>
  </si>
  <si>
    <t>183/EB p/o Gaggoo Tehsil Burewala District Vehari</t>
  </si>
  <si>
    <t>GPS 184 WB WEST</t>
  </si>
  <si>
    <t>Chak no 184 W B West</t>
  </si>
  <si>
    <t>184/wb West</t>
  </si>
  <si>
    <t>188 / W B</t>
  </si>
  <si>
    <t>GPS 185 RB  I</t>
  </si>
  <si>
    <t>Chak No. 185 RB Budh Singh.</t>
  </si>
  <si>
    <t>185 RB I</t>
  </si>
  <si>
    <t>ANILA TABASSUM</t>
  </si>
  <si>
    <t>GPS 185 RB II</t>
  </si>
  <si>
    <t>chak#185 rb 2</t>
  </si>
  <si>
    <t>hawali kundan lal</t>
  </si>
  <si>
    <t>panwa</t>
  </si>
  <si>
    <t>GPS 185/9-L (E)</t>
  </si>
  <si>
    <t>chak no 185/9-l east</t>
  </si>
  <si>
    <t>185/9-l East</t>
  </si>
  <si>
    <t>185/9-l West</t>
  </si>
  <si>
    <t>GPS 186 RB I</t>
  </si>
  <si>
    <t>CHAK NO 186 RB DHILUM, CHAK JHUMRA, FAISALABAD.</t>
  </si>
  <si>
    <t>DHILUM</t>
  </si>
  <si>
    <t>DOGRANWALA</t>
  </si>
  <si>
    <t>SAMRA AZAM</t>
  </si>
  <si>
    <t>GPS 186 RB III</t>
  </si>
  <si>
    <t>Street No. 1,Mohallah Rasool Pura,Chak Jhumra,Faisalabad</t>
  </si>
  <si>
    <t>Faiz Ur Rasool</t>
  </si>
  <si>
    <t>GPS 186 RB-II</t>
  </si>
  <si>
    <t>Dogranwala Dogranwala</t>
  </si>
  <si>
    <t>Chak No. 186 RB Dogranwala Chak Jhumra Faisalabad.</t>
  </si>
  <si>
    <t>GPS 187 RB I</t>
  </si>
  <si>
    <t>Katcha Jhumra</t>
  </si>
  <si>
    <t>Chak # 187 RB Katcha Jhumra Chak Jhumra Faisalabad</t>
  </si>
  <si>
    <t>Sardar Ali</t>
  </si>
  <si>
    <t>GPS 187 RB II</t>
  </si>
  <si>
    <t>Chak No 187 RB Bloana, Tesil Chak Jhumra, Faisalabad</t>
  </si>
  <si>
    <t>Chak No 187 RB</t>
  </si>
  <si>
    <t>Chak No186 RB</t>
  </si>
  <si>
    <t>GPS 187 RB III</t>
  </si>
  <si>
    <t>Kacha Jhumra</t>
  </si>
  <si>
    <t>Chak No. 187 RB Kacha Jhumra Tehsil  Chak Jhumra Faisalabad</t>
  </si>
  <si>
    <t>GPS 188 RB III</t>
  </si>
  <si>
    <t>Chak No.188 RB Lakarwala Tehsil Chak Jhumra Faisalabad.</t>
  </si>
  <si>
    <t>188RB Lakarwala</t>
  </si>
  <si>
    <t>Abdur Razaq</t>
  </si>
  <si>
    <t>GPS 188-A/9-L</t>
  </si>
  <si>
    <t>CHAK  188/9AL</t>
  </si>
  <si>
    <t>Naheed Akram</t>
  </si>
  <si>
    <t>GPS 189 RB II RASOOLPUR</t>
  </si>
  <si>
    <t>CHak No 189 R.B Rasool Pur</t>
  </si>
  <si>
    <t>Chak No 189 R.B Rasool Pur, Tehsil Chak Jhumra, Faisalabad</t>
  </si>
  <si>
    <t>189 R.B Rasool Pur</t>
  </si>
  <si>
    <t>ZAHID MAQBOOL</t>
  </si>
  <si>
    <t>GPS 189-9AL</t>
  </si>
  <si>
    <t>chak # 189/9-AL</t>
  </si>
  <si>
    <t>GPS 18-SP P/O 17/S.P PAKPATTAN</t>
  </si>
  <si>
    <t>Chak No 18/SP</t>
  </si>
  <si>
    <t>Chak No 18/SP Rany Wala</t>
  </si>
  <si>
    <t>18/SP</t>
  </si>
  <si>
    <t>Kashif Ramzan</t>
  </si>
  <si>
    <t>GPS 19 EB HUSSAIN PUR</t>
  </si>
  <si>
    <t>19/EB</t>
  </si>
  <si>
    <t>chak no 19/eb</t>
  </si>
  <si>
    <t>GPS 19 JB I</t>
  </si>
  <si>
    <t>QADIR  KAY</t>
  </si>
  <si>
    <t>Chak No 19JB Qadar Key Teh :Jhumra Faisalabad</t>
  </si>
  <si>
    <t>19  JB</t>
  </si>
  <si>
    <t>19 JB Qadar Key</t>
  </si>
  <si>
    <t>Binyamin</t>
  </si>
  <si>
    <t>GPS 19 JB II</t>
  </si>
  <si>
    <t>BURALI</t>
  </si>
  <si>
    <t>CHAK NO. 19JB BURALI TEH CHAK JHUMRA DISTT FAISALABAD</t>
  </si>
  <si>
    <t>CHAK NO 19JB</t>
  </si>
  <si>
    <t>WASIM GULZAR</t>
  </si>
  <si>
    <t>GPS 19/11-L</t>
  </si>
  <si>
    <t>19/11-L</t>
  </si>
  <si>
    <t>Chak No.19/11.L, Tehsil Chichawatni,District Sahiwal</t>
  </si>
  <si>
    <t>Chak No.19/11-L</t>
  </si>
  <si>
    <t>Chak No.20/11-L</t>
  </si>
  <si>
    <t>Ghulam Abbas Qamer</t>
  </si>
  <si>
    <t>GPS 191/1-L</t>
  </si>
  <si>
    <t>Chak 191/1-L</t>
  </si>
  <si>
    <t>chak no 191/1-L</t>
  </si>
  <si>
    <t>225/1-L Islam Garh</t>
  </si>
  <si>
    <t>Hafiz Ulfat Rasool</t>
  </si>
  <si>
    <t>GPS 192 GB KOTLA</t>
  </si>
  <si>
    <t>chak no 192 GB Kotla Ths Samundri  Dist  Faisalabad</t>
  </si>
  <si>
    <t>192 Gb Kotla</t>
  </si>
  <si>
    <t>193 Gb</t>
  </si>
  <si>
    <t>M Azhar Iqbal</t>
  </si>
  <si>
    <t>GPS 192 GB OJLA</t>
  </si>
  <si>
    <t>Chak 192 GB Ojla Tehsil Samundri Distt Faisalabad</t>
  </si>
  <si>
    <t>192 GB Ojla</t>
  </si>
  <si>
    <t>GPS 193 GB S</t>
  </si>
  <si>
    <t>yousaf pur</t>
  </si>
  <si>
    <t>chak no 193 GB</t>
  </si>
  <si>
    <t>193 GB</t>
  </si>
  <si>
    <t>Chak 193 GB S</t>
  </si>
  <si>
    <t>Umer Hayat Tariq</t>
  </si>
  <si>
    <t>GPS 195 GB I</t>
  </si>
  <si>
    <t>Chak no 195 GB</t>
  </si>
  <si>
    <t>195 GB</t>
  </si>
  <si>
    <t>Chak no 193 GB S</t>
  </si>
  <si>
    <t>GPS 195 WB</t>
  </si>
  <si>
    <t>195/wb</t>
  </si>
  <si>
    <t>Chak No 195/wb</t>
  </si>
  <si>
    <t>chak no 195/wb</t>
  </si>
  <si>
    <t>GPS 196 RB EAST</t>
  </si>
  <si>
    <t>196 RB (E) Ghona</t>
  </si>
  <si>
    <t>Chack No.196 RB (E) Ghona.</t>
  </si>
  <si>
    <t>Ghona (E)</t>
  </si>
  <si>
    <t>117 Jb dhonola</t>
  </si>
  <si>
    <t>Muhammad Yasin Anwar</t>
  </si>
  <si>
    <t>GPS 196/P</t>
  </si>
  <si>
    <t>chak No 196/p post office chak no 173/p</t>
  </si>
  <si>
    <t>Chak No 196/ P</t>
  </si>
  <si>
    <t>Chak No 173/p</t>
  </si>
  <si>
    <t>Waqar Yaseen</t>
  </si>
  <si>
    <t>GPS 197 GB</t>
  </si>
  <si>
    <t>Rajoaa</t>
  </si>
  <si>
    <t>Chak No. 197 GB</t>
  </si>
  <si>
    <t>197 GB</t>
  </si>
  <si>
    <t>chak no 198 GB</t>
  </si>
  <si>
    <t>GPS 198 GB</t>
  </si>
  <si>
    <t>Aadi</t>
  </si>
  <si>
    <t>chak no 198 G B Tehsil Samundari Disst Faisal abad</t>
  </si>
  <si>
    <t>198 G B</t>
  </si>
  <si>
    <t>Muhammad Azhar Rafiq</t>
  </si>
  <si>
    <t>GPS 198 WB</t>
  </si>
  <si>
    <t>CHAK NO 198 WB</t>
  </si>
  <si>
    <t>hafiz ghulam haider</t>
  </si>
  <si>
    <t>GPS 199 RB</t>
  </si>
  <si>
    <t>Fakhara Abad</t>
  </si>
  <si>
    <t>GPS 199 RB Fakhara Abad</t>
  </si>
  <si>
    <t>GPS 199/7-R</t>
  </si>
  <si>
    <t>Chak No 199/7 r TEH Fortabbas DIST Bahawalnagar</t>
  </si>
  <si>
    <t>Chak No 199/7 r</t>
  </si>
  <si>
    <t>GPS 1-A/14-L</t>
  </si>
  <si>
    <t>1-A/14-L</t>
  </si>
  <si>
    <t>chak no 1-A/14-L</t>
  </si>
  <si>
    <t>Chak No 4-14-L</t>
  </si>
  <si>
    <t>GPS 1T SHUMALI P/O 7T</t>
  </si>
  <si>
    <t>1t</t>
  </si>
  <si>
    <t>Chak no 1t shmali P.O. Chak no 7 t Multan</t>
  </si>
  <si>
    <t>Chattha</t>
  </si>
  <si>
    <t>Sajid Maqbool</t>
  </si>
  <si>
    <t>GPS 2 KB PO PAKPATTAN</t>
  </si>
  <si>
    <t>GPS 20/SP PAKPATTAN</t>
  </si>
  <si>
    <t>30/SP</t>
  </si>
  <si>
    <t>Abdul Rashid Ahmad Faisal</t>
  </si>
  <si>
    <t>GPS 200 WB</t>
  </si>
  <si>
    <t>Chak 200WB</t>
  </si>
  <si>
    <t>Gps chak 200WB po Tibba sultanpur Teh. Mailsi Distt. Vehari</t>
  </si>
  <si>
    <t>Chak  200WB</t>
  </si>
  <si>
    <t>Rana Rizwanullah Shaheen</t>
  </si>
  <si>
    <t>GPS 201 GB</t>
  </si>
  <si>
    <t>chak no 201 GB</t>
  </si>
  <si>
    <t>201 Gb</t>
  </si>
  <si>
    <t>205 Gb</t>
  </si>
  <si>
    <t>M Sarwar Saleem</t>
  </si>
  <si>
    <t>GPS 202 GB</t>
  </si>
  <si>
    <t>Chak no# 202GB</t>
  </si>
  <si>
    <t>Chak no# 202 GB</t>
  </si>
  <si>
    <t>Chak no # 202 GB</t>
  </si>
  <si>
    <t>Chak no # 203 GB</t>
  </si>
  <si>
    <t>Waheed Ramzan</t>
  </si>
  <si>
    <t>GPS 202 RB I WEST BHIWALA</t>
  </si>
  <si>
    <t>202 RB Bhaiwala Faisalabad</t>
  </si>
  <si>
    <t>GPS 202 RB II WEST BHAI WALA</t>
  </si>
  <si>
    <t>Awais Bashir</t>
  </si>
  <si>
    <t>GPS 204 GB</t>
  </si>
  <si>
    <t>Blochpur</t>
  </si>
  <si>
    <t>chak no 204 GB</t>
  </si>
  <si>
    <t>204 GB</t>
  </si>
  <si>
    <t>Chak No 211 GB</t>
  </si>
  <si>
    <t>Ch Mehmood Ul Hassan Zafar</t>
  </si>
  <si>
    <t>GPS 205 EB</t>
  </si>
  <si>
    <t>Chak No 205 /EB</t>
  </si>
  <si>
    <t>GPS 205/EB P/O 163/EB Tehsil Arifwala Disst Pakpattan</t>
  </si>
  <si>
    <t>Chak No 205/EB</t>
  </si>
  <si>
    <t>Chak No 163/EB</t>
  </si>
  <si>
    <t>M Irshad Ahmad abid</t>
  </si>
  <si>
    <t>GPS 206 GB</t>
  </si>
  <si>
    <t>Sarwali</t>
  </si>
  <si>
    <t>Chak No 206 GB</t>
  </si>
  <si>
    <t>GPS 207 GB</t>
  </si>
  <si>
    <t>chakno 207gb tahsil sammundri district faislabad</t>
  </si>
  <si>
    <t>207gb</t>
  </si>
  <si>
    <t>Chak No 205</t>
  </si>
  <si>
    <t>GPS 207 RB RASOOL NAGAR</t>
  </si>
  <si>
    <t>Rasool nagar</t>
  </si>
  <si>
    <t>207 RB Rasool nagar</t>
  </si>
  <si>
    <t>Nighaban pura</t>
  </si>
  <si>
    <t>Ghulam Rasool Gohar</t>
  </si>
  <si>
    <t>Water Suppply</t>
  </si>
  <si>
    <t>GPS 208/EB</t>
  </si>
  <si>
    <t>GPS 208EB vehari</t>
  </si>
  <si>
    <t>GPS 209 GB</t>
  </si>
  <si>
    <t>Chak 209 GB</t>
  </si>
  <si>
    <t>CHAK NO. 209 G.B</t>
  </si>
  <si>
    <t>Chak 205 GB</t>
  </si>
  <si>
    <t>GPS 21 GHAGH NO.2 ABDUL HAKIM</t>
  </si>
  <si>
    <t>Chak 21 Ghagh</t>
  </si>
  <si>
    <t>govt primary school chak 21/2 ghagh</t>
  </si>
  <si>
    <t>chak no 21/2 ghagh</t>
  </si>
  <si>
    <t>Shakir Ali Gulfam</t>
  </si>
  <si>
    <t>GPS 21 GHAGH, ABDUL HAKIM</t>
  </si>
  <si>
    <t>21/1 Ghagh</t>
  </si>
  <si>
    <t>21ghagh tehsil kabirwala district khanewal</t>
  </si>
  <si>
    <t>GPS 21 JB</t>
  </si>
  <si>
    <t>RANEKAY</t>
  </si>
  <si>
    <t>CHAK NO 21 JB</t>
  </si>
  <si>
    <t>KHANKAY</t>
  </si>
  <si>
    <t>GPS 21 MPR P/O 49/M LODHRAN</t>
  </si>
  <si>
    <t>Chk 21mpr</t>
  </si>
  <si>
    <t>chk 21mpr p.o 49m lodhran</t>
  </si>
  <si>
    <t>Chk 49m</t>
  </si>
  <si>
    <t>GPS 21/14-L</t>
  </si>
  <si>
    <t>21/14L</t>
  </si>
  <si>
    <t>CHAK NO 21/14L</t>
  </si>
  <si>
    <t>CHAK NO 20/14L</t>
  </si>
  <si>
    <t>GPS 210 EB P O 212 EB</t>
  </si>
  <si>
    <t>210/EB</t>
  </si>
  <si>
    <t>chak no. 210/EB vehari</t>
  </si>
  <si>
    <t>Muhammad Shehzad Sharif</t>
  </si>
  <si>
    <t>GPS 211 EB</t>
  </si>
  <si>
    <t>chak 211/EB</t>
  </si>
  <si>
    <t>chak no 211/EB Markaz Ahma Yar Teh. Arif Wala Distt. Pakpattan</t>
  </si>
  <si>
    <t>chak 163EB</t>
  </si>
  <si>
    <t>GPS 211 GB</t>
  </si>
  <si>
    <t>Aliwal</t>
  </si>
  <si>
    <t>Chak no 211GB Tehsil Summandri Dist Faisalabad</t>
  </si>
  <si>
    <t>Nazia nahid</t>
  </si>
  <si>
    <t>GPS 211 WB</t>
  </si>
  <si>
    <t>211 W B</t>
  </si>
  <si>
    <t>chack no 211 w.b p\0 Dokota Mailsi. vehari</t>
  </si>
  <si>
    <t>211 Wb</t>
  </si>
  <si>
    <t>151 Wb</t>
  </si>
  <si>
    <t>GPS 213 GB  I</t>
  </si>
  <si>
    <t>Laddian</t>
  </si>
  <si>
    <t>Chak No. 213 GB, Samundri, Faisalabad</t>
  </si>
  <si>
    <t>Chak No 213 GB</t>
  </si>
  <si>
    <t>Muhammad Tayyab Juniad</t>
  </si>
  <si>
    <t>Fresh from Seller</t>
  </si>
  <si>
    <t>GPS 213 RB</t>
  </si>
  <si>
    <t>213 Susan</t>
  </si>
  <si>
    <t>GPS 213 RB susan faisalabad</t>
  </si>
  <si>
    <t>213 RB Susan</t>
  </si>
  <si>
    <t>Khayaban Colony</t>
  </si>
  <si>
    <t>GPS 213/9-R</t>
  </si>
  <si>
    <t>Chak No213/9R</t>
  </si>
  <si>
    <t>Chak No 213 /9.Re Tehsil Fort Abbas District Bahawalnagar</t>
  </si>
  <si>
    <t>Chak No 213/9R</t>
  </si>
  <si>
    <t>Zia Ullah</t>
  </si>
  <si>
    <t>GPS 214 GB</t>
  </si>
  <si>
    <t>Jaroor</t>
  </si>
  <si>
    <t>Chak no 214 GB Tehsil Samundri, Faisalabad</t>
  </si>
  <si>
    <t>214 GB</t>
  </si>
  <si>
    <t>GPS 216 GB I</t>
  </si>
  <si>
    <t>Jalal  Abad</t>
  </si>
  <si>
    <t>Chak No 216GB</t>
  </si>
  <si>
    <t>Chak No 216 GB</t>
  </si>
  <si>
    <t>Chak No 214 GB</t>
  </si>
  <si>
    <t>Muhammad Afzal Pervez</t>
  </si>
  <si>
    <t>GPS 216 GB II</t>
  </si>
  <si>
    <t>Jhuggian</t>
  </si>
  <si>
    <t>GPS 216 GB II Markaz Khiddarwala Tehseel Samundri District Faisalabad</t>
  </si>
  <si>
    <t>216 GB II</t>
  </si>
  <si>
    <t>Faisal Sajjad</t>
  </si>
  <si>
    <t>GPS 217 GB</t>
  </si>
  <si>
    <t>Gujjer Pind</t>
  </si>
  <si>
    <t>chack #217 GB</t>
  </si>
  <si>
    <t>217 GB</t>
  </si>
  <si>
    <t>221 GB</t>
  </si>
  <si>
    <t>GPS 217 RB SULTAN WALA TOWN</t>
  </si>
  <si>
    <t>Sultan Town</t>
  </si>
  <si>
    <t>217 R.B sultan town</t>
  </si>
  <si>
    <t>arfan aslam</t>
  </si>
  <si>
    <t>GPS 218 RB</t>
  </si>
  <si>
    <t>prokianwala</t>
  </si>
  <si>
    <t>chak#218Rb faisalabad</t>
  </si>
  <si>
    <t>61jb</t>
  </si>
  <si>
    <t>GPS 219 RB  II</t>
  </si>
  <si>
    <t>sahianwala</t>
  </si>
  <si>
    <t>219RB sahianwala jhang road fsd.</t>
  </si>
  <si>
    <t>219RB sahianwala</t>
  </si>
  <si>
    <t>Talianwala</t>
  </si>
  <si>
    <t>Arslan Bashir</t>
  </si>
  <si>
    <t>GPS 219 RB I</t>
  </si>
  <si>
    <t>219 RB</t>
  </si>
  <si>
    <t>Chak 219rb Talianwala</t>
  </si>
  <si>
    <t>Naimatabad</t>
  </si>
  <si>
    <t>GPS 22 SP</t>
  </si>
  <si>
    <t>22/sp</t>
  </si>
  <si>
    <t>22/sp pakpattan</t>
  </si>
  <si>
    <t>GPS 22 WB</t>
  </si>
  <si>
    <t>22/wb</t>
  </si>
  <si>
    <t>chak # 22/wb vehari</t>
  </si>
  <si>
    <t>Chak 22/wb</t>
  </si>
  <si>
    <t>GPS 22/14-L</t>
  </si>
  <si>
    <t>22/14  L</t>
  </si>
  <si>
    <t>chak no 16/14 L the chichawatni Distt sahiwal</t>
  </si>
  <si>
    <t>Chao No 22/14L</t>
  </si>
  <si>
    <t>GPS 22/EB P/O 22/EB ARIFWALA</t>
  </si>
  <si>
    <t>Aftab Ahamad</t>
  </si>
  <si>
    <t>GPS 220 RB I BABU WALA</t>
  </si>
  <si>
    <t>CITY 6 - MALE</t>
  </si>
  <si>
    <t>Babuwala</t>
  </si>
  <si>
    <t>st no 14 BABUW ALA JHANG road  #c</t>
  </si>
  <si>
    <t>RASEEDABAD</t>
  </si>
  <si>
    <t>cans water</t>
  </si>
  <si>
    <t>GPS 220 RB II</t>
  </si>
  <si>
    <t>220 RB Pathanwala</t>
  </si>
  <si>
    <t>Muhammad Pervaiz Iqbal</t>
  </si>
  <si>
    <t>donated filter water by Mian Aqeel Ahmed</t>
  </si>
  <si>
    <t>GPS 220/P</t>
  </si>
  <si>
    <t>chak no 220p</t>
  </si>
  <si>
    <t>gbp/s chak no 220p p/o chak no 211p  s*d*k</t>
  </si>
  <si>
    <t>chak no 264p</t>
  </si>
  <si>
    <t>GPS 221 RB I</t>
  </si>
  <si>
    <t>chak#221rb risala#15fsd</t>
  </si>
  <si>
    <t>221rb</t>
  </si>
  <si>
    <t>Ateeque Hussain</t>
  </si>
  <si>
    <t>GPS 222 RB  SITRA COLONY</t>
  </si>
  <si>
    <t>chak#222rb sitara colony</t>
  </si>
  <si>
    <t>222rb</t>
  </si>
  <si>
    <t>sagheer nemat</t>
  </si>
  <si>
    <t>GPS 223 RB I MUHAMMAD NAGAR FSD</t>
  </si>
  <si>
    <t>223 rb1</t>
  </si>
  <si>
    <t>gps223rb1 Muhammad nagar fsd</t>
  </si>
  <si>
    <t>223 rb 1</t>
  </si>
  <si>
    <t>farooqueabad fsd</t>
  </si>
  <si>
    <t>GPS 223 RB II FSD</t>
  </si>
  <si>
    <t>223 RB SADARDIN</t>
  </si>
  <si>
    <t>223 RB SADARDIN FSD</t>
  </si>
  <si>
    <t>223 Rb Farooq Abad</t>
  </si>
  <si>
    <t>GPS 223 RB KALAR COLONY</t>
  </si>
  <si>
    <t>223 RB KALAR COLONY</t>
  </si>
  <si>
    <t>223 RB Kalar Colony</t>
  </si>
  <si>
    <t>Khushi Muhammad Rana</t>
  </si>
  <si>
    <t>GPS 223 RB SANDU TOWN FSD</t>
  </si>
  <si>
    <t>Khoshab</t>
  </si>
  <si>
    <t>Street number 10, Sandhu Town, 223 RB, Faisalabad</t>
  </si>
  <si>
    <t>Sandhu Town</t>
  </si>
  <si>
    <t>Sohailabad</t>
  </si>
  <si>
    <t>Raza Hussain</t>
  </si>
  <si>
    <t>Purchasing</t>
  </si>
  <si>
    <t>GPS 225 RB I MALKHAH WALA FSD</t>
  </si>
  <si>
    <t>225 rb malkhanwala</t>
  </si>
  <si>
    <t>225rb1 malkhanwala</t>
  </si>
  <si>
    <t>225rb malkhanwala</t>
  </si>
  <si>
    <t>MUHAMMAD AKBAR BAKI</t>
  </si>
  <si>
    <t>GPS 225 RB III</t>
  </si>
  <si>
    <t>225 RB III</t>
  </si>
  <si>
    <t>CHAK# 225 RB III AHMAD NAGAR</t>
  </si>
  <si>
    <t>Ahmad Nagar Colony</t>
  </si>
  <si>
    <t>GPS 225/1-L</t>
  </si>
  <si>
    <t>Chak 225/1-L</t>
  </si>
  <si>
    <t>chak 225/1-L these elements lqp ryk</t>
  </si>
  <si>
    <t>Mohammad Munir</t>
  </si>
  <si>
    <t>GPS 227 EB</t>
  </si>
  <si>
    <t>chak no 227 EB Tehsil Burewala District Vehari</t>
  </si>
  <si>
    <t>Chak no 227 EB</t>
  </si>
  <si>
    <t>Chak no 223 EB</t>
  </si>
  <si>
    <t>Amjad Shafiq</t>
  </si>
  <si>
    <t>GPS 23 JB II</t>
  </si>
  <si>
    <t>23 JB Noon Bhatti</t>
  </si>
  <si>
    <t>Chak No 23 JB Noon Bhatti</t>
  </si>
  <si>
    <t>Cahk No 20 JB Khankey</t>
  </si>
  <si>
    <t>Afzal Haq</t>
  </si>
  <si>
    <t>GPS 230 RB</t>
  </si>
  <si>
    <t>230 Rb</t>
  </si>
  <si>
    <t>chak 230 rb Faisalabad</t>
  </si>
  <si>
    <t>Chohla</t>
  </si>
  <si>
    <t>132 Risala</t>
  </si>
  <si>
    <t>GPS 231 RB RASALE WALA</t>
  </si>
  <si>
    <t>Chak#231/R B</t>
  </si>
  <si>
    <t>Chak no 231/rb Risalewala Sadr Faisalabad</t>
  </si>
  <si>
    <t>Chak # 231/RB</t>
  </si>
  <si>
    <t>Chak#231/R B Risalay Wala</t>
  </si>
  <si>
    <t>GPS 232 RB I</t>
  </si>
  <si>
    <t>Chak No 232 RB 1</t>
  </si>
  <si>
    <t>Chak #232 Rb 1</t>
  </si>
  <si>
    <t>232RB1</t>
  </si>
  <si>
    <t>Chak 231 Risaewla</t>
  </si>
  <si>
    <t>M Zahid Sarwar</t>
  </si>
  <si>
    <t>GPS 232 RB II</t>
  </si>
  <si>
    <t>232 Baway Wala</t>
  </si>
  <si>
    <t>chak 232 RB Baway Wala</t>
  </si>
  <si>
    <t>231 Risalewala</t>
  </si>
  <si>
    <t>Asia Parween</t>
  </si>
  <si>
    <t>GPS 233 RB I</t>
  </si>
  <si>
    <t>Chak no 233RB Hari Singh Wala Faisalabad</t>
  </si>
  <si>
    <t>Chak 233 RB Hari Singh Wala</t>
  </si>
  <si>
    <t>GPS 233 RB II</t>
  </si>
  <si>
    <t>Tikky Wala</t>
  </si>
  <si>
    <t>Chack no 233/Rb tikkay Wala , fsd</t>
  </si>
  <si>
    <t>Tikkay Wala</t>
  </si>
  <si>
    <t>Hari Singh</t>
  </si>
  <si>
    <t>GPS 233 RB III</t>
  </si>
  <si>
    <t>233 Rb</t>
  </si>
  <si>
    <t>233 rb 111 fsd</t>
  </si>
  <si>
    <t>GPS 233/WB</t>
  </si>
  <si>
    <t>Nawaban Wali</t>
  </si>
  <si>
    <t>chak no 233 wb th: dunyapur ds:Lodhran</t>
  </si>
  <si>
    <t>Chak 233 Wb</t>
  </si>
  <si>
    <t>water supply connection</t>
  </si>
  <si>
    <t>GPS 234 GB JRN FSD</t>
  </si>
  <si>
    <t>Patiala</t>
  </si>
  <si>
    <t>Chak  No. 234 GB JRN FSD</t>
  </si>
  <si>
    <t>Chak No 234 GB</t>
  </si>
  <si>
    <t>Chak No 235 GB</t>
  </si>
  <si>
    <t>GPS 235 EB</t>
  </si>
  <si>
    <t>235/EB</t>
  </si>
  <si>
    <t>chak#235/EB</t>
  </si>
  <si>
    <t>Iram Ramzan</t>
  </si>
  <si>
    <t>GPS 235 RB</t>
  </si>
  <si>
    <t>Chak 235rb</t>
  </si>
  <si>
    <t>govt primary school chak no 235rb niamoana faisalabad</t>
  </si>
  <si>
    <t>Chak No235rb</t>
  </si>
  <si>
    <t>226rb Malkhanwala</t>
  </si>
  <si>
    <t>allah waris</t>
  </si>
  <si>
    <t>GPS 236 RB II</t>
  </si>
  <si>
    <t>Jappy</t>
  </si>
  <si>
    <t>chak no 236 rb jappy</t>
  </si>
  <si>
    <t>236Rb jappy</t>
  </si>
  <si>
    <t>niamuana</t>
  </si>
  <si>
    <t>M Mubbsher Hussain</t>
  </si>
  <si>
    <t>GPS 237 EB</t>
  </si>
  <si>
    <t>Chak No 237/Eb</t>
  </si>
  <si>
    <t>chak no 237/Eb.</t>
  </si>
  <si>
    <t>223 /EB</t>
  </si>
  <si>
    <t>GPS 239 EB</t>
  </si>
  <si>
    <t>239eb</t>
  </si>
  <si>
    <t>chak no 239/eb</t>
  </si>
  <si>
    <t>Ijaz Abbas</t>
  </si>
  <si>
    <t>GPS 23-D</t>
  </si>
  <si>
    <t>23/D</t>
  </si>
  <si>
    <t>GPS 24 JB</t>
  </si>
  <si>
    <t>Chak No 24 JB Lahorian, Tehsil Chak Jhumra, Faisalabad</t>
  </si>
  <si>
    <t>Chak 24 JB</t>
  </si>
  <si>
    <t>Chak No 20 JB</t>
  </si>
  <si>
    <t>on rent</t>
  </si>
  <si>
    <t>GPS 24/11-L</t>
  </si>
  <si>
    <t>chak# 24/11L teh chichawatni Dist Sahiwal</t>
  </si>
  <si>
    <t>Chak# 24/11 L</t>
  </si>
  <si>
    <t>Chak#23/11 L</t>
  </si>
  <si>
    <t>GPS 24/14-L</t>
  </si>
  <si>
    <t>Chak No24/14L</t>
  </si>
  <si>
    <t>chak no 24/14L po chak no 21/14L</t>
  </si>
  <si>
    <t>Chak No 24/14L</t>
  </si>
  <si>
    <t>Chak No 23/14L</t>
  </si>
  <si>
    <t>GPS 24/A QADEEM</t>
  </si>
  <si>
    <t>CHAK 24/A</t>
  </si>
  <si>
    <t>Muhammad Shabir</t>
  </si>
  <si>
    <t>GPS 245/P</t>
  </si>
  <si>
    <t>245/P</t>
  </si>
  <si>
    <t>Chak No. 245/P. RYK</t>
  </si>
  <si>
    <t>GPS 25 JB</t>
  </si>
  <si>
    <t>Chak No 25 JB</t>
  </si>
  <si>
    <t>Sathoi Wala</t>
  </si>
  <si>
    <t>GPS 25 KB</t>
  </si>
  <si>
    <t>25 Kb</t>
  </si>
  <si>
    <t>25kb P_O qabula teh arifwala Dist Pakpattan</t>
  </si>
  <si>
    <t>GPS 25 PULL ABDUL HAKIM</t>
  </si>
  <si>
    <t>Tehsil kabirwala Jinnah colony 25 Ghagh.</t>
  </si>
  <si>
    <t>Jinnah colony</t>
  </si>
  <si>
    <t>GPS 25/14-L</t>
  </si>
  <si>
    <t>KARAM BALOCH -MALE</t>
  </si>
  <si>
    <t>2514L</t>
  </si>
  <si>
    <t>chak no 2514L tehseel chicha watni sahiwal</t>
  </si>
  <si>
    <t>GPS 25/SP  PAKPATTAN</t>
  </si>
  <si>
    <t>Chak 25/sp</t>
  </si>
  <si>
    <t>chak no 25/sp pakpattan</t>
  </si>
  <si>
    <t>25/SP</t>
  </si>
  <si>
    <t>Rashid Ali</t>
  </si>
  <si>
    <t>GPS 251 RB</t>
  </si>
  <si>
    <t>Chak No. 251 R.B Bandala Tehsil Sadar District Faisalabad</t>
  </si>
  <si>
    <t>GPS 251/WB</t>
  </si>
  <si>
    <t>Chak No 251/WB</t>
  </si>
  <si>
    <t>chak No 251/WB Tehsil Dunyapur Pur (Lodhran)</t>
  </si>
  <si>
    <t>Chak No 237/WB</t>
  </si>
  <si>
    <t>GPS 255 RB I</t>
  </si>
  <si>
    <t>Chak no 255rb Nawanpind</t>
  </si>
  <si>
    <t>Chak No 255 RB</t>
  </si>
  <si>
    <t>248 RB Bismillah Pur</t>
  </si>
  <si>
    <t>GPS 255/WB</t>
  </si>
  <si>
    <t>Gps 255/wb</t>
  </si>
  <si>
    <t>GPS 258/HL</t>
  </si>
  <si>
    <t>258 HL</t>
  </si>
  <si>
    <t>Chak#258 HL fort Abbas distt bahawal nagar</t>
  </si>
  <si>
    <t>260 HR</t>
  </si>
  <si>
    <t>GPS 259 WB</t>
  </si>
  <si>
    <t>CHAK NO 259/W.B P/O TIBBA TEHSIL MAILSI DISTT VEHARI</t>
  </si>
  <si>
    <t>CHAK NO 259/WB</t>
  </si>
  <si>
    <t>SANDA</t>
  </si>
  <si>
    <t>GPS 26 GB</t>
  </si>
  <si>
    <t>chak no 26</t>
  </si>
  <si>
    <t>Chak 26 Gb</t>
  </si>
  <si>
    <t>GPS 26 JB II</t>
  </si>
  <si>
    <t>26 Jb Ii</t>
  </si>
  <si>
    <t>26 jb ll</t>
  </si>
  <si>
    <t>27 Jb</t>
  </si>
  <si>
    <t>GPS 26/10-R  RAHIM ABAD, KACHA KHUH</t>
  </si>
  <si>
    <t>26/10r RAHIMABAD</t>
  </si>
  <si>
    <t>GPS 26/10.r RAHIMABAD</t>
  </si>
  <si>
    <t>Chack NO 30/10r</t>
  </si>
  <si>
    <t>GPS 26/EB</t>
  </si>
  <si>
    <t>26/E.B arifwla</t>
  </si>
  <si>
    <t>GPS 26/SP PAKPATTAN</t>
  </si>
  <si>
    <t>govt  primary school 26sp pakpattan</t>
  </si>
  <si>
    <t>Muhmmad Shabbir</t>
  </si>
  <si>
    <t>GPS 260/HR EAST</t>
  </si>
  <si>
    <t>260 H R East</t>
  </si>
  <si>
    <t>chak no 260 HR East, Tehsil Fort Abbas, Distt. Bahawalnagar</t>
  </si>
  <si>
    <t>Chak No 260 HR E</t>
  </si>
  <si>
    <t>260/-HR</t>
  </si>
  <si>
    <t>Fayyaz Ahmad</t>
  </si>
  <si>
    <t>GPS 263 WB</t>
  </si>
  <si>
    <t>263WB</t>
  </si>
  <si>
    <t>CHAK NO 263WB TIBBA SULTAN PUR MAILSI</t>
  </si>
  <si>
    <t>GPS 264 RB I</t>
  </si>
  <si>
    <t>Chak No 264 I</t>
  </si>
  <si>
    <t>Chak No 264 R.B 1</t>
  </si>
  <si>
    <t>264 RB 1</t>
  </si>
  <si>
    <t>267 RB Jalandhar</t>
  </si>
  <si>
    <t>RASHID MEHMOOD</t>
  </si>
  <si>
    <t>GPS 265 WB</t>
  </si>
  <si>
    <t>265/wb</t>
  </si>
  <si>
    <t>chack no 265/wb tehsil Mailsi district vehari</t>
  </si>
  <si>
    <t>GPS 265/HR</t>
  </si>
  <si>
    <t>chak No 265/HR</t>
  </si>
  <si>
    <t>chak No. 265/HR, Tehsil.  Fort Abbas</t>
  </si>
  <si>
    <t>chak No 264/HR</t>
  </si>
  <si>
    <t>GPS 268 RB NO.4</t>
  </si>
  <si>
    <t>QURESHEANWALA</t>
  </si>
  <si>
    <t>CHAK NO 268 R.B 4 FSD</t>
  </si>
  <si>
    <t>CHAK NO 268 RB</t>
  </si>
  <si>
    <t>LADHA CHAK</t>
  </si>
  <si>
    <t>GPS 27 GB</t>
  </si>
  <si>
    <t>27 GB</t>
  </si>
  <si>
    <t>chak num 27 gb</t>
  </si>
  <si>
    <t>Chak Num 27 GB</t>
  </si>
  <si>
    <t>24 GB</t>
  </si>
  <si>
    <t>Mahfooz Ur Rahman</t>
  </si>
  <si>
    <t>GPS 27 JB WEST</t>
  </si>
  <si>
    <t>Ramsar</t>
  </si>
  <si>
    <t>chak 27 jb faisalabad</t>
  </si>
  <si>
    <t>Chak No 27 Jb South FAISALABAD</t>
  </si>
  <si>
    <t>Chak 27 Jb North</t>
  </si>
  <si>
    <t>Muhammad Aziz Ullah</t>
  </si>
  <si>
    <t>GPS 27/11-L</t>
  </si>
  <si>
    <t>GpS 27/11L</t>
  </si>
  <si>
    <t>Syed Zaheer Abbas</t>
  </si>
  <si>
    <t>GPS 270/HR EAST</t>
  </si>
  <si>
    <t>270/hr east</t>
  </si>
  <si>
    <t>chak no 270/hr east p/o Tibba Alamgeer</t>
  </si>
  <si>
    <t>muncipal committy</t>
  </si>
  <si>
    <t>GPS 272/HR</t>
  </si>
  <si>
    <t>P/S 272/HR tehsil fortabbas Dstt.bahawalnagar</t>
  </si>
  <si>
    <t>MC FAS</t>
  </si>
  <si>
    <t>GPS 275 GB</t>
  </si>
  <si>
    <t>Chak no 275 gb jrw</t>
  </si>
  <si>
    <t>Chak No 275 Gb</t>
  </si>
  <si>
    <t>Chak 277 Gb</t>
  </si>
  <si>
    <t>GPS 276 GB</t>
  </si>
  <si>
    <t>Chak 276 GB</t>
  </si>
  <si>
    <t>Chak 276 GB Post office same Tehsil Jaranwala district Faisalabad</t>
  </si>
  <si>
    <t>277 GB</t>
  </si>
  <si>
    <t>GPS 277 EB</t>
  </si>
  <si>
    <t>chak no.277/eb</t>
  </si>
  <si>
    <t>291/EB</t>
  </si>
  <si>
    <t>M Zafar Iqbal</t>
  </si>
  <si>
    <t>GPS 279 EB</t>
  </si>
  <si>
    <t>Chak No 279/EB</t>
  </si>
  <si>
    <t>Chak No 291/EB</t>
  </si>
  <si>
    <t>GPS 28 GB</t>
  </si>
  <si>
    <t>Singh Pura</t>
  </si>
  <si>
    <t>GPS 28 gb</t>
  </si>
  <si>
    <t>Chak28 Gb</t>
  </si>
  <si>
    <t>24gb</t>
  </si>
  <si>
    <t>FOZIA NASIM</t>
  </si>
  <si>
    <t>GPS 28/14-L BASTI KARAM BLOCH</t>
  </si>
  <si>
    <t>Karam Bloch</t>
  </si>
  <si>
    <t>chak no 28/14L Teh chichawtni Distt sahiwal</t>
  </si>
  <si>
    <t>28/14 L</t>
  </si>
  <si>
    <t>GPS 28/4.L</t>
  </si>
  <si>
    <t>28/4-L</t>
  </si>
  <si>
    <t>CHAK no. 28/4-L</t>
  </si>
  <si>
    <t>27/4-L</t>
  </si>
  <si>
    <t>GPS 28/SP</t>
  </si>
  <si>
    <t>28SP</t>
  </si>
  <si>
    <t>Village 28SP district Pakpattan</t>
  </si>
  <si>
    <t>Muhammad Puno</t>
  </si>
  <si>
    <t>GPS 280  GB</t>
  </si>
  <si>
    <t>Manj Ka Chak</t>
  </si>
  <si>
    <t>chak no. 280 GB Jrw. Fsd.</t>
  </si>
  <si>
    <t>280 GB</t>
  </si>
  <si>
    <t>282 GB</t>
  </si>
  <si>
    <t>GPS 283 EB</t>
  </si>
  <si>
    <t>chak no 283/ eb</t>
  </si>
  <si>
    <t>chak 283</t>
  </si>
  <si>
    <t>GPS 29.M P.O.35/M</t>
  </si>
  <si>
    <t>Chack No29/m</t>
  </si>
  <si>
    <t>Chack No.29/m Teh: Dunyan pur Dist: lodhran</t>
  </si>
  <si>
    <t>Chack No35/m</t>
  </si>
  <si>
    <t>GPS 29/14-L</t>
  </si>
  <si>
    <t>29/14 L</t>
  </si>
  <si>
    <t>29/14/L</t>
  </si>
  <si>
    <t>93/12 L</t>
  </si>
  <si>
    <t>GPS 29/D</t>
  </si>
  <si>
    <t>29 D</t>
  </si>
  <si>
    <t>chak 29 d tehsil depalpur okara</t>
  </si>
  <si>
    <t>GPS 29/EB</t>
  </si>
  <si>
    <t>29/EB</t>
  </si>
  <si>
    <t>Chak no 29/EB</t>
  </si>
  <si>
    <t>Chak No 29/EB</t>
  </si>
  <si>
    <t>Muhammad Abdullah sadique</t>
  </si>
  <si>
    <t>GPS 291/WB</t>
  </si>
  <si>
    <t>291/WB</t>
  </si>
  <si>
    <t>Chak # 291/WB  Tehsil Dunyapur District Lodhran</t>
  </si>
  <si>
    <t>Chak # 291/WB</t>
  </si>
  <si>
    <t>Jhandir Wah</t>
  </si>
  <si>
    <t>GPS 293 EB</t>
  </si>
  <si>
    <t>293/EBChak</t>
  </si>
  <si>
    <t>chak no 293/EB Tehsil Burewala District Vehari</t>
  </si>
  <si>
    <t>Chak 293/EB</t>
  </si>
  <si>
    <t>GPS 293 RB II</t>
  </si>
  <si>
    <t>293 rB II</t>
  </si>
  <si>
    <t>CHAK NO. 293 RB WEST</t>
  </si>
  <si>
    <t>NOOR MUHAMMAD</t>
  </si>
  <si>
    <t>GPS 293/WB</t>
  </si>
  <si>
    <t>Chak 293/wb dunypur</t>
  </si>
  <si>
    <t>293/Wb</t>
  </si>
  <si>
    <t>GPS 295 EB</t>
  </si>
  <si>
    <t>chak no 295 eb</t>
  </si>
  <si>
    <t>GPS 295/WB</t>
  </si>
  <si>
    <t>295/wb</t>
  </si>
  <si>
    <t>chak no 295/wb</t>
  </si>
  <si>
    <t>Makbool Wah</t>
  </si>
  <si>
    <t>GPS 296 RB II</t>
  </si>
  <si>
    <t>chak no 296 rb rajay wala</t>
  </si>
  <si>
    <t>Chak 296 RB 2</t>
  </si>
  <si>
    <t>Muhammad Mubashar Ghaffar</t>
  </si>
  <si>
    <t>GPS 296 RB III</t>
  </si>
  <si>
    <t>296 Rasalywala</t>
  </si>
  <si>
    <t>296 RB Rasaly Wala Fsd</t>
  </si>
  <si>
    <t>296 RB</t>
  </si>
  <si>
    <t>Hari  Singh</t>
  </si>
  <si>
    <t>Ahsan Ramzan</t>
  </si>
  <si>
    <t>GPS 299 JB II NEW ABADI</t>
  </si>
  <si>
    <t>299 Jb</t>
  </si>
  <si>
    <t>chak No. 299 jb new abadi</t>
  </si>
  <si>
    <t>Chak No 299 JB New Abadi</t>
  </si>
  <si>
    <t>GPS 3 EB P.O 7 EB</t>
  </si>
  <si>
    <t>3/EB</t>
  </si>
  <si>
    <t>Chak No.3/E.B  P/O  7/E.B  Teh.&amp;Disst. Pakpattan</t>
  </si>
  <si>
    <t>Chak No3/EB</t>
  </si>
  <si>
    <t>AZIZ ULLAH FARIDI</t>
  </si>
  <si>
    <t>GPS 3 KB</t>
  </si>
  <si>
    <t>3kb</t>
  </si>
  <si>
    <t>chak no. 3kb p/o picca sidhar tehsil &amp; district pakpattan</t>
  </si>
  <si>
    <t>Picca Sidhar</t>
  </si>
  <si>
    <t>ashiq ali</t>
  </si>
  <si>
    <t>GPS 3/14-L</t>
  </si>
  <si>
    <t>Chak 3/14_L</t>
  </si>
  <si>
    <t>MUHAMMAD SHAFIQU</t>
  </si>
  <si>
    <t>GPS 30 EB</t>
  </si>
  <si>
    <t>chak no 30/E B tahseel arif wala</t>
  </si>
  <si>
    <t>30/EB</t>
  </si>
  <si>
    <t>Chak 34/EB</t>
  </si>
  <si>
    <t>GPS 30/14-L</t>
  </si>
  <si>
    <t>chak no 30/14L</t>
  </si>
  <si>
    <t>Riaz Khan</t>
  </si>
  <si>
    <t>GPS 301 EB</t>
  </si>
  <si>
    <t>301E/B</t>
  </si>
  <si>
    <t>chak Nmb 301 E/B burewala vehari</t>
  </si>
  <si>
    <t>Chak Nmb 301 E/B</t>
  </si>
  <si>
    <t>Chak Nmb 327 E/B</t>
  </si>
  <si>
    <t>MUHAMMAD IFTEKHAR</t>
  </si>
  <si>
    <t>GPS 301/WB</t>
  </si>
  <si>
    <t>chak no 301/W B</t>
  </si>
  <si>
    <t>Chak No 301/WB</t>
  </si>
  <si>
    <t>GPS 305 EB</t>
  </si>
  <si>
    <t>chak no 305/e.b tehsil burewala distt.vehari</t>
  </si>
  <si>
    <t>GPS 309 EB</t>
  </si>
  <si>
    <t>Chak no 309 /E.B</t>
  </si>
  <si>
    <t>Chak No 309/EB</t>
  </si>
  <si>
    <t>Chak No 305/EB</t>
  </si>
  <si>
    <t>GPS 313 EB</t>
  </si>
  <si>
    <t>chak no 313/EB Sahuka road Burewala</t>
  </si>
  <si>
    <t>GPS 313/P</t>
  </si>
  <si>
    <t>Uc fateh pur markaz machka</t>
  </si>
  <si>
    <t>Rais Sher Muhammad</t>
  </si>
  <si>
    <t>Qalender Bakhsh</t>
  </si>
  <si>
    <t>GPS 319 EB</t>
  </si>
  <si>
    <t>319 EB</t>
  </si>
  <si>
    <t>Chak no 319 EB</t>
  </si>
  <si>
    <t>305 EB</t>
  </si>
  <si>
    <t>Muhammad Amin Asif</t>
  </si>
  <si>
    <t>GPS 319/WB</t>
  </si>
  <si>
    <t>319/wb</t>
  </si>
  <si>
    <t>chak no 319/wb tehsail dunyapur distt lodhran</t>
  </si>
  <si>
    <t>Muhammad Siddique Sajid</t>
  </si>
  <si>
    <t>GPS 32/WB</t>
  </si>
  <si>
    <t>32wb</t>
  </si>
  <si>
    <t>chak no32wb</t>
  </si>
  <si>
    <t>GPS 325/WB</t>
  </si>
  <si>
    <t>Chak 325/wb</t>
  </si>
  <si>
    <t>chak#325/w.b teh: dunyapur, distt: lodhran</t>
  </si>
  <si>
    <t>Chak 342/wb</t>
  </si>
  <si>
    <t>GPS 327/WB</t>
  </si>
  <si>
    <t>CHAK NO 327/WB</t>
  </si>
  <si>
    <t>chak NO 327/WB</t>
  </si>
  <si>
    <t>Chack No 327/WB</t>
  </si>
  <si>
    <t>GPS 329 EB</t>
  </si>
  <si>
    <t>Chak No. 329/EB</t>
  </si>
  <si>
    <t>Chak No 329/EB</t>
  </si>
  <si>
    <t>Muhammad REHMAN</t>
  </si>
  <si>
    <t>GPS 33/12-L</t>
  </si>
  <si>
    <t>33/12L</t>
  </si>
  <si>
    <t>Chak no 33/12.L Tehsil chichawatni District sahiwal</t>
  </si>
  <si>
    <t>Imran Shahzad</t>
  </si>
  <si>
    <t>GPS 33/14-L</t>
  </si>
  <si>
    <t>33/14</t>
  </si>
  <si>
    <t>33/14 chichawatni</t>
  </si>
  <si>
    <t>33/14L</t>
  </si>
  <si>
    <t>Salman Sadiq</t>
  </si>
  <si>
    <t>GPS 33/KB</t>
  </si>
  <si>
    <t>33/kb</t>
  </si>
  <si>
    <t>chak 33/kb dak khana jamlera adda</t>
  </si>
  <si>
    <t>GPS 33/P</t>
  </si>
  <si>
    <t>Chak no 33p</t>
  </si>
  <si>
    <t>chak no 33p post office bagho bahar tehsil khanpur district rahim yar Khan</t>
  </si>
  <si>
    <t>GPS 330 WB</t>
  </si>
  <si>
    <t>Chak No 330/WB</t>
  </si>
  <si>
    <t>Chak No 330/WB Teh Mailsi Distt Vehari</t>
  </si>
  <si>
    <t>GPS 330/HR</t>
  </si>
  <si>
    <t>chak 330/HR</t>
  </si>
  <si>
    <t>Muhammad Rashid Nawaz</t>
  </si>
  <si>
    <t>GPS 331 WB</t>
  </si>
  <si>
    <t>Chak No 331 Wb</t>
  </si>
  <si>
    <t>chak no 331 w.b p/o tibba sultan pur tehsil mailsi</t>
  </si>
  <si>
    <t>GPS 333 EB</t>
  </si>
  <si>
    <t>Chak No 333/ EB</t>
  </si>
  <si>
    <t>Chak No.333/ E.B.P.O.Same Teh. Burewala Distt. Vehari</t>
  </si>
  <si>
    <t>GPS 334 WB</t>
  </si>
  <si>
    <t>Chak no. 334/wB  p/o 335/WB teh: Mailsi Distt: Vehari</t>
  </si>
  <si>
    <t>334/wb</t>
  </si>
  <si>
    <t>335/Wb</t>
  </si>
  <si>
    <t>GPS 335 EB</t>
  </si>
  <si>
    <t>Chak no 335/EB</t>
  </si>
  <si>
    <t>Chak No 335/EB</t>
  </si>
  <si>
    <t>GPS 337 EB</t>
  </si>
  <si>
    <t>Chak 337 EB</t>
  </si>
  <si>
    <t>Chak no 337EB PO ChakNo331EBTehsil Burewala Distt Vehari</t>
  </si>
  <si>
    <t>Chak 333 EB</t>
  </si>
  <si>
    <t>GPS 337/WB</t>
  </si>
  <si>
    <t>P/OQutab Pur teh Dunya Pur lodhran</t>
  </si>
  <si>
    <t>Chak No 337/wb</t>
  </si>
  <si>
    <t>Muhammad Adnan Majeed</t>
  </si>
  <si>
    <t>GPS 338/WB</t>
  </si>
  <si>
    <t>Chak No 338 Wb</t>
  </si>
  <si>
    <t>chak no 338 wb po qutub pur. tehsil dunyapur district lodhran</t>
  </si>
  <si>
    <t>338 Wb</t>
  </si>
  <si>
    <t>355 WB</t>
  </si>
  <si>
    <t>GPS 339 EB</t>
  </si>
  <si>
    <t>339E/B</t>
  </si>
  <si>
    <t>chak no 339 E/B Arifwala</t>
  </si>
  <si>
    <t>339 E/B</t>
  </si>
  <si>
    <t>351 E/B</t>
  </si>
  <si>
    <t>GPS 34/14-L</t>
  </si>
  <si>
    <t>34/14L</t>
  </si>
  <si>
    <t>Chak no 31/14'L</t>
  </si>
  <si>
    <t>34/14 L</t>
  </si>
  <si>
    <t>Chak no 31/14L</t>
  </si>
  <si>
    <t>GPS 343 EB LOT MUGHLY ARIFWALA</t>
  </si>
  <si>
    <t>Chak 343 EB</t>
  </si>
  <si>
    <t>Gps 343 E.B Lat Mughli</t>
  </si>
  <si>
    <t>343/EB LAT</t>
  </si>
  <si>
    <t>Chak 351 Eb</t>
  </si>
  <si>
    <t>GPS 343 EB NAWABAWALA</t>
  </si>
  <si>
    <t>343/E.B Nawabanwala</t>
  </si>
  <si>
    <t>343/EB Nawabanwala</t>
  </si>
  <si>
    <t>M Asghar Shah</t>
  </si>
  <si>
    <t>GPS 345 EB ARIFWALA</t>
  </si>
  <si>
    <t>Chak No 345/EB</t>
  </si>
  <si>
    <t>Chak No 345/EB Arifwala</t>
  </si>
  <si>
    <t>M Munawar</t>
  </si>
  <si>
    <t>GPS 348/WB</t>
  </si>
  <si>
    <t>chak no. 348/w.b tehsil dunyapur distt. lodhran</t>
  </si>
  <si>
    <t>Muhammad Usman Ashraf</t>
  </si>
  <si>
    <t>GPS 349 A EB</t>
  </si>
  <si>
    <t>chak 349 EB</t>
  </si>
  <si>
    <t>chak no 349.e.b  Arifwala</t>
  </si>
  <si>
    <t>Chak 349/EB</t>
  </si>
  <si>
    <t>M Saleem</t>
  </si>
  <si>
    <t>GPS 349 EB</t>
  </si>
  <si>
    <t>M Aslam Tahir</t>
  </si>
  <si>
    <t>GPS 34-D</t>
  </si>
  <si>
    <t>34/D</t>
  </si>
  <si>
    <t>Chak No 34/D Tehsil Depalpur District Okara</t>
  </si>
  <si>
    <t>Qila Jawind Sing</t>
  </si>
  <si>
    <t>GPS 35 KB</t>
  </si>
  <si>
    <t>Daad Jamlaira</t>
  </si>
  <si>
    <t>35 k.b jamlaira</t>
  </si>
  <si>
    <t>35 Kb</t>
  </si>
  <si>
    <t>GPS 35 SP</t>
  </si>
  <si>
    <t>GPS 35/sp pakpattan</t>
  </si>
  <si>
    <t>Chakh 35/sp Pakpattan</t>
  </si>
  <si>
    <t>Khalid Pervaiz Akhtar</t>
  </si>
  <si>
    <t>GPS 35/GB</t>
  </si>
  <si>
    <t>Ladhi Majra</t>
  </si>
  <si>
    <t>Chak no 35 GB</t>
  </si>
  <si>
    <t>Chak 35 GB</t>
  </si>
  <si>
    <t>35 GB</t>
  </si>
  <si>
    <t>GPS 35/M COLONY</t>
  </si>
  <si>
    <t>35/m</t>
  </si>
  <si>
    <t>chak no 35/m Dunya pur dist. lodhran</t>
  </si>
  <si>
    <t>GPS 352 GB</t>
  </si>
  <si>
    <t>Jhoke Kalyar</t>
  </si>
  <si>
    <t>Chak No 352 GB</t>
  </si>
  <si>
    <t>Chak No 147 GB</t>
  </si>
  <si>
    <t>GPS 352 JB II BABAR COLONY</t>
  </si>
  <si>
    <t>Mehandi Abad</t>
  </si>
  <si>
    <t>gps 352 jb ii</t>
  </si>
  <si>
    <t>352 Jb</t>
  </si>
  <si>
    <t>Nudrat Nawaz</t>
  </si>
  <si>
    <t>GPS 353 EB</t>
  </si>
  <si>
    <t>353/EB</t>
  </si>
  <si>
    <t>chak no 353/EB</t>
  </si>
  <si>
    <t>Chak No 353/EB</t>
  </si>
  <si>
    <t>Chak 351/EB</t>
  </si>
  <si>
    <t>Shakeel Zafar Tahir</t>
  </si>
  <si>
    <t>GPS 355 EB P.O 351 EB</t>
  </si>
  <si>
    <t>355EB</t>
  </si>
  <si>
    <t>355/EB</t>
  </si>
  <si>
    <t>351EB</t>
  </si>
  <si>
    <t>GPS 36 KB</t>
  </si>
  <si>
    <t>36kbteh.burewala distt.vehari</t>
  </si>
  <si>
    <t>Muhammad Ghafoor</t>
  </si>
  <si>
    <t>GPS 36/12-L</t>
  </si>
  <si>
    <t>GPS 36/12L</t>
  </si>
  <si>
    <t>muhammad shakeel</t>
  </si>
  <si>
    <t>GPS 363 EB</t>
  </si>
  <si>
    <t>363/EB</t>
  </si>
  <si>
    <t>chak # 363/EB chowk shah junaid Burewala</t>
  </si>
  <si>
    <t>Muhammad Amin Tahir</t>
  </si>
  <si>
    <t>GPS 363/WB</t>
  </si>
  <si>
    <t>chak no.363/wb teh dunya pur distt. Lodhran</t>
  </si>
  <si>
    <t>GHULAM MUSTAFA ANJUM</t>
  </si>
  <si>
    <t>GPS 365 EB</t>
  </si>
  <si>
    <t>chak no 365 EB burewala</t>
  </si>
  <si>
    <t>365 Eb Burewala</t>
  </si>
  <si>
    <t>Chak 365/EB</t>
  </si>
  <si>
    <t>GPS 366 GB</t>
  </si>
  <si>
    <t>596gb</t>
  </si>
  <si>
    <t>366gb</t>
  </si>
  <si>
    <t>GPS 366/WB MAKHDOOM AALI</t>
  </si>
  <si>
    <t>chak No 366wb Tehsil Dunya pur District Lodhran</t>
  </si>
  <si>
    <t>GPS 367 EB</t>
  </si>
  <si>
    <t>367 EB</t>
  </si>
  <si>
    <t>Chak no 367 EB</t>
  </si>
  <si>
    <t>Chak No 367 EB</t>
  </si>
  <si>
    <t>Chak No 175 EB</t>
  </si>
  <si>
    <t>GPS 367 WB South</t>
  </si>
  <si>
    <t>367wb</t>
  </si>
  <si>
    <t>367wb Teh.Dunyapur</t>
  </si>
  <si>
    <t>Makhdoom aali</t>
  </si>
  <si>
    <t>GPS 368 GB</t>
  </si>
  <si>
    <t>chak no 368 GB JARANWALA</t>
  </si>
  <si>
    <t>368 GB</t>
  </si>
  <si>
    <t>Bhuchuana</t>
  </si>
  <si>
    <t>Allah Ditta Saahil</t>
  </si>
  <si>
    <t>GPS 368/WB</t>
  </si>
  <si>
    <t>368wb</t>
  </si>
  <si>
    <t>chak no.368/W.B</t>
  </si>
  <si>
    <t>368/WB</t>
  </si>
  <si>
    <t>353/WB</t>
  </si>
  <si>
    <t>Muhammad tufail shahid</t>
  </si>
  <si>
    <t>GPS 369 EB</t>
  </si>
  <si>
    <t>369 EB</t>
  </si>
  <si>
    <t>Chak no 369 EB</t>
  </si>
  <si>
    <t>GPS 369/WB</t>
  </si>
  <si>
    <t>chak no. 369/w.b Tehsil dunyapur District Lodgran</t>
  </si>
  <si>
    <t>Chak 369/wb</t>
  </si>
  <si>
    <t>Chak 353/wb</t>
  </si>
  <si>
    <t>Khalid Pervaiz Saddiqi</t>
  </si>
  <si>
    <t>GPS 36-A/4L</t>
  </si>
  <si>
    <t>Chak No.36A/4L p/o Same Distt Okara</t>
  </si>
  <si>
    <t>GPS 37/12-L HAJI WALA</t>
  </si>
  <si>
    <t>chak no 37/12 L (Haji wala) Chichawatni Sahiwal</t>
  </si>
  <si>
    <t>GPS 37/14-L</t>
  </si>
  <si>
    <t>chak no 37/14L</t>
  </si>
  <si>
    <t>Chal No 37/14L</t>
  </si>
  <si>
    <t>Chak No 77/12L</t>
  </si>
  <si>
    <t>Shahbaz Hassan Prince</t>
  </si>
  <si>
    <t>GPS 371 EB</t>
  </si>
  <si>
    <t>371/eb</t>
  </si>
  <si>
    <t>chak no 371/eb</t>
  </si>
  <si>
    <t>Chak No 371/eb</t>
  </si>
  <si>
    <t>Shah Junaid</t>
  </si>
  <si>
    <t>Kazim Hussain</t>
  </si>
  <si>
    <t>GPS 373 EB</t>
  </si>
  <si>
    <t>373/eb</t>
  </si>
  <si>
    <t>373/es</t>
  </si>
  <si>
    <t>SHEIK FAZIL</t>
  </si>
  <si>
    <t>GPS 375 EB</t>
  </si>
  <si>
    <t>Shaikhfazal</t>
  </si>
  <si>
    <t>375/EB Shiekhfazal Burewala</t>
  </si>
  <si>
    <t>375/EB</t>
  </si>
  <si>
    <t>98/EB Shaikhfazal</t>
  </si>
  <si>
    <t>GPS 377 GB</t>
  </si>
  <si>
    <t>Chak Phithrana Bhudheka</t>
  </si>
  <si>
    <t>GPS 377 GB tehsil jaranwala dist. fsd</t>
  </si>
  <si>
    <t>377 GB</t>
  </si>
  <si>
    <t>Sami Di Jhok</t>
  </si>
  <si>
    <t>KASHIF NAVEED</t>
  </si>
  <si>
    <t>GPS 379 GB</t>
  </si>
  <si>
    <t>Chak No 379 G B</t>
  </si>
  <si>
    <t>Chak No 379 GB,Jaranwala District Faisalabad</t>
  </si>
  <si>
    <t>Budhyka</t>
  </si>
  <si>
    <t>Chak Hamand</t>
  </si>
  <si>
    <t>Amir Ali</t>
  </si>
  <si>
    <t>GPS 38 SP</t>
  </si>
  <si>
    <t>38 sp</t>
  </si>
  <si>
    <t>chak no 38sp p.o 39 sp pakpattan</t>
  </si>
  <si>
    <t>38sp</t>
  </si>
  <si>
    <t>Musay Wal</t>
  </si>
  <si>
    <t>Muhammad Shahid Hussain</t>
  </si>
  <si>
    <t>GPS 38/12-L</t>
  </si>
  <si>
    <t>chak No 38/12.L</t>
  </si>
  <si>
    <t>GPS 38/12.l CCE</t>
  </si>
  <si>
    <t>Chak No 38/12.L</t>
  </si>
  <si>
    <t>36/12.l</t>
  </si>
  <si>
    <t>muhammad afzal nasim</t>
  </si>
  <si>
    <t>GPS 38/14-L</t>
  </si>
  <si>
    <t>chak no. 38/14.L Tehsil. Chichawatni. Distt. Sahiwal</t>
  </si>
  <si>
    <t>TARIQ MEHMOOD ASIF</t>
  </si>
  <si>
    <t>GPS 381 GB NORTH</t>
  </si>
  <si>
    <t>381 GB North</t>
  </si>
  <si>
    <t>381 GB  North</t>
  </si>
  <si>
    <t>383 GB North</t>
  </si>
  <si>
    <t>arshad nawaz</t>
  </si>
  <si>
    <t>GPS 381 GB SOUTH</t>
  </si>
  <si>
    <t>381 GB South</t>
  </si>
  <si>
    <t>chak no 381 gb south</t>
  </si>
  <si>
    <t>Chal No 383 Gb</t>
  </si>
  <si>
    <t>Asad Ali Raza</t>
  </si>
  <si>
    <t>GPS 381/WB NORTH</t>
  </si>
  <si>
    <t>381/WB</t>
  </si>
  <si>
    <t>Chak No 370/W.B Tehsil Dunyapur District Lodhran</t>
  </si>
  <si>
    <t>384/WB</t>
  </si>
  <si>
    <t>Wasim Akram</t>
  </si>
  <si>
    <t>GPS 382 GB</t>
  </si>
  <si>
    <t>Chak 382 GB</t>
  </si>
  <si>
    <t>chak no 382 gb</t>
  </si>
  <si>
    <t>Sarwarwali</t>
  </si>
  <si>
    <t>Kandhal Ali Akbar</t>
  </si>
  <si>
    <t>GPS 383/WB</t>
  </si>
  <si>
    <t>Chak No 383/WB</t>
  </si>
  <si>
    <t>Chak no 383/WB tehsil Dunyapur district Lodhran</t>
  </si>
  <si>
    <t>Chak No 384/WB</t>
  </si>
  <si>
    <t>GPS 384 GB  II</t>
  </si>
  <si>
    <t>384GB</t>
  </si>
  <si>
    <t>CHAK No.384 GB</t>
  </si>
  <si>
    <t>Chak 384 GB</t>
  </si>
  <si>
    <t>Chak 383 GB</t>
  </si>
  <si>
    <t>ZAHOOR AHMAD ABID</t>
  </si>
  <si>
    <t>GPS 384 GB I</t>
  </si>
  <si>
    <t>384 GB</t>
  </si>
  <si>
    <t>CHAK NO 384 GB TEHSIL JARANWALA FSD</t>
  </si>
  <si>
    <t>383GB</t>
  </si>
  <si>
    <t>Javed  Hassan</t>
  </si>
  <si>
    <t>GPS 389 GB SAMUNDARI FSD</t>
  </si>
  <si>
    <t>SALOONI JHAAL - MALE</t>
  </si>
  <si>
    <t>chak no 389 gb samundri</t>
  </si>
  <si>
    <t>GPS 389/WB East</t>
  </si>
  <si>
    <t>389/wb</t>
  </si>
  <si>
    <t>Govt. Primary School Chak No.389/WB East Tehsil Dunyapur Distt. Lodhran</t>
  </si>
  <si>
    <t>Chak No 389/WB East</t>
  </si>
  <si>
    <t>GPS 389/WB GHARBI</t>
  </si>
  <si>
    <t>389wb Gharbi</t>
  </si>
  <si>
    <t>389wb gharbi Teh.Dunyapur</t>
  </si>
  <si>
    <t>Rehan Anwar</t>
  </si>
  <si>
    <t>GPS 39/4.L</t>
  </si>
  <si>
    <t>39/4L</t>
  </si>
  <si>
    <t>chack 39/L okara</t>
  </si>
  <si>
    <t>Allah  Yar  Abid</t>
  </si>
  <si>
    <t>GPS 4 CHAK JHUMRA CHINIOT ROAD</t>
  </si>
  <si>
    <t>Chiniot Road Chak Jhumra Faisalabad.</t>
  </si>
  <si>
    <t>GPS 4 EB 1 P/O MALKA HANS</t>
  </si>
  <si>
    <t>Chak No 4/eb</t>
  </si>
  <si>
    <t>4/EB_1 p/o malka hanse teh arifwala dist pakpattan</t>
  </si>
  <si>
    <t>4/EB1</t>
  </si>
  <si>
    <t>GPS 4 JB II</t>
  </si>
  <si>
    <t>chak#4jb 2nd</t>
  </si>
  <si>
    <t>4jb 2nd</t>
  </si>
  <si>
    <t>Chak#2jb</t>
  </si>
  <si>
    <t>Muhammad Asim Shahzad</t>
  </si>
  <si>
    <t>GPS 4 KB PO PAKPATTAN</t>
  </si>
  <si>
    <t>4KB</t>
  </si>
  <si>
    <t>chak  4kb</t>
  </si>
  <si>
    <t>GPS 4 KMR P/O MULTANI WALA</t>
  </si>
  <si>
    <t>4KMR</t>
  </si>
  <si>
    <t>kotla maharan multan</t>
  </si>
  <si>
    <t>GPS 4/10-L</t>
  </si>
  <si>
    <t>4/10-L</t>
  </si>
  <si>
    <t>GPS 4/14-L KASSOWAL</t>
  </si>
  <si>
    <t>chak no 4/14.L kassowal</t>
  </si>
  <si>
    <t>Muhammad Tahir Javed</t>
  </si>
  <si>
    <t>GPS 40 EB</t>
  </si>
  <si>
    <t>40/eb</t>
  </si>
  <si>
    <t>chak no.40/eb</t>
  </si>
  <si>
    <t>GPS 40 GB</t>
  </si>
  <si>
    <t>Chak No 40 GB</t>
  </si>
  <si>
    <t>chak no 40 G.B post office khaas tehsil jaranwala district faisalabad</t>
  </si>
  <si>
    <t>Chak No 40GB</t>
  </si>
  <si>
    <t>Chak no 39 GB</t>
  </si>
  <si>
    <t>Arslan Masood Syed</t>
  </si>
  <si>
    <t>GPS 40 SP</t>
  </si>
  <si>
    <t>40sp</t>
  </si>
  <si>
    <t>Chak NO 40sp</t>
  </si>
  <si>
    <t>40 sp</t>
  </si>
  <si>
    <t>MUHAMMAD LIAQAT ALI</t>
  </si>
  <si>
    <t>GPS 40/10-R, KACHA KHUH</t>
  </si>
  <si>
    <t>40/10r</t>
  </si>
  <si>
    <t>chak no 40/1/r</t>
  </si>
  <si>
    <t>Rana Waqas Akbar</t>
  </si>
  <si>
    <t>GPS 40/3.R NEW KALA NAUR</t>
  </si>
  <si>
    <t>Gps new kala nour 40/3r</t>
  </si>
  <si>
    <t>New Kala Nour</t>
  </si>
  <si>
    <t>M Rafiq Akhtar</t>
  </si>
  <si>
    <t>GPS 41/10-R JADEED, KHANEWAL</t>
  </si>
  <si>
    <t>CHAK NO41/10-R</t>
  </si>
  <si>
    <t>chak no 41/10r</t>
  </si>
  <si>
    <t>GPS 41/14-L</t>
  </si>
  <si>
    <t>41/14</t>
  </si>
  <si>
    <t>chak no 41/14.l teh cci distt sahiwal</t>
  </si>
  <si>
    <t>UZMA SHAHZADI</t>
  </si>
  <si>
    <t>GPS 41/M</t>
  </si>
  <si>
    <t>Chak No 41/m</t>
  </si>
  <si>
    <t>Chak no. 41/m tehsil dunyapur district lodhran.</t>
  </si>
  <si>
    <t>Siraj Wala 37/m</t>
  </si>
  <si>
    <t>GPS 413 EB</t>
  </si>
  <si>
    <t>413EB</t>
  </si>
  <si>
    <t>Chak no.413EB PO Goggoo Burewala(Vehari)</t>
  </si>
  <si>
    <t>403EB</t>
  </si>
  <si>
    <t>GPS 415 EB</t>
  </si>
  <si>
    <t>Malkon Wala</t>
  </si>
  <si>
    <t>Gps 415/EB burewala</t>
  </si>
  <si>
    <t>415/EB</t>
  </si>
  <si>
    <t>GPS 417 EB</t>
  </si>
  <si>
    <t>Chak No417</t>
  </si>
  <si>
    <t>Chak No.417/EB Burewala</t>
  </si>
  <si>
    <t>Chak NO417</t>
  </si>
  <si>
    <t>GPS 41-A/15-L, BANGLA, MIAN CHANNU</t>
  </si>
  <si>
    <t>41-a/15-l Bangla</t>
  </si>
  <si>
    <t>chak # 41-a/15-l main channu</t>
  </si>
  <si>
    <t>41-a/15-l</t>
  </si>
  <si>
    <t>127/15-l</t>
  </si>
  <si>
    <t>Said Muhammad</t>
  </si>
  <si>
    <t>GPS 41-A/4.L</t>
  </si>
  <si>
    <t>Chak no 41A/4L okara</t>
  </si>
  <si>
    <t>41A/4L</t>
  </si>
  <si>
    <t>40A4L</t>
  </si>
  <si>
    <t>GPS 42 EB</t>
  </si>
  <si>
    <t>42 eb</t>
  </si>
  <si>
    <t>chak no 42.e.b</t>
  </si>
  <si>
    <t>42 EB</t>
  </si>
  <si>
    <t>Chak 48eb</t>
  </si>
  <si>
    <t>GPS 42 JB III</t>
  </si>
  <si>
    <t>chak no.42jb3rd</t>
  </si>
  <si>
    <t>42  JB3rd</t>
  </si>
  <si>
    <t>GPS 42 KB</t>
  </si>
  <si>
    <t>chk no 42kb</t>
  </si>
  <si>
    <t>42kb</t>
  </si>
  <si>
    <t>Deewan Sb</t>
  </si>
  <si>
    <t>Riaz Ahmad Ghalib</t>
  </si>
  <si>
    <t>GPS 42/12-L</t>
  </si>
  <si>
    <t>Chak No 42/12L Tehsil Chichawatni</t>
  </si>
  <si>
    <t>GPS 42/4.L</t>
  </si>
  <si>
    <t>Chak No 42/4L</t>
  </si>
  <si>
    <t>Chak no 42/4L OKARA</t>
  </si>
  <si>
    <t>Chak No 40A/4L</t>
  </si>
  <si>
    <t>Saeed Ur Rehman</t>
  </si>
  <si>
    <t>GPS 428 GB</t>
  </si>
  <si>
    <t>Jhoke Rano</t>
  </si>
  <si>
    <t>chak no 428 gb</t>
  </si>
  <si>
    <t>Chak No 428gb</t>
  </si>
  <si>
    <t>Chak No 429gb</t>
  </si>
  <si>
    <t>Muhammad Awais Nazir</t>
  </si>
  <si>
    <t>GPS 42-A/10-R, KHANEWAL</t>
  </si>
  <si>
    <t>chalk no 42-A/10R</t>
  </si>
  <si>
    <t>42-A/10R</t>
  </si>
  <si>
    <t>GPS 43 EB</t>
  </si>
  <si>
    <t>43/eb</t>
  </si>
  <si>
    <t>43/EB TEH.ARIFWALA DISTT.PAKPATTAN</t>
  </si>
  <si>
    <t>Abdul Hameed Kamal</t>
  </si>
  <si>
    <t>GPS 43/12-L</t>
  </si>
  <si>
    <t>chak #43/12-L Chichawatni</t>
  </si>
  <si>
    <t>Muhammad Saeed Iqbal</t>
  </si>
  <si>
    <t>GPS 43/A</t>
  </si>
  <si>
    <t>CHAK 43/A</t>
  </si>
  <si>
    <t>CHAK NO 43/A P/O CHAK NO 42/A TEHSIL LIAQUAT PUR</t>
  </si>
  <si>
    <t>CHAK NO 43/A</t>
  </si>
  <si>
    <t>CHAK NO 46/A</t>
  </si>
  <si>
    <t>GPS 433 GB MANDI SARWAR ABAD</t>
  </si>
  <si>
    <t>Lal Mandi</t>
  </si>
  <si>
    <t>chak no 433 GB tehsil jaranwala district faisaabad</t>
  </si>
  <si>
    <t>GPS 433 Gb</t>
  </si>
  <si>
    <t>Chak No 434 Gb</t>
  </si>
  <si>
    <t>GPS 434 GB</t>
  </si>
  <si>
    <t>chak no 434 gb tahsil jarnwala disttric fsd</t>
  </si>
  <si>
    <t>Fawad Khan</t>
  </si>
  <si>
    <t>GPS 435/EB BASTI SHEIKHAN WALI</t>
  </si>
  <si>
    <t>435/eb basti sheikhan wali</t>
  </si>
  <si>
    <t>435 Basti  Shekha</t>
  </si>
  <si>
    <t>Muhammad Iftikhar Khan</t>
  </si>
  <si>
    <t>GPS 436/GB-NORTH</t>
  </si>
  <si>
    <t>chak #436 GB north Teh jaranwala Faisalabad</t>
  </si>
  <si>
    <t>GAJIANA</t>
  </si>
  <si>
    <t>364GB</t>
  </si>
  <si>
    <t>GPS 436/GB-SOUTH</t>
  </si>
  <si>
    <t>Chak No 436 Gb Duchy</t>
  </si>
  <si>
    <t>Chak no 436 GB  South</t>
  </si>
  <si>
    <t>GPS 44 EB</t>
  </si>
  <si>
    <t>44eb</t>
  </si>
  <si>
    <t>chak no. 44.eb</t>
  </si>
  <si>
    <t>Babar Sultan</t>
  </si>
  <si>
    <t>GPS 44 KB</t>
  </si>
  <si>
    <t>Gps 44 kb</t>
  </si>
  <si>
    <t>44kb</t>
  </si>
  <si>
    <t>333eb</t>
  </si>
  <si>
    <t>GPS 44/10-R JADEED, P/O 44/10-R, JADEED</t>
  </si>
  <si>
    <t>44/10R</t>
  </si>
  <si>
    <t>Chawk # 44/10R Jadeed</t>
  </si>
  <si>
    <t>GPS 44/5-L FOUJIAN</t>
  </si>
  <si>
    <t>44/5L  F</t>
  </si>
  <si>
    <t>G P S 44/5L F</t>
  </si>
  <si>
    <t>44/5L Fojian Wali</t>
  </si>
  <si>
    <t>GPS 44/D, NEAR RAILWAY CROSSING, KHANEWAL</t>
  </si>
  <si>
    <t>GPS 44/D railway quarters near railway crossing khanewal</t>
  </si>
  <si>
    <t>City Railway Quarter</t>
  </si>
  <si>
    <t>GPS 45 A</t>
  </si>
  <si>
    <t>45/A</t>
  </si>
  <si>
    <t>chak45/A LQP</t>
  </si>
  <si>
    <t>Chak46/A</t>
  </si>
  <si>
    <t>GPS 45 JB II</t>
  </si>
  <si>
    <t>45-jb 2nd</t>
  </si>
  <si>
    <t>GPS Jb 2nd, thaheem chak</t>
  </si>
  <si>
    <t>Chk 45jb2</t>
  </si>
  <si>
    <t>19 Jb Qadar- K</t>
  </si>
  <si>
    <t>asifa parveen</t>
  </si>
  <si>
    <t>GPS 45 KB</t>
  </si>
  <si>
    <t>Chak no 45/kb Tehsil Burewala Distt. Vehari</t>
  </si>
  <si>
    <t>Chak No 45/kb</t>
  </si>
  <si>
    <t>Chak No 50/kb</t>
  </si>
  <si>
    <t>GPS 45/12-L</t>
  </si>
  <si>
    <t>45/12L Firdous</t>
  </si>
  <si>
    <t>ZULIFIQAR ALI GILL</t>
  </si>
  <si>
    <t>GPS 45/15-L, MIAN CHANNU</t>
  </si>
  <si>
    <t>Chak no 45 / 15L</t>
  </si>
  <si>
    <t>chak no 45 / 15L Mian channu District khanewal</t>
  </si>
  <si>
    <t>Chak No 45/15L</t>
  </si>
  <si>
    <t>126B / 15L</t>
  </si>
  <si>
    <t>Ghulam Miran</t>
  </si>
  <si>
    <t>GPS 45/5-L</t>
  </si>
  <si>
    <t>45/5-L</t>
  </si>
  <si>
    <t>45/5-L Sahiwal</t>
  </si>
  <si>
    <t>44/5-L Sahiwal</t>
  </si>
  <si>
    <t>M. Akram javed</t>
  </si>
  <si>
    <t>GPS 453 GB</t>
  </si>
  <si>
    <t>Akanwali</t>
  </si>
  <si>
    <t>Chak no 453 GB akanwali tandlianwala</t>
  </si>
  <si>
    <t>453 GB</t>
  </si>
  <si>
    <t>Chak No 454 GB</t>
  </si>
  <si>
    <t>Farhan Akhtar</t>
  </si>
  <si>
    <t>GPS 454 GB</t>
  </si>
  <si>
    <t>jhok sarishta</t>
  </si>
  <si>
    <t>CHAK NO 454 GB</t>
  </si>
  <si>
    <t>GPS 456 GB I</t>
  </si>
  <si>
    <t>456gb</t>
  </si>
  <si>
    <t>chak no 456gb</t>
  </si>
  <si>
    <t>Chak No 456gb</t>
  </si>
  <si>
    <t>Kanjwani455gb</t>
  </si>
  <si>
    <t>younis maseh</t>
  </si>
  <si>
    <t>GPS 458 GB I</t>
  </si>
  <si>
    <t>Chak No458 GB</t>
  </si>
  <si>
    <t>Chak no.458 GB</t>
  </si>
  <si>
    <t>Zamir Hussain</t>
  </si>
  <si>
    <t>GPS 458 GB II</t>
  </si>
  <si>
    <t>chak no 458 gb-2</t>
  </si>
  <si>
    <t>458-2</t>
  </si>
  <si>
    <t>458-1</t>
  </si>
  <si>
    <t>MUHAMMAD SAEED AHMAD ASAD</t>
  </si>
  <si>
    <t>GPS 46 EB</t>
  </si>
  <si>
    <t>46EB</t>
  </si>
  <si>
    <t>chak number 46/EB tehsil Arifwala District Pakpattan</t>
  </si>
  <si>
    <t>Shakeel Anjum</t>
  </si>
  <si>
    <t>GPS 46 JB</t>
  </si>
  <si>
    <t>46 Jb</t>
  </si>
  <si>
    <t>Govt.Primary School</t>
  </si>
  <si>
    <t>muhammad Arif Naveed</t>
  </si>
  <si>
    <t>GPS 46 KB</t>
  </si>
  <si>
    <t>46kb</t>
  </si>
  <si>
    <t>50kb</t>
  </si>
  <si>
    <t>Nosher Ali</t>
  </si>
  <si>
    <t>GPS 465 EB</t>
  </si>
  <si>
    <t>Chak No465/E B</t>
  </si>
  <si>
    <t>Chak No,465/E,B Burewala</t>
  </si>
  <si>
    <t>Chak No465/EB</t>
  </si>
  <si>
    <t>Chak No447/EB</t>
  </si>
  <si>
    <t>Muhammad Rauf</t>
  </si>
  <si>
    <t>GPS 465 GB</t>
  </si>
  <si>
    <t>Santoki</t>
  </si>
  <si>
    <t>Chack no. 465 GB Teh. Samundri Distt. Faisalabad</t>
  </si>
  <si>
    <t>465 GB</t>
  </si>
  <si>
    <t>Ward no 27</t>
  </si>
  <si>
    <t>Mudassar Siddique</t>
  </si>
  <si>
    <t>GPS 466 GB</t>
  </si>
  <si>
    <t>chak 466 gb samundri</t>
  </si>
  <si>
    <t>Chak 466 Gb</t>
  </si>
  <si>
    <t>Ali Imran</t>
  </si>
  <si>
    <t>GPS 467 GB</t>
  </si>
  <si>
    <t>Chak   No   467  GB   Samundri</t>
  </si>
  <si>
    <t>467   GB</t>
  </si>
  <si>
    <t>NASEER AHMAD</t>
  </si>
  <si>
    <t>GPS 468/TDA</t>
  </si>
  <si>
    <t>Chak no 468/tda</t>
  </si>
  <si>
    <t>Chak No 468/tda</t>
  </si>
  <si>
    <t>GPS 469 EB</t>
  </si>
  <si>
    <t>Chak no 469/EB</t>
  </si>
  <si>
    <t>Chak no 469/EB burewala</t>
  </si>
  <si>
    <t>Chak no 469EB</t>
  </si>
  <si>
    <t>Chak No 447/EB</t>
  </si>
  <si>
    <t>Water supplies</t>
  </si>
  <si>
    <t>GPS 47 JB</t>
  </si>
  <si>
    <t>chak no 47 jb mansoor FSD</t>
  </si>
  <si>
    <t>47 Jb Mansoor</t>
  </si>
  <si>
    <t>Iqbal Gill</t>
  </si>
  <si>
    <t>GPS 47 RB</t>
  </si>
  <si>
    <t>47RB</t>
  </si>
  <si>
    <t>chak#47R.B.Tehsil chak Jhumra Distt Fs</t>
  </si>
  <si>
    <t>Bal</t>
  </si>
  <si>
    <t>Syed Ibn E Hassan</t>
  </si>
  <si>
    <t>GPS 471 EB</t>
  </si>
  <si>
    <t>471/eb</t>
  </si>
  <si>
    <t>Muhammad Javed Akbar</t>
  </si>
  <si>
    <t>GPS 471 JB</t>
  </si>
  <si>
    <t>UCHKERA</t>
  </si>
  <si>
    <t>CHAK NO 471 JB Tehsil Chak Jhumra District Faisalabad</t>
  </si>
  <si>
    <t>471 Jb UCHKERA</t>
  </si>
  <si>
    <t>PAKA DHALA</t>
  </si>
  <si>
    <t>GPS 472 JB</t>
  </si>
  <si>
    <t>472jb</t>
  </si>
  <si>
    <t>CHAK NO 472 JB TEHSIL CHAK JHUMRA FAISALABAD</t>
  </si>
  <si>
    <t>CHAK NO 472  JB</t>
  </si>
  <si>
    <t>PAKKA DHALLA</t>
  </si>
  <si>
    <t>Qaisar Masih</t>
  </si>
  <si>
    <t>GPS 473 EB</t>
  </si>
  <si>
    <t>chak # 473/ E.B Burewala</t>
  </si>
  <si>
    <t>473/EB</t>
  </si>
  <si>
    <t>Chak # 457</t>
  </si>
  <si>
    <t>M Jamil Qadir</t>
  </si>
  <si>
    <t>GPS 473 GB E</t>
  </si>
  <si>
    <t>473 Beeja</t>
  </si>
  <si>
    <t>GPS 473 GB/E</t>
  </si>
  <si>
    <t>Chak No 473 GB/E</t>
  </si>
  <si>
    <t>Chak no 479 GB</t>
  </si>
  <si>
    <t>GPS 476 GB</t>
  </si>
  <si>
    <t>Bazurgwala</t>
  </si>
  <si>
    <t>chak no 476 GB</t>
  </si>
  <si>
    <t>475gb</t>
  </si>
  <si>
    <t>GPS 478 GB I</t>
  </si>
  <si>
    <t>SAMMUNDRI 3 - MALE</t>
  </si>
  <si>
    <t>gps 478 gb tehseel samundri district faisalabad</t>
  </si>
  <si>
    <t>Chak 478 Gb</t>
  </si>
  <si>
    <t>Naseem Shahzad</t>
  </si>
  <si>
    <t>GPS 48 EB P.O 50 EB ARIF WALA</t>
  </si>
  <si>
    <t>chak no 48eb , Arifwala</t>
  </si>
  <si>
    <t>AbdulRazzaq</t>
  </si>
  <si>
    <t>GPS 48 KB</t>
  </si>
  <si>
    <t>48/ KB</t>
  </si>
  <si>
    <t>Chak No 48/ KB Post office Joyya Bangla Teh. Burewala Dist. Vehari</t>
  </si>
  <si>
    <t>Ghafoor Wah</t>
  </si>
  <si>
    <t>GPS 48/5-L</t>
  </si>
  <si>
    <t>48/4-L</t>
  </si>
  <si>
    <t>chak no 48/5-L sahiwal</t>
  </si>
  <si>
    <t>48/5-L</t>
  </si>
  <si>
    <t>GPS 48/GD</t>
  </si>
  <si>
    <t>48 GD</t>
  </si>
  <si>
    <t>GPS 48/M</t>
  </si>
  <si>
    <t>48M</t>
  </si>
  <si>
    <t>chak no 48M Lodhran</t>
  </si>
  <si>
    <t>GPS 48/P BILAL ABAD</t>
  </si>
  <si>
    <t>Chak 48/P Bilalabad</t>
  </si>
  <si>
    <t>Akhtar Ali Tahir</t>
  </si>
  <si>
    <t>GPS 48/SP P.O 8/S.P PAKPATTAN</t>
  </si>
  <si>
    <t>Pertaba</t>
  </si>
  <si>
    <t>chak 48sp</t>
  </si>
  <si>
    <t>GPS 481 GB</t>
  </si>
  <si>
    <t>481 Khan Porsil</t>
  </si>
  <si>
    <t>481 gb</t>
  </si>
  <si>
    <t>481 Gb</t>
  </si>
  <si>
    <t>GPS 484 GB</t>
  </si>
  <si>
    <t>chak no 484gb</t>
  </si>
  <si>
    <t>GPS 485 EB</t>
  </si>
  <si>
    <t>485EB</t>
  </si>
  <si>
    <t>chak no.485.E.B</t>
  </si>
  <si>
    <t>495EB</t>
  </si>
  <si>
    <t>GPS 487 EB</t>
  </si>
  <si>
    <t>487/eb</t>
  </si>
  <si>
    <t>Chak # 487 EB Burewala</t>
  </si>
  <si>
    <t>487 EB</t>
  </si>
  <si>
    <t>Mustanser Abbas</t>
  </si>
  <si>
    <t>GPS 488 GB N</t>
  </si>
  <si>
    <t>488 BHO</t>
  </si>
  <si>
    <t>CHAK NO 488 G B</t>
  </si>
  <si>
    <t>488 N</t>
  </si>
  <si>
    <t>487 G B</t>
  </si>
  <si>
    <t>MUHAMMAD FAROOQ SATTAR</t>
  </si>
  <si>
    <t>GPS 488 GB S</t>
  </si>
  <si>
    <t>chack no 488GB south tehsial sammundri distict Faisalabad</t>
  </si>
  <si>
    <t>488GB South</t>
  </si>
  <si>
    <t>Ateeq ir rehman</t>
  </si>
  <si>
    <t>GPS 489 EB</t>
  </si>
  <si>
    <t>Chak No 489 E B</t>
  </si>
  <si>
    <t>GPS 489/E.B  Burewala</t>
  </si>
  <si>
    <t>Chak No 489/E.b  Burewala</t>
  </si>
  <si>
    <t>Chak No 495 /E.B  Burewala</t>
  </si>
  <si>
    <t>Tariq Muhmood</t>
  </si>
  <si>
    <t>GPS 49 EB</t>
  </si>
  <si>
    <t>49eb</t>
  </si>
  <si>
    <t>Village number 49eb, Teh. arifwala,  district pakpattan</t>
  </si>
  <si>
    <t>GPS 49 KB</t>
  </si>
  <si>
    <t>49KB</t>
  </si>
  <si>
    <t>Chak 49kb TEH Burewala District Vehari</t>
  </si>
  <si>
    <t>49Kb</t>
  </si>
  <si>
    <t>50KB</t>
  </si>
  <si>
    <t>Faryad Hussain Javed</t>
  </si>
  <si>
    <t>GPS 49/12-L</t>
  </si>
  <si>
    <t>49/12L</t>
  </si>
  <si>
    <t>49/12.L</t>
  </si>
  <si>
    <t>Anwar ul Haq</t>
  </si>
  <si>
    <t>GPS 49/5-L</t>
  </si>
  <si>
    <t>49/ 5L</t>
  </si>
  <si>
    <t>chak no 49/5.L Sahiwal</t>
  </si>
  <si>
    <t>Chak No 49/5l Sahiwal</t>
  </si>
  <si>
    <t>GPS 49/GD</t>
  </si>
  <si>
    <t>GPS chak 49 /GD noor shah sahiwal</t>
  </si>
  <si>
    <t>GPS 493 EB</t>
  </si>
  <si>
    <t>493/ E B</t>
  </si>
  <si>
    <t>chak no 493/ e.b burewala</t>
  </si>
  <si>
    <t>Chak No 493/ Eb</t>
  </si>
  <si>
    <t>Muhammad Ashfaq Shafaqat</t>
  </si>
  <si>
    <t>GPS 5 CHAK JHUMRA</t>
  </si>
  <si>
    <t>MOHALLAH ASLAM ABAD CHAK JHUMRA FAISALABAD.</t>
  </si>
  <si>
    <t>MC CHAK JHUMRA</t>
  </si>
  <si>
    <t>Shahid Akhtar</t>
  </si>
  <si>
    <t>GPS 50 KB</t>
  </si>
  <si>
    <t>Chak no 50/KB</t>
  </si>
  <si>
    <t>chak no 50/ KB</t>
  </si>
  <si>
    <t>GPS 50 SP</t>
  </si>
  <si>
    <t>Chak 50sp</t>
  </si>
  <si>
    <t>chak  No 50sp</t>
  </si>
  <si>
    <t>Shabbir Abbas</t>
  </si>
  <si>
    <t>GPS 50/5-L</t>
  </si>
  <si>
    <t>50/5l</t>
  </si>
  <si>
    <t>chak no.50/5l p/o same T/D sahiwal</t>
  </si>
  <si>
    <t>Muhammed  Amin</t>
  </si>
  <si>
    <t>GPS 50-GD</t>
  </si>
  <si>
    <t>50 Gd</t>
  </si>
  <si>
    <t>chak50 gd</t>
  </si>
  <si>
    <t>Nawab Ali</t>
  </si>
  <si>
    <t>GPS 51 EB</t>
  </si>
  <si>
    <t>51/eb</t>
  </si>
  <si>
    <t>59/eb</t>
  </si>
  <si>
    <t>Ishtiar Ahmad</t>
  </si>
  <si>
    <t>GPS 51 KB</t>
  </si>
  <si>
    <t>51/K.B</t>
  </si>
  <si>
    <t>Sayed Zafar Hussain</t>
  </si>
  <si>
    <t>GPS 51 SP P.O BANGLA JIWAN SHAH</t>
  </si>
  <si>
    <t>Chack No 51/SP P/O Bangla Jeven Shah Tehsil.Arifwala (Pakpattan)</t>
  </si>
  <si>
    <t>Chack  51/SP</t>
  </si>
  <si>
    <t>Jeven Shah</t>
  </si>
  <si>
    <t>Mohammed Arshid Javed</t>
  </si>
  <si>
    <t>GPS 51/ ML</t>
  </si>
  <si>
    <t>48 MlL</t>
  </si>
  <si>
    <t>chak 51 ml tehsil darya khan bhakkar</t>
  </si>
  <si>
    <t>Chak 51 ML</t>
  </si>
  <si>
    <t>GPS 51/5-L</t>
  </si>
  <si>
    <t>chak51/5L sahiwal</t>
  </si>
  <si>
    <t>ahmad Ali</t>
  </si>
  <si>
    <t>GPS 52  RB</t>
  </si>
  <si>
    <t>BALOCHNI-MALE</t>
  </si>
  <si>
    <t>GPS 52 rb bawa chak</t>
  </si>
  <si>
    <t>52 Rb BAWA CHAK</t>
  </si>
  <si>
    <t>GPS 52 A-GD</t>
  </si>
  <si>
    <t>52A Gd</t>
  </si>
  <si>
    <t>chak 52 A gd</t>
  </si>
  <si>
    <t>Zafar Iqbal Assi</t>
  </si>
  <si>
    <t>GPS 52 KB</t>
  </si>
  <si>
    <t>GPS 52/12-L</t>
  </si>
  <si>
    <t>52/12 L</t>
  </si>
  <si>
    <t>chak no. 52/12 L</t>
  </si>
  <si>
    <t>GPS 52/15-L MIAN CHANNU</t>
  </si>
  <si>
    <t>52 15 L</t>
  </si>
  <si>
    <t>GPS  52 15 L  Mian Channu</t>
  </si>
  <si>
    <t>52 15 L Mian Channu</t>
  </si>
  <si>
    <t>57 15 L</t>
  </si>
  <si>
    <t>Hassan Ikram Butt</t>
  </si>
  <si>
    <t>GPS 52/5-L ISLAM PURA</t>
  </si>
  <si>
    <t>GPS 52/5L,ISlampura,.SAHIWAL</t>
  </si>
  <si>
    <t>52/5l</t>
  </si>
  <si>
    <t>Misbah Rehman</t>
  </si>
  <si>
    <t>GPS 52/GD KHOD</t>
  </si>
  <si>
    <t>52 GD khod</t>
  </si>
  <si>
    <t>Saeed Ahmad Akhter</t>
  </si>
  <si>
    <t>GPS 528 GB I</t>
  </si>
  <si>
    <t>Jatyana</t>
  </si>
  <si>
    <t>chak no 528 gb 1 jatyana</t>
  </si>
  <si>
    <t>528 Gb 1</t>
  </si>
  <si>
    <t>Chak 138 Rasyana</t>
  </si>
  <si>
    <t>GPS 53 EB P/O ARIF WALA</t>
  </si>
  <si>
    <t>53/eb</t>
  </si>
  <si>
    <t>chak 53/eb</t>
  </si>
  <si>
    <t>GPS 53 RAKAR</t>
  </si>
  <si>
    <t>Chak No 53 Fateh</t>
  </si>
  <si>
    <t>Chak No. 53 Fateh Rakar</t>
  </si>
  <si>
    <t>RAKAR</t>
  </si>
  <si>
    <t>54 Fateh Bakhshan Khan</t>
  </si>
  <si>
    <t>Said Amir Khan</t>
  </si>
  <si>
    <t>GPS 53 RB I</t>
  </si>
  <si>
    <t>RATTA JOYA-MALE</t>
  </si>
  <si>
    <t>53 RB I SARHALI</t>
  </si>
  <si>
    <t>CHAK NO. 53 RB (l), SARHALI, TEHSIL JARANAWALA, DISTRICT FAISALABAD.</t>
  </si>
  <si>
    <t>54 RB SARHALI</t>
  </si>
  <si>
    <t>MUHAMMAD WAHEED</t>
  </si>
  <si>
    <t>GPS 53 RB II</t>
  </si>
  <si>
    <t>53 RB II JHUGGIAN</t>
  </si>
  <si>
    <t>CHAK NO. 53 RB (II), JHUGGIAN, TEHSIL JARANWALA, DISTRICT FAISALABAD</t>
  </si>
  <si>
    <t>REHAN SAEED</t>
  </si>
  <si>
    <t>GPS 53 RB III</t>
  </si>
  <si>
    <t>53 RB III RASOOL PURA</t>
  </si>
  <si>
    <t>CHAK NO. 53 RB (III), RASOOL PURA, TEHSIL JARANWALA, DISTRICT FAISALABAD.</t>
  </si>
  <si>
    <t>GPS 53 SP</t>
  </si>
  <si>
    <t>53 Sp</t>
  </si>
  <si>
    <t>rehmat colony pakpatn road arifwala</t>
  </si>
  <si>
    <t>GPS 53/1 TUKRA</t>
  </si>
  <si>
    <t>DARBAR SALA UD DIN-MALE</t>
  </si>
  <si>
    <t>53/1 Tukra</t>
  </si>
  <si>
    <t>Chak 53/1 tukra p/o mamunkanjan Teh Tandlianwala Distt Faisalabad</t>
  </si>
  <si>
    <t>chak 53/1 tukra</t>
  </si>
  <si>
    <t>darbar slah deen</t>
  </si>
  <si>
    <t>Muhammad Sadique</t>
  </si>
  <si>
    <t>GPS 53/4 TUKRA</t>
  </si>
  <si>
    <t>Grebpura</t>
  </si>
  <si>
    <t>Chak # 53 / 4 tukra tandlianwala,  Fsd</t>
  </si>
  <si>
    <t>Chak 53/4 Tukra</t>
  </si>
  <si>
    <t>Rashid Minhas</t>
  </si>
  <si>
    <t>GPS 53/RB - IV</t>
  </si>
  <si>
    <t>53 RB IV GHANDEE WIND</t>
  </si>
  <si>
    <t>CHAK NO. 53 RB (IV), GHANDEE WIND, TEHSIL JARANWALA, DISTRICT FAISALABAD.</t>
  </si>
  <si>
    <t>ALMAS KOUSAR</t>
  </si>
  <si>
    <t>GPS 53-GD</t>
  </si>
  <si>
    <t>53/GS</t>
  </si>
  <si>
    <t>GPS 54 RB</t>
  </si>
  <si>
    <t>CHAK NO. 54 RB, SARHALI, TEHSIL JARANWALA, DISTRICT FAISALABAD.</t>
  </si>
  <si>
    <t>GPS 54/1 TUKRA</t>
  </si>
  <si>
    <t>54/1 Tukra</t>
  </si>
  <si>
    <t>Chak no. 54/1 Tukra</t>
  </si>
  <si>
    <t>GPS 54/2 TUKRA</t>
  </si>
  <si>
    <t>Chak 54/2 Tukra</t>
  </si>
  <si>
    <t>chak 54/2 tukra</t>
  </si>
  <si>
    <t>GPS 54/4-R</t>
  </si>
  <si>
    <t>54/4R</t>
  </si>
  <si>
    <t>chak no 54.4R sahiwal</t>
  </si>
  <si>
    <t>GPS 54/5-L</t>
  </si>
  <si>
    <t>54/5L</t>
  </si>
  <si>
    <t>chak no 54/5L sahiwal</t>
  </si>
  <si>
    <t>Chak 54/5L</t>
  </si>
  <si>
    <t>GPS 541 GB I</t>
  </si>
  <si>
    <t>tharana nou</t>
  </si>
  <si>
    <t>CHAK NO 541 GB-I DHEHRAN</t>
  </si>
  <si>
    <t>541 gB-SOUTH</t>
  </si>
  <si>
    <t>455 GB KANJWANI</t>
  </si>
  <si>
    <t>NAZIR AHMAD SIDDIQI</t>
  </si>
  <si>
    <t>GPS 541 GB II</t>
  </si>
  <si>
    <t>541 Gb</t>
  </si>
  <si>
    <t>chak no 541 gb thraba nuw</t>
  </si>
  <si>
    <t>541 Gb Tharana Nuw</t>
  </si>
  <si>
    <t>455 Gb</t>
  </si>
  <si>
    <t>MEHMOOD AHMAD</t>
  </si>
  <si>
    <t>GPS 542 GB</t>
  </si>
  <si>
    <t>542gb</t>
  </si>
  <si>
    <t>CHAK #542 GB TEHSEEL TANDLIANWALA DIST FAISALABAD</t>
  </si>
  <si>
    <t>542 GB BALOANA</t>
  </si>
  <si>
    <t>GHULAM DASTGEER</t>
  </si>
  <si>
    <t>GPS 544 GB I</t>
  </si>
  <si>
    <t>danabad</t>
  </si>
  <si>
    <t>CHAK NO 544 GB-I DANABAAD</t>
  </si>
  <si>
    <t>544 gB-I</t>
  </si>
  <si>
    <t>GPS 545 GB II</t>
  </si>
  <si>
    <t>545gb</t>
  </si>
  <si>
    <t>Chak no 545 gb</t>
  </si>
  <si>
    <t>Sajjad Ahmad Zauq</t>
  </si>
  <si>
    <t>GPS 548 GB I</t>
  </si>
  <si>
    <t>Ckak No 548 GB tandlianwala Fsd</t>
  </si>
  <si>
    <t>Chak  No 548/1 GB</t>
  </si>
  <si>
    <t>Chak  no 548/1 GB</t>
  </si>
  <si>
    <t>MaqsoodAhmad</t>
  </si>
  <si>
    <t>GPS 548 GB II</t>
  </si>
  <si>
    <t>548/2 Awagat</t>
  </si>
  <si>
    <t>chak no 548 ,Gb,  tandlianwala,  Fsd</t>
  </si>
  <si>
    <t>548/2</t>
  </si>
  <si>
    <t>Kalrwala</t>
  </si>
  <si>
    <t>GPS 549 GB</t>
  </si>
  <si>
    <t>Govt. p.s 549GB,  tehsil tandlianwala,  faisalabaf.</t>
  </si>
  <si>
    <t>Chak No 549GB</t>
  </si>
  <si>
    <t>Chak no 548/1GB</t>
  </si>
  <si>
    <t>Muhammad Mushtaq Azad</t>
  </si>
  <si>
    <t>GPS 55 EB</t>
  </si>
  <si>
    <t>GPS Check no 55/EB</t>
  </si>
  <si>
    <t>55/Eb</t>
  </si>
  <si>
    <t>GPS 55 JB  II</t>
  </si>
  <si>
    <t>55jb</t>
  </si>
  <si>
    <t>Chak #55 JB</t>
  </si>
  <si>
    <t>55 JB II</t>
  </si>
  <si>
    <t>27 JB</t>
  </si>
  <si>
    <t>Muhammad Umair Riaz</t>
  </si>
  <si>
    <t>GPS 55 RB</t>
  </si>
  <si>
    <t>CHAK NO. 55 RB, BURJ, TEHSIL JARANWALA, DISTRICT FAISALABAD</t>
  </si>
  <si>
    <t>GPS 55/12-L RARI</t>
  </si>
  <si>
    <t>Chak 55-12L R</t>
  </si>
  <si>
    <t>GPS 55/12L RARI CHICHAWATNI  SAHIWAL</t>
  </si>
  <si>
    <t>Chak 55-12L</t>
  </si>
  <si>
    <t>Chak 54-12L</t>
  </si>
  <si>
    <t>Muhammad Umair Saqib</t>
  </si>
  <si>
    <t>GPS 55/5-L</t>
  </si>
  <si>
    <t>55/5-L</t>
  </si>
  <si>
    <t>Manzoor ALI</t>
  </si>
  <si>
    <t>GPS 553 GB</t>
  </si>
  <si>
    <t>Ghazi Ka Chak</t>
  </si>
  <si>
    <t>chak no 553 gb, tehsil tandlianwala, fsd</t>
  </si>
  <si>
    <t>553 GB</t>
  </si>
  <si>
    <t>550 Gb</t>
  </si>
  <si>
    <t>GPS 555 GB</t>
  </si>
  <si>
    <t>Hayat Kay</t>
  </si>
  <si>
    <t>Chak No 555 GB,  tehsil tandlianwala,  Fsd.</t>
  </si>
  <si>
    <t>555 GB</t>
  </si>
  <si>
    <t>548GB</t>
  </si>
  <si>
    <t>GPS 559 GB  II</t>
  </si>
  <si>
    <t>Chak Bhattin</t>
  </si>
  <si>
    <t>chak no 559gb jaranwalw Faisalabad</t>
  </si>
  <si>
    <t>559gb</t>
  </si>
  <si>
    <t>GPS 55-A/12-L</t>
  </si>
  <si>
    <t>55-A /12-L</t>
  </si>
  <si>
    <t>Chak55A/12.L</t>
  </si>
  <si>
    <t>Chak 55A/12L</t>
  </si>
  <si>
    <t>Shahid Bashir</t>
  </si>
  <si>
    <t>GPS 56 EB</t>
  </si>
  <si>
    <t>56/EB  Arifwala</t>
  </si>
  <si>
    <t>Chak no 56 eb Arifwala , Pakpattan</t>
  </si>
  <si>
    <t>56EB</t>
  </si>
  <si>
    <t>GPS 56 RB II</t>
  </si>
  <si>
    <t>56 RB II CHUTALA</t>
  </si>
  <si>
    <t>CHAK NO. 56 RB (II), CHUTALA, TEHSIL JARANWALA, DISTRICT  FAISALABAD.</t>
  </si>
  <si>
    <t>WASEEM AZAM</t>
  </si>
  <si>
    <t>GPS 56/12-L</t>
  </si>
  <si>
    <t>56/12L</t>
  </si>
  <si>
    <t>56/12L malka</t>
  </si>
  <si>
    <t>GPS 56/12-L MUDHAIL</t>
  </si>
  <si>
    <t>Mudhail</t>
  </si>
  <si>
    <t>Chak no 56/12L Mudhail Tehsil Chichawatni (Sahiwal)</t>
  </si>
  <si>
    <t>56/12L Mudhial</t>
  </si>
  <si>
    <t>Aftab Hussain Shahid</t>
  </si>
  <si>
    <t>GPS 56/15-L BANGLA, MIAN CHANNU</t>
  </si>
  <si>
    <t>Chak  No 56/15L</t>
  </si>
  <si>
    <t>chak no56/15L.p.o same Mianchannu District khanewal</t>
  </si>
  <si>
    <t>Chak No  56/15L Bangla</t>
  </si>
  <si>
    <t>Chak No 59/15 L</t>
  </si>
  <si>
    <t>GPS 56/4-R</t>
  </si>
  <si>
    <t>56/4-R</t>
  </si>
  <si>
    <t>chak no 56/4-R</t>
  </si>
  <si>
    <t>GPS 56/D</t>
  </si>
  <si>
    <t>56/D</t>
  </si>
  <si>
    <t>chak # 56/D, Pakpattan</t>
  </si>
  <si>
    <t>Aamir Rasool</t>
  </si>
  <si>
    <t>GPS 56/F</t>
  </si>
  <si>
    <t>CHAK 56/F</t>
  </si>
  <si>
    <t>CHAK NO 56/F P/O BAKHSHAN KHAN</t>
  </si>
  <si>
    <t>CHAK 54/F</t>
  </si>
  <si>
    <t>GPS 560 GB W</t>
  </si>
  <si>
    <t>Chak No 560 Gb</t>
  </si>
  <si>
    <t>chak number 560 gb</t>
  </si>
  <si>
    <t>560 GB West</t>
  </si>
  <si>
    <t>Nadeem Khalid</t>
  </si>
  <si>
    <t>GPS 561 GB</t>
  </si>
  <si>
    <t>Narooaan Wala</t>
  </si>
  <si>
    <t>chak no 561 gb teh. jaranwala distt. faisalabad</t>
  </si>
  <si>
    <t>561 Gb</t>
  </si>
  <si>
    <t>657/8 Gb</t>
  </si>
  <si>
    <t>Javaid Iqbal Khan</t>
  </si>
  <si>
    <t>GPS 562 GB II</t>
  </si>
  <si>
    <t>Chak No 562 GB</t>
  </si>
  <si>
    <t>Chak no 562 G.B 2nd Tehsil Jaranwala District Faisalabad.</t>
  </si>
  <si>
    <t>Chak No 562 GB 2nd</t>
  </si>
  <si>
    <t>ZIA ULLAH ASLAM</t>
  </si>
  <si>
    <t>GPS 563 GB E</t>
  </si>
  <si>
    <t>chak no.563 GB(East)</t>
  </si>
  <si>
    <t>Chak No 563 GB</t>
  </si>
  <si>
    <t>Muhammad Khalid Waheed</t>
  </si>
  <si>
    <t>GPS 563 GB II WEST</t>
  </si>
  <si>
    <t>563 GB West II</t>
  </si>
  <si>
    <t>GPS 563 GB.west.ll.Teh.jrw.Fsd.</t>
  </si>
  <si>
    <t>563 Gb West II</t>
  </si>
  <si>
    <t>GPS 564 GB</t>
  </si>
  <si>
    <t>Piraan Wala</t>
  </si>
  <si>
    <t>Govt Primary School 564GB</t>
  </si>
  <si>
    <t>Chak No 564GB</t>
  </si>
  <si>
    <t>Chak No 569GB</t>
  </si>
  <si>
    <t>GPS 565 GB E</t>
  </si>
  <si>
    <t>565e</t>
  </si>
  <si>
    <t>chak no 563 GB teh. Jaranwala ,dist Faisalabad</t>
  </si>
  <si>
    <t>Chak No566gb</t>
  </si>
  <si>
    <t>GPS 565 GB W</t>
  </si>
  <si>
    <t>Chak No 565 Gb</t>
  </si>
  <si>
    <t>chak no 565 GB west qalandar wala jarnanwala Fsd</t>
  </si>
  <si>
    <t>565Gb</t>
  </si>
  <si>
    <t>566 GB Namdar</t>
  </si>
  <si>
    <t>GPS 567 GB II</t>
  </si>
  <si>
    <t>chak no 567 g.b ii</t>
  </si>
  <si>
    <t>Chak No 567</t>
  </si>
  <si>
    <t>Chak No 566</t>
  </si>
  <si>
    <t>Hafiz Muhammad Saeed  Ahmad</t>
  </si>
  <si>
    <t>GPS 568 GB II</t>
  </si>
  <si>
    <t>CHAKU MOR-MALE</t>
  </si>
  <si>
    <t>568gb 2nd</t>
  </si>
  <si>
    <t>568gb</t>
  </si>
  <si>
    <t>569gb</t>
  </si>
  <si>
    <t>Muhammad ayub khan</t>
  </si>
  <si>
    <t>GPS 569 GB</t>
  </si>
  <si>
    <t>569GB</t>
  </si>
  <si>
    <t>569GB Jaranwala, Faisalabad</t>
  </si>
  <si>
    <t>Fakhar Ullah Khan</t>
  </si>
  <si>
    <t>GPS 57 RB I</t>
  </si>
  <si>
    <t>57 RB I RAJAY WALA</t>
  </si>
  <si>
    <t>CHAK NO. 57 (l), RAJAY WALA KALAN, TEHSIL JARNAWALA, DISTRICT FAISLABAD.</t>
  </si>
  <si>
    <t>57 RB I RAJAY WALA KALAN</t>
  </si>
  <si>
    <t>GPS 57 RB II</t>
  </si>
  <si>
    <t>57 RB II RAJAY WALA KHURD</t>
  </si>
  <si>
    <t>CHAK NO. 57 RB (II), RAJAY WALA KHURD, TEHSIL JARNAWALA, DISTRICT FAISLABAD.</t>
  </si>
  <si>
    <t>GPS 57/12-L BARA</t>
  </si>
  <si>
    <t>57/12L Bara</t>
  </si>
  <si>
    <t>chak no 57/12L bara</t>
  </si>
  <si>
    <t>GPS 57/4-R</t>
  </si>
  <si>
    <t>57/4R</t>
  </si>
  <si>
    <t>chak No 57/4R Sahiwal</t>
  </si>
  <si>
    <t>GPS 57/5-L RAO</t>
  </si>
  <si>
    <t>57/5-L</t>
  </si>
  <si>
    <t>chak no 57/5-L Rao Sahiwal</t>
  </si>
  <si>
    <t>57/5-L Rao</t>
  </si>
  <si>
    <t>Muhammad  Subhan Ali Saqib</t>
  </si>
  <si>
    <t>GPS 57/5-L SODIWAL</t>
  </si>
  <si>
    <t>57/5L Sodian</t>
  </si>
  <si>
    <t>chak no 57/5.L sodian sahiwal</t>
  </si>
  <si>
    <t>58/5L Gunoo</t>
  </si>
  <si>
    <t>GPS 57/D</t>
  </si>
  <si>
    <t>Chak No 57/D</t>
  </si>
  <si>
    <t>chak no 57/D teh &amp; distt pakpattan</t>
  </si>
  <si>
    <t>Hella Wattowan</t>
  </si>
  <si>
    <t>GPS 570 GB I</t>
  </si>
  <si>
    <t>Kalsan Chak</t>
  </si>
  <si>
    <t>570 gb</t>
  </si>
  <si>
    <t>Muhammad Shahbaz Sharif</t>
  </si>
  <si>
    <t>GPS 570 GB III JARANWALA</t>
  </si>
  <si>
    <t>chak no 570 GB 3rd</t>
  </si>
  <si>
    <t>Chapanwali</t>
  </si>
  <si>
    <t>Chak 644 GB</t>
  </si>
  <si>
    <t>GPS 57-GD</t>
  </si>
  <si>
    <t>chak no 57/GD sahiwal</t>
  </si>
  <si>
    <t>Akhtar Nadeem</t>
  </si>
  <si>
    <t>GPS 58/10-R SAHIL COLONY KHANEWAL</t>
  </si>
  <si>
    <t>chak no 58</t>
  </si>
  <si>
    <t>58 /10-r</t>
  </si>
  <si>
    <t>GPS 58/4R</t>
  </si>
  <si>
    <t>gmmps chak 58/4R</t>
  </si>
  <si>
    <t>Rukhsana Nosheen</t>
  </si>
  <si>
    <t>GPS 58/D</t>
  </si>
  <si>
    <t>58 D</t>
  </si>
  <si>
    <t>Chak no 58 d</t>
  </si>
  <si>
    <t>Chak No 58 / D</t>
  </si>
  <si>
    <t>Syeda Samra Naeem</t>
  </si>
  <si>
    <t>GPS 58/GD</t>
  </si>
  <si>
    <t>Adda Bahadur Shah, 58/GD</t>
  </si>
  <si>
    <t>GPS 58/KB WEST</t>
  </si>
  <si>
    <t>Chak no .58/KB w</t>
  </si>
  <si>
    <t>58//KB W</t>
  </si>
  <si>
    <t>MUHAMMAD ZAHOOR</t>
  </si>
  <si>
    <t>GPS 580 GB</t>
  </si>
  <si>
    <t>chak no 580 GB</t>
  </si>
  <si>
    <t>Chak 580 GB</t>
  </si>
  <si>
    <t>Chak No 378 GB</t>
  </si>
  <si>
    <t>Wali Muhammad</t>
  </si>
  <si>
    <t>GPS 581 GB I</t>
  </si>
  <si>
    <t>GPS 581 GB 1 JRW FSD</t>
  </si>
  <si>
    <t>581 Gb</t>
  </si>
  <si>
    <t>383 Gb</t>
  </si>
  <si>
    <t>GPS 585 GB</t>
  </si>
  <si>
    <t>chak no 585 gb .jaranwala.</t>
  </si>
  <si>
    <t>kalyana</t>
  </si>
  <si>
    <t>GPS 586 GB I</t>
  </si>
  <si>
    <t>586gb1</t>
  </si>
  <si>
    <t>chak 586gb1</t>
  </si>
  <si>
    <t>657/8</t>
  </si>
  <si>
    <t>GPS 59 JB II</t>
  </si>
  <si>
    <t>Chaladhy Wali</t>
  </si>
  <si>
    <t>Chak no 59 JB 2</t>
  </si>
  <si>
    <t>59 Jb</t>
  </si>
  <si>
    <t>Chk 59 Jb</t>
  </si>
  <si>
    <t>Muhammad Mazhar Abbas</t>
  </si>
  <si>
    <t>GPS 59 JB III</t>
  </si>
  <si>
    <t>59 Jb Nathu Check</t>
  </si>
  <si>
    <t>59 jb ||| narwala banglow fsd</t>
  </si>
  <si>
    <t>GPS 59 RB I</t>
  </si>
  <si>
    <t>Warriyan Wind</t>
  </si>
  <si>
    <t>CH#59 RB 1</t>
  </si>
  <si>
    <t>59 RB 1</t>
  </si>
  <si>
    <t>RATTA JOIYA</t>
  </si>
  <si>
    <t>KASHIF SHOUKAT</t>
  </si>
  <si>
    <t>GPS 59 RB II</t>
  </si>
  <si>
    <t>Gandi Wind</t>
  </si>
  <si>
    <t>Chak No. 59 RB II Jaranwala Faisalabad</t>
  </si>
  <si>
    <t>58 RB Ratta Joya</t>
  </si>
  <si>
    <t>GPS 59/12-L</t>
  </si>
  <si>
    <t>59/12L</t>
  </si>
  <si>
    <t>59/12L Tehsil Chichawatni District Sahiwal</t>
  </si>
  <si>
    <t>ABDUL HANAN</t>
  </si>
  <si>
    <t>GPS 59/D</t>
  </si>
  <si>
    <t>59/D</t>
  </si>
  <si>
    <t>Chak 59/D</t>
  </si>
  <si>
    <t>Heela Watuan</t>
  </si>
  <si>
    <t>Haroon ur rashid</t>
  </si>
  <si>
    <t>GPS 5-KASSI NO.2 KABIRWALA</t>
  </si>
  <si>
    <t>5kassi#2</t>
  </si>
  <si>
    <t>Govt.primary school 5 kassi no.2</t>
  </si>
  <si>
    <t>5 Kassi Jawandsingh Wala</t>
  </si>
  <si>
    <t>Muhammad Anwar Rasheed</t>
  </si>
  <si>
    <t>GPS 5-MARLA SCHEME ADDA CHAK BEDI</t>
  </si>
  <si>
    <t>5marla scheme bunga hayat</t>
  </si>
  <si>
    <t>5 marla scheme</t>
  </si>
  <si>
    <t>GPS 5-MARLA SCHEME ARAIN WAHIN</t>
  </si>
  <si>
    <t>Arain Wahin</t>
  </si>
  <si>
    <t>5 Marla Scheme Arain Wain</t>
  </si>
  <si>
    <t>5 Marla Scheme Arain Wahin</t>
  </si>
  <si>
    <t>Mailsi Daeh</t>
  </si>
  <si>
    <t>GPS 5-MARLA SCHEME JAMMU WALA</t>
  </si>
  <si>
    <t>Jamujat</t>
  </si>
  <si>
    <t>Government primary school 5 Marla schem jamujat</t>
  </si>
  <si>
    <t>Gorran Wala</t>
  </si>
  <si>
    <t>Muhammad Rawal</t>
  </si>
  <si>
    <t>GPS 5-MARLA SCHEME KHAN PUR</t>
  </si>
  <si>
    <t>5-Marla scheme Khan Pur Mailsi</t>
  </si>
  <si>
    <t>5-Marla Scheme  Khan Pur</t>
  </si>
  <si>
    <t>GPS 5-SP SIKHAN WALA</t>
  </si>
  <si>
    <t>GPS 5sp sikhanwala</t>
  </si>
  <si>
    <t>5sp Sikhanwala</t>
  </si>
  <si>
    <t>GPS 6 EB P/O MALKA HANS</t>
  </si>
  <si>
    <t>6 /EB</t>
  </si>
  <si>
    <t>Chak No 6/EB p/o Malka Hans</t>
  </si>
  <si>
    <t>6/EB</t>
  </si>
  <si>
    <t>GPS 6 JB EAST</t>
  </si>
  <si>
    <t>6 JB EAST</t>
  </si>
  <si>
    <t>GPS 6/A WARAYAM WALA, P/O 5/AH, KHANEWAL</t>
  </si>
  <si>
    <t>2/AH</t>
  </si>
  <si>
    <t>chak no 2/ah basti islamabad</t>
  </si>
  <si>
    <t>2/ah Basti Islamabad</t>
  </si>
  <si>
    <t>4/ah</t>
  </si>
  <si>
    <t>GPS 6/AH, KHANEWAL</t>
  </si>
  <si>
    <t>6AH</t>
  </si>
  <si>
    <t>Chak No.6AH Khanewal</t>
  </si>
  <si>
    <t>6/AH</t>
  </si>
  <si>
    <t>10/AH</t>
  </si>
  <si>
    <t>Mazhar Hussain Shad</t>
  </si>
  <si>
    <t>GPS 60 GB JARANWALA</t>
  </si>
  <si>
    <t>60 Gb Gubind Garh</t>
  </si>
  <si>
    <t>chak no 60 gb gubind garh tehsil jaranwala distt faisal abad</t>
  </si>
  <si>
    <t>58 Gb Kotli</t>
  </si>
  <si>
    <t>GPS 60 RB II</t>
  </si>
  <si>
    <t>Balochni</t>
  </si>
  <si>
    <t>60 rb</t>
  </si>
  <si>
    <t>91 R B</t>
  </si>
  <si>
    <t>GPS 60 RB III</t>
  </si>
  <si>
    <t>60 RB</t>
  </si>
  <si>
    <t>CHAK NO 60 rB MOHGI</t>
  </si>
  <si>
    <t>mohgi</t>
  </si>
  <si>
    <t>91 rB Dhanuana</t>
  </si>
  <si>
    <t>MUHAMMAD SHAFIQ ASIM</t>
  </si>
  <si>
    <t>GPS 60 SP POST OFFICE MALKA HANS</t>
  </si>
  <si>
    <t>60sp</t>
  </si>
  <si>
    <t>chak no 60\sp  p/o malka Hans teh Arifwala</t>
  </si>
  <si>
    <t>Chak No 60sp</t>
  </si>
  <si>
    <t>GPS 60/10-R, KHANEWAL</t>
  </si>
  <si>
    <t>60/10R</t>
  </si>
  <si>
    <t>Chak No.60/10R,Khanewal</t>
  </si>
  <si>
    <t>Hafiz Dawood sibtain Khan</t>
  </si>
  <si>
    <t>GPS 60/12-L</t>
  </si>
  <si>
    <t>,GPS 60/12L</t>
  </si>
  <si>
    <t>GPS 60/4-R DURBARI WALA</t>
  </si>
  <si>
    <t>60/4R Darbari Wala</t>
  </si>
  <si>
    <t>Chak no. 60/4R Darbari Wala</t>
  </si>
  <si>
    <t>60/4R DARABARI WALA</t>
  </si>
  <si>
    <t>Muhammad Abid Ali Shah</t>
  </si>
  <si>
    <t>GPS 60/4-R KUMHARAN WALI</t>
  </si>
  <si>
    <t>chak 60-4R kw</t>
  </si>
  <si>
    <t>60-4R</t>
  </si>
  <si>
    <t>Muhammad Shafique Ahmed</t>
  </si>
  <si>
    <t>GPS 600 GB</t>
  </si>
  <si>
    <t>Chak  No 600 GB</t>
  </si>
  <si>
    <t>GPS 600 GB Teh.Tandlianwala Distt. Faisalabad</t>
  </si>
  <si>
    <t>Chak No 600 GB</t>
  </si>
  <si>
    <t>GPS 602 GB</t>
  </si>
  <si>
    <t>Chak No 602 GB</t>
  </si>
  <si>
    <t>chak no 602  gb</t>
  </si>
  <si>
    <t>Chak No 602 G B</t>
  </si>
  <si>
    <t>Chak No 603 G B</t>
  </si>
  <si>
    <t>GPS 606 GB</t>
  </si>
  <si>
    <t>606gb</t>
  </si>
  <si>
    <t>chak 606gb</t>
  </si>
  <si>
    <t>606 Gb</t>
  </si>
  <si>
    <t>ThaTha Baig</t>
  </si>
  <si>
    <t>GPS 61 JB ASGHAR ABAD FSD</t>
  </si>
  <si>
    <t>61 JB Asgharbad</t>
  </si>
  <si>
    <t>chak no 61 Jb asgharbad fsd</t>
  </si>
  <si>
    <t>61 Jb Asgharbad</t>
  </si>
  <si>
    <t>SABA MUZAMAL</t>
  </si>
  <si>
    <t>GPS 61/12-L</t>
  </si>
  <si>
    <t>61/12L</t>
  </si>
  <si>
    <t>chak61/12L</t>
  </si>
  <si>
    <t>Chak61/12L</t>
  </si>
  <si>
    <t>Muhammad Arshad Javid</t>
  </si>
  <si>
    <t>GPS 61/15-L (TENDER) MIAN CHANNU</t>
  </si>
  <si>
    <t>Tender</t>
  </si>
  <si>
    <t>61/15.L tender, mianchannu.</t>
  </si>
  <si>
    <t>61/15L Tender</t>
  </si>
  <si>
    <t>61/15L A</t>
  </si>
  <si>
    <t>GPS 61/4-R</t>
  </si>
  <si>
    <t>GPS 61/D</t>
  </si>
  <si>
    <t>61d</t>
  </si>
  <si>
    <t>Hafiz Muhammad Alam</t>
  </si>
  <si>
    <t>GPS 61/EB L- BLOCK</t>
  </si>
  <si>
    <t>61eb</t>
  </si>
  <si>
    <t>GPS  61 eb Arifwala</t>
  </si>
  <si>
    <t>GPS 61/WB VEHARI</t>
  </si>
  <si>
    <t>Chak 61 WB</t>
  </si>
  <si>
    <t>Basti Haji sher chak 61 wb</t>
  </si>
  <si>
    <t>61 WB</t>
  </si>
  <si>
    <t>Hafiz Mohsan Ur Rahim</t>
  </si>
  <si>
    <t>GPS 62 RB</t>
  </si>
  <si>
    <t>62rb</t>
  </si>
  <si>
    <t>Chak no 62rb JARANWALA faisalabad</t>
  </si>
  <si>
    <t>Ratta Joa</t>
  </si>
  <si>
    <t>GPS 62/12-L BASTI JOEA</t>
  </si>
  <si>
    <t>62/12LB Joya</t>
  </si>
  <si>
    <t>CHAK #62/12.L B.J  cci  sahiwal</t>
  </si>
  <si>
    <t>62/12L BJ</t>
  </si>
  <si>
    <t>GPS 62/4-R</t>
  </si>
  <si>
    <t>chak 62/4-R</t>
  </si>
  <si>
    <t>Naweeda Kousar</t>
  </si>
  <si>
    <t>GPS 62/5-L</t>
  </si>
  <si>
    <t>Wasliyan Wala</t>
  </si>
  <si>
    <t>Alam Sher Shahid</t>
  </si>
  <si>
    <t>GPS 62/GD</t>
  </si>
  <si>
    <t>62/gd</t>
  </si>
  <si>
    <t>62gd sahiwal</t>
  </si>
  <si>
    <t>62gd</t>
  </si>
  <si>
    <t>59gd</t>
  </si>
  <si>
    <t>GPS 627 GB DADU KA</t>
  </si>
  <si>
    <t>CHAK NO 627 GB DADU KA</t>
  </si>
  <si>
    <t>CHAK NO 627 GB DADU KA  P  O LUNDIANWALA TEH   JARANWALA  DISTRICT FAISALABAD</t>
  </si>
  <si>
    <t>CHAK NO 627 GB DA</t>
  </si>
  <si>
    <t>CHAK NO 650/1 GB</t>
  </si>
  <si>
    <t>SHAH  NAWAZ</t>
  </si>
  <si>
    <t>GPS 627 GB SEEKA PO LUNDIANWALA</t>
  </si>
  <si>
    <t>Saeeka</t>
  </si>
  <si>
    <t>Chak 627GB seeka</t>
  </si>
  <si>
    <t>Chak 627GB</t>
  </si>
  <si>
    <t>Chak 650/1GB</t>
  </si>
  <si>
    <t>Ahmad Ullah</t>
  </si>
  <si>
    <t>GPS 628 GB</t>
  </si>
  <si>
    <t>chak no 628gb tehsile jaranwala district faisalabad</t>
  </si>
  <si>
    <t>Chak no 628gb</t>
  </si>
  <si>
    <t>Chak 647 Gb</t>
  </si>
  <si>
    <t>GPS 63 EB</t>
  </si>
  <si>
    <t>63/E-B</t>
  </si>
  <si>
    <t>63 / E.B</t>
  </si>
  <si>
    <t>75 /E-B</t>
  </si>
  <si>
    <t>Ejaz   Hussain</t>
  </si>
  <si>
    <t>GPS 63 RB I</t>
  </si>
  <si>
    <t>Chak No. 63 RB I, Jaranwala, Faisalabad.</t>
  </si>
  <si>
    <t>Muhammad Abrar</t>
  </si>
  <si>
    <t>GPS 63 RB II</t>
  </si>
  <si>
    <t>63 RB 2nd Qayam</t>
  </si>
  <si>
    <t>63RB II Qayam</t>
  </si>
  <si>
    <t>58RB Ratta joya</t>
  </si>
  <si>
    <t>GPS 63/10-R, P/O 73/10-R, KHANEWAL</t>
  </si>
  <si>
    <t>chak No 63/10R</t>
  </si>
  <si>
    <t>Chak no 63-10R p/o 73-10R khanewal</t>
  </si>
  <si>
    <t>Chak No 63/10R</t>
  </si>
  <si>
    <t>Chak no 43-10R</t>
  </si>
  <si>
    <t>muhammad ishfaq</t>
  </si>
  <si>
    <t>GPS 63/15-L NEW, MIAN CHANNU</t>
  </si>
  <si>
    <t>63/15L New</t>
  </si>
  <si>
    <t>chak 63\15L new</t>
  </si>
  <si>
    <t>GPS 63/4-R</t>
  </si>
  <si>
    <t>GPS 63/GD</t>
  </si>
  <si>
    <t>63/GD</t>
  </si>
  <si>
    <t>Chak 63/GD P/O 58/GD Sahiwal</t>
  </si>
  <si>
    <t>63/Gd</t>
  </si>
  <si>
    <t>GPS 633 GB E</t>
  </si>
  <si>
    <t>Raiz Nagar</t>
  </si>
  <si>
    <t>GPS 633gb east</t>
  </si>
  <si>
    <t>Chak No 633gb East No633gbNo633gbo633gb East</t>
  </si>
  <si>
    <t>Chak No583gb</t>
  </si>
  <si>
    <t>GPS 633 GB W</t>
  </si>
  <si>
    <t>633 Gb West</t>
  </si>
  <si>
    <t>Gnaish Pur 633 gb west Jaranwala</t>
  </si>
  <si>
    <t>583 Gb</t>
  </si>
  <si>
    <t>GPS 64 EB ARIFWALA</t>
  </si>
  <si>
    <t>64eb</t>
  </si>
  <si>
    <t>chak no 64eb arifwala</t>
  </si>
  <si>
    <t>GPS 64 RB</t>
  </si>
  <si>
    <t>Chak No 64 RB</t>
  </si>
  <si>
    <t>chak no 64 RB tehsil jaranwala dist faisalabad</t>
  </si>
  <si>
    <t>GPS 64/4-R KHURD</t>
  </si>
  <si>
    <t>64/4R khurd Sahiwl</t>
  </si>
  <si>
    <t>Abrar Ahmad</t>
  </si>
  <si>
    <t>GPS 64/GD</t>
  </si>
  <si>
    <t>Muhmmad Pur</t>
  </si>
  <si>
    <t>GPS 642 GB I</t>
  </si>
  <si>
    <t>chakk 642 GB1</t>
  </si>
  <si>
    <t>642GB</t>
  </si>
  <si>
    <t>chakk 644 gb</t>
  </si>
  <si>
    <t>GPS 642 GB II</t>
  </si>
  <si>
    <t>Baini Tibba</t>
  </si>
  <si>
    <t>Chak 642G.B Jaranwala Faisalabad</t>
  </si>
  <si>
    <t>Chak 642 GB</t>
  </si>
  <si>
    <t>Chak 644GB</t>
  </si>
  <si>
    <t>GPS 644 GB II</t>
  </si>
  <si>
    <t>Sofi  Di Kothi</t>
  </si>
  <si>
    <t>chak no 644gb</t>
  </si>
  <si>
    <t>Chak no 644 gb</t>
  </si>
  <si>
    <t>GPS 645 GB</t>
  </si>
  <si>
    <t>645 GB</t>
  </si>
  <si>
    <t>Chack No.645 GB</t>
  </si>
  <si>
    <t>647GB</t>
  </si>
  <si>
    <t>GPS 647 GB</t>
  </si>
  <si>
    <t>Rungpur</t>
  </si>
  <si>
    <t>chak no 647 g.b</t>
  </si>
  <si>
    <t>647 GB</t>
  </si>
  <si>
    <t>647 Gb</t>
  </si>
  <si>
    <t>GPS 65/4-R</t>
  </si>
  <si>
    <t>Chak 65/4r</t>
  </si>
  <si>
    <t>chak no.65/4r  p/o  Same 65/4r,Sahiwal</t>
  </si>
  <si>
    <t>Chak 66/4r</t>
  </si>
  <si>
    <t>GPS 650/1 GB</t>
  </si>
  <si>
    <t>chak no 650/1 Gb tehsil jaranwala</t>
  </si>
  <si>
    <t>Chak No 650/1 Gb</t>
  </si>
  <si>
    <t>Khalil Ahmad Anjum</t>
  </si>
  <si>
    <t>GPS 651/2 GB</t>
  </si>
  <si>
    <t>chak no 651/2 gb Teh Jaranwala Distt fsd</t>
  </si>
  <si>
    <t>GPS 652-3 GB</t>
  </si>
  <si>
    <t>652/3gb</t>
  </si>
  <si>
    <t>chak no652/3gb</t>
  </si>
  <si>
    <t>Abdul Shakoor Sajid</t>
  </si>
  <si>
    <t>GPS 65-A /GD-WEST</t>
  </si>
  <si>
    <t>65-A/g-d West</t>
  </si>
  <si>
    <t>65AGD west</t>
  </si>
  <si>
    <t>65/AGD West</t>
  </si>
  <si>
    <t>GPS 65-A/EB</t>
  </si>
  <si>
    <t>Chak 65 A/EB</t>
  </si>
  <si>
    <t>chak no 65 A/EB</t>
  </si>
  <si>
    <t>Chak No 65 A/EB</t>
  </si>
  <si>
    <t>69/EB</t>
  </si>
  <si>
    <t>Muhammad Ishaq Adil</t>
  </si>
  <si>
    <t>GPS 65-A/GD ZAKHRY</t>
  </si>
  <si>
    <t>65-A/G-D Zakhiry</t>
  </si>
  <si>
    <t>chak no 65-A/G-D zakhiry, p/o noor shah, sahiwal</t>
  </si>
  <si>
    <t>65-A/G-d Zakhiry</t>
  </si>
  <si>
    <t>Abdul Rauf Anwar</t>
  </si>
  <si>
    <t>GPS 66/15-L CHOKI CHAB, KACHA KHUH</t>
  </si>
  <si>
    <t>Chak No 66/15L Chab</t>
  </si>
  <si>
    <t>GPS 66/15.L Choki Chab  Teh &amp;Dist.Khanewal</t>
  </si>
  <si>
    <t>chak No 66/15L</t>
  </si>
  <si>
    <t>Chak No 81/15L</t>
  </si>
  <si>
    <t>GPS 66/4-R KHAN KAMAL</t>
  </si>
  <si>
    <t>66/4r Khan kamal</t>
  </si>
  <si>
    <t>chak no.66/4.r khan kamal District Sahiwal</t>
  </si>
  <si>
    <t>GPS 66/D</t>
  </si>
  <si>
    <t>66 D</t>
  </si>
  <si>
    <t>66D, PAKPATTAN</t>
  </si>
  <si>
    <t>TIWANA KALAN</t>
  </si>
  <si>
    <t>ABUBAKAR SIDDIQUE</t>
  </si>
  <si>
    <t>GPS 66/GD</t>
  </si>
  <si>
    <t>Chak 66/GD</t>
  </si>
  <si>
    <t>chak no 66/gd Sahiwal</t>
  </si>
  <si>
    <t>Chak No 66/GD</t>
  </si>
  <si>
    <t>Chak NO 59/GD</t>
  </si>
  <si>
    <t>Muhammad Feroz</t>
  </si>
  <si>
    <t>GPS 67/12-L</t>
  </si>
  <si>
    <t>67/12L</t>
  </si>
  <si>
    <t>chak no.67/12.L</t>
  </si>
  <si>
    <t>GPS 67/4-R DHEROKAY</t>
  </si>
  <si>
    <t>Dherokey</t>
  </si>
  <si>
    <t>chack no 67/4r dk</t>
  </si>
  <si>
    <t>67/4r Dherokey</t>
  </si>
  <si>
    <t>GPS 67/5-L</t>
  </si>
  <si>
    <t>67/5L Khaim Kot</t>
  </si>
  <si>
    <t>Chak No.67/5.L Khaim Kot</t>
  </si>
  <si>
    <t>Chak No 73/5L</t>
  </si>
  <si>
    <t>GPS 67-A/10-R, P/O 45/10-R, KHANEWAL (OLD NM MASJID MAKTAB)</t>
  </si>
  <si>
    <t>Govt primary school 67A/10R</t>
  </si>
  <si>
    <t>67A/10R</t>
  </si>
  <si>
    <t>Muhammad Latif Shahid</t>
  </si>
  <si>
    <t>GPS 68 EB</t>
  </si>
  <si>
    <t>68/eb</t>
  </si>
  <si>
    <t>68/EB ARIFWALA</t>
  </si>
  <si>
    <t>68/EB</t>
  </si>
  <si>
    <t>Imtiaz Ahmed Bhutta</t>
  </si>
  <si>
    <t>GPS 68 RB  I</t>
  </si>
  <si>
    <t>68 RB I</t>
  </si>
  <si>
    <t>chak no 68 r.b-1</t>
  </si>
  <si>
    <t>Chak No 71 Rb</t>
  </si>
  <si>
    <t>GPS 68 RB-II</t>
  </si>
  <si>
    <t>Jamiana</t>
  </si>
  <si>
    <t>chak no 68rb</t>
  </si>
  <si>
    <t>68rb II</t>
  </si>
  <si>
    <t>71rb</t>
  </si>
  <si>
    <t>Qamar Amin Malik</t>
  </si>
  <si>
    <t>GPS 68/10-R, P/O 70/10-R, KHANEWAL</t>
  </si>
  <si>
    <t>68/10.R</t>
  </si>
  <si>
    <t>Chak no 68/10.r KHANEWAL</t>
  </si>
  <si>
    <t>Chak no 68/10.R kwl</t>
  </si>
  <si>
    <t>70/10.R arianagar kwl</t>
  </si>
  <si>
    <t>Yaqub Israel</t>
  </si>
  <si>
    <t>GPS 68/12-L</t>
  </si>
  <si>
    <t>Chak No 68/12-L</t>
  </si>
  <si>
    <t>Chak  68/12-L</t>
  </si>
  <si>
    <t>Chak 69/12-L</t>
  </si>
  <si>
    <t>AMIR RAZA</t>
  </si>
  <si>
    <t>GPS 68/4-R</t>
  </si>
  <si>
    <t>Chak No. 68/4r sahiwal</t>
  </si>
  <si>
    <t>GPS 68/5-L</t>
  </si>
  <si>
    <t>68/5L</t>
  </si>
  <si>
    <t>Muhammad Zakir</t>
  </si>
  <si>
    <t>GPS 68/A</t>
  </si>
  <si>
    <t>Chak 68/a</t>
  </si>
  <si>
    <t>Hafiz Abid Hussain</t>
  </si>
  <si>
    <t>GPS 68/D</t>
  </si>
  <si>
    <t>68D</t>
  </si>
  <si>
    <t>chak No. 68D post office chanwat tehsil and district Pakpattan</t>
  </si>
  <si>
    <t>26SP</t>
  </si>
  <si>
    <t>Muhammad Aamir Iqbal</t>
  </si>
  <si>
    <t>GPS 685/26 GB BAGH WALI</t>
  </si>
  <si>
    <t>685/26 GB</t>
  </si>
  <si>
    <t>Chak no 685/26gb pirmahal dist toba tek singh</t>
  </si>
  <si>
    <t>GPS 68-69/15-L, P/O 70/15-L, KHANEWAL</t>
  </si>
  <si>
    <t>6869/15l</t>
  </si>
  <si>
    <t>chak no.6869/15l</t>
  </si>
  <si>
    <t>6869/15L</t>
  </si>
  <si>
    <t>M Ramzan Tahir</t>
  </si>
  <si>
    <t>GPS 69/4-R</t>
  </si>
  <si>
    <t>69/-4r</t>
  </si>
  <si>
    <t>chak no.69/4-r</t>
  </si>
  <si>
    <t>GPS 69/5-L</t>
  </si>
  <si>
    <t>69/5-L</t>
  </si>
  <si>
    <t>G P S 69/5L</t>
  </si>
  <si>
    <t>69/5L</t>
  </si>
  <si>
    <t>Adeeb Sharif</t>
  </si>
  <si>
    <t>GPS 7 EB</t>
  </si>
  <si>
    <t>7 EB</t>
  </si>
  <si>
    <t>chak no 7eb  tehsil Arifwala disst.pakpattan</t>
  </si>
  <si>
    <t>13 Eb</t>
  </si>
  <si>
    <t>Muhammad Shamshad</t>
  </si>
  <si>
    <t>GPS 7 KB</t>
  </si>
  <si>
    <t>7kb</t>
  </si>
  <si>
    <t>Chak no 7 KB Post Office Kalyana Tehsil and District Pakpattan</t>
  </si>
  <si>
    <t>Athar MAHMOOD</t>
  </si>
  <si>
    <t>GPS 7 MARLA SCHEME SHUJABAD</t>
  </si>
  <si>
    <t>7 marla schkeem khoja</t>
  </si>
  <si>
    <t>GPS 7 SP PO MOLVI WALA PAKPATTAN</t>
  </si>
  <si>
    <t>7/sp</t>
  </si>
  <si>
    <t>chak No 7/s.p p/o molvi wala D&amp;T pakpattan</t>
  </si>
  <si>
    <t>Mosywal</t>
  </si>
  <si>
    <t>GPS 7/14-L</t>
  </si>
  <si>
    <t>GPS 7/14L</t>
  </si>
  <si>
    <t>GPS 7/D, P/O DARKHANA, ABDUL HAKIM</t>
  </si>
  <si>
    <t>Chak 7 D darkhana</t>
  </si>
  <si>
    <t>Chak 7 D</t>
  </si>
  <si>
    <t>GPS 70 GB</t>
  </si>
  <si>
    <t>70GB</t>
  </si>
  <si>
    <t>70GB Faisalabad</t>
  </si>
  <si>
    <t>Muhammad Mudassar  Nazar Bhatti</t>
  </si>
  <si>
    <t>GPS 70 RB II</t>
  </si>
  <si>
    <t>Hajiabad 70RB ll</t>
  </si>
  <si>
    <t>chak No 70RB ll Teh Jaranwala Dist Faisalabad</t>
  </si>
  <si>
    <t>Hajiabad 70RB Il</t>
  </si>
  <si>
    <t>Gujjar Singh Wala</t>
  </si>
  <si>
    <t>GPS 70/4-R</t>
  </si>
  <si>
    <t>Chak no. 70/4r Tehsil District Sahiwal</t>
  </si>
  <si>
    <t>Sarfraz Ahmad Khan</t>
  </si>
  <si>
    <t>GPS 70/5-L</t>
  </si>
  <si>
    <t>70/5l</t>
  </si>
  <si>
    <t>chak  no 70/5l</t>
  </si>
  <si>
    <t>GPS 70/EB ARIFWALA</t>
  </si>
  <si>
    <t>70/eb tehsil arifwala district pakpattan</t>
  </si>
  <si>
    <t>GPS 71 GB E JARANWALA FSD</t>
  </si>
  <si>
    <t>71 East Garbana</t>
  </si>
  <si>
    <t>chak #71 GB east</t>
  </si>
  <si>
    <t>71 GB East</t>
  </si>
  <si>
    <t>73GB</t>
  </si>
  <si>
    <t>GPS 71 GB W JARANWALA FSD</t>
  </si>
  <si>
    <t>71 Gb W</t>
  </si>
  <si>
    <t>71 gb w</t>
  </si>
  <si>
    <t>72gb Fsd</t>
  </si>
  <si>
    <t>GPS 71/4-R</t>
  </si>
  <si>
    <t>Chak no 71/4-R Sahiwal</t>
  </si>
  <si>
    <t>GPS 71/5-L PAKKA KHOH</t>
  </si>
  <si>
    <t>71/5L</t>
  </si>
  <si>
    <t>gps 71/5L pakka khoh burjwala b district sahiwal</t>
  </si>
  <si>
    <t>71/5L Pakka Khoh</t>
  </si>
  <si>
    <t>GPS 72 EB</t>
  </si>
  <si>
    <t>72/EB</t>
  </si>
  <si>
    <t>72/EB Arifwala</t>
  </si>
  <si>
    <t>MUHAMMAD NASEEM</t>
  </si>
  <si>
    <t>GPS 72 GB I</t>
  </si>
  <si>
    <t>Shani Tikka</t>
  </si>
  <si>
    <t>GPS 72 GB</t>
  </si>
  <si>
    <t>Chak # 72GB</t>
  </si>
  <si>
    <t>GPS 72 RB</t>
  </si>
  <si>
    <t>Bahmni Wala</t>
  </si>
  <si>
    <t>chak no 72 RB FAISALABAD</t>
  </si>
  <si>
    <t>Chak No 72 Rb</t>
  </si>
  <si>
    <t>Chak No 151 Rb</t>
  </si>
  <si>
    <t>GPS 72/15-L KHANEWAL</t>
  </si>
  <si>
    <t>7273/15L</t>
  </si>
  <si>
    <t>chak no72/15L The&amp;Dist khanewal</t>
  </si>
  <si>
    <t>72/15L</t>
  </si>
  <si>
    <t>GPS 72/4-R</t>
  </si>
  <si>
    <t>72/4-R</t>
  </si>
  <si>
    <t>Chak No 72/4-R sahiwal</t>
  </si>
  <si>
    <t>Noor Sultan</t>
  </si>
  <si>
    <t>GPS 72/5-L</t>
  </si>
  <si>
    <t>72s/5L</t>
  </si>
  <si>
    <t>Liaqat ali</t>
  </si>
  <si>
    <t>Electrial pump</t>
  </si>
  <si>
    <t>GPS 72/5-L BIBI WALA</t>
  </si>
  <si>
    <t>72/5-L</t>
  </si>
  <si>
    <t>Chak No.72/ 5_L  BIBI WALA</t>
  </si>
  <si>
    <t>72/ 5L</t>
  </si>
  <si>
    <t>73/ 5L</t>
  </si>
  <si>
    <t>GPS 72-73/15-L KHANEWAL</t>
  </si>
  <si>
    <t>chak no 7273/15 L</t>
  </si>
  <si>
    <t>chak no 72_73/15 L</t>
  </si>
  <si>
    <t>7273/15 L</t>
  </si>
  <si>
    <t>GPS 73 EB P/O CHAK NO 75/EB</t>
  </si>
  <si>
    <t>Chak No 73 EB</t>
  </si>
  <si>
    <t>chak no 73 EB tehsil arifwala</t>
  </si>
  <si>
    <t>Chak No 75 EB</t>
  </si>
  <si>
    <t>Yasir Sarwar</t>
  </si>
  <si>
    <t>GPS 73 GB</t>
  </si>
  <si>
    <t>73 Gb</t>
  </si>
  <si>
    <t>CHAK NO 72 Gb</t>
  </si>
  <si>
    <t>YASAR MUSHTAQ</t>
  </si>
  <si>
    <t>GPS 73/5-L</t>
  </si>
  <si>
    <t>GPS 73-A/12-L</t>
  </si>
  <si>
    <t>73A/12L</t>
  </si>
  <si>
    <t>Chak no 73A /12.L</t>
  </si>
  <si>
    <t>Muhammad Aqeel</t>
  </si>
  <si>
    <t>GPS 74 D LURKIAN WALA</t>
  </si>
  <si>
    <t>74/D Lurkian</t>
  </si>
  <si>
    <t>gps74/D lurkian</t>
  </si>
  <si>
    <t>MUHAMMAD ishtiaq</t>
  </si>
  <si>
    <t>GPS 74 EB ARIF WALA</t>
  </si>
  <si>
    <t>74 EB</t>
  </si>
  <si>
    <t>chak no.74eb p/o chak no.66 eb. tehsil. arif wala pakpattan</t>
  </si>
  <si>
    <t>74EB</t>
  </si>
  <si>
    <t>GPS 74/12-L</t>
  </si>
  <si>
    <t>7412l</t>
  </si>
  <si>
    <t>chak no 74/12l</t>
  </si>
  <si>
    <t>Hafiz Tariq Javed</t>
  </si>
  <si>
    <t>GPS 74/4-R C-PLOT</t>
  </si>
  <si>
    <t>Ahata Jattan Wala</t>
  </si>
  <si>
    <t>chak no 63/4_r ahata jattan sahiwal</t>
  </si>
  <si>
    <t>Muzamal Bashir</t>
  </si>
  <si>
    <t>GPS 74/5-L KOT FAZAL</t>
  </si>
  <si>
    <t>74/5l Kf</t>
  </si>
  <si>
    <t>Chak no 74/5l kf</t>
  </si>
  <si>
    <t>Chao No 74/5l Kf</t>
  </si>
  <si>
    <t>44/5l Fijian Wala</t>
  </si>
  <si>
    <t>GPS 74-A/15-L, KHANEWAL</t>
  </si>
  <si>
    <t>Chak No 74A/15L</t>
  </si>
  <si>
    <t>chak no.74A/15.L Khanewal</t>
  </si>
  <si>
    <t>74A/15L</t>
  </si>
  <si>
    <t>Chak No72  73/15L</t>
  </si>
  <si>
    <t>Muhammad Riaz Tabasum</t>
  </si>
  <si>
    <t>GPS 75 EB P/O SAME</t>
  </si>
  <si>
    <t>75EB</t>
  </si>
  <si>
    <t>chak no 75 EB</t>
  </si>
  <si>
    <t>75 EB</t>
  </si>
  <si>
    <t>AHMAD SAEED</t>
  </si>
  <si>
    <t>GPS 75/15-L, P/O 70/15-L, KHANEWAL</t>
  </si>
  <si>
    <t>75/15l</t>
  </si>
  <si>
    <t>chak no 75.15/l tehsil KHANEWAL district kwl</t>
  </si>
  <si>
    <t>70/15l</t>
  </si>
  <si>
    <t>GPS 75/5-L</t>
  </si>
  <si>
    <t>75/5-L</t>
  </si>
  <si>
    <t>chak 75/5L</t>
  </si>
  <si>
    <t>GPS 75-A/10-R ZAHOOR ABAD, KHANEWAL</t>
  </si>
  <si>
    <t>75A/10R</t>
  </si>
  <si>
    <t>Zahoorabad</t>
  </si>
  <si>
    <t>GPS 75-A/15-L, P/O 79/15-L, KHANEWAL</t>
  </si>
  <si>
    <t>75 A/15 L</t>
  </si>
  <si>
    <t>chak75-A/15-L Teh and dist khanewal</t>
  </si>
  <si>
    <t>75 A /15 L</t>
  </si>
  <si>
    <t>74/15 L</t>
  </si>
  <si>
    <t>GPS 76 EB</t>
  </si>
  <si>
    <t>Chack No 76/EB</t>
  </si>
  <si>
    <t>Chack No 66/EB</t>
  </si>
  <si>
    <t>Asif Nadeem</t>
  </si>
  <si>
    <t>GPS 76 EB DAKHLI P.O 66/ EB</t>
  </si>
  <si>
    <t>76eb Khoh Dogran Wala</t>
  </si>
  <si>
    <t>chak no. 76/EB  KHOH DOGRAN WALA.P.O 66/EB</t>
  </si>
  <si>
    <t>76/EB</t>
  </si>
  <si>
    <t>MUHAMMAD YAMIN</t>
  </si>
  <si>
    <t>GPS 76/12-L</t>
  </si>
  <si>
    <t>76/12L</t>
  </si>
  <si>
    <t>chak 76/12L chichawatni</t>
  </si>
  <si>
    <t>76/12 L</t>
  </si>
  <si>
    <t>GPS 76/5-L</t>
  </si>
  <si>
    <t>76-5l</t>
  </si>
  <si>
    <t>chak no 76/5L sahiwal</t>
  </si>
  <si>
    <t>76/5L</t>
  </si>
  <si>
    <t>GPS 76/5-R</t>
  </si>
  <si>
    <t>76/5-R</t>
  </si>
  <si>
    <t>GPS 77/EB</t>
  </si>
  <si>
    <t>77/EB</t>
  </si>
  <si>
    <t>chak no. 77/eb</t>
  </si>
  <si>
    <t>M Gulab Ali Hydry</t>
  </si>
  <si>
    <t>GPS 78 EB ARIF WALA</t>
  </si>
  <si>
    <t>78EB</t>
  </si>
  <si>
    <t>chak no.78EB arifwala</t>
  </si>
  <si>
    <t>86EB</t>
  </si>
  <si>
    <t>Muzaffar Hussain</t>
  </si>
  <si>
    <t>GPS 78/12-L</t>
  </si>
  <si>
    <t>Chak No 78/12L</t>
  </si>
  <si>
    <t>chak no 78/12 L</t>
  </si>
  <si>
    <t>Chak No 78/12 L</t>
  </si>
  <si>
    <t>GPS 78/15-L NEW, KACHA KHUH</t>
  </si>
  <si>
    <t>78/15L New</t>
  </si>
  <si>
    <t>Chak No 78/15.L Khanewal</t>
  </si>
  <si>
    <t>Arshad Sajid</t>
  </si>
  <si>
    <t>GPS 78-B/15-L, KHANEWAL</t>
  </si>
  <si>
    <t>Chak no 78b/15.L khanewal</t>
  </si>
  <si>
    <t>Chak No 78b/15L</t>
  </si>
  <si>
    <t>MMUHAMMAD Kashif</t>
  </si>
  <si>
    <t>GPS 79 EB</t>
  </si>
  <si>
    <t>79/EB</t>
  </si>
  <si>
    <t>MUHAMMAD ZAFAR IQBAL</t>
  </si>
  <si>
    <t>GPS 79/12-L</t>
  </si>
  <si>
    <t>Chak no 79/12L Teh Chichawatni Dist Sahiwal</t>
  </si>
  <si>
    <t>GPS 79/5-L</t>
  </si>
  <si>
    <t>79/5L Swl</t>
  </si>
  <si>
    <t>chak 79/5l sahiwal</t>
  </si>
  <si>
    <t>Shujat Ali</t>
  </si>
  <si>
    <t>GPS 79/5-R</t>
  </si>
  <si>
    <t>79/5R</t>
  </si>
  <si>
    <t>Chak No 79/5-R Sahiwal</t>
  </si>
  <si>
    <t>GPS 79/A</t>
  </si>
  <si>
    <t>79A</t>
  </si>
  <si>
    <t>Chak no79a Tehsil LQP</t>
  </si>
  <si>
    <t>Shakil Amjad</t>
  </si>
  <si>
    <t>GPS 79-1-L</t>
  </si>
  <si>
    <t>79/1L</t>
  </si>
  <si>
    <t>Chak.no.79/1L</t>
  </si>
  <si>
    <t>Shahbaz Waseem</t>
  </si>
  <si>
    <t>GPS 8 KB HOTA</t>
  </si>
  <si>
    <t>Chack No 8kb</t>
  </si>
  <si>
    <t>Chack no 8kb p/o Hotta pakpattan</t>
  </si>
  <si>
    <t>Chack No 8kb P/O Hotta</t>
  </si>
  <si>
    <t>GPS 8 SP</t>
  </si>
  <si>
    <t>8/SP</t>
  </si>
  <si>
    <t>chak 8 sp</t>
  </si>
  <si>
    <t>Chak 8 SP</t>
  </si>
  <si>
    <t>Mosay Wall</t>
  </si>
  <si>
    <t>GPS 8/11-L</t>
  </si>
  <si>
    <t>chak. 8-11.L</t>
  </si>
  <si>
    <t>Chak 8-11-L</t>
  </si>
  <si>
    <t>GPS 8/14-L (NORTH)</t>
  </si>
  <si>
    <t>8/14L North</t>
  </si>
  <si>
    <t>Chak No .8/14L North</t>
  </si>
  <si>
    <t>GPS 8/FW SETHAN WALA</t>
  </si>
  <si>
    <t>8FW</t>
  </si>
  <si>
    <t>8/FW sethanwala</t>
  </si>
  <si>
    <t>8/FW Sethanwala</t>
  </si>
  <si>
    <t>GPS 80/12-L</t>
  </si>
  <si>
    <t>80/12-L</t>
  </si>
  <si>
    <t>Chak No 8012L teh chicha watni disst sahiwal</t>
  </si>
  <si>
    <t>Gps 80/12L</t>
  </si>
  <si>
    <t>Muhammad Zareef</t>
  </si>
  <si>
    <t>GPS 80/5-L</t>
  </si>
  <si>
    <t>80/5-L sahiwal</t>
  </si>
  <si>
    <t>Kamran Ahmed Mirza</t>
  </si>
  <si>
    <t>GPS 80/5-R</t>
  </si>
  <si>
    <t>80/5-R</t>
  </si>
  <si>
    <t>CHAK NO 80/5-R SAHIWAL</t>
  </si>
  <si>
    <t>Luqman Khan</t>
  </si>
  <si>
    <t>GPS 81 GB</t>
  </si>
  <si>
    <t>Meeraan Pur</t>
  </si>
  <si>
    <t>Chan no 81 gb Faisalabad</t>
  </si>
  <si>
    <t>81 Gb</t>
  </si>
  <si>
    <t>Kot Goraya</t>
  </si>
  <si>
    <t>AHSAN MAHMOOD</t>
  </si>
  <si>
    <t>GPS 81/12-L</t>
  </si>
  <si>
    <t>81/12-L</t>
  </si>
  <si>
    <t>chak#81/12-L</t>
  </si>
  <si>
    <t>GPS 81/5-L</t>
  </si>
  <si>
    <t>Bashir Wala</t>
  </si>
  <si>
    <t>81/5-L,BASHIR WALA</t>
  </si>
  <si>
    <t>81/5-L</t>
  </si>
  <si>
    <t>Abdullah Tahir</t>
  </si>
  <si>
    <t>GPS 81/5-R</t>
  </si>
  <si>
    <t>Chak No81/5-R Sahiwal</t>
  </si>
  <si>
    <t>Chak no.81/5-R sahiwal</t>
  </si>
  <si>
    <t>GPS 81-82/10-R, KHANEWAL</t>
  </si>
  <si>
    <t>Chak 8182/10R</t>
  </si>
  <si>
    <t>81-82/10-R</t>
  </si>
  <si>
    <t>GPS 82 GB</t>
  </si>
  <si>
    <t>BOLAKI</t>
  </si>
  <si>
    <t>CHAK NO.82 GB KOT GORAYA</t>
  </si>
  <si>
    <t>Chak No 82 Gb Kote</t>
  </si>
  <si>
    <t>Chak No 82 Gb</t>
  </si>
  <si>
    <t>GPS 82/12-L</t>
  </si>
  <si>
    <t>82/12 L</t>
  </si>
  <si>
    <t>chak no 82/12L Tehsil Chichawatni District Sahiwal</t>
  </si>
  <si>
    <t>chak no 82/12L</t>
  </si>
  <si>
    <t>chak no 31/14L</t>
  </si>
  <si>
    <t>GPS 83 EB</t>
  </si>
  <si>
    <t>Mumtaz Ahmad Nasir</t>
  </si>
  <si>
    <t>GPS 83-85/10-R, KHANEWAL</t>
  </si>
  <si>
    <t>83-85/10-R</t>
  </si>
  <si>
    <t>chak 83-85/10-R</t>
  </si>
  <si>
    <t>Chak83-85/10-R</t>
  </si>
  <si>
    <t>86/10R</t>
  </si>
  <si>
    <t>Mukhtar Masih</t>
  </si>
  <si>
    <t>GPS 84 GB</t>
  </si>
  <si>
    <t>Fojpur</t>
  </si>
  <si>
    <t>chak no 84gb fojpur, tehsil &amp; district faisalabad</t>
  </si>
  <si>
    <t>CHAK No 84 GB</t>
  </si>
  <si>
    <t>82gb Kot goraya</t>
  </si>
  <si>
    <t>GPS 84/5-L</t>
  </si>
  <si>
    <t>84/5L</t>
  </si>
  <si>
    <t>chak no. 84/5L sahiwal</t>
  </si>
  <si>
    <t>GPS 84A/12-L</t>
  </si>
  <si>
    <t>84A/12.L</t>
  </si>
  <si>
    <t>GPS 85/12-L</t>
  </si>
  <si>
    <t>85/12L</t>
  </si>
  <si>
    <t>chak No.85/12L tehsil chichawatni district sahiwal</t>
  </si>
  <si>
    <t>UC 92/12L</t>
  </si>
  <si>
    <t>GPS 85/5-L</t>
  </si>
  <si>
    <t>85/5-L</t>
  </si>
  <si>
    <t>85/5 SWL</t>
  </si>
  <si>
    <t>Mahram Khan</t>
  </si>
  <si>
    <t>GPS 85/D</t>
  </si>
  <si>
    <t>chak no 85d pakpattan</t>
  </si>
  <si>
    <t>Mohammad Shahid Mumtaz</t>
  </si>
  <si>
    <t>GPS 86 EB ARIF WALA</t>
  </si>
  <si>
    <t>86 eb</t>
  </si>
  <si>
    <t>Tariq Habib</t>
  </si>
  <si>
    <t>GPS 86 WB</t>
  </si>
  <si>
    <t>86wb</t>
  </si>
  <si>
    <t>Chao no 86wb</t>
  </si>
  <si>
    <t>Shatab Gharh</t>
  </si>
  <si>
    <t>GPS 86/12-L</t>
  </si>
  <si>
    <t>chak 86/12.L</t>
  </si>
  <si>
    <t>GPS 86/9-L</t>
  </si>
  <si>
    <t>86/9L</t>
  </si>
  <si>
    <t>86/9.L</t>
  </si>
  <si>
    <t>Hakim Ali</t>
  </si>
  <si>
    <t>GPS 87 GB</t>
  </si>
  <si>
    <t>Babe Di Bair</t>
  </si>
  <si>
    <t>chak no  87 GB</t>
  </si>
  <si>
    <t>Chak 87GB</t>
  </si>
  <si>
    <t>258 RB pharala</t>
  </si>
  <si>
    <t>mineral water plant</t>
  </si>
  <si>
    <t>GPS 87/12-L KALAN</t>
  </si>
  <si>
    <t>87/12l Kalan</t>
  </si>
  <si>
    <t>87/12.l kalan</t>
  </si>
  <si>
    <t>88/12l</t>
  </si>
  <si>
    <t>GPS 87/12-L KHURD</t>
  </si>
  <si>
    <t>87/12.L(kh)</t>
  </si>
  <si>
    <t>chak no 87/12.L(Kh)</t>
  </si>
  <si>
    <t>87/12.L(Kh)</t>
  </si>
  <si>
    <t>88/12.L</t>
  </si>
  <si>
    <t>Abid Rasool</t>
  </si>
  <si>
    <t>GPS 87/6-R CHUBARAY WALI</t>
  </si>
  <si>
    <t>87/6R Chubarewali</t>
  </si>
  <si>
    <t>87/6R chubarewali</t>
  </si>
  <si>
    <t>87/A6rchubarewali</t>
  </si>
  <si>
    <t>Hafiz M Akhter Hussain</t>
  </si>
  <si>
    <t>GPS 87/9-L</t>
  </si>
  <si>
    <t>Chak No 87/9L</t>
  </si>
  <si>
    <t>Chak No. 87/9L</t>
  </si>
  <si>
    <t>87/9L</t>
  </si>
  <si>
    <t>GPS 87-A/6-R MANDHALI SHARIF</t>
  </si>
  <si>
    <t>Chak No 87A/ 6R</t>
  </si>
  <si>
    <t>87-A6-R Madhali sharif</t>
  </si>
  <si>
    <t>87-A/6-R Madhali Sharif</t>
  </si>
  <si>
    <t>Qadeer Ahmad</t>
  </si>
  <si>
    <t>GPS 88/12-L KALAN</t>
  </si>
  <si>
    <t>8812L</t>
  </si>
  <si>
    <t>Muhammad bashir</t>
  </si>
  <si>
    <t>GPS 88/D</t>
  </si>
  <si>
    <t>88/D</t>
  </si>
  <si>
    <t>88/D Pakpattan</t>
  </si>
  <si>
    <t>Noor Ahmad Naeem</t>
  </si>
  <si>
    <t>GPS 88-A/12-L</t>
  </si>
  <si>
    <t>chak no 88A/12L</t>
  </si>
  <si>
    <t>Chak 88A/12L teh chichawatni district sahiwal</t>
  </si>
  <si>
    <t>88A/12L</t>
  </si>
  <si>
    <t>Chak no 88/12L</t>
  </si>
  <si>
    <t>GPS 89 GB</t>
  </si>
  <si>
    <t>Chak 89 GB</t>
  </si>
  <si>
    <t>Chak no 89 GB</t>
  </si>
  <si>
    <t>32 GB</t>
  </si>
  <si>
    <t>Muhammad Nadeem Iqbal</t>
  </si>
  <si>
    <t>GPS 89/15-L BHENI BALIAN, MIAN CHANNU (PEF,PSSP PHASE III)</t>
  </si>
  <si>
    <t>Bhaini Balian</t>
  </si>
  <si>
    <t>Chak No 89/15L P/O Chak No 64/15L Tehsil Mian Channu 
district Khanewal</t>
  </si>
  <si>
    <t>GPS 89/15-L BHENI GARWAHAN, MIAN CHANNU</t>
  </si>
  <si>
    <t>Bhani Garwahan</t>
  </si>
  <si>
    <t>GPS 89/15L Bhaini Garwhan P/O 64/15L Teh..mianchannu</t>
  </si>
  <si>
    <t>Chak# 89/15L</t>
  </si>
  <si>
    <t>GPS 89/9-L</t>
  </si>
  <si>
    <t>89/9l</t>
  </si>
  <si>
    <t>johar town sahiwal</t>
  </si>
  <si>
    <t>M Bashir</t>
  </si>
  <si>
    <t>GPS 9 JB</t>
  </si>
  <si>
    <t>chak no 9 jb</t>
  </si>
  <si>
    <t>chak no. 9 jb bholay wal</t>
  </si>
  <si>
    <t>chak no. 9 jb</t>
  </si>
  <si>
    <t>MUHAMMAD SAIFULLAH</t>
  </si>
  <si>
    <t>sold water can from Bazaar</t>
  </si>
  <si>
    <t>GPS 9 SP</t>
  </si>
  <si>
    <t>Musawal</t>
  </si>
  <si>
    <t>chak 9 s.p</t>
  </si>
  <si>
    <t>Chak 9sp</t>
  </si>
  <si>
    <t>Mkusay Wall</t>
  </si>
  <si>
    <t>Shehzad Akram</t>
  </si>
  <si>
    <t>GPS 9/11-L</t>
  </si>
  <si>
    <t>9/11 L</t>
  </si>
  <si>
    <t>Chak#9/11 L Bumbi Chichawatni.</t>
  </si>
  <si>
    <t>9/11 L Bumbi</t>
  </si>
  <si>
    <t>Muhammad Naveed Iqbal</t>
  </si>
  <si>
    <t>GPS 9/D, P/O DARKHANA, ABDUL HAKIM</t>
  </si>
  <si>
    <t>9 D Darkhana</t>
  </si>
  <si>
    <t>chak no 9d darkhana tehsil kabirwala district khanewal</t>
  </si>
  <si>
    <t>Chak No 9d</t>
  </si>
  <si>
    <t>Muhammad Umar Jamil</t>
  </si>
  <si>
    <t>GPS 9/EB</t>
  </si>
  <si>
    <t>Chack No. 9/EB</t>
  </si>
  <si>
    <t>Chack No 9/EB</t>
  </si>
  <si>
    <t>13/EB</t>
  </si>
  <si>
    <t>Ghulam Rasool Tsbassum</t>
  </si>
  <si>
    <t>GPS 90 EB P.O SAME ARIF WALA</t>
  </si>
  <si>
    <t>90/eb</t>
  </si>
  <si>
    <t>chak 90/e.b p/o same</t>
  </si>
  <si>
    <t>NASIM MUMTAZ</t>
  </si>
  <si>
    <t>GPS 90 GB</t>
  </si>
  <si>
    <t>90 GB</t>
  </si>
  <si>
    <t>chak No 90 gb aliabad p/o same, tehsil &amp; distt. Faisalabad</t>
  </si>
  <si>
    <t>90 GB Aliabad</t>
  </si>
  <si>
    <t>Chak No 91 GB Jagatpur</t>
  </si>
  <si>
    <t>Fasih Ud Din</t>
  </si>
  <si>
    <t>GPS 90/6-R</t>
  </si>
  <si>
    <t>90/6R</t>
  </si>
  <si>
    <t>chak#90/6R sahiwal</t>
  </si>
  <si>
    <t>GPS 90-A/6-R</t>
  </si>
  <si>
    <t>Chak # 90-A/6-R</t>
  </si>
  <si>
    <t>90-A/6-R</t>
  </si>
  <si>
    <t>GPS 91/12-L</t>
  </si>
  <si>
    <t>91/12L</t>
  </si>
  <si>
    <t>chak no 91/12.L</t>
  </si>
  <si>
    <t>GPS 91/6R</t>
  </si>
  <si>
    <t>91/6-R</t>
  </si>
  <si>
    <t>Chack no. 91/6-R</t>
  </si>
  <si>
    <t>GPS 91/9-L</t>
  </si>
  <si>
    <t>Achlana 91/9L</t>
  </si>
  <si>
    <t>chak no 91/9l sahiwal</t>
  </si>
  <si>
    <t>Chak No 91/9l Swl</t>
  </si>
  <si>
    <t>GPS 92 RB-II</t>
  </si>
  <si>
    <t>92 R B</t>
  </si>
  <si>
    <t>Chak No 92 R. B II</t>
  </si>
  <si>
    <t>92 R B II</t>
  </si>
  <si>
    <t>61 R B</t>
  </si>
  <si>
    <t>Shahbaz Ul Haq</t>
  </si>
  <si>
    <t>GPS 92/12-L</t>
  </si>
  <si>
    <t>92/12 L</t>
  </si>
  <si>
    <t>Samreen Khaliq</t>
  </si>
  <si>
    <t>GPS 92/9-L ZARAI FARM</t>
  </si>
  <si>
    <t>chak no.92/9L Zarati Farm</t>
  </si>
  <si>
    <t>92/9L Zarati Farm</t>
  </si>
  <si>
    <t>GPS 92/DB DIN GARH</t>
  </si>
  <si>
    <t>chak No. 92/dB Yazman</t>
  </si>
  <si>
    <t>Chak No. 92/DB</t>
  </si>
  <si>
    <t>Hamza Irshad</t>
  </si>
  <si>
    <t>GPS 93/12-L</t>
  </si>
  <si>
    <t>chak 93/12.L</t>
  </si>
  <si>
    <t>Walyait Ali</t>
  </si>
  <si>
    <t>GPS 93/9-L</t>
  </si>
  <si>
    <t>93/9L</t>
  </si>
  <si>
    <t>Chak No 93/9L Sahiwal</t>
  </si>
  <si>
    <t>GPS 93/D</t>
  </si>
  <si>
    <t>Chack No 93/D</t>
  </si>
  <si>
    <t>Chack No 93/</t>
  </si>
  <si>
    <t>chack No 93/D</t>
  </si>
  <si>
    <t>Muhammad DilnawazHussain</t>
  </si>
  <si>
    <t>GPS 93/M</t>
  </si>
  <si>
    <t>93m</t>
  </si>
  <si>
    <t>mouza bhuteji 93m</t>
  </si>
  <si>
    <t>GPS 94 RB</t>
  </si>
  <si>
    <t>Atti</t>
  </si>
  <si>
    <t>chak no 94 R.B Atti</t>
  </si>
  <si>
    <t>Chak 94 RB</t>
  </si>
  <si>
    <t>Chak 97</t>
  </si>
  <si>
    <t>GPS 94 WB</t>
  </si>
  <si>
    <t>chak 94 wb garha more mailsi vehari</t>
  </si>
  <si>
    <t>Jameel Ahmed</t>
  </si>
  <si>
    <t>GPS 94/10-R, P/O 93/10-R, KHANEWAL</t>
  </si>
  <si>
    <t>94/10r</t>
  </si>
  <si>
    <t>chak no 94/10_r</t>
  </si>
  <si>
    <t>73/10r</t>
  </si>
  <si>
    <t>GPS 94/12-L</t>
  </si>
  <si>
    <t>chak no 94/12.L</t>
  </si>
  <si>
    <t>GPS 94/6-R</t>
  </si>
  <si>
    <t>946/r</t>
  </si>
  <si>
    <t>89/6r</t>
  </si>
  <si>
    <t>Kiran Angel</t>
  </si>
  <si>
    <t>GPS 96 EB</t>
  </si>
  <si>
    <t>Chak No 96/EB</t>
  </si>
  <si>
    <t>GPS.96/E B Tehsil Burewala District Vehari</t>
  </si>
  <si>
    <t>Chak No 96/E B</t>
  </si>
  <si>
    <t>Rabia Amin</t>
  </si>
  <si>
    <t>GPS 96 WB</t>
  </si>
  <si>
    <t>chak # 96/wb</t>
  </si>
  <si>
    <t>chak #96/wb Tehsil Mailsi District Vehari</t>
  </si>
  <si>
    <t>Chak # 96/wb</t>
  </si>
  <si>
    <t>GPS 96/12-L</t>
  </si>
  <si>
    <t>Chak No.96/12.L</t>
  </si>
  <si>
    <t>GPS 97 RB-I</t>
  </si>
  <si>
    <t>97 RB Johal</t>
  </si>
  <si>
    <t>Chak no 97 RB johal</t>
  </si>
  <si>
    <t>97 RB JOHAL</t>
  </si>
  <si>
    <t>GPS 97/10-R, JAHANIAN</t>
  </si>
  <si>
    <t>Chak No 97/10-R</t>
  </si>
  <si>
    <t>Chak No 97/10-R tehsil jahanian district khanewal</t>
  </si>
  <si>
    <t>Vehniwal 55/10-R</t>
  </si>
  <si>
    <t>Niaz Gull</t>
  </si>
  <si>
    <t>GPS 97/9L</t>
  </si>
  <si>
    <t>97/9L</t>
  </si>
  <si>
    <t>Chack No 97/9-L Sahiwal</t>
  </si>
  <si>
    <t>Chack No 110/9-L</t>
  </si>
  <si>
    <t>Shahzaman Khan</t>
  </si>
  <si>
    <t>GPS 97/M</t>
  </si>
  <si>
    <t>Chak No 97/m</t>
  </si>
  <si>
    <t>basti Ghareeb abad chak no 97/M lodhran</t>
  </si>
  <si>
    <t>New Adam Wahen</t>
  </si>
  <si>
    <t>GPS 98 EB</t>
  </si>
  <si>
    <t>chak No 98/E.B</t>
  </si>
  <si>
    <t>Nasim Iqbal</t>
  </si>
  <si>
    <t>GPS 98/12-L</t>
  </si>
  <si>
    <t>98/12L</t>
  </si>
  <si>
    <t>GPS 98/12L</t>
  </si>
  <si>
    <t>20/14-L</t>
  </si>
  <si>
    <t>Syed Ijaz Hussain</t>
  </si>
  <si>
    <t>GPS 98/12-L MIAN KHARA</t>
  </si>
  <si>
    <t>98/12-L Mian Khaira</t>
  </si>
  <si>
    <t>chak no 98(a)/12-l (Basti Mian Khaira)</t>
  </si>
  <si>
    <t>98A/12-LMian Khaira</t>
  </si>
  <si>
    <t>Mujahid Shahzada</t>
  </si>
  <si>
    <t>GPS 98-A/10-R, JAHANIAN</t>
  </si>
  <si>
    <t>chak no. 98A/10-R</t>
  </si>
  <si>
    <t>98A/10-R</t>
  </si>
  <si>
    <t>Chak No 102/10-R</t>
  </si>
  <si>
    <t>Muhammad Shahid Raza</t>
  </si>
  <si>
    <t>GPS 99/10-R, JAHANIAN</t>
  </si>
  <si>
    <t>GPS 99/10-R Markaz Jahanian District Khanewal</t>
  </si>
  <si>
    <t>99/10-R</t>
  </si>
  <si>
    <t>100/10-R</t>
  </si>
  <si>
    <t>GPS 99/12-L</t>
  </si>
  <si>
    <t>9912-L</t>
  </si>
  <si>
    <t>Chak No99\12- L Teh chichawatni Distt saiwalL</t>
  </si>
  <si>
    <t>Chak No 9912L</t>
  </si>
  <si>
    <t>99/12 L</t>
  </si>
  <si>
    <t>A lambardar</t>
  </si>
  <si>
    <t>GPS 99/6-R</t>
  </si>
  <si>
    <t>Chack No.99/.6.R</t>
  </si>
  <si>
    <t>M Asif  Khan</t>
  </si>
  <si>
    <t>GPS AADIL WALA</t>
  </si>
  <si>
    <t>basti ahmad khan</t>
  </si>
  <si>
    <t>GPS AAHATA LEGHARI</t>
  </si>
  <si>
    <t>Basti Shah Muhammad Mari Tillu Road Sadiq abad district RYK</t>
  </si>
  <si>
    <t>Basti Shah Muhammad  Muhammad Mari</t>
  </si>
  <si>
    <t>GPS AAJRIAN WALA</t>
  </si>
  <si>
    <t>dera aajrian wala nali</t>
  </si>
  <si>
    <t>Dera Aajrian Wala</t>
  </si>
  <si>
    <t>Nali Shumali</t>
  </si>
  <si>
    <t>zia Ul Mustafa</t>
  </si>
  <si>
    <t>GPS AAJRY WALA</t>
  </si>
  <si>
    <t>chah Aajri wala Mouza Hala kot Addu</t>
  </si>
  <si>
    <t>Aajri Wala</t>
  </si>
  <si>
    <t>GPS AAKI</t>
  </si>
  <si>
    <t>VPO Aaki Mandi Baha-ud-din</t>
  </si>
  <si>
    <t>GPS AAKI KEY</t>
  </si>
  <si>
    <t>AAKI KAY</t>
  </si>
  <si>
    <t>Dhuttay P/O, Tehsil Chunian District Kasur</t>
  </si>
  <si>
    <t>Shabbir Ahmed Sethi</t>
  </si>
  <si>
    <t>GPS AAKU KA HITHAR</t>
  </si>
  <si>
    <t>Akuka Hitar</t>
  </si>
  <si>
    <t>Moza Akuka Hitar UC No. 28 Sanetka</t>
  </si>
  <si>
    <t>Sanattika</t>
  </si>
  <si>
    <t>Muhammad Muddassar</t>
  </si>
  <si>
    <t>GPS AALAM RAB NAWAZ</t>
  </si>
  <si>
    <t>Muzamil Naseer</t>
  </si>
  <si>
    <t>GPS AALI WALA</t>
  </si>
  <si>
    <t>Aali Wala Khas Tehsil Kot Chutta District Dera Ghazi Khan</t>
  </si>
  <si>
    <t>Aali wala</t>
  </si>
  <si>
    <t>GPS AAQIL PUR</t>
  </si>
  <si>
    <t>GPS AQILPUR</t>
  </si>
  <si>
    <t>Hafiz Ghulam Murtaza</t>
  </si>
  <si>
    <t>GPS AARIF BLOCH</t>
  </si>
  <si>
    <t>Aarif Baloch</t>
  </si>
  <si>
    <t>basti arif baloch</t>
  </si>
  <si>
    <t>Basti Ameer Bukhsh Khan</t>
  </si>
  <si>
    <t>Muhammad Abbas Abbasi</t>
  </si>
  <si>
    <t>GPS ABA BAKAR</t>
  </si>
  <si>
    <t>Ababakar</t>
  </si>
  <si>
    <t>vpo ababakar tehsil hazro district attock</t>
  </si>
  <si>
    <t>GPS ABAAS NAGAR</t>
  </si>
  <si>
    <t>Allah Jawaya Lar</t>
  </si>
  <si>
    <t>GPS Abbas nager</t>
  </si>
  <si>
    <t>Abba Nager</t>
  </si>
  <si>
    <t>GPS ABADI BODHRAG</t>
  </si>
  <si>
    <t>Jalal pur Jattan</t>
  </si>
  <si>
    <t>g p s bodhraj  Jalal pur jattan</t>
  </si>
  <si>
    <t>GPS ABADI HANIF MUHAJIR</t>
  </si>
  <si>
    <t>Rural Lalian</t>
  </si>
  <si>
    <t>sangra Road Lalian</t>
  </si>
  <si>
    <t>Abadi HanifMuhajar</t>
  </si>
  <si>
    <t>GPS ABADI HAYAT SHAH</t>
  </si>
  <si>
    <t>Abadi Hayat Shah vilage</t>
  </si>
  <si>
    <t>Abadi Hayat Shah</t>
  </si>
  <si>
    <t>Muhammad Hassaan</t>
  </si>
  <si>
    <t>GPS ABADI JANJUA</t>
  </si>
  <si>
    <t>abadi janjua</t>
  </si>
  <si>
    <t>Abadi Janjua</t>
  </si>
  <si>
    <t>Jamil Ahmad Khan</t>
  </si>
  <si>
    <t>GPS ABADI LAL SHAH</t>
  </si>
  <si>
    <t>abadi lal shah</t>
  </si>
  <si>
    <t>Abadi Lal Shah</t>
  </si>
  <si>
    <t>Muhammad Ahsan Aslam</t>
  </si>
  <si>
    <t>GPS ABBAS ARBI</t>
  </si>
  <si>
    <t>Gps Abbas Arbi Mouza Abbas Arbi</t>
  </si>
  <si>
    <t>Basti Ghunian</t>
  </si>
  <si>
    <t>Muhammad Sulman</t>
  </si>
  <si>
    <t>GPS ABBAS PURA</t>
  </si>
  <si>
    <t>abbas pura</t>
  </si>
  <si>
    <t>lashari</t>
  </si>
  <si>
    <t>Hafiz Abdul Ghani</t>
  </si>
  <si>
    <t>GPS ABBIZAR KHAN WALA</t>
  </si>
  <si>
    <t>Dilla Mir Wala</t>
  </si>
  <si>
    <t>wandha Abi zar khan wala</t>
  </si>
  <si>
    <t>Abi Zar Khan Wala</t>
  </si>
  <si>
    <t>GPS ABBUWALA</t>
  </si>
  <si>
    <t>Abbuwala</t>
  </si>
  <si>
    <t>abbuwala</t>
  </si>
  <si>
    <t>Mubharay Khan</t>
  </si>
  <si>
    <t>Abbas Raza Shah</t>
  </si>
  <si>
    <t>GPS ABDAL</t>
  </si>
  <si>
    <t>vpo abdal Teh.bhalwal distt.sargodha</t>
  </si>
  <si>
    <t>GPS ABDAL KEY</t>
  </si>
  <si>
    <t>Abdal Key</t>
  </si>
  <si>
    <t>abdal key p/o haveli lakha tehsil depalpur disst okara</t>
  </si>
  <si>
    <t>Naeem sabir</t>
  </si>
  <si>
    <t>GPS ABDUL GHAFFAR</t>
  </si>
  <si>
    <t>Noshehra Jadid</t>
  </si>
  <si>
    <t>Basti Abdul Ghaffar Moza Noshehra jadid Tehsil Ahmed Pur East District Bahawalpur</t>
  </si>
  <si>
    <t>GPS ABDUL HAKEEM COLONY</t>
  </si>
  <si>
    <t>Gps Abdul hakeem colony, basti jamal shah</t>
  </si>
  <si>
    <t>Basti Jamal Shah</t>
  </si>
  <si>
    <t>MUHAMMAD NASRULLAH</t>
  </si>
  <si>
    <t>GPS ABDUL KHALIQ FARASH</t>
  </si>
  <si>
    <t>GPS abdul khaliq frash</t>
  </si>
  <si>
    <t>Abdul Khaliq Frash</t>
  </si>
  <si>
    <t>GPS ABDUL MAJEED</t>
  </si>
  <si>
    <t>M0nithal</t>
  </si>
  <si>
    <t>5/p</t>
  </si>
  <si>
    <t>jetha Bhutta</t>
  </si>
  <si>
    <t>Taj Mahmood</t>
  </si>
  <si>
    <t>GPS ABDUL MAJEED SOLGI</t>
  </si>
  <si>
    <t>Mud Peerwah</t>
  </si>
  <si>
    <t>GPS Abdul Majeed Balouch Solagi Moza Mud Peerwah Basti Ghulam Hussain Solagi</t>
  </si>
  <si>
    <t>Basti ghulam Hussain Solagi</t>
  </si>
  <si>
    <t>Mujahid U Ddin</t>
  </si>
  <si>
    <t>GPS ABDUL RAHIM KHAN WALA</t>
  </si>
  <si>
    <t>Kalluwa Wala</t>
  </si>
  <si>
    <t>village abdul raheem khan wala</t>
  </si>
  <si>
    <t>Abdul Raheem Khan</t>
  </si>
  <si>
    <t>GPS ABDULAH PUR</t>
  </si>
  <si>
    <t>Basti Abdullahpur Chak 10 Fw Tehsil Chishtian District Bhawalnagar</t>
  </si>
  <si>
    <t>bring the water from nearby house</t>
  </si>
  <si>
    <t>GPS ABDULLAH ABAD</t>
  </si>
  <si>
    <t>abdullahabad</t>
  </si>
  <si>
    <t>Abdullahbad</t>
  </si>
  <si>
    <t>Muhammad Asif Javed</t>
  </si>
  <si>
    <t>GPS ABDULLAH COLONY</t>
  </si>
  <si>
    <t>hujra Shah muqeem</t>
  </si>
  <si>
    <t>Abdullahcolonyhujra</t>
  </si>
  <si>
    <t>Muhammad Amin Asi</t>
  </si>
  <si>
    <t>GPS ABDULLAH KHOJI</t>
  </si>
  <si>
    <t>Dhahy Wala</t>
  </si>
  <si>
    <t>basti abdullah khan moza dhahy wala chanigoth</t>
  </si>
  <si>
    <t>Chanigoth</t>
  </si>
  <si>
    <t>GPS ABDULLAH PUR NO 2</t>
  </si>
  <si>
    <t>Dal</t>
  </si>
  <si>
    <t>sadik abad 2/7 thal</t>
  </si>
  <si>
    <t>Sadik Abad</t>
  </si>
  <si>
    <t>GPS ABDULLAH THARI</t>
  </si>
  <si>
    <t>Ha soo Wala</t>
  </si>
  <si>
    <t>basti thri</t>
  </si>
  <si>
    <t>Abdullah Theri</t>
  </si>
  <si>
    <t>Bago Bhar</t>
  </si>
  <si>
    <t>GPS ABDULLAH WAH</t>
  </si>
  <si>
    <t>basti Abdullah wah</t>
  </si>
  <si>
    <t>GPS ABDULLAH WALA</t>
  </si>
  <si>
    <t>Tibba Mustaqil Sharqi Daira Din Panah</t>
  </si>
  <si>
    <t>Abdullah wala</t>
  </si>
  <si>
    <t>GPS ABID ABAD</t>
  </si>
  <si>
    <t>basti Abid abad</t>
  </si>
  <si>
    <t>GPS ABID BAGH</t>
  </si>
  <si>
    <t>Muhammad Murad Machi</t>
  </si>
  <si>
    <t>Basti Abid Bagh, Moza Muhammad Murad Machi, PO goth machi, Tillu Road,  Sadiqabad</t>
  </si>
  <si>
    <t>Abid Bagh</t>
  </si>
  <si>
    <t>MOHAMMAD YOQOOB</t>
  </si>
  <si>
    <t>GPS ABID STUD</t>
  </si>
  <si>
    <t>Kot Dharma</t>
  </si>
  <si>
    <t>moza kot Dharma</t>
  </si>
  <si>
    <t>Kot Dharama</t>
  </si>
  <si>
    <t>GPS ABU SAEED P/O BAHADUR PUR ABO SAEED</t>
  </si>
  <si>
    <t>Abu Saeed p/o Bahadar pur</t>
  </si>
  <si>
    <t>GPS ABU ZAHBI COLONY NO. 1</t>
  </si>
  <si>
    <t>Chak No 52/p</t>
  </si>
  <si>
    <t>Abu Zahbi Colony No. 1</t>
  </si>
  <si>
    <t>Chak No 51/p</t>
  </si>
  <si>
    <t>GPS ABU ZAHBI COLONY NO. 4</t>
  </si>
  <si>
    <t>54p</t>
  </si>
  <si>
    <t>colony 3</t>
  </si>
  <si>
    <t>Colony 3</t>
  </si>
  <si>
    <t>GPS ABUL FATEH WALI</t>
  </si>
  <si>
    <t>Abu Al Fateh Wali</t>
  </si>
  <si>
    <t>Abu Al Fateh wali</t>
  </si>
  <si>
    <t>Tariq Mehmood Cheema</t>
  </si>
  <si>
    <t>GPS ABULLAH PUR</t>
  </si>
  <si>
    <t>GPS ABUVEHNI WAL</t>
  </si>
  <si>
    <t>Abu Wehniwal</t>
  </si>
  <si>
    <t>Darbar Sala Din</t>
  </si>
  <si>
    <t>GPS ABWAL</t>
  </si>
  <si>
    <t>Abwal</t>
  </si>
  <si>
    <t>village abwal tehsil jand district attock</t>
  </si>
  <si>
    <t>Ghuam Abbas</t>
  </si>
  <si>
    <t>GPS ACHAL KAY MOZA ACHAL KAY</t>
  </si>
  <si>
    <t>Achalkay</t>
  </si>
  <si>
    <t>Acha lKay</t>
  </si>
  <si>
    <t>Abdulhammed Shaker</t>
  </si>
  <si>
    <t>GPS ADA SHAIKHAN</t>
  </si>
  <si>
    <t>Adda sheikhan Tehsil Lalian Disst. Chiniot</t>
  </si>
  <si>
    <t>Adda Sheikhan</t>
  </si>
  <si>
    <t>GPS ADAM ABAD</t>
  </si>
  <si>
    <t>Gps Adam Abad, chak Islamabad kpt</t>
  </si>
  <si>
    <t>Mohammad Waseem</t>
  </si>
  <si>
    <t>GPS ADAM ARAIN PO SARDAR GARH</t>
  </si>
  <si>
    <t>P/O Sardar Grh Teh and Distt Rahim Yar Khan</t>
  </si>
  <si>
    <t>Kashif Aleem</t>
  </si>
  <si>
    <t>GPS ADAM WALA CHAK NO.114 TDA</t>
  </si>
  <si>
    <t>chak no 114 A TDA teh &amp; distt layyah</t>
  </si>
  <si>
    <t>Adam Wala 114A TDA</t>
  </si>
  <si>
    <t>GPS ADAMKAY NAGRA</t>
  </si>
  <si>
    <t>vpo Adam kay nagra teh.pasrur distt.sialkot</t>
  </si>
  <si>
    <t>Adam  Kay Nagra</t>
  </si>
  <si>
    <t>GPS ADBULLAH TOWN FOR ABBAS</t>
  </si>
  <si>
    <t>MC II</t>
  </si>
  <si>
    <t>GPS ADDA BARKAT WALA</t>
  </si>
  <si>
    <t>Rakh Dagranwali</t>
  </si>
  <si>
    <t>Adda barkat wala, post office barkt wala</t>
  </si>
  <si>
    <t>MUHAMMAD ASIF ALI</t>
  </si>
  <si>
    <t>GPS ADDA BUCHEKI</t>
  </si>
  <si>
    <t>BUCHEKI - MALE</t>
  </si>
  <si>
    <t>Chah Jeedha</t>
  </si>
  <si>
    <t>Chah Jeeda Adda Bucheki Tehsil &amp; Nankana Sahib</t>
  </si>
  <si>
    <t>GPS ADDA DHING SHAH</t>
  </si>
  <si>
    <t>Adda Dhing Shah</t>
  </si>
  <si>
    <t>adda Dhing Shah</t>
  </si>
  <si>
    <t>GPS ADDA KASSOWAL</t>
  </si>
  <si>
    <t>11812L</t>
  </si>
  <si>
    <t>118/12-L</t>
  </si>
  <si>
    <t>GPS ADDA MALKA HANS</t>
  </si>
  <si>
    <t>Noor Jhang</t>
  </si>
  <si>
    <t>abadi noor jhang malka hans pakpatan</t>
  </si>
  <si>
    <t>Sumair Zubair</t>
  </si>
  <si>
    <t>GPS ADDA MANGTAN WALA</t>
  </si>
  <si>
    <t>Adda Mangtanwala Mangtanwala</t>
  </si>
  <si>
    <t>GPS ADDA MANGTANWALA post office more khunda tehsil and district nankana sahib</t>
  </si>
  <si>
    <t>Amina Liaqat</t>
  </si>
  <si>
    <t>GPS ADDA MUHAMMAD WALA</t>
  </si>
  <si>
    <t>Jalal Wala</t>
  </si>
  <si>
    <t>chaha jalal WalaBasti Muhammad wala patti sultan mehmood post office langar sariae tehsil, district m. garh</t>
  </si>
  <si>
    <t>GPS ADDA PAHRIAN WALI</t>
  </si>
  <si>
    <t>Adda pahrianwali</t>
  </si>
  <si>
    <t>village adda pahrianwali tehsil PHALIA district mandi bha udin</t>
  </si>
  <si>
    <t>Heigerwala</t>
  </si>
  <si>
    <t>GPS ADDA SAHLOWAL</t>
  </si>
  <si>
    <t>Adda Salehwal</t>
  </si>
  <si>
    <t>Adda Salehwal the depalpur district okara</t>
  </si>
  <si>
    <t>Adda Salhowal</t>
  </si>
  <si>
    <t>GPS ADHA</t>
  </si>
  <si>
    <t>Village Adha</t>
  </si>
  <si>
    <t>GPS ADHAN WAH</t>
  </si>
  <si>
    <t>saeed pur mouza adhanwah minchinabad</t>
  </si>
  <si>
    <t>Ziaulqasmi</t>
  </si>
  <si>
    <t>GPS ADHAWAL</t>
  </si>
  <si>
    <t>Adhwal</t>
  </si>
  <si>
    <t>Village &amp; P/O adhwal District &amp;Tehsil RWP</t>
  </si>
  <si>
    <t>GPS ADHAY SHAH</t>
  </si>
  <si>
    <t>adhay Shah</t>
  </si>
  <si>
    <t>Adhay Shah</t>
  </si>
  <si>
    <t>GPS ADHE WALI KHOI</t>
  </si>
  <si>
    <t>Chak 91 Sb</t>
  </si>
  <si>
    <t>adhe wali khoi near gulberg town sargodha</t>
  </si>
  <si>
    <t>Adhe Wali Khoi</t>
  </si>
  <si>
    <t>88/SB</t>
  </si>
  <si>
    <t>Jawad Ahmad</t>
  </si>
  <si>
    <t>GPS ADHI BAGH MOZA TARAGARH P/O KHOKHAR</t>
  </si>
  <si>
    <t>adhi Bagh moza Tara garh markaz sher shah multan</t>
  </si>
  <si>
    <t>Saadia Ashraf</t>
  </si>
  <si>
    <t>GPS ADHO PARI</t>
  </si>
  <si>
    <t>qasim pur p/o hujra</t>
  </si>
  <si>
    <t>Bhelolpur</t>
  </si>
  <si>
    <t>Ali Abbas Sabir</t>
  </si>
  <si>
    <t>GPS ADHO RAI</t>
  </si>
  <si>
    <t>GPS Aadhoraey GRW</t>
  </si>
  <si>
    <t>Aadhoraey</t>
  </si>
  <si>
    <t>Arshad Ali Chishti</t>
  </si>
  <si>
    <t>GPS ADIL ABAD</t>
  </si>
  <si>
    <t>Chak No 590tda</t>
  </si>
  <si>
    <t>p/o waner tehsil kotadu district muzaffargarh</t>
  </si>
  <si>
    <t>Chak No 590</t>
  </si>
  <si>
    <t>GPS ADIL SHAH</t>
  </si>
  <si>
    <t>Basti Bhaya Moza Kacha Bhutta</t>
  </si>
  <si>
    <t>Tufail Muhammad</t>
  </si>
  <si>
    <t>GPS ADIL ZAI</t>
  </si>
  <si>
    <t>ADAL ZAI</t>
  </si>
  <si>
    <t>VILLAGE ADAL ZAI TEHSIL &amp; POST OFFICE HAZRO DISTRICT ATTOCK</t>
  </si>
  <si>
    <t>Zubair Muhammad Shah</t>
  </si>
  <si>
    <t>GPS ADLANA FAREEDKA</t>
  </si>
  <si>
    <t>Adlana Dhudhi</t>
  </si>
  <si>
    <t>adlana fareedka</t>
  </si>
  <si>
    <t>Sajid Hassan</t>
  </si>
  <si>
    <t>GPS ADLI KAY SOHAG</t>
  </si>
  <si>
    <t>Adli Kay Sohag</t>
  </si>
  <si>
    <t>Adli kay sohag havli lakha</t>
  </si>
  <si>
    <t>Adli Kay Sohg</t>
  </si>
  <si>
    <t>Ali  Waqas</t>
  </si>
  <si>
    <t>GPS ADMANIWALA</t>
  </si>
  <si>
    <t>VPO Bosal Sukha</t>
  </si>
  <si>
    <t>Admaniwala</t>
  </si>
  <si>
    <t>GPS ADOWAL</t>
  </si>
  <si>
    <t>village &amp; post office adowal gujrat</t>
  </si>
  <si>
    <t>Atta ullah yaqoob</t>
  </si>
  <si>
    <t>GPS ADP CHAK NO. 30-A/GD</t>
  </si>
  <si>
    <t>30A GD</t>
  </si>
  <si>
    <t>chak No 30 Agd p/o sadar gogera okara</t>
  </si>
  <si>
    <t>Chak No 30 a Gd</t>
  </si>
  <si>
    <t>Farm Bahadar Ngr</t>
  </si>
  <si>
    <t>Rajab Ali</t>
  </si>
  <si>
    <t>GPS ADP DAULA</t>
  </si>
  <si>
    <t>DAULA</t>
  </si>
  <si>
    <t>MOUZA DAULA POST OFFICE JABOKA TEHSIL AND DISTRICT OKARA</t>
  </si>
  <si>
    <t>THATHA LAKHAN</t>
  </si>
  <si>
    <t>GPS ADP KHYBER FARM</t>
  </si>
  <si>
    <t>Khyber Farm Okara</t>
  </si>
  <si>
    <t>GPS ADP Khyber farm Okara</t>
  </si>
  <si>
    <t>Khyber Farm</t>
  </si>
  <si>
    <t>Village-no/42-3R</t>
  </si>
  <si>
    <t>GPS ADP SAFDER ABAD</t>
  </si>
  <si>
    <t>SafdarAbad</t>
  </si>
  <si>
    <t>GPS ADP STATION HAJI CHAND</t>
  </si>
  <si>
    <t>Station Haji Chand</t>
  </si>
  <si>
    <t>Bhella Gulab Singh</t>
  </si>
  <si>
    <t>GPS ADP THATTA PEHLWAN KA</t>
  </si>
  <si>
    <t>TARIQ ABAD</t>
  </si>
  <si>
    <t>THATTA PEHLWAN KA DAKHALI MOUZA TARIQ ABAD POST OFFICE  JABOKA TEHSIL AND DISTRICT OKARA</t>
  </si>
  <si>
    <t>THATTA PEHLWAN KA</t>
  </si>
  <si>
    <t>GPS AFFAN JEE TOWN</t>
  </si>
  <si>
    <t>Affan Jee Town</t>
  </si>
  <si>
    <t>GPS Affan Jee Town,Gujranwala</t>
  </si>
  <si>
    <t>GPS AFTAB SHAHEEN ABAD BUND ROAD</t>
  </si>
  <si>
    <t>Shera kot</t>
  </si>
  <si>
    <t>Shaheen Abad Babu Sabu Band Road Lahore City</t>
  </si>
  <si>
    <t>Ain ul haq</t>
  </si>
  <si>
    <t>GPS AFZALPURA</t>
  </si>
  <si>
    <t>gps Afzalpura skg</t>
  </si>
  <si>
    <t>GPS AGAR KHANI P.O AGAR KHANI MOZA RUKKAN HATI</t>
  </si>
  <si>
    <t>Rukin Hatti</t>
  </si>
  <si>
    <t>tibi drkhan wali muza rukin hatti</t>
  </si>
  <si>
    <t>Tabi Drkhan Wali</t>
  </si>
  <si>
    <t>Mehmood Ul hassan Tariq</t>
  </si>
  <si>
    <t>GPS AGHZA KACH</t>
  </si>
  <si>
    <t>kacha bangi khel tehsil esa khel dist mianwali</t>
  </si>
  <si>
    <t>Kacah Bangi Khel</t>
  </si>
  <si>
    <t>Hayat Ullah Khan</t>
  </si>
  <si>
    <t>GPS AGROYA</t>
  </si>
  <si>
    <t>AGROYA</t>
  </si>
  <si>
    <t>village &amp; post office Agroya Tehsil Phalia District M.b.din</t>
  </si>
  <si>
    <t>Dherkan Kalan</t>
  </si>
  <si>
    <t>GPS AHALI KAMBOH</t>
  </si>
  <si>
    <t>Ahli Kamboh p/o Nehang Distt Sargodha</t>
  </si>
  <si>
    <t>GPS AHATA HAMION TANDLIANWALA</t>
  </si>
  <si>
    <t>GPS Ahata Hamion Tandlianwala Faisalabad</t>
  </si>
  <si>
    <t>Ahata Hamion</t>
  </si>
  <si>
    <t>GPS AHATA KHAI TANDLIANWALA</t>
  </si>
  <si>
    <t>GPS Ahata Khai Tandlianwala</t>
  </si>
  <si>
    <t>AHATA KHAI</t>
  </si>
  <si>
    <t>PINDI SHEIKH MUSA</t>
  </si>
  <si>
    <t>GPS AHATA LANGA</t>
  </si>
  <si>
    <t>Ahata Langa</t>
  </si>
  <si>
    <t>Raheem Nagar Chak No 576 Post Office Warburton Teh &amp; Dist Nankana Sahib</t>
  </si>
  <si>
    <t>Raheem Nagar</t>
  </si>
  <si>
    <t>Shaukat Rasool</t>
  </si>
  <si>
    <t>GPS AHATA MUHAMMAD KHAN</t>
  </si>
  <si>
    <t>Ali M Chishti</t>
  </si>
  <si>
    <t>GPS ahata muhammad khan markaz male 17 bwn</t>
  </si>
  <si>
    <t>Ahata M Khan</t>
  </si>
  <si>
    <t>GPS AHATA NAULAN</t>
  </si>
  <si>
    <t>Ahata Naulan</t>
  </si>
  <si>
    <t>ahata naulan near baggi masjid PO Syedwala Tehsil&amp;District Nankana Sb</t>
  </si>
  <si>
    <t>GPS AHDI</t>
  </si>
  <si>
    <t>Ahdi Sharif</t>
  </si>
  <si>
    <t>Ahdi Sharif Teh./District Mandi Bahauddin</t>
  </si>
  <si>
    <t>Chournd</t>
  </si>
  <si>
    <t>Nasar Iqbal</t>
  </si>
  <si>
    <t>GPS AHEER</t>
  </si>
  <si>
    <t>village Aheer P/O missa keswal the gujar khan</t>
  </si>
  <si>
    <t>GPS AHEER BELA, P/O THULL NAJEEB NAWAN SHEHR</t>
  </si>
  <si>
    <t>khara shahamand</t>
  </si>
  <si>
    <t>GPS AHEER BELA MOUZA KHARA SHAHAMAND P/O THULL NAJEEB TEHSIL KABIRWALA DISTT KHANEWAL</t>
  </si>
  <si>
    <t>THULL NAJEEB</t>
  </si>
  <si>
    <t>Ejaz Hussain Zargar</t>
  </si>
  <si>
    <t>GPS AHEER SURKHRU</t>
  </si>
  <si>
    <t>Aheer Surkhuru</t>
  </si>
  <si>
    <t>Gps Aheer Surkhuru, sahiwal,sargodha.</t>
  </si>
  <si>
    <t>Matloob Hassan</t>
  </si>
  <si>
    <t>GPS AHLAY WALA</t>
  </si>
  <si>
    <t>Ahlay Wala</t>
  </si>
  <si>
    <t>GPS Ahlay Wala</t>
  </si>
  <si>
    <t>Kishwar Abbas</t>
  </si>
  <si>
    <t>GPS AHL-E-HADEES MASJID</t>
  </si>
  <si>
    <t>near Masjid Ehle Hades' Fazilpur</t>
  </si>
  <si>
    <t>City Fazilpur</t>
  </si>
  <si>
    <t>MC Fazilpur</t>
  </si>
  <si>
    <t>GPS AHLI DHUBIANI</t>
  </si>
  <si>
    <t>Ahli Dhabiani</t>
  </si>
  <si>
    <t>Ahlidhabiani   verowal Tehsil Bhera Distt Sargodha</t>
  </si>
  <si>
    <t>Ahli dhabiani</t>
  </si>
  <si>
    <t>GPS AHLI RAWAN CHAK NO. 110 SB</t>
  </si>
  <si>
    <t>Ahli Rawan</t>
  </si>
  <si>
    <t>Ahli Rawan Chak 110 SB</t>
  </si>
  <si>
    <t>Chak 110 SB</t>
  </si>
  <si>
    <t>111 SB</t>
  </si>
  <si>
    <t>GPS AHLI SPALI</t>
  </si>
  <si>
    <t>Ahali Spali</t>
  </si>
  <si>
    <t>Ahali Spali chabba purana Bhalwal</t>
  </si>
  <si>
    <t>Water coller</t>
  </si>
  <si>
    <t>GPS AHLOO</t>
  </si>
  <si>
    <t>Ahloo village</t>
  </si>
  <si>
    <t>GPS AHLOO WAL TEH. PATTOKI</t>
  </si>
  <si>
    <t>AHLOOWAL</t>
  </si>
  <si>
    <t>P.O CHANGA MANGA AHLOOWAL</t>
  </si>
  <si>
    <t>JAMBAR KALAN</t>
  </si>
  <si>
    <t>Dildar Hussain Ur Rehman</t>
  </si>
  <si>
    <t>GPS AHLULAL VILL</t>
  </si>
  <si>
    <t>Ahlulal Narowal</t>
  </si>
  <si>
    <t>Muhammad  Younas</t>
  </si>
  <si>
    <t>GPS AHMA</t>
  </si>
  <si>
    <t>Dhoke Ahma</t>
  </si>
  <si>
    <t>Dhoke Ahma, Dakhili Khichi Post office  Jhatla Tehsil Talagang District Chakwal</t>
  </si>
  <si>
    <t>Zafar Iqbal Awan</t>
  </si>
  <si>
    <t>GPS AHMAD ABAD SANGLA HILL</t>
  </si>
  <si>
    <t>GPSAhmad Abad Sangla Hill</t>
  </si>
  <si>
    <t>naseem ahmad</t>
  </si>
  <si>
    <t>GPS AHMAD ARAIN</t>
  </si>
  <si>
    <t>Ahmad Arein</t>
  </si>
  <si>
    <t>mouza Ahmad Arein p/o sarghana  tehsil Mailsi  district  Vehari</t>
  </si>
  <si>
    <t>Muhammad Kamran Hussain</t>
  </si>
  <si>
    <t>GPS AHMAD BAGHILA</t>
  </si>
  <si>
    <t>MORAD K KATHIA-MALE</t>
  </si>
  <si>
    <t>Ahmad Baghila</t>
  </si>
  <si>
    <t>Ahmad baghila</t>
  </si>
  <si>
    <t>Murad K Kathia</t>
  </si>
  <si>
    <t>Muhammad Iltaf</t>
  </si>
  <si>
    <t>GPS AHMAD BAKHSH WALA</t>
  </si>
  <si>
    <t>cha abbas wala near head dad wala</t>
  </si>
  <si>
    <t>Farooq Haider</t>
  </si>
  <si>
    <t>GPS AHMAD BUKHSH BALOCH</t>
  </si>
  <si>
    <t>Gps Ahmad bux balouch basti ghulam Muhammad number dar</t>
  </si>
  <si>
    <t>Basti Ghulam Muhammad Numbers Dar Muhammad Number</t>
  </si>
  <si>
    <t>Sukhail-46</t>
  </si>
  <si>
    <t>GPS AHMAD BUKHSH BHATTI</t>
  </si>
  <si>
    <t>Basti bhattian mouza rajor hoo</t>
  </si>
  <si>
    <t>GPS AHMAD BUX DAD POTRA</t>
  </si>
  <si>
    <t>GPS Ahmad Bux Dad Potra</t>
  </si>
  <si>
    <t>Kotla Khan Muhammad Muhammad</t>
  </si>
  <si>
    <t>Muhammad Waqas Saleem</t>
  </si>
  <si>
    <t>GPS AHMAD DA LOKE</t>
  </si>
  <si>
    <t>ahmed da loke P.O shahpur Teh.Shahpur Dist.Sargodha</t>
  </si>
  <si>
    <t>Ahmed Da Loke</t>
  </si>
  <si>
    <t>GPS AHMAD DUB</t>
  </si>
  <si>
    <t>Ahmad Dub</t>
  </si>
  <si>
    <t>p/o jhok qalandar baksh basti ahmad dub</t>
  </si>
  <si>
    <t>GPS AHMAD KHAN JATT</t>
  </si>
  <si>
    <t>Basti Ahmad khan jatt kharar buzdar UC mubarki tehsil Taunsa Sharif Distt.D.G.Khan</t>
  </si>
  <si>
    <t>Ahmad Kahn Jatt</t>
  </si>
  <si>
    <t>Ghulam Mujtaba</t>
  </si>
  <si>
    <t>GPS AHMAD KOT</t>
  </si>
  <si>
    <t>Pirhar Sherqi</t>
  </si>
  <si>
    <t>Basti Ahmad Kot mouza pirhar sherqi kot addu</t>
  </si>
  <si>
    <t>Basti Ahmad Kot</t>
  </si>
  <si>
    <t>Abdul Sajid</t>
  </si>
  <si>
    <t>GPS AHMAD MAHTAM</t>
  </si>
  <si>
    <t>Ahmad Mehtam</t>
  </si>
  <si>
    <t>GPS Ahmad Mehtam</t>
  </si>
  <si>
    <t>Hahi Hussain</t>
  </si>
  <si>
    <t>GPS AHMAD PUR</t>
  </si>
  <si>
    <t>basti ahmad pur</t>
  </si>
  <si>
    <t>Rao Muhammad Kamran Jamil</t>
  </si>
  <si>
    <t>GPS AHMAD PUR GADHUKA</t>
  </si>
  <si>
    <t>Ahmed Ghadhoka</t>
  </si>
  <si>
    <t>Ahmed Ghadhoka Tehsil Minchinabad Distt. Bahawalnagar</t>
  </si>
  <si>
    <t>GPS AHMAD PUR, KOTLA SYED BAHAUDDIN, NAWAN SHEHR</t>
  </si>
  <si>
    <t>darbar syed mohammad</t>
  </si>
  <si>
    <t>Darbar Syed Mohammad</t>
  </si>
  <si>
    <t>Salarwahin</t>
  </si>
  <si>
    <t>Ghulam Jafar</t>
  </si>
  <si>
    <t>GPS AHMAD SHAH</t>
  </si>
  <si>
    <t>chak ahmad shah</t>
  </si>
  <si>
    <t>ahmad shah</t>
  </si>
  <si>
    <t>noor shah</t>
  </si>
  <si>
    <t>Syed Shahid Ali</t>
  </si>
  <si>
    <t>GPS AHMAD SHAH WALA</t>
  </si>
  <si>
    <t>Got. primary school ahmad shah wala u/c drahma</t>
  </si>
  <si>
    <t>Ahmad Shah Wala</t>
  </si>
  <si>
    <t>Yasir Farooq</t>
  </si>
  <si>
    <t>GPS AHMAD WALA REGULAR</t>
  </si>
  <si>
    <t>Douloana Ghrbi</t>
  </si>
  <si>
    <t>chah sharein wala Doloana ghrbi tehseel Ap sial jhang</t>
  </si>
  <si>
    <t>Douloana</t>
  </si>
  <si>
    <t>Mehmood Koat</t>
  </si>
  <si>
    <t>Toqeer Haider</t>
  </si>
  <si>
    <t>GPS AHMAD YAR</t>
  </si>
  <si>
    <t>Ahmad Kudan</t>
  </si>
  <si>
    <t>basti hamedullah,mouza Ahmad kudan, p/o zahir pir</t>
  </si>
  <si>
    <t>Munshi Hamedullah Dada</t>
  </si>
  <si>
    <t>GPS AHMADANI</t>
  </si>
  <si>
    <t>GPS AHMADPUR KOHNA</t>
  </si>
  <si>
    <t>Ahmadpur Kohna</t>
  </si>
  <si>
    <t>Govt Primary School , Ahmadpur Kohna, Tehsil Ahmadpur East , Bahawalpur.</t>
  </si>
  <si>
    <t>M Iqbal Shahid</t>
  </si>
  <si>
    <t>GPS AHMED ABAD DAKHLI HASIL</t>
  </si>
  <si>
    <t>Tehsil &amp; Distt Chakwal,village Hasil</t>
  </si>
  <si>
    <t>neighbour house</t>
  </si>
  <si>
    <t>GPS AHMED ABAD GHARBI</t>
  </si>
  <si>
    <t>Ahmed Abad Gharbi Tibbi Mianwali</t>
  </si>
  <si>
    <t>Ahmed Abad Gharbi</t>
  </si>
  <si>
    <t>GPS AHMED BAKHSH DAMRA</t>
  </si>
  <si>
    <t>Chakk Hulwani</t>
  </si>
  <si>
    <t>mud ahmad Bakhsh Damrah muaza chakk hulwani tehseel and District rajan pur</t>
  </si>
  <si>
    <t>Nafees-Ur-Rehman</t>
  </si>
  <si>
    <t>GPS AHMED KUDAN</t>
  </si>
  <si>
    <t>basti jam elahi bux</t>
  </si>
  <si>
    <t>Chachran Shareef</t>
  </si>
  <si>
    <t>Muhammad Tasleem</t>
  </si>
  <si>
    <t>GPS AHMED PUR</t>
  </si>
  <si>
    <t>Ahmed pur chattah</t>
  </si>
  <si>
    <t>ahmed pur chattah hafizabad</t>
  </si>
  <si>
    <t>ahmed pur chattah</t>
  </si>
  <si>
    <t>GPS AHMED PURA</t>
  </si>
  <si>
    <t>Ahamad pura chiniot</t>
  </si>
  <si>
    <t>GPS AHMED WAH</t>
  </si>
  <si>
    <t>Kot Karam khan</t>
  </si>
  <si>
    <t>Ahmed wah School Markaz Bangla Shereen Ryk.</t>
  </si>
  <si>
    <t>Kot karam khan</t>
  </si>
  <si>
    <t>Rais Muhammad Jamal</t>
  </si>
  <si>
    <t>GPS AHMEDABAD NIAZBAIG LAHORE</t>
  </si>
  <si>
    <t>ahmad abad</t>
  </si>
  <si>
    <t>nzd chowki wali gali ahmad abad niaz baig Lahore</t>
  </si>
  <si>
    <t>niaz baig</t>
  </si>
  <si>
    <t>GPS AHMEDIA SHADIWAL</t>
  </si>
  <si>
    <t>icherkay shadiwal</t>
  </si>
  <si>
    <t>Bushra Andleeb</t>
  </si>
  <si>
    <t>GPS AHSAN ABAD</t>
  </si>
  <si>
    <t>Feroze Pur</t>
  </si>
  <si>
    <t>Chah Darki wala mouza feroze pur</t>
  </si>
  <si>
    <t>Darki Wala</t>
  </si>
  <si>
    <t>GPS AHSAN KACHA</t>
  </si>
  <si>
    <t>Moosan Shah</t>
  </si>
  <si>
    <t>Basti Ahsan Kacha Tehsil Karor District Layyah</t>
  </si>
  <si>
    <t>Ahsan Kacha</t>
  </si>
  <si>
    <t>Aman Ullah Khan</t>
  </si>
  <si>
    <t>GPS AHYA ALOOM BUREWALA</t>
  </si>
  <si>
    <t>satellite town burewala</t>
  </si>
  <si>
    <t>Muhammad Ashraf Javed</t>
  </si>
  <si>
    <t>GPS AIMA</t>
  </si>
  <si>
    <t>GPS Aima markaz Domeli tehsil Sohawa jhelum</t>
  </si>
  <si>
    <t>GPS AINOWAL</t>
  </si>
  <si>
    <t>Ainowal</t>
  </si>
  <si>
    <t>VPO AINOWAL TEHSIL AND DISTRICT M.B.DIN</t>
  </si>
  <si>
    <t>Bhikhi Sharif</t>
  </si>
  <si>
    <t>Qaiser Altaf</t>
  </si>
  <si>
    <t>GPS AJAB KHAN WALA</t>
  </si>
  <si>
    <t>R/M</t>
  </si>
  <si>
    <t>MANKERA RURAL</t>
  </si>
  <si>
    <t>GPS AJAN CHAK</t>
  </si>
  <si>
    <t>AJAN CHAK</t>
  </si>
  <si>
    <t>NOIN WALA</t>
  </si>
  <si>
    <t>GPS AJMAL ABAD</t>
  </si>
  <si>
    <t>Wang III</t>
  </si>
  <si>
    <t>gps AjmalAbad Wang III</t>
  </si>
  <si>
    <t>SHADABAD</t>
  </si>
  <si>
    <t>Zeeshan Munir</t>
  </si>
  <si>
    <t>GPS AJMAL ABAD (BASTI HAZOORA)</t>
  </si>
  <si>
    <t>Atar Singh Sani</t>
  </si>
  <si>
    <t>Basti Hazoora Bahawalnagar</t>
  </si>
  <si>
    <t>GPS AKAL GARH P.O KARTAR PUR</t>
  </si>
  <si>
    <t>akalgarh</t>
  </si>
  <si>
    <t>Aklgarh</t>
  </si>
  <si>
    <t>Tiwana Kalin</t>
  </si>
  <si>
    <t>Intazar Ali</t>
  </si>
  <si>
    <t>GPS AKAN WALA</t>
  </si>
  <si>
    <t>Akan wala</t>
  </si>
  <si>
    <t>Kolo tarar</t>
  </si>
  <si>
    <t>umar draz</t>
  </si>
  <si>
    <t>GPS AKARIAN WALA</t>
  </si>
  <si>
    <t>AKERIAN WALA</t>
  </si>
  <si>
    <t>Chah akerian wala p /o kot shakir teh. 18hazari distt jhang</t>
  </si>
  <si>
    <t>AKERIAN</t>
  </si>
  <si>
    <t>7/2 Thal SHUMALI</t>
  </si>
  <si>
    <t>INTAZAR HUSSAIN KHAN</t>
  </si>
  <si>
    <t>GPS AKBAR</t>
  </si>
  <si>
    <t>Akbar P/O Talhara Tehsil Daska District Sialkot</t>
  </si>
  <si>
    <t>Rashad Mehmood</t>
  </si>
  <si>
    <t>GPS AKBAR ABAD HASSU BALAIL</t>
  </si>
  <si>
    <t>Gps Akbar Abad</t>
  </si>
  <si>
    <t>Hassu Balil</t>
  </si>
  <si>
    <t>M  Ashraf Khan</t>
  </si>
  <si>
    <t>GPS AKBAR SHAH</t>
  </si>
  <si>
    <t>Moza Akbar Shah P/O Luddan</t>
  </si>
  <si>
    <t>GPS AKBAR WALA</t>
  </si>
  <si>
    <t>chah akbar wala basti jalal rohilanwali m garh</t>
  </si>
  <si>
    <t>Akbar Wala</t>
  </si>
  <si>
    <t>Alooday Wali</t>
  </si>
  <si>
    <t>GPS AKBARI WALA</t>
  </si>
  <si>
    <t>Ehsan pur musataqil</t>
  </si>
  <si>
    <t>GPS AKBARI WALA EHSAN PUR TEHSIL KOT ADU DISTRICT MUZAFFERGARH</t>
  </si>
  <si>
    <t>GPS AKHMAR</t>
  </si>
  <si>
    <t>Sarati</t>
  </si>
  <si>
    <t>village akhmar sherqi</t>
  </si>
  <si>
    <t>Akhmar Sherqi</t>
  </si>
  <si>
    <t>GPS AKHTAR ABAD, P/O MAHNI SIAL, KABIRWALA</t>
  </si>
  <si>
    <t>Akhtar Abad ,P/O Mahni Sial,Kabirwala, District Khanewal</t>
  </si>
  <si>
    <t>Rao Niamat Ali</t>
  </si>
  <si>
    <t>GPS AKHTER WALA</t>
  </si>
  <si>
    <t>Basti, moza sadhari, Thesil kot addu</t>
  </si>
  <si>
    <t>Shaikh umer</t>
  </si>
  <si>
    <t>MUHAMMAD JAVID</t>
  </si>
  <si>
    <t>GPS AKMAL ABAD</t>
  </si>
  <si>
    <t>Wan Bahrachan</t>
  </si>
  <si>
    <t>Dera akmal abad</t>
  </si>
  <si>
    <t>Akmal Abad</t>
  </si>
  <si>
    <t>Muzafarpur Pur Shumali</t>
  </si>
  <si>
    <t>Muhammad Shahjahan Khan</t>
  </si>
  <si>
    <t>GPS AKRAM ABAD</t>
  </si>
  <si>
    <t>Ali Daya</t>
  </si>
  <si>
    <t>basti aqil daya mouza ali days</t>
  </si>
  <si>
    <t>Aqil Daya</t>
  </si>
  <si>
    <t>GPS AKSAR KHAN</t>
  </si>
  <si>
    <t>Dhoke Porr</t>
  </si>
  <si>
    <t>Village Dhoke Aksar Khan. P.O. Sangjani. Teh:Taxila. Distt: Rawalpindi</t>
  </si>
  <si>
    <t>Dhoke Aksar Khan</t>
  </si>
  <si>
    <t>Baber Hussain</t>
  </si>
  <si>
    <t>GPS AKUKA</t>
  </si>
  <si>
    <t>Chota Bhok Hitar</t>
  </si>
  <si>
    <t>Kikrian Wali Jhandaka Chota Bhok Hitar Bahawalnagar</t>
  </si>
  <si>
    <t>Kikrian Wali Jhandaka</t>
  </si>
  <si>
    <t>Mari Mian Sahb</t>
  </si>
  <si>
    <t>Sheikh Muhammad Abdullah</t>
  </si>
  <si>
    <t>GPS AL MURTAZA RAJAR</t>
  </si>
  <si>
    <t>RAJAR</t>
  </si>
  <si>
    <t>Village post office RAJAR Distt and Tehsil Khushab</t>
  </si>
  <si>
    <t>GPS ALAM ABAD BHAKKAR</t>
  </si>
  <si>
    <t>GPS Alam abad Bhakkar</t>
  </si>
  <si>
    <t>GPS ALAM DHUDDI</t>
  </si>
  <si>
    <t>Alam Dhuddi</t>
  </si>
  <si>
    <t>moza alam dhuddi pakpattan</t>
  </si>
  <si>
    <t>Ferozpur chishtian</t>
  </si>
  <si>
    <t>Abid Maqsood</t>
  </si>
  <si>
    <t>GPS ALAM GIR MOUZA ALAMGIR TEH. DISTT. MULTAN</t>
  </si>
  <si>
    <t>Gps Alam gir basti Alam gir</t>
  </si>
  <si>
    <t>Muhammad  Farooq</t>
  </si>
  <si>
    <t>GPS ALAM KHANWALA</t>
  </si>
  <si>
    <t>CHEENA PORDHA</t>
  </si>
  <si>
    <t>Dist:Mianwali,Tehsil,Isakhel,CHEENA PORDHA,Village Alan Khan Wala.</t>
  </si>
  <si>
    <t>ALAM KHAN WALA</t>
  </si>
  <si>
    <t>KALOOR SHARIF</t>
  </si>
  <si>
    <t>SHAHZAD NASEER SHAH</t>
  </si>
  <si>
    <t>GPS ALAM MEHTEKA  PO PAKPATTAN</t>
  </si>
  <si>
    <t>Alimmehteka</t>
  </si>
  <si>
    <t>alim mehteka</t>
  </si>
  <si>
    <t>Musay Wall</t>
  </si>
  <si>
    <t>qamar shahzad</t>
  </si>
  <si>
    <t>GPS ALAM PUR</t>
  </si>
  <si>
    <t>Mouza Alam pur Tehsil Mailsi</t>
  </si>
  <si>
    <t>GPS ALAUDINWAL</t>
  </si>
  <si>
    <t>Alludinwal</t>
  </si>
  <si>
    <t>alludinwal</t>
  </si>
  <si>
    <t>GPS ALAWAL PUR</t>
  </si>
  <si>
    <t>Alwalpur</t>
  </si>
  <si>
    <t>govt. primary school alwal pur markaz qila kalrwala tehsil pasrur distt. sialkot</t>
  </si>
  <si>
    <t>GPS AL-HUJRA</t>
  </si>
  <si>
    <t>gps al- hujra jhang</t>
  </si>
  <si>
    <t>GPS AL-HUSSAIN (BASTI TABOO WALA MATTI TAL)</t>
  </si>
  <si>
    <t>Basti Tabu  wala  Matti tal road Multan</t>
  </si>
  <si>
    <t>Basti Tabu Wala</t>
  </si>
  <si>
    <t>jungle kalran wala</t>
  </si>
  <si>
    <t>Muhammad Raza Shah Haideri</t>
  </si>
  <si>
    <t>GPS ALI ABRIEND</t>
  </si>
  <si>
    <t>Milaoo Koria</t>
  </si>
  <si>
    <t>gps ali ambriend po shah jamal</t>
  </si>
  <si>
    <t>Chak Qutab Ambriend</t>
  </si>
  <si>
    <t>GPS ALI AKBAR BAGH</t>
  </si>
  <si>
    <t>Ali Akbar Bagh</t>
  </si>
  <si>
    <t>ali akbar bagh</t>
  </si>
  <si>
    <t>FARAZ AHMAD</t>
  </si>
  <si>
    <t>GPS ALI AWAN WALA MULTAN</t>
  </si>
  <si>
    <t>basti boty wali Multan</t>
  </si>
  <si>
    <t>Muhabbat Hussain</t>
  </si>
  <si>
    <t>GPS ALI CHAPPA, P/O 9-B/8-R, ABDUL HAKIM</t>
  </si>
  <si>
    <t>p/o 9-B/8-R Abdul hakim</t>
  </si>
  <si>
    <t>Shah Kareem</t>
  </si>
  <si>
    <t>GPS ALI KHAN KHAIL</t>
  </si>
  <si>
    <t>Lukkoo</t>
  </si>
  <si>
    <t>lukkoo</t>
  </si>
  <si>
    <t>MUHAMMAD DANISH WATTOO</t>
  </si>
  <si>
    <t>GPS ALI KHEL</t>
  </si>
  <si>
    <t>Sultan Wala Sharqe</t>
  </si>
  <si>
    <t>Govt.Primary school Ali Khel tensile and district Mianwali</t>
  </si>
  <si>
    <t>Farooq Ahmed Khan</t>
  </si>
  <si>
    <t>GPS ALI KHEL WANDHA SHAHBAZ KHEL</t>
  </si>
  <si>
    <t>Gps Ali khel wandha shehbaz khel trug</t>
  </si>
  <si>
    <t>Muhammad Naeem Ur Rehman</t>
  </si>
  <si>
    <t>GPS ALI KHELAN WALA WANDHA</t>
  </si>
  <si>
    <t>mohallahbali khelan wala kamar mushani mianwali</t>
  </si>
  <si>
    <t>Alikhelan Wala</t>
  </si>
  <si>
    <t>Sajid Habib Khan</t>
  </si>
  <si>
    <t>GPS ALI LUCK DARAY KHAN</t>
  </si>
  <si>
    <t>Mohalla shakhan wala Darya Khan</t>
  </si>
  <si>
    <t>GPS ALI MURADAN</t>
  </si>
  <si>
    <t>Basti Almani Moza Ali Mardan Sadiq Abad</t>
  </si>
  <si>
    <t>Basti Almani</t>
  </si>
  <si>
    <t>Muhammad Manzoor Hussain</t>
  </si>
  <si>
    <t>GPS ALI PARK ICHARAH LHR</t>
  </si>
  <si>
    <t>govt sulemania school bulding, college road samanabad lahore.</t>
  </si>
  <si>
    <t>GPS ALI PUR CHATHA NO.2</t>
  </si>
  <si>
    <t>muhallah madni town, gali # 5, Ali pur chatha, tehsil wazirabd, distt. grw</t>
  </si>
  <si>
    <t>Naveed Ahmad Tarar</t>
  </si>
  <si>
    <t>GPS ALI PUR RODA</t>
  </si>
  <si>
    <t>gps ali pur roda</t>
  </si>
  <si>
    <t>Ansar Iqbal</t>
  </si>
  <si>
    <t>GPS ALI PUR TIBBA</t>
  </si>
  <si>
    <t>ali pur tibba</t>
  </si>
  <si>
    <t>bhianwala kalan</t>
  </si>
  <si>
    <t>Muhammed Waqas Ahmed</t>
  </si>
  <si>
    <t>GPS ALI PURA</t>
  </si>
  <si>
    <t>noor town mohala ali pura</t>
  </si>
  <si>
    <t>Jinnah Colony Rehman Colony</t>
  </si>
  <si>
    <t>GPS ALI RAZA ABAD</t>
  </si>
  <si>
    <t>Ali raza abad raiwind road LHR</t>
  </si>
  <si>
    <t>Sobia Ashraf</t>
  </si>
  <si>
    <t>GPS ALIA TOWN BAGHBANPURA</t>
  </si>
  <si>
    <t>baghban pura lahore</t>
  </si>
  <si>
    <t>govt primary school alia town baghban pura lahore</t>
  </si>
  <si>
    <t>alia town</t>
  </si>
  <si>
    <t>GPS ALIABAD</t>
  </si>
  <si>
    <t>govt.primary school aliabaf</t>
  </si>
  <si>
    <t>GPS ALKOSAR TAJPURA</t>
  </si>
  <si>
    <t>Moh rasoolabad khushab</t>
  </si>
  <si>
    <t>GPS ALLAH ABAD BASTI MUHAMMAD SADIQ CHAUDARY</t>
  </si>
  <si>
    <t>Basti Muhaamad sadiq ch Mouza allahabad</t>
  </si>
  <si>
    <t>Basti Muhammad Sadiq Ch.</t>
  </si>
  <si>
    <t>GPS ALLAH ABAD BLOCK NO 2</t>
  </si>
  <si>
    <t>noor  Muhammad shah</t>
  </si>
  <si>
    <t>GPS ALLAH ABAD WAZIRABAD</t>
  </si>
  <si>
    <t>Alabad</t>
  </si>
  <si>
    <t>alabad wazirabad</t>
  </si>
  <si>
    <t>Wzbd</t>
  </si>
  <si>
    <t>Ehsan Elahi abid</t>
  </si>
  <si>
    <t>GPS ALLAH BAKHSH AHMADANI</t>
  </si>
  <si>
    <t>Derkhast jamal Khan Dermiani</t>
  </si>
  <si>
    <t>basti Alllah bux Ahmadani  derkhast jamal khan dermiani</t>
  </si>
  <si>
    <t>Basti Alllah bux Ahmadani</t>
  </si>
  <si>
    <t>GPS ALLAH BAKHSH GOPANG</t>
  </si>
  <si>
    <t>Basti Laskani, Mouza Lundi Pitafi, Tehsil Jatoi, Distt:Muzaffargarh</t>
  </si>
  <si>
    <t>Basti Laskani</t>
  </si>
  <si>
    <t>GPS ALLAH BAKHSH KHAN WALA</t>
  </si>
  <si>
    <t>moza pati daya chokha</t>
  </si>
  <si>
    <t>GPS ALLAH BAKHSH SHUMAR</t>
  </si>
  <si>
    <t>shumar</t>
  </si>
  <si>
    <t>Mushtaq Jelani</t>
  </si>
  <si>
    <t>GPS ALLAH CHIRAGH WALA</t>
  </si>
  <si>
    <t>GPS Allah Chiragh Wala ,P.O Kallur kot District Bhakkar</t>
  </si>
  <si>
    <t>Allah Chiragh Wala</t>
  </si>
  <si>
    <t>ALTAF MUHAMMAD MALIK</t>
  </si>
  <si>
    <t>GPS ALLAH DAD ARAIN</t>
  </si>
  <si>
    <t>Ghulamo Arian</t>
  </si>
  <si>
    <t>Basti allah dad arian bwp</t>
  </si>
  <si>
    <t>Basti Allah Dad Arian</t>
  </si>
  <si>
    <t>Muhammad Sajeel</t>
  </si>
  <si>
    <t>GPS ALLAH DAD KHELAN WALA</t>
  </si>
  <si>
    <t>village amandi khelanwala</t>
  </si>
  <si>
    <t>Village Amandi Khelanwala</t>
  </si>
  <si>
    <t>HafizAamir Ishaq Khan</t>
  </si>
  <si>
    <t>GPS ALLAH DAWAYA LAR</t>
  </si>
  <si>
    <t>Jagmal</t>
  </si>
  <si>
    <t>basti bhatti wala mouza jagmal sabay wala jatoi</t>
  </si>
  <si>
    <t>GPS ALLAH DITA PAHOOR</t>
  </si>
  <si>
    <t>Patti Pahora</t>
  </si>
  <si>
    <t>Basti pahooran, Rajan Pur kalan,RYK</t>
  </si>
  <si>
    <t>Basti Pahoran Rajan Pur Kalan</t>
  </si>
  <si>
    <t>GPS ALLAH DITTA BHELA</t>
  </si>
  <si>
    <t>Govt.boys p/school allah ditta bhela basti munshi kareem bakhsh</t>
  </si>
  <si>
    <t>Muhammad Afazal</t>
  </si>
  <si>
    <t>GPS ALLAH DITTA GOPANG</t>
  </si>
  <si>
    <t>muza manik p/o rukan pur tehsil and distract eahim yar khan</t>
  </si>
  <si>
    <t>Allah Ditta Gopang</t>
  </si>
  <si>
    <t>JAVED ASHRAF</t>
  </si>
  <si>
    <t>GPS ALLAH DITTA WALA</t>
  </si>
  <si>
    <t>Place of Allah ditta wala u/c jhammat shumali tehsile darya khan district bhakkar</t>
  </si>
  <si>
    <t>Allah Ditta wala</t>
  </si>
  <si>
    <t>GPS ALLAH JAWAYA WALA</t>
  </si>
  <si>
    <t>Gps Allaha jowaya Markaz NOOR PUR THAL  (east )</t>
  </si>
  <si>
    <t>Zia ullah</t>
  </si>
  <si>
    <t>GPS ALLAH JEWAYA LAAR</t>
  </si>
  <si>
    <t>Basti Allah jiwaya Lar Moza Allah jiwaya Lar</t>
  </si>
  <si>
    <t>GPS Allah Rakha Town</t>
  </si>
  <si>
    <t>Ratta bajwa near nehar Appar chnab Gujranwala</t>
  </si>
  <si>
    <t>Habiba Abdul Rehman</t>
  </si>
  <si>
    <t>GPS ALLAH WALI</t>
  </si>
  <si>
    <t>near railwaystation d.d.p</t>
  </si>
  <si>
    <t>M C Daira din Pannah</t>
  </si>
  <si>
    <t>Muhammad Rouf</t>
  </si>
  <si>
    <t>GPS ALLAH WASAYA</t>
  </si>
  <si>
    <t>Shah Mohammad Marril</t>
  </si>
  <si>
    <t>basti jam Allah wasaya moza shah mohammad maril p/o khan pur tehsil khan pur district rahim yar khan</t>
  </si>
  <si>
    <t>Jam Allah Wasaya</t>
  </si>
  <si>
    <t>Mian Basit Mushtaq</t>
  </si>
  <si>
    <t>GPS ALLAH YAR KHELAN WALA</t>
  </si>
  <si>
    <t>Dera Allah Yar Khailan wala ,Muzaffar pur shumali ,Mianwali</t>
  </si>
  <si>
    <t>Allah Yar Khailanwala</t>
  </si>
  <si>
    <t>GPS ALLAH YAR PUR JARH</t>
  </si>
  <si>
    <t>Allah Yar Pur Jarh</t>
  </si>
  <si>
    <t>GPS ALLAHABAD SIKHAN</t>
  </si>
  <si>
    <t>Gps Allah Abad Sikhan</t>
  </si>
  <si>
    <t>Rattian muhajran chak no 5 teh sangla hill distt nankana sahib</t>
  </si>
  <si>
    <t>Rattian Muhajran Chak No 5</t>
  </si>
  <si>
    <t>Nadeem Shahid</t>
  </si>
  <si>
    <t>GPS ALLAMA IQBAL COLONY</t>
  </si>
  <si>
    <t>Govt Prmary School Allama Iqbal/C Haroonabad</t>
  </si>
  <si>
    <t>GPS ALLEWALI GHARBI</t>
  </si>
  <si>
    <t>Allewali Gharbi</t>
  </si>
  <si>
    <t>allewali gharbi</t>
  </si>
  <si>
    <t>Shafarish Ali</t>
  </si>
  <si>
    <t>GPS ALLEWALI WASTI</t>
  </si>
  <si>
    <t>Allewali Wasti Sambrial</t>
  </si>
  <si>
    <t>Allewali Wasti</t>
  </si>
  <si>
    <t>Allewali</t>
  </si>
  <si>
    <t>GPS ALLO KHAN</t>
  </si>
  <si>
    <t>Ranjay Khan</t>
  </si>
  <si>
    <t>basti allo khan</t>
  </si>
  <si>
    <t>GPS ALLOKE THAKARKE</t>
  </si>
  <si>
    <t>Harray</t>
  </si>
  <si>
    <t>Harray p/o Mandi Faizabad Tehsil and District Nankana Sahib</t>
  </si>
  <si>
    <t>GPS ALLU WALI</t>
  </si>
  <si>
    <t>GPS Alluwali Gpo Nawan teh&amp;distt mianwali</t>
  </si>
  <si>
    <t>Thammewali</t>
  </si>
  <si>
    <t>GPS ALMAN LOHARAN</t>
  </si>
  <si>
    <t>Alman Loharan Gharbi</t>
  </si>
  <si>
    <t>Mouza Almam Loharan Gharbi Teh 18 Hazari Distt Jhang</t>
  </si>
  <si>
    <t>GPS ALNOOR COLONY</t>
  </si>
  <si>
    <t>al noor colony gojra road jhang</t>
  </si>
  <si>
    <t>Al Noor Colony</t>
  </si>
  <si>
    <t>Gul Sher</t>
  </si>
  <si>
    <t>GPS ALO SHODAVE</t>
  </si>
  <si>
    <t>Aloshadave</t>
  </si>
  <si>
    <t>aloshadave</t>
  </si>
  <si>
    <t>GPS ALPA</t>
  </si>
  <si>
    <t>GPS Alpa</t>
  </si>
  <si>
    <t>Jangal Kalranwala</t>
  </si>
  <si>
    <t>GPS ALPA SADHARI</t>
  </si>
  <si>
    <t>GPS ALWARDI KHAN</t>
  </si>
  <si>
    <t>Alwardi Khan</t>
  </si>
  <si>
    <t>Chak Alwardikhan post office Bonga hayat pakpattan</t>
  </si>
  <si>
    <t>Chak Alwardi Khan</t>
  </si>
  <si>
    <t>GPS ALYAS COLONY</t>
  </si>
  <si>
    <t>ilyas colony St no 11.</t>
  </si>
  <si>
    <t>GPS AMAN KHAN</t>
  </si>
  <si>
    <t>Ghadi Shah</t>
  </si>
  <si>
    <t>Basti Aman khan</t>
  </si>
  <si>
    <t>Aman khan</t>
  </si>
  <si>
    <t>ASLAM Toqir</t>
  </si>
  <si>
    <t>GPS AMAN PURA</t>
  </si>
  <si>
    <t>Aman Pura</t>
  </si>
  <si>
    <t>Aman pura</t>
  </si>
  <si>
    <t>Shugufta Shaheen</t>
  </si>
  <si>
    <t>GPS AMAR KOT</t>
  </si>
  <si>
    <t>Amarkot</t>
  </si>
  <si>
    <t>Amarkot Tehsil Safdarabad District Sheikhupura</t>
  </si>
  <si>
    <t>GPS AMAR PURA</t>
  </si>
  <si>
    <t>gps Amarpura mohallah ameer hamza shakrial Rawalpindi</t>
  </si>
  <si>
    <t>Shakrial Shumali</t>
  </si>
  <si>
    <t>GPS AMAR SINGH P/O 26/S.P PAKPATTAN</t>
  </si>
  <si>
    <t>shahnawaz</t>
  </si>
  <si>
    <t>Dhappai</t>
  </si>
  <si>
    <t>Imran Allah Dittah</t>
  </si>
  <si>
    <t>GPS AMEEN KOT HAVELI</t>
  </si>
  <si>
    <t>Amin kot P.O Haveli Lakha  Tehsil Depalpur District Okara</t>
  </si>
  <si>
    <t>Samundry 42/SP</t>
  </si>
  <si>
    <t>GPS AMEER NAICH</t>
  </si>
  <si>
    <t>Chak 158/NP</t>
  </si>
  <si>
    <t>chak 158/NP Chani goth</t>
  </si>
  <si>
    <t>Chani goth</t>
  </si>
  <si>
    <t>GPS AMEER PUR THAHEEM</t>
  </si>
  <si>
    <t>Humbal Wala</t>
  </si>
  <si>
    <t>govt primary school Ameer pur thaheem bisti school stop</t>
  </si>
  <si>
    <t>Bisti School Stop</t>
  </si>
  <si>
    <t>MUHAMMAD QAISAR</t>
  </si>
  <si>
    <t>GPS AMEER RAZA KHAN WALA</t>
  </si>
  <si>
    <t>Docharkha  Thaljandi</t>
  </si>
  <si>
    <t>Govt.ps.Amir Raza khan wala Tiba pathan wala (Layyah)</t>
  </si>
  <si>
    <t>Tiba Pathan Wala</t>
  </si>
  <si>
    <t>Ahmad Nawaz Khan</t>
  </si>
  <si>
    <t>GPS AMEER SHAH WALA</t>
  </si>
  <si>
    <t>basti ameer shah moza deen pur</t>
  </si>
  <si>
    <t>Basti Ameer Shah</t>
  </si>
  <si>
    <t>GPS AMEERAN KHAN</t>
  </si>
  <si>
    <t>Basti Laskani Moaza Bhinda mehrban</t>
  </si>
  <si>
    <t>GPS AMF KAMRA</t>
  </si>
  <si>
    <t>Near AMF bakery kamra cantt</t>
  </si>
  <si>
    <t>Saqlain Abbas</t>
  </si>
  <si>
    <t>GPS AMIN ABAD</t>
  </si>
  <si>
    <t>vpo aminabad</t>
  </si>
  <si>
    <t>Mohammad Vakeel</t>
  </si>
  <si>
    <t>GPS AMIN ABAD BASTI BARAR</t>
  </si>
  <si>
    <t>Basti Brar moza mochi panohan jppw Multan</t>
  </si>
  <si>
    <t>Basti Brar</t>
  </si>
  <si>
    <t>Naeem Ul Hassan</t>
  </si>
  <si>
    <t>GPS AMIN COLONY MOHALLA</t>
  </si>
  <si>
    <t>City Narowal</t>
  </si>
  <si>
    <t>Govt.Primary School Amin COLONY Narowal</t>
  </si>
  <si>
    <t>GPS AMIN JUTAY WALA  CHAK NO. 117-B TDA</t>
  </si>
  <si>
    <t>Chak 117 B / TDA</t>
  </si>
  <si>
    <t>Chak No 117-B TDA madina chowk Layyah</t>
  </si>
  <si>
    <t>Chak No 117-B TDA</t>
  </si>
  <si>
    <t>GPS AMIN KOT MOZA KHOKHRA</t>
  </si>
  <si>
    <t>Khokhra</t>
  </si>
  <si>
    <t>basti amin kot, P/O Sahuka, Burewala</t>
  </si>
  <si>
    <t>Asif Nadeem Khan</t>
  </si>
  <si>
    <t>GPS AMIN PARK FSD</t>
  </si>
  <si>
    <t>amin park, Faisalabad.</t>
  </si>
  <si>
    <t>aminpark</t>
  </si>
  <si>
    <t>kaleem shaheed colony</t>
  </si>
  <si>
    <t>ABUBAKAR</t>
  </si>
  <si>
    <t>GPS AMIN PUR</t>
  </si>
  <si>
    <t>Ameenpur</t>
  </si>
  <si>
    <t>Gps ameenpur p/o karampur</t>
  </si>
  <si>
    <t>GPS AMIN PUR KHURD</t>
  </si>
  <si>
    <t>Amiin Pur Khurd</t>
  </si>
  <si>
    <t>village po box amin pur khurd</t>
  </si>
  <si>
    <t>Amin Pur Khurd</t>
  </si>
  <si>
    <t>Contonment Borad Gujranwala</t>
  </si>
  <si>
    <t>Qaisar Javed</t>
  </si>
  <si>
    <t>GPS AMIN PUR SYEDAN</t>
  </si>
  <si>
    <t>Amin Pur Syedan</t>
  </si>
  <si>
    <t>village Amin Pur syedan gujranwala</t>
  </si>
  <si>
    <t>Nadala Sandwan</t>
  </si>
  <si>
    <t>SYED AKHTAR HUSSAIN</t>
  </si>
  <si>
    <t>GPS AMIN TARAPA</t>
  </si>
  <si>
    <t>Moza hasil lar basti amin tarapa</t>
  </si>
  <si>
    <t>Amin Tarapa</t>
  </si>
  <si>
    <t>Muhammad Arif Raza</t>
  </si>
  <si>
    <t>GPS AMINABAD</t>
  </si>
  <si>
    <t>Mohallah amin abad Street no 4 gujrat</t>
  </si>
  <si>
    <t>Duswandi Pura</t>
  </si>
  <si>
    <t>Noreen Khalid</t>
  </si>
  <si>
    <t>GPS AMIR ABAD</t>
  </si>
  <si>
    <t>Uch Moghlla</t>
  </si>
  <si>
    <t>near darbar jamal darvish uch sharif</t>
  </si>
  <si>
    <t>Muhammad muneer nawaz bhatti</t>
  </si>
  <si>
    <t>GPS AMIR AHMAD HASHMI</t>
  </si>
  <si>
    <t>Basti Fateh Muhammed Sameja</t>
  </si>
  <si>
    <t>Basti Fateh Mohammed Sameja</t>
  </si>
  <si>
    <t>Shoaib Ahmed</t>
  </si>
  <si>
    <t>GPS AMIR ALI SHAH</t>
  </si>
  <si>
    <t>739 Gb Jakhar</t>
  </si>
  <si>
    <t>Chak Amir Ali Shah</t>
  </si>
  <si>
    <t>Muhammad Saeed Abbas</t>
  </si>
  <si>
    <t>GPS AMIR KHAN</t>
  </si>
  <si>
    <t>Amir Khan</t>
  </si>
  <si>
    <t>vpo amir khan</t>
  </si>
  <si>
    <t>Mohsin Hameed</t>
  </si>
  <si>
    <t>GPS AMIR MUHAMMAD HIJHBANI</t>
  </si>
  <si>
    <t>maarha</t>
  </si>
  <si>
    <t>Maarha</t>
  </si>
  <si>
    <t>GPS AMIR NAGAR</t>
  </si>
  <si>
    <t>GPS ameer nagar dera malik qaiser wali more</t>
  </si>
  <si>
    <t>Amir Nagar</t>
  </si>
  <si>
    <t>GPS AMIR PUR</t>
  </si>
  <si>
    <t>moza ameer pur p/o jallah jeem</t>
  </si>
  <si>
    <t>Wersi Wahin</t>
  </si>
  <si>
    <t>GPS AMIR PUR DAHA</t>
  </si>
  <si>
    <t>Ameer Pur Daha</t>
  </si>
  <si>
    <t>Basti Kulachi Alipur</t>
  </si>
  <si>
    <t>GPS AMIR PUR P/O LAR</t>
  </si>
  <si>
    <t>Gps Ameerpur</t>
  </si>
  <si>
    <t>Kikran wala</t>
  </si>
  <si>
    <t>Mohsin Kamal</t>
  </si>
  <si>
    <t>GPS AMIR SHAH</t>
  </si>
  <si>
    <t>basti AMEER SHAH mouza Khan wala Kpt</t>
  </si>
  <si>
    <t>Basti AMEER SHAH</t>
  </si>
  <si>
    <t>Shiekh Wahen</t>
  </si>
  <si>
    <t>AZEEM YAR ABBASI</t>
  </si>
  <si>
    <t>GPS AMIR SINGH</t>
  </si>
  <si>
    <t>Bonga Amir Singh</t>
  </si>
  <si>
    <t>GPS AMIR WALA</t>
  </si>
  <si>
    <t>Amir Wala Uc Kirari Kot District Bhakkar</t>
  </si>
  <si>
    <t>Amir Wala</t>
  </si>
  <si>
    <t>Muhammad Raza</t>
  </si>
  <si>
    <t>GPS AMIR WALA BILAND</t>
  </si>
  <si>
    <t>GPS Ameer Wala Biland  Dera Sham e Khail Biland Tehsil Noor Pur Thal District Khushab</t>
  </si>
  <si>
    <t>Sham e Khail</t>
  </si>
  <si>
    <t>Jamshed Iqbal</t>
  </si>
  <si>
    <t>GPS AMIRA TAJEKA</t>
  </si>
  <si>
    <t>Amira Tajeka</t>
  </si>
  <si>
    <t>Govt.Primary School Amira Tajeka</t>
  </si>
  <si>
    <t>GPS AMLI KAY SOHAG</t>
  </si>
  <si>
    <t>Amli Kay Sohag</t>
  </si>
  <si>
    <t>Amli Kay Sohag p\ o basir pur</t>
  </si>
  <si>
    <t>Meher Shah Khaga</t>
  </si>
  <si>
    <t>GPS AMRAO KALAN</t>
  </si>
  <si>
    <t>Amraokalan</t>
  </si>
  <si>
    <t>govt p/s Amrao kalan</t>
  </si>
  <si>
    <t>Ramkay Chattha</t>
  </si>
  <si>
    <t>GPS AMRAT PURA</t>
  </si>
  <si>
    <t>Ammrat Pura</t>
  </si>
  <si>
    <t>GPS Ammrat Pura GT Road Rahwali Cantt  Gujranwala</t>
  </si>
  <si>
    <t>Contonment Board Gujranwala Cantt</t>
  </si>
  <si>
    <t>Shabana Lal Din</t>
  </si>
  <si>
    <t>GPS AMREEK PURA</t>
  </si>
  <si>
    <t>Village Amreek pura P.O Jetheky Teh. Sambrial Dist.Sialkot</t>
  </si>
  <si>
    <t>AmreekPura</t>
  </si>
  <si>
    <t>Allaywali</t>
  </si>
  <si>
    <t>GPS AMRILA NO. 2</t>
  </si>
  <si>
    <t>Amrila</t>
  </si>
  <si>
    <t>vill Amrila,p/o lehri kakan</t>
  </si>
  <si>
    <t>Shumaila Parvez</t>
  </si>
  <si>
    <t>GPS ANAND PURA CHAK 51 RB</t>
  </si>
  <si>
    <t>Anand Pura</t>
  </si>
  <si>
    <t>G P S anand pura chak. 51</t>
  </si>
  <si>
    <t>GPS ANAR WALA BASTI</t>
  </si>
  <si>
    <t>Vehnival Thal</t>
  </si>
  <si>
    <t>basti anar wala moza vehniwal thal</t>
  </si>
  <si>
    <t>Anar Wala</t>
  </si>
  <si>
    <t>GPS ANAYAT ABAD</t>
  </si>
  <si>
    <t>Anayatabad</t>
  </si>
  <si>
    <t>GPS ANAYAT PUR</t>
  </si>
  <si>
    <t>village Anayat pur p/o Akhlas pur</t>
  </si>
  <si>
    <t>Abdul-Ghaffar</t>
  </si>
  <si>
    <t>GPS ANBA SKP</t>
  </si>
  <si>
    <t>Anba</t>
  </si>
  <si>
    <t>Gps Anba</t>
  </si>
  <si>
    <t>Bahoman</t>
  </si>
  <si>
    <t>FAISAL LATIF</t>
  </si>
  <si>
    <t>GPS ANGLO ORIENTAL SAMANABAD  LAHORE</t>
  </si>
  <si>
    <t>Gulzaib colony samanabad, lhr</t>
  </si>
  <si>
    <t>GPS ANGOORA FARM</t>
  </si>
  <si>
    <t>Patti BUDH</t>
  </si>
  <si>
    <t>Basti Sohanra</t>
  </si>
  <si>
    <t>Basti Sohnra</t>
  </si>
  <si>
    <t>GPS ANGRA</t>
  </si>
  <si>
    <t>angra dagar</t>
  </si>
  <si>
    <t>Haji Gul</t>
  </si>
  <si>
    <t>GPS ANGRA JANUBI</t>
  </si>
  <si>
    <t>Angra Janubi, Tehsil Kalur Kot District Bhakkar</t>
  </si>
  <si>
    <t>Angra Janubi</t>
  </si>
  <si>
    <t>GPS ANGRA SHUMALI</t>
  </si>
  <si>
    <t>p/o shaheedan angra shumali</t>
  </si>
  <si>
    <t>angra shumali</t>
  </si>
  <si>
    <t>noora</t>
  </si>
  <si>
    <t>Muhammad Ali Shan</t>
  </si>
  <si>
    <t>GPS ANJUMAN ISLAMIA BHERA</t>
  </si>
  <si>
    <t>kacha vera inside darwaza chak wala bhera</t>
  </si>
  <si>
    <t>Javed Iqbal Qamer</t>
  </si>
  <si>
    <t>GPS ANNAD PUR</t>
  </si>
  <si>
    <t>Anand Pur</t>
  </si>
  <si>
    <t>Haddi wala</t>
  </si>
  <si>
    <t>Girya Abad</t>
  </si>
  <si>
    <t>Imran Mahmood</t>
  </si>
  <si>
    <t>GPS ANOKH SINGH</t>
  </si>
  <si>
    <t>chak anokh singh</t>
  </si>
  <si>
    <t>Anokh singh</t>
  </si>
  <si>
    <t>GPS ANOODH PUR</t>
  </si>
  <si>
    <t>Anohad Pur</t>
  </si>
  <si>
    <t>village anohad Pur p/o mundeke goraya Tehsil Daska</t>
  </si>
  <si>
    <t>Seoke</t>
  </si>
  <si>
    <t>GPS ANOWALI</t>
  </si>
  <si>
    <t>Ainowali p/o Sankhatra Zafarwal Narowal</t>
  </si>
  <si>
    <t>Aslam Masih</t>
  </si>
  <si>
    <t>GPS ANWALIAN WALA</t>
  </si>
  <si>
    <t>Dara Anwalian Wala</t>
  </si>
  <si>
    <t>GPS ANWAR ABAD</t>
  </si>
  <si>
    <t>Head Hamid mauza rakh gharbi Teh and District Rajan Pur</t>
  </si>
  <si>
    <t>Head Hamid</t>
  </si>
  <si>
    <t>GPS ANWAR SHAHEED COLONY</t>
  </si>
  <si>
    <t>Anwar Shaheed Colony</t>
  </si>
  <si>
    <t>1st City Renala Khurd</t>
  </si>
  <si>
    <t>GPS AOTIAN</t>
  </si>
  <si>
    <t>Aotian</t>
  </si>
  <si>
    <t>Village Aotian Moreen PO Narar Tehsil Kahuta District Rawalpindi</t>
  </si>
  <si>
    <t>Tahir Imran</t>
  </si>
  <si>
    <t>GPS AOURAY</t>
  </si>
  <si>
    <t>Aouray</t>
  </si>
  <si>
    <t>village aouray po bherowal tehsil Phalia district Mandi Bahauddin</t>
  </si>
  <si>
    <t>Kot Hasat Khan</t>
  </si>
  <si>
    <t>M Shahbaz</t>
  </si>
  <si>
    <t>GPS AOWBHATA</t>
  </si>
  <si>
    <t>Obatta</t>
  </si>
  <si>
    <t>Mouza Obbatta khan pur</t>
  </si>
  <si>
    <t>Mian Atta Muhammad</t>
  </si>
  <si>
    <t>Fida -u- Rahman</t>
  </si>
  <si>
    <t>GPS APAR KHEL WALA</t>
  </si>
  <si>
    <t>P/O KAMAR MUSHANI TEH. ISA KHEL DISTT MIANWALI</t>
  </si>
  <si>
    <t>Apar Khel</t>
  </si>
  <si>
    <t>GPS APPOUTH JANJIANA</t>
  </si>
  <si>
    <t>Aputh Janiana</t>
  </si>
  <si>
    <t>Moza aputh Janiana shorkot jhang</t>
  </si>
  <si>
    <t>Farrukh Mahmood Khan</t>
  </si>
  <si>
    <t>GPS AQAIL ARAIN</t>
  </si>
  <si>
    <t>Panwaran</t>
  </si>
  <si>
    <t>Basti Malik Ali Near Dera Jam Kammo Moza Panwaran Rahim Yar Khan</t>
  </si>
  <si>
    <t>Basti Malik Ali</t>
  </si>
  <si>
    <t>Chak 100/P</t>
  </si>
  <si>
    <t>Anayat Ullah</t>
  </si>
  <si>
    <t>GPS AQIL SHAH KHURD</t>
  </si>
  <si>
    <t>Aqil  Shah</t>
  </si>
  <si>
    <t>Aqil Shah Khurd Shahpur Sadar</t>
  </si>
  <si>
    <t>Tanveer Asif</t>
  </si>
  <si>
    <t>GPS AQIQA</t>
  </si>
  <si>
    <t>Haqiqa</t>
  </si>
  <si>
    <t>village Haqiqa tehsil kharian district gujrat</t>
  </si>
  <si>
    <t>Syed Ali Zain</t>
  </si>
  <si>
    <t>GPS ARA JASROTA</t>
  </si>
  <si>
    <t>ara jasrota</t>
  </si>
  <si>
    <t>p/o ara jasrota distt jhelum</t>
  </si>
  <si>
    <t>mughal  abad</t>
  </si>
  <si>
    <t>Aaisha Naveed</t>
  </si>
  <si>
    <t>GPS ARA MANSOOR</t>
  </si>
  <si>
    <t>Arra Mansoor</t>
  </si>
  <si>
    <t>Mauza Arramansoor po box ludden tehsil and district Vehari</t>
  </si>
  <si>
    <t>Alliuddin</t>
  </si>
  <si>
    <t>GPS ARABIA FAROOQIA ARIFWALA J BLOCK</t>
  </si>
  <si>
    <t>J block Arifwala</t>
  </si>
  <si>
    <t>Ward No 13</t>
  </si>
  <si>
    <t>Khuram Rashid</t>
  </si>
  <si>
    <t>GPS ARABIC ABBAS NAGAR</t>
  </si>
  <si>
    <t>PO Abbas nagar thesil bwp saddar</t>
  </si>
  <si>
    <t>Abbass Nagar</t>
  </si>
  <si>
    <t>GPS ARABIC AMEEN NAGAR</t>
  </si>
  <si>
    <t>Basti Ameen Nagar Mouza Khair Pur Daha</t>
  </si>
  <si>
    <t>GPS ARABIC BAIT AHMAD</t>
  </si>
  <si>
    <t>Moza bait Ahmed P/O Gamani Uch Sharif</t>
  </si>
  <si>
    <t>Muhammad Nadir Bakhtiari</t>
  </si>
  <si>
    <t>GPS ARABIC BASTI ARAIAN</t>
  </si>
  <si>
    <t>Basti Arian</t>
  </si>
  <si>
    <t>Basti Arian post office khas Minchinabad District Bahawalnagar</t>
  </si>
  <si>
    <t>MUHAMMAD ZEESHAN ABID</t>
  </si>
  <si>
    <t>GPS ARABIC BASTI JUNIAN</t>
  </si>
  <si>
    <t>Basti Junian Mouza Tibbi Izzat</t>
  </si>
  <si>
    <t>Basti Junian</t>
  </si>
  <si>
    <t>Hafiz Riaz Ahmad Tahir</t>
  </si>
  <si>
    <t>GPS ARABIC BHATTIAN</t>
  </si>
  <si>
    <t>Ahmad Pur Tapa</t>
  </si>
  <si>
    <t>Mouza Ahmed Pur Tapa Basti Farooq e Azam Thesil Ahmad Pur East District Bhawalpur</t>
  </si>
  <si>
    <t>Ayaz Ahmed</t>
  </si>
  <si>
    <t>GPS ARABIC BHEDWAN</t>
  </si>
  <si>
    <t>besti bhadwan bwp</t>
  </si>
  <si>
    <t>Bhdwan</t>
  </si>
  <si>
    <t>GPS ARABIC BHINDA WANCE</t>
  </si>
  <si>
    <t>Bwp Ghalwa</t>
  </si>
  <si>
    <t>muzaa bhwalpur ghlwa po hatheji thsee ahmed pur east district bahwalpur</t>
  </si>
  <si>
    <t>Bhinda  Waince</t>
  </si>
  <si>
    <t>GPS ARABIC CHAH ASIM WALA</t>
  </si>
  <si>
    <t>basti loharan</t>
  </si>
  <si>
    <t>GPS ARABIC CHAK NO.16/DNB</t>
  </si>
  <si>
    <t>16 Dnb</t>
  </si>
  <si>
    <t>chak no 16 dnb</t>
  </si>
  <si>
    <t>GPS ARABIC CHAK NO.17/DNB</t>
  </si>
  <si>
    <t>17 /Dnb</t>
  </si>
  <si>
    <t>GPS ARABIC CHAK NO.6/DNB</t>
  </si>
  <si>
    <t>Chak6/DNB</t>
  </si>
  <si>
    <t>Chak No6/DNB P/O chak No16/DNB Teh Yazman Distt Bahawalpur</t>
  </si>
  <si>
    <t>Chak No6/DNB</t>
  </si>
  <si>
    <t>Chak NO6/DNB</t>
  </si>
  <si>
    <t>w</t>
  </si>
  <si>
    <t>GPS ARABIC FAIZ ABAD</t>
  </si>
  <si>
    <t>Basti Maril Mouza Kot Khalifa</t>
  </si>
  <si>
    <t>Basti Maril</t>
  </si>
  <si>
    <t>Faiz ur Rahman Rabbani</t>
  </si>
  <si>
    <t>GPS ARABIC GULPUR ICHRANI</t>
  </si>
  <si>
    <t>Govt arabic primary school Gulpur Ichrani</t>
  </si>
  <si>
    <t>Muhammad Asif Shah</t>
  </si>
  <si>
    <t>GPS ARABIC IMAMOON ARAIN</t>
  </si>
  <si>
    <t>Chak Gobind</t>
  </si>
  <si>
    <t>Moza chak gobind p/o hatheji tehsil ahmed pur east ditrict bahawalpur</t>
  </si>
  <si>
    <t>Haji Nawab Lang</t>
  </si>
  <si>
    <t>Muhammad Waqas Ahmed</t>
  </si>
  <si>
    <t>GPS ARABIC KHURRAM PUR</t>
  </si>
  <si>
    <t>Khurrampur</t>
  </si>
  <si>
    <t>basti khurrampur khairpur tamewali</t>
  </si>
  <si>
    <t>Muhammad Abdul Sattar</t>
  </si>
  <si>
    <t>GPS ARABIC KURPAL</t>
  </si>
  <si>
    <t>basti malkan mouza kurpal</t>
  </si>
  <si>
    <t>GPS ARABIC LAK WALI</t>
  </si>
  <si>
    <t>KOTLA BAQIR SHAH</t>
  </si>
  <si>
    <t>BASTI LAK WALI MOZA KOTLA BAQIR SHAH</t>
  </si>
  <si>
    <t>BASTI LAK WALI</t>
  </si>
  <si>
    <t>SHAHZAD MANZOOR</t>
  </si>
  <si>
    <t>GPS ARABIC MAHAND</t>
  </si>
  <si>
    <t>Mouza Mahand</t>
  </si>
  <si>
    <t>GPS ARABIC MANDHAL</t>
  </si>
  <si>
    <t>maoza mandhal</t>
  </si>
  <si>
    <t>Bast Abdul Hameed Bagga</t>
  </si>
  <si>
    <t>GPS ARABIC MEHMOOD MAHTAM</t>
  </si>
  <si>
    <t>GPS ARABIC MOHAJIR COLONY BAHAWALPUR</t>
  </si>
  <si>
    <t>NO.9-BC</t>
  </si>
  <si>
    <t>AFZAL TOWN BAHAWALPUR</t>
  </si>
  <si>
    <t>AFZAL TOWN</t>
  </si>
  <si>
    <t>abid ali</t>
  </si>
  <si>
    <t>GPS ARABIC MUD MASTOI</t>
  </si>
  <si>
    <t>Basti Mud Mastoi</t>
  </si>
  <si>
    <t>Ejaz Ahamed</t>
  </si>
  <si>
    <t>GPS ARABIC MUSHTAQ WALA</t>
  </si>
  <si>
    <t>Noor Arain</t>
  </si>
  <si>
    <t>basti ghulamu arain moza noor arain sama sata</t>
  </si>
  <si>
    <t>Ghulamun Arain</t>
  </si>
  <si>
    <t>GPS ARABIC NAND PURA</t>
  </si>
  <si>
    <t>Nandpura</t>
  </si>
  <si>
    <t>Basti Atta Ullah jhamat Mouza Nandpura APE BWP</t>
  </si>
  <si>
    <t>Basti Atta Ullah Jhamat</t>
  </si>
  <si>
    <t>GPS ARABIC SHABBIR ABAD</t>
  </si>
  <si>
    <t>Basti nonari post kharpurdha ahmedpur east bahawalpur</t>
  </si>
  <si>
    <t>Basti Shabbir Abad</t>
  </si>
  <si>
    <t>Abdul Majid Akhtar</t>
  </si>
  <si>
    <t>GPS ARABIC SHAH SHAMS</t>
  </si>
  <si>
    <t>BASTI KOT NORA NEAR CENTRAL JAIL ROAD BAHAWALLPUR</t>
  </si>
  <si>
    <t>KOT NORA</t>
  </si>
  <si>
    <t>GPS ARABIC THATH WARN</t>
  </si>
  <si>
    <t>basti tath warun dhoor kot</t>
  </si>
  <si>
    <t>Tath Waran</t>
  </si>
  <si>
    <t>UmarFarooq</t>
  </si>
  <si>
    <t>GPS ARABIC UCH SHAREEF</t>
  </si>
  <si>
    <t>govt p/s arabic uch Sharif (drbar) m/s teh ape</t>
  </si>
  <si>
    <t>City Uch Sharif</t>
  </si>
  <si>
    <t>Jameel Ahmad</t>
  </si>
  <si>
    <t>GPS ARABIC WAHI MOCHIAN</t>
  </si>
  <si>
    <t>basti jaam wahi mochian</t>
  </si>
  <si>
    <t>Jaam</t>
  </si>
  <si>
    <t>Janowala</t>
  </si>
  <si>
    <t>MUHAMMAD ZAKRIA</t>
  </si>
  <si>
    <t>GPS ARAIN WAHIN PO JALLAH JEEM</t>
  </si>
  <si>
    <t>Mailsi Rural</t>
  </si>
  <si>
    <t>Shoaib Ahmad</t>
  </si>
  <si>
    <t>GPS ARAIN WALA P/O DAJAL</t>
  </si>
  <si>
    <t>Basti hanbhi</t>
  </si>
  <si>
    <t>Gps arain wala p/o Dajal</t>
  </si>
  <si>
    <t>Basti chandhrh</t>
  </si>
  <si>
    <t>GPS ARAINAN WALA</t>
  </si>
  <si>
    <t>Araian wala</t>
  </si>
  <si>
    <t>Arainan Wala</t>
  </si>
  <si>
    <t>Arshad Rafiq</t>
  </si>
  <si>
    <t>GPS ARAKA P/O BARA GHAR</t>
  </si>
  <si>
    <t>BARAGHAR EAST-MALE</t>
  </si>
  <si>
    <t>ARAKA</t>
  </si>
  <si>
    <t>GPS ARAKA</t>
  </si>
  <si>
    <t>zahoor ahmmad</t>
  </si>
  <si>
    <t>GPS ARA-KHARH-WADO</t>
  </si>
  <si>
    <t>Basti douna</t>
  </si>
  <si>
    <t>Inamullah</t>
  </si>
  <si>
    <t>GPS ARANG</t>
  </si>
  <si>
    <t>Arrang</t>
  </si>
  <si>
    <t>village Arrang distt attock tehsil attock</t>
  </si>
  <si>
    <t>Bulianwal</t>
  </si>
  <si>
    <t>GPS ARAR BARAR</t>
  </si>
  <si>
    <t>Arrar Barar</t>
  </si>
  <si>
    <t>village arrar barar post office dhuman th and dist chakwal</t>
  </si>
  <si>
    <t>GPS ARAZI AMAR SINGH</t>
  </si>
  <si>
    <t>Arazi Amar Singh</t>
  </si>
  <si>
    <t>Arazi Amar singh bunga Hayat pakpattan</t>
  </si>
  <si>
    <t>M Parvaiz</t>
  </si>
  <si>
    <t>GPS ARAZI DAD SARANG</t>
  </si>
  <si>
    <t>Bonga Bahawal</t>
  </si>
  <si>
    <t>SAIF ULLAH</t>
  </si>
  <si>
    <t>GPS ARAZI FAZAL BHATTI</t>
  </si>
  <si>
    <t>GPS Arazi Fazal Bhatti</t>
  </si>
  <si>
    <t>Arazi Fazal Bhatti</t>
  </si>
  <si>
    <t>GPS ARAZI SHAHAMAD</t>
  </si>
  <si>
    <t>Arazi Shahamand</t>
  </si>
  <si>
    <t>Nai Abadi Arazi Shahamand</t>
  </si>
  <si>
    <t>GPS ARGUN</t>
  </si>
  <si>
    <t>Village Argun Teh Nowshera virkan Dist, Gujranwala</t>
  </si>
  <si>
    <t>Balal zabair</t>
  </si>
  <si>
    <t>GPS ARI KHAIRI</t>
  </si>
  <si>
    <t>QASBA GUJRAT</t>
  </si>
  <si>
    <t>BASTI ARI KHAIRI p/O QASBA GUJRAT TEHSIL KOT ADDU DISTRICT MUZAFFARGARH</t>
  </si>
  <si>
    <t>ARI KHAIRI</t>
  </si>
  <si>
    <t>MUHAMMAD MUTAHIR</t>
  </si>
  <si>
    <t>GPS ARIF ABAD</t>
  </si>
  <si>
    <t>GPS ARIF WAHIN</t>
  </si>
  <si>
    <t>BASTI TILOK PUR MAILSI</t>
  </si>
  <si>
    <t>TILOK PUR</t>
  </si>
  <si>
    <t>GPS ARIF WALA</t>
  </si>
  <si>
    <t>Patti Chakar Khan</t>
  </si>
  <si>
    <t>GPS Arif Wala moza Patti Chakar Khan</t>
  </si>
  <si>
    <t>Chowk Chowni</t>
  </si>
  <si>
    <t>GPS ARIF WALA NO 4</t>
  </si>
  <si>
    <t>GPS No 4 (A) Block Arifwala</t>
  </si>
  <si>
    <t>Ward NO 11</t>
  </si>
  <si>
    <t>GPS ARJANI WALA</t>
  </si>
  <si>
    <t>arjaniwala basti rindan jampur</t>
  </si>
  <si>
    <t>Chah Arjani Wala</t>
  </si>
  <si>
    <t>Basti rindan</t>
  </si>
  <si>
    <t>GPS ARJANI WALA, SARAI SIDHU</t>
  </si>
  <si>
    <t>near eid gah</t>
  </si>
  <si>
    <t>GPS AROOR SINGH WALA</t>
  </si>
  <si>
    <t>Arror Singh Wala</t>
  </si>
  <si>
    <t>GPS Arror Singh wala</t>
  </si>
  <si>
    <t>GPS ARORA JAGIR</t>
  </si>
  <si>
    <t>Arora Jagir</t>
  </si>
  <si>
    <t>Govt P/S Arora Jagir P/O Basir purel</t>
  </si>
  <si>
    <t>Deva Singh</t>
  </si>
  <si>
    <t>GPS AROTI</t>
  </si>
  <si>
    <t>Aroti</t>
  </si>
  <si>
    <t>Mauza bhoti tehseel peermahal</t>
  </si>
  <si>
    <t>Mauza Aroti</t>
  </si>
  <si>
    <t>Nawab Bhotti</t>
  </si>
  <si>
    <t>GPS AROTRIMNA</t>
  </si>
  <si>
    <t>govt Boys Primary School Aro Trimna</t>
  </si>
  <si>
    <t>Manga Arotrimna</t>
  </si>
  <si>
    <t>Tariq Mehmood  Abbasi</t>
  </si>
  <si>
    <t>GPS AROUTI PO FATEH PUR</t>
  </si>
  <si>
    <t>Arouti</t>
  </si>
  <si>
    <t>moza arouti p/o fateh pur teh mailsi distt vehari...</t>
  </si>
  <si>
    <t>GPS ARRAR</t>
  </si>
  <si>
    <t>arrar</t>
  </si>
  <si>
    <t>Sjoka</t>
  </si>
  <si>
    <t>Hafiz Muhammad Irfanullah</t>
  </si>
  <si>
    <t>GPS ARRARA</t>
  </si>
  <si>
    <t>Moza Nalli village Arrara Khushab</t>
  </si>
  <si>
    <t>Arrara</t>
  </si>
  <si>
    <t>GPS ARRORIA</t>
  </si>
  <si>
    <t>village arroria</t>
  </si>
  <si>
    <t>Mehboob Ilahi</t>
  </si>
  <si>
    <t>GPS ARRYIAN</t>
  </si>
  <si>
    <t>ARAIYAN</t>
  </si>
  <si>
    <t>ARAIYAN MAIN BAZAR NEAR JAMIA MASJID</t>
  </si>
  <si>
    <t>GPS ARSAL COLONY</t>
  </si>
  <si>
    <t>Arsal Colony</t>
  </si>
  <si>
    <t>GPS Arsal Colony Dhullay</t>
  </si>
  <si>
    <t>Tahir Yaqoob</t>
  </si>
  <si>
    <t>GPS ARSHAD ABAD DURHI GONDEL</t>
  </si>
  <si>
    <t>GPS  arshadabad Moza dori Gondal  Teh A.P. sial  jhang</t>
  </si>
  <si>
    <t>GPS ARWARI</t>
  </si>
  <si>
    <t>Arwari</t>
  </si>
  <si>
    <t>village Arwari, p/o lower topa, tehsil murree, distt. rawalpindi</t>
  </si>
  <si>
    <t>SAIMA AJAB</t>
  </si>
  <si>
    <t>GPS ARYARI</t>
  </si>
  <si>
    <t>Gbps Aryari dakaha khas Aryari</t>
  </si>
  <si>
    <t>Haider  Saleem</t>
  </si>
  <si>
    <t>GPS ASAD ABAD</t>
  </si>
  <si>
    <t>mosay wala mouza bhangoo tehsil shorkot distric jhang</t>
  </si>
  <si>
    <t>Cha Mosay Wala</t>
  </si>
  <si>
    <t>GPS ASAD COLONY</t>
  </si>
  <si>
    <t>Asad colony</t>
  </si>
  <si>
    <t>GPS asad colony sheikhu pura road gujranwala</t>
  </si>
  <si>
    <t>GPS ASAD KHAN WALA OUT SIDE CHOWTAQA GATE P/O SHUJABAD</t>
  </si>
  <si>
    <t>Asad Khan Wala</t>
  </si>
  <si>
    <t>Mc Shujabad</t>
  </si>
  <si>
    <t>GPS ASAD ULLAH GARH</t>
  </si>
  <si>
    <t>Asadullah Garh</t>
  </si>
  <si>
    <t>GPS Asadullah Garh Markz FAIZABAD Tehsil Depalpur District Okara</t>
  </si>
  <si>
    <t>Kalason Hameed</t>
  </si>
  <si>
    <t>GPS ASADULLA PUR</t>
  </si>
  <si>
    <t>asad ullah pur sahiwal</t>
  </si>
  <si>
    <t>Syed Ashiq Hussain</t>
  </si>
  <si>
    <t>GPS ASAIR WALA</t>
  </si>
  <si>
    <t>gps aseer wala moza sandeela basti tibbi Khawaja</t>
  </si>
  <si>
    <t>Tibbi Khawaja</t>
  </si>
  <si>
    <t>muhammad shrif</t>
  </si>
  <si>
    <t>GPS ASAL LAKHOWAL</t>
  </si>
  <si>
    <t>Asal Lakhowal</t>
  </si>
  <si>
    <t>adda plot raiwind road Lahore</t>
  </si>
  <si>
    <t>Arraiyan</t>
  </si>
  <si>
    <t>M Shahid Iqbal</t>
  </si>
  <si>
    <t>GPS ASALAT WALA</t>
  </si>
  <si>
    <t>asalat wala ,sargodha</t>
  </si>
  <si>
    <t>GPS ASAR GILANI WALA</t>
  </si>
  <si>
    <t>assar Gillani wala Moza nawankot</t>
  </si>
  <si>
    <t>Dera Ghulam Muhammad Assar Wala</t>
  </si>
  <si>
    <t>RUBNAWAZ</t>
  </si>
  <si>
    <t>GPS ASEER WALA</t>
  </si>
  <si>
    <t>Basti Allah Bukhsh Chajra, U.C Rampur1 Tehsil Jatoi, Distt. Muzaffargarh</t>
  </si>
  <si>
    <t>Basti Allah Bakhsh  Chajra</t>
  </si>
  <si>
    <t>GPS ASGHAR</t>
  </si>
  <si>
    <t>Asghar</t>
  </si>
  <si>
    <t>village Asghar Tehsil Hazro district Attock</t>
  </si>
  <si>
    <t>GPS ASGHAR ABAD</t>
  </si>
  <si>
    <t>ward no. 6 chowk azam</t>
  </si>
  <si>
    <t>Nadeem Abbas</t>
  </si>
  <si>
    <t>GPS ASGHAR ABAD CHAK NO. 123/A TDA</t>
  </si>
  <si>
    <t>Basti Kukar wala Chak No. 123A/TDA Layyah</t>
  </si>
  <si>
    <t>GPS ASGHAR WALA</t>
  </si>
  <si>
    <t>sahu</t>
  </si>
  <si>
    <t>basti bagh wala mouza sahu</t>
  </si>
  <si>
    <t>bagh wala</t>
  </si>
  <si>
    <t>GPS ASHGHARI</t>
  </si>
  <si>
    <t>Pos Bhangi Khel</t>
  </si>
  <si>
    <t>P/O kala bagh, vill, Ashghari, Teh Esa Khel , Distt Mianwali</t>
  </si>
  <si>
    <t>Ashghari</t>
  </si>
  <si>
    <t>Muhammad Zohaib Khan</t>
  </si>
  <si>
    <t>GPS ASHIQ ALI SULTAN WARD NO. 9</t>
  </si>
  <si>
    <t>WARD nO -9</t>
  </si>
  <si>
    <t>GPS ASHIQ ALI SULTAN WARD NO 9</t>
  </si>
  <si>
    <t>Mohala Shah Latif</t>
  </si>
  <si>
    <t>Babar Suhail Khan</t>
  </si>
  <si>
    <t>GPS ASHIQ HUSSAIN</t>
  </si>
  <si>
    <t>basti hashmira kot dadu ghalloo tehsil and district bahawalpur</t>
  </si>
  <si>
    <t>Kot Dadu Ghaloo</t>
  </si>
  <si>
    <t>Miani 12</t>
  </si>
  <si>
    <t>Hafiz Muhammad Hanif</t>
  </si>
  <si>
    <t>GPS ASHIQ MUHAMMAD (GABOOL)</t>
  </si>
  <si>
    <t>Gabool</t>
  </si>
  <si>
    <t>mouza Gabol teh Liaquat pur Distt Rahim yar khan</t>
  </si>
  <si>
    <t>Ashiq Mohammad gabol</t>
  </si>
  <si>
    <t>Mohammad Arshad Awan</t>
  </si>
  <si>
    <t>GPS ASHRAF ABAD</t>
  </si>
  <si>
    <t>Govt Primary school Ashraf abad teh Kamoki dist Gujranwala</t>
  </si>
  <si>
    <t>GPS ASHRAF ABAD FSD</t>
  </si>
  <si>
    <t>Ashrafabad Faisalabad</t>
  </si>
  <si>
    <t>Mattopura</t>
  </si>
  <si>
    <t>Fareed Ahmad</t>
  </si>
  <si>
    <t>GPS ASHRAF ABAD SAMUNDRI</t>
  </si>
  <si>
    <t>GPS ASHRAFABAD SAMMUNDRI</t>
  </si>
  <si>
    <t>UMM-E-SALAM</t>
  </si>
  <si>
    <t>GPS ASHRAF COLONY GOJRA WARD NO. 13</t>
  </si>
  <si>
    <t>shah abad colony gojra</t>
  </si>
  <si>
    <t>371 Jb</t>
  </si>
  <si>
    <t>GPS ASHRAF MADARAS HARNOON ABAD</t>
  </si>
  <si>
    <t>Gp/s Ashraf-ul-madaras baldia colony HaroonAbad</t>
  </si>
  <si>
    <t>Ghulshan-e-lqbal Colo</t>
  </si>
  <si>
    <t>Muhammad Akram Alvi</t>
  </si>
  <si>
    <t>GPS ASHRAF TOWN 3-MARLA SCHEME</t>
  </si>
  <si>
    <t>3 Marla Scheme</t>
  </si>
  <si>
    <t>3 marla scheme</t>
  </si>
  <si>
    <t>Syed Imran Haider</t>
  </si>
  <si>
    <t>GPS ASIF ABAD</t>
  </si>
  <si>
    <t>Asif abad near kath mor</t>
  </si>
  <si>
    <t>Sharaf Din</t>
  </si>
  <si>
    <t>GPS ASIF WALA</t>
  </si>
  <si>
    <t>Samtia Nashaib</t>
  </si>
  <si>
    <t>Basti Chandia, Moza Samtia Nashaib, Layyah</t>
  </si>
  <si>
    <t>Samtia Nahaib</t>
  </si>
  <si>
    <t>GPS ASIL GURKE LHR CANTT</t>
  </si>
  <si>
    <t>Asal Guruke</t>
  </si>
  <si>
    <t>village asal guruke</t>
  </si>
  <si>
    <t>Adbul Ghaffar</t>
  </si>
  <si>
    <t>GPS ASIL PAR MORH KHUNDA</t>
  </si>
  <si>
    <t>Asil Par</t>
  </si>
  <si>
    <t>village Asil Par  p/o More khunda Nankana Sahib</t>
  </si>
  <si>
    <t>Gaon Asil Par</t>
  </si>
  <si>
    <t>Kot Bnni Das</t>
  </si>
  <si>
    <t>GPS ASIL SULEMAN</t>
  </si>
  <si>
    <t>Asil Suleman</t>
  </si>
  <si>
    <t>village asil sulen post office kahna nau tehsil and district Lahore</t>
  </si>
  <si>
    <t>Munawwar Hussain Zahid</t>
  </si>
  <si>
    <t>GPS ASKEER</t>
  </si>
  <si>
    <t>moza askeer village mori tehseel kotli sattian district rawalpindi</t>
  </si>
  <si>
    <t>Ehtisham Raja</t>
  </si>
  <si>
    <t>GPS ASLAM BAGHBAN PURA LHR</t>
  </si>
  <si>
    <t>GPS Aslam baghbanpura LHR</t>
  </si>
  <si>
    <t>ATA Road</t>
  </si>
  <si>
    <t>GPS ASLAM JUNIOR MODEL B-II TOWNSHIP</t>
  </si>
  <si>
    <t>3 B 2 Township Lahore</t>
  </si>
  <si>
    <t>GPS ASLAM KOSH</t>
  </si>
  <si>
    <t>basti Aslam kosh p/o Bhong teh.sdk ryk</t>
  </si>
  <si>
    <t>GPS ASLAM SAMUNDRI</t>
  </si>
  <si>
    <t>Chakki Bazaar</t>
  </si>
  <si>
    <t>Chakki Bazar samundri</t>
  </si>
  <si>
    <t>GPS ASTANA BAQRIA MAZAR KALOONI</t>
  </si>
  <si>
    <t>Mazar Colony</t>
  </si>
  <si>
    <t>mazar colony</t>
  </si>
  <si>
    <t>Saif Ur Rehman Abbasi</t>
  </si>
  <si>
    <t>GPS ASWAR PURA</t>
  </si>
  <si>
    <t>Aswar Pura</t>
  </si>
  <si>
    <t>Basti Haqnawaaz</t>
  </si>
  <si>
    <t>Basti Haq Nawaz</t>
  </si>
  <si>
    <t>Mohammad Pur Sansaran</t>
  </si>
  <si>
    <t>Zafar  Iqbal Anjum</t>
  </si>
  <si>
    <t>GPS ATEEQ ABAD</t>
  </si>
  <si>
    <t>ateeq abad (Ladhecha)markaz litra</t>
  </si>
  <si>
    <t>Ladhecha</t>
  </si>
  <si>
    <t>GPS ATHEEL PUR</t>
  </si>
  <si>
    <t>Village &amp; Post office Atheel Pur Tehsil &amp; District Kasur</t>
  </si>
  <si>
    <t>Amjad Ali Dogar</t>
  </si>
  <si>
    <t>GPS ATKAN PUR</t>
  </si>
  <si>
    <t>Farm No 5</t>
  </si>
  <si>
    <t>atkan pur mona depot</t>
  </si>
  <si>
    <t>atkan pur</t>
  </si>
  <si>
    <t>Kaneez fatima</t>
  </si>
  <si>
    <t>GPS ATLAY REHMAN</t>
  </si>
  <si>
    <t>Atlay Rehman</t>
  </si>
  <si>
    <t>Atlay rehman sukheke</t>
  </si>
  <si>
    <t>Nasir Khan</t>
  </si>
  <si>
    <t>GPS ATTA ABAD</t>
  </si>
  <si>
    <t>Inayt Pur</t>
  </si>
  <si>
    <t>Moza kalri</t>
  </si>
  <si>
    <t>Atta Abad</t>
  </si>
  <si>
    <t>Asif Shahzad</t>
  </si>
  <si>
    <t>GPS ATTARAN WALA</t>
  </si>
  <si>
    <t>Attarnwala</t>
  </si>
  <si>
    <t>Attaranwala</t>
  </si>
  <si>
    <t>GPS ATTARI KARAM SINGH</t>
  </si>
  <si>
    <t>Atari Karam Singh</t>
  </si>
  <si>
    <t>Mullapur</t>
  </si>
  <si>
    <t>Shahadat Ali</t>
  </si>
  <si>
    <t>GPS ATTARI SAROBA</t>
  </si>
  <si>
    <t>Attari  Saroba</t>
  </si>
  <si>
    <t>GPS ATTAWA</t>
  </si>
  <si>
    <t>Attawa Gujranwala</t>
  </si>
  <si>
    <t>Ansar Javaid Iqbal</t>
  </si>
  <si>
    <t>GPS ATTO ASIL</t>
  </si>
  <si>
    <t>village atto asal</t>
  </si>
  <si>
    <t>Sraich</t>
  </si>
  <si>
    <t>GPS ATTOCK FORT</t>
  </si>
  <si>
    <t>Attock Fort</t>
  </si>
  <si>
    <t>near attock fort</t>
  </si>
  <si>
    <t>GPS ATTOCK SADAR</t>
  </si>
  <si>
    <t>Jussian</t>
  </si>
  <si>
    <t>saddar bazzar attock cantt</t>
  </si>
  <si>
    <t>Saddar</t>
  </si>
  <si>
    <t>GPS ATUWALI</t>
  </si>
  <si>
    <t>Attuwali</t>
  </si>
  <si>
    <t>attuwali</t>
  </si>
  <si>
    <t>Farzana Bibi Jannat</t>
  </si>
  <si>
    <t>GPS AULAKHAN WALA</t>
  </si>
  <si>
    <t>Aulkhan wala tehsil mankera district bhakkar</t>
  </si>
  <si>
    <t>Aoulkhan Wala</t>
  </si>
  <si>
    <t>GPS AULAKHAN WALA PO CHAK NO 19 DB</t>
  </si>
  <si>
    <t>Vichvin</t>
  </si>
  <si>
    <t>P.o 19 Db Auolakh wala</t>
  </si>
  <si>
    <t>Auolakh wala</t>
  </si>
  <si>
    <t>Amir Mukhtiar khan</t>
  </si>
  <si>
    <t>GPS AUQAF PILOT MADHU LAL HUSSAIN</t>
  </si>
  <si>
    <t>Muhammad Din colony</t>
  </si>
  <si>
    <t>Guhlam Muhammad</t>
  </si>
  <si>
    <t>GPS AURA SYEDAN</t>
  </si>
  <si>
    <t>Aura Syedan tehsil Noorpur distt khushab</t>
  </si>
  <si>
    <t>Aura Syedan</t>
  </si>
  <si>
    <t>GPS AURANG ABAD</t>
  </si>
  <si>
    <t>Chak Moza Aurangabad, Sahiwal</t>
  </si>
  <si>
    <t>GPS AURKAY WALA</t>
  </si>
  <si>
    <t>Shargarah</t>
  </si>
  <si>
    <t>chah arukay wala shargarah choubaraha layyah</t>
  </si>
  <si>
    <t>Arukay Wala</t>
  </si>
  <si>
    <t>GPS AUROW</t>
  </si>
  <si>
    <t>Aurow Jora</t>
  </si>
  <si>
    <t>basti Aurow u/c fazla kuch tribal area dgkhan</t>
  </si>
  <si>
    <t>Aurow</t>
  </si>
  <si>
    <t>GPS AURUNG ABAD</t>
  </si>
  <si>
    <t>Govt. boys primary school Aurangabad</t>
  </si>
  <si>
    <t>M C Sarai Alamgir</t>
  </si>
  <si>
    <t>Muhammad Nabil Nawaz</t>
  </si>
  <si>
    <t>GPS AUSIA</t>
  </si>
  <si>
    <t>Ausia murree</t>
  </si>
  <si>
    <t>GPS AWAIS NAGAR</t>
  </si>
  <si>
    <t>Bait Devan</t>
  </si>
  <si>
    <t>Basti Malik Din Muhammad</t>
  </si>
  <si>
    <t>Malik Din M Muhammad Muhammad</t>
  </si>
  <si>
    <t>GPS AWAMI BASTI-II SHUJAH COLONY T.T.SINGH</t>
  </si>
  <si>
    <t>GPS Swami Basti 11 Shujah colony T T Singh</t>
  </si>
  <si>
    <t>GPS AWAMI MODEL SANAT NAGAR</t>
  </si>
  <si>
    <t>street no 49 Govt Awami  Model School Sant  Nager Lahore</t>
  </si>
  <si>
    <t>Chohaan Road</t>
  </si>
  <si>
    <t>KHALIDA SANA ULLAH</t>
  </si>
  <si>
    <t>GPS AWAN JADEED</t>
  </si>
  <si>
    <t>Basti Balochan,Shahbaz Pur Gharbi Markaz Zafar Abad Tehsil Liaqut Pur Dist:R.Y Khan</t>
  </si>
  <si>
    <t>Dur Muhammad Siddiqi</t>
  </si>
  <si>
    <t>GPS AWAN MIANI</t>
  </si>
  <si>
    <t>Awan miani Tehsil Bhera District Sargodha</t>
  </si>
  <si>
    <t>ADIL BASHIR</t>
  </si>
  <si>
    <t>GPS AWAN MUSLIM P/O KHAS</t>
  </si>
  <si>
    <t>Awan Muslim</t>
  </si>
  <si>
    <t>awan Muslim tehsil muridke dist sheikhpura</t>
  </si>
  <si>
    <t>Baqer Ali Shah</t>
  </si>
  <si>
    <t>GPS AWAN NAGAR</t>
  </si>
  <si>
    <t>Mouza Nonari, Basti Awan Nagar</t>
  </si>
  <si>
    <t>Awan Nagar</t>
  </si>
  <si>
    <t>GPS AWAN TOWN LAHORE</t>
  </si>
  <si>
    <t>81-A kosar block awan town multan road lahore</t>
  </si>
  <si>
    <t>Awan town</t>
  </si>
  <si>
    <t>Aftab hussain</t>
  </si>
  <si>
    <t>GPS AWANA</t>
  </si>
  <si>
    <t>Awana jhelum</t>
  </si>
  <si>
    <t>Chakjmal</t>
  </si>
  <si>
    <t>Saima Saqlain</t>
  </si>
  <si>
    <t>GPS AWANA WALA</t>
  </si>
  <si>
    <t>gps awanwala</t>
  </si>
  <si>
    <t>MAQBOOL HUSSAIN</t>
  </si>
  <si>
    <t>GPS AWANA WALA (NEW SCHOOL)</t>
  </si>
  <si>
    <t>Awana Wala Dakhli Mehmood Shaheed</t>
  </si>
  <si>
    <t>awana wala(new school) noor pur thal</t>
  </si>
  <si>
    <t>Masud Elahi</t>
  </si>
  <si>
    <t>GPS AYAZ WALA</t>
  </si>
  <si>
    <t>ayaz Wala Tehsil and District mianwali</t>
  </si>
  <si>
    <t>Ayaz Wala</t>
  </si>
  <si>
    <t>AMEER NAWAZ KHAN</t>
  </si>
  <si>
    <t>GPS AYOUB ARAIN</t>
  </si>
  <si>
    <t>ahmad dewala</t>
  </si>
  <si>
    <t>GPS Ayoub arain basti dewalen p/o bassira</t>
  </si>
  <si>
    <t>alidaha</t>
  </si>
  <si>
    <t>GPS AYUB ABAD</t>
  </si>
  <si>
    <t>Ayubabad</t>
  </si>
  <si>
    <t>village Ayubabad post office ladhar tehsil Dina district Jhelum</t>
  </si>
  <si>
    <t>Muhammad Qaisar</t>
  </si>
  <si>
    <t>GPS AYUB COLONY FSD</t>
  </si>
  <si>
    <t>Ayub  Colony</t>
  </si>
  <si>
    <t>st #10, portab Nagar fsd</t>
  </si>
  <si>
    <t>Portable Nagar</t>
  </si>
  <si>
    <t>Muhammad Aslam Naji</t>
  </si>
  <si>
    <t>GPS AYYA PUR</t>
  </si>
  <si>
    <t>Ayya pur</t>
  </si>
  <si>
    <t>ayya pur</t>
  </si>
  <si>
    <t>Muhammad Moeen</t>
  </si>
  <si>
    <t>GPS AYYAZ ABAD MARRAL NO. 2</t>
  </si>
  <si>
    <t>Ayaz Abad Maral</t>
  </si>
  <si>
    <t>Qasba Ayaz Abad Maral</t>
  </si>
  <si>
    <t>GPS AZAD NAGAR</t>
  </si>
  <si>
    <t>Midh Pragna</t>
  </si>
  <si>
    <t>midh</t>
  </si>
  <si>
    <t>GPS AZAFI ABADI SADEVE</t>
  </si>
  <si>
    <t>Sadeve</t>
  </si>
  <si>
    <t>Mouza Sadeve Tehsile Bhowana District Chiniot</t>
  </si>
  <si>
    <t>Samar Abbas</t>
  </si>
  <si>
    <t>GPS AZAFI BASTI 30/3-R</t>
  </si>
  <si>
    <t>30/3RAB</t>
  </si>
  <si>
    <t>Azafi basti 30/3R</t>
  </si>
  <si>
    <t>Azafi Basti 30/ 3R</t>
  </si>
  <si>
    <t>Chak 30 /3R</t>
  </si>
  <si>
    <t>Muhammad Naeem Safdar</t>
  </si>
  <si>
    <t>GPS AZAM ABAD</t>
  </si>
  <si>
    <t>Basti Azam Abad Chak no. 114/P Rahim Yar Khan</t>
  </si>
  <si>
    <t>GPS AZAM KACHHELA</t>
  </si>
  <si>
    <t>DODARA MALE</t>
  </si>
  <si>
    <t>Dodara</t>
  </si>
  <si>
    <t>chak dodara</t>
  </si>
  <si>
    <t>Basti Haji Jamal Hejbani</t>
  </si>
  <si>
    <t>Ghulam Hayder</t>
  </si>
  <si>
    <t>GPS AZAM SAHU</t>
  </si>
  <si>
    <t>Azam Sahu</t>
  </si>
  <si>
    <t>chak Azam Sahu sahiwal</t>
  </si>
  <si>
    <t>Bhdar Shah</t>
  </si>
  <si>
    <t>GPS AZAMAT WALA</t>
  </si>
  <si>
    <t>Azmat Wala P /O Karari kot tehsil and District Bhakkar</t>
  </si>
  <si>
    <t>Anwar Ul Aziz Khan</t>
  </si>
  <si>
    <t>GPS AZEEM ABAD , OKARA</t>
  </si>
  <si>
    <t>Azeemabad Okara</t>
  </si>
  <si>
    <t>Azeemabad Okara City</t>
  </si>
  <si>
    <t>Faizabad 93/5</t>
  </si>
  <si>
    <t>GPS AZEEM PUR</t>
  </si>
  <si>
    <t>Azeempur</t>
  </si>
  <si>
    <t>basti Azeempur</t>
  </si>
  <si>
    <t>Abrar Hussain Shah</t>
  </si>
  <si>
    <t>GPS AZEEM PURA</t>
  </si>
  <si>
    <t>Tariqcoloney minchinabad</t>
  </si>
  <si>
    <t>Amjad Islam</t>
  </si>
  <si>
    <t>GPS AZEEM SHAH</t>
  </si>
  <si>
    <t>Mohammad Ramzan</t>
  </si>
  <si>
    <t>GPS AZGHANI BUN</t>
  </si>
  <si>
    <t>SARBIL MALE</t>
  </si>
  <si>
    <t>busti Azghani bun tehsil Trimble dist d g khan</t>
  </si>
  <si>
    <t>Azghani Bun</t>
  </si>
  <si>
    <t>GPS AZHAR ABBAS SHAHEED</t>
  </si>
  <si>
    <t>SAIDO</t>
  </si>
  <si>
    <t>Village SAIDO DATA P.O SANKHATRA</t>
  </si>
  <si>
    <t>SAIDO DATA</t>
  </si>
  <si>
    <t>SANKHATRA</t>
  </si>
  <si>
    <t>GPS AZIZ ABAD BASTI SWL.ROAD PAKPATTAN</t>
  </si>
  <si>
    <t>Mohallah Aziz Abad</t>
  </si>
  <si>
    <t>Mohallah Aziz Abad Pakpattan</t>
  </si>
  <si>
    <t>Urban Ward No 49</t>
  </si>
  <si>
    <t>Mohammad  Manzoor Ahmad</t>
  </si>
  <si>
    <t>GPS AZIZ ABAD MOZA SARAY P/O CHAK SARAY</t>
  </si>
  <si>
    <t>Kochan wala saray shujabad</t>
  </si>
  <si>
    <t>Kochan Wala</t>
  </si>
  <si>
    <t>Abdul Aleem</t>
  </si>
  <si>
    <t>GPS AZIZ ABAD NO. 2</t>
  </si>
  <si>
    <t>Palowaan Jqnobi</t>
  </si>
  <si>
    <t>moza bindi,uc bindi,markaz bindi 2</t>
  </si>
  <si>
    <t>Paloowan</t>
  </si>
  <si>
    <t>GPS AZIZ DIN</t>
  </si>
  <si>
    <t>Aziz din</t>
  </si>
  <si>
    <t>GPS AZIZ KHOKHAR WALA</t>
  </si>
  <si>
    <t>khokhar wala</t>
  </si>
  <si>
    <t>GPS AZIZ MODEL ALLA ABAD PUR FSD 224RB</t>
  </si>
  <si>
    <t>Faroozshah</t>
  </si>
  <si>
    <t>Allaabadstreetno2 224 RB</t>
  </si>
  <si>
    <t>Allaabad</t>
  </si>
  <si>
    <t>Mujahid ALI</t>
  </si>
  <si>
    <t>GPS AZIZ QUHAM</t>
  </si>
  <si>
    <t>Aziz Quham</t>
  </si>
  <si>
    <t>GPS AZIZAN WALA</t>
  </si>
  <si>
    <t>Azizanwala, p/o Abbasian wala, Tehsil Kallurkot, Distt.Bhakkar</t>
  </si>
  <si>
    <t>Azizanwala</t>
  </si>
  <si>
    <t>GPS AZIZIA</t>
  </si>
  <si>
    <t>Bahadur Ka Sharqi</t>
  </si>
  <si>
    <t>Basti Noor mahal Bahadur ka Shari</t>
  </si>
  <si>
    <t>Basti Noor Mahal</t>
  </si>
  <si>
    <t>GPS AZMAT ABAD</t>
  </si>
  <si>
    <t>AZMAT ABAD</t>
  </si>
  <si>
    <t>GBPS AZMAT ABAD</t>
  </si>
  <si>
    <t>AZMAT  ABAD</t>
  </si>
  <si>
    <t>GPS AZMAT WALA  JAMALI</t>
  </si>
  <si>
    <t>Gps Azmat Wala jamali teh.noorpur  distt.khushab</t>
  </si>
  <si>
    <t>GPS B.T.M WARD NO 1 KHAN PUR</t>
  </si>
  <si>
    <t>hakra</t>
  </si>
  <si>
    <t>GPS BTM ward No.1 Khanpur</t>
  </si>
  <si>
    <t>Basti Fetah Muhammad Abassi</t>
  </si>
  <si>
    <t>GPS BAAGH ARAIN</t>
  </si>
  <si>
    <t>basti baugh arain moza ghosa abad shedani shareef teh liakat pur distt Raheem yar khan</t>
  </si>
  <si>
    <t>Baugh Arain</t>
  </si>
  <si>
    <t>Nazeer Ahmad Khan</t>
  </si>
  <si>
    <t>GPS BABAL WALA</t>
  </si>
  <si>
    <t>Govt. primary school babal Wala Post office Mandisadiq ganj</t>
  </si>
  <si>
    <t>Irshad Ahmad Shahid</t>
  </si>
  <si>
    <t>GPS BABAYI KALAN</t>
  </si>
  <si>
    <t>Babia kalan</t>
  </si>
  <si>
    <t>village Babia kalan, Tehsil Minchinabad ,district Bahawalnagar .</t>
  </si>
  <si>
    <t>GPS BABBER JADEED</t>
  </si>
  <si>
    <t>Murad pur Janobi</t>
  </si>
  <si>
    <t>Basti macchi Murad pur janobi</t>
  </si>
  <si>
    <t>Basti macchi</t>
  </si>
  <si>
    <t>GPS BABER KHAI</t>
  </si>
  <si>
    <t>Babber Khai</t>
  </si>
  <si>
    <t>GPS BABI</t>
  </si>
  <si>
    <t>Bubbi</t>
  </si>
  <si>
    <t>basti bubbi p/o nutkani the taunsa sharif</t>
  </si>
  <si>
    <t>GPS BABIANIA</t>
  </si>
  <si>
    <t>village Babanian Post office karnana Tehsil kharian Distinct Gujrat</t>
  </si>
  <si>
    <t>GPS BABRA</t>
  </si>
  <si>
    <t>mauza rasoolpur post office rasoolpur</t>
  </si>
  <si>
    <t>GPS BABU RAI</t>
  </si>
  <si>
    <t>BABU Rai</t>
  </si>
  <si>
    <t>BABU Rai Chiniot</t>
  </si>
  <si>
    <t>Zahid Majid Amjid</t>
  </si>
  <si>
    <t>GPS BACHHLI</t>
  </si>
  <si>
    <t>GPS Bachli</t>
  </si>
  <si>
    <t>village bachli  p/o pindi umrah</t>
  </si>
  <si>
    <t>Bachli</t>
  </si>
  <si>
    <t>Masrur</t>
  </si>
  <si>
    <t>GPS BADANA SHARQI</t>
  </si>
  <si>
    <t>CTN-XIV-MALE</t>
  </si>
  <si>
    <t>Badana Sharqi</t>
  </si>
  <si>
    <t>Badana Sharqi .</t>
  </si>
  <si>
    <t>GPS BADAR BHOON</t>
  </si>
  <si>
    <t>Badar Bhone</t>
  </si>
  <si>
    <t>Badar.bhoon po sial shareef teh sahiwal district sargodha</t>
  </si>
  <si>
    <t>GPS BADAR DIN</t>
  </si>
  <si>
    <t>Badar Din</t>
  </si>
  <si>
    <t>Badar Din P/o Qaimpur Tehsil Hasil Pur District Bahawal pur</t>
  </si>
  <si>
    <t>BadarDin</t>
  </si>
  <si>
    <t>JamalPur</t>
  </si>
  <si>
    <t>GPS BADDA KHEL TRAGH TEH. ISA KHEL MIANWALI</t>
  </si>
  <si>
    <t>Badda Khel</t>
  </si>
  <si>
    <t>Badda Khel P/O Trag isakhel</t>
  </si>
  <si>
    <t>Aon Raza Shah</t>
  </si>
  <si>
    <t>GPS BADDAR PUR</t>
  </si>
  <si>
    <t>badarpur</t>
  </si>
  <si>
    <t>village badarpur post office mustafabad kasur</t>
  </si>
  <si>
    <t>Badarpur</t>
  </si>
  <si>
    <t>Sarharli Kalan</t>
  </si>
  <si>
    <t>GPS BADDAY WALA</t>
  </si>
  <si>
    <t>Moor Muhammad Bhabha</t>
  </si>
  <si>
    <t>badday wala uc usman korea</t>
  </si>
  <si>
    <t>Badday Wala</t>
  </si>
  <si>
    <t>Fahad Ahmad</t>
  </si>
  <si>
    <t>GPS BADDO</t>
  </si>
  <si>
    <t>GPS baddo, tehsil ferozewala, SHEIKHUPURA</t>
  </si>
  <si>
    <t>GPS BADDO MALHI NO 1</t>
  </si>
  <si>
    <t>Main Bazaar Baddomalhi</t>
  </si>
  <si>
    <t>Amin Masih</t>
  </si>
  <si>
    <t>GPS BADH BAILA</t>
  </si>
  <si>
    <t>Badh Baila</t>
  </si>
  <si>
    <t>badh baila ahmad pur sial jhang</t>
  </si>
  <si>
    <t>Rameez Khalid</t>
  </si>
  <si>
    <t>GPS BADHAI</t>
  </si>
  <si>
    <t>Bhadai</t>
  </si>
  <si>
    <t>Village Bhadai</t>
  </si>
  <si>
    <t>GPS BADLI</t>
  </si>
  <si>
    <t>Kotla Gulsher</t>
  </si>
  <si>
    <t>basti rasool buksh umerkot</t>
  </si>
  <si>
    <t>Basti Mushtaq Machi</t>
  </si>
  <si>
    <t>Muhammad Mehran</t>
  </si>
  <si>
    <t>GPS BADLI WALA</t>
  </si>
  <si>
    <t>Mohallah Badli Wala Khushab</t>
  </si>
  <si>
    <t>Malik Nawazish Ali</t>
  </si>
  <si>
    <t>hand pu</t>
  </si>
  <si>
    <t>GPS BADNIAN</t>
  </si>
  <si>
    <t>village badnian post office and tehsil kotli Sattian district rawalpindi</t>
  </si>
  <si>
    <t>SHAMSA KANWAL</t>
  </si>
  <si>
    <t>GPS BADOKE SEIKHWAN</t>
  </si>
  <si>
    <t>Baddoki saikhuwan</t>
  </si>
  <si>
    <t>Village Baddoki saikhuwan</t>
  </si>
  <si>
    <t>GPS BADRA</t>
  </si>
  <si>
    <t>Dhock Namdar dakhli Hattar p/o Fateh Jang</t>
  </si>
  <si>
    <t>GPS BADRI DAS</t>
  </si>
  <si>
    <t>Badri Das</t>
  </si>
  <si>
    <t>badri das hujra shah muqeem</t>
  </si>
  <si>
    <t>Badri  Das</t>
  </si>
  <si>
    <t>Bhon  Manzabtah</t>
  </si>
  <si>
    <t>muhammad Yasin</t>
  </si>
  <si>
    <t>GPS BADRI KHELAN WALA</t>
  </si>
  <si>
    <t>badrikhelanwala</t>
  </si>
  <si>
    <t>Badrikhelanwala</t>
  </si>
  <si>
    <t>GPS BADRI PUR</t>
  </si>
  <si>
    <t>Badri pur</t>
  </si>
  <si>
    <t>GPS Badri pur chak no 8 Teh, Safdarabad Distt, sheikhupura.</t>
  </si>
  <si>
    <t>Dhaban kalan</t>
  </si>
  <si>
    <t>GPS BADSHAH PUR</t>
  </si>
  <si>
    <t>VPO Badshah Pur.Teh.C.S.Shah.Distt.Chakwal</t>
  </si>
  <si>
    <t>GPS BAFAD NO.1</t>
  </si>
  <si>
    <t>Bafahd</t>
  </si>
  <si>
    <t>GBPS#1Bafahd PO Nikku Tehsil Hasan Abdal District Attock</t>
  </si>
  <si>
    <t>GPS BAGARIAN</t>
  </si>
  <si>
    <t>Village Bagrian Post Office Bangial</t>
  </si>
  <si>
    <t>Bagrian</t>
  </si>
  <si>
    <t>Shabnam Zahid</t>
  </si>
  <si>
    <t>GPS BAGARIAN WALA</t>
  </si>
  <si>
    <t>Village Bagrianwala P.O Mangowal Tehsil Kharian District Gujrat</t>
  </si>
  <si>
    <t>Tariq Mehmoo</t>
  </si>
  <si>
    <t>GPS BAGGA SHEIKHAN</t>
  </si>
  <si>
    <t>Taal</t>
  </si>
  <si>
    <t>dhoke taal bagga sheikhan</t>
  </si>
  <si>
    <t>Dhoke Taal Bagga Sheikhan</t>
  </si>
  <si>
    <t>Mubina Munir</t>
  </si>
  <si>
    <t>GPS BAGGAY</t>
  </si>
  <si>
    <t>village baggay P/O hussain khan wala tehsil and district kasur</t>
  </si>
  <si>
    <t>GPS BAGGAY WALA</t>
  </si>
  <si>
    <t>BASTI jalalani</t>
  </si>
  <si>
    <t>BASTI Jalalani</t>
  </si>
  <si>
    <t>BASTI Jam</t>
  </si>
  <si>
    <t>GPS BAGGER MOZA BAGGAR P/O JAL WALA</t>
  </si>
  <si>
    <t>basti baggar moza baggar jungle kalran wala p/o jall wala</t>
  </si>
  <si>
    <t>Jungle Kalran Wala</t>
  </si>
  <si>
    <t>Liaqat Hussain</t>
  </si>
  <si>
    <t>GPS BAGGI BHIRRI P/O SHAFI ARIF WALA</t>
  </si>
  <si>
    <t>Baggi Bhirri</t>
  </si>
  <si>
    <t>baggi bhirri chak shafi ,arifwal</t>
  </si>
  <si>
    <t>GPS BAGH ALI ARAIN</t>
  </si>
  <si>
    <t>Bagh Ali Arain</t>
  </si>
  <si>
    <t>bagh ali arain</t>
  </si>
  <si>
    <t>GPS BAGH ALI MOLE</t>
  </si>
  <si>
    <t>Bagh Ali Mole</t>
  </si>
  <si>
    <t>basti bagh Ali mole p / o khar fort minroo</t>
  </si>
  <si>
    <t>GPS BAGH ALI WALA</t>
  </si>
  <si>
    <t>USMAN WALA - MALE</t>
  </si>
  <si>
    <t>gps bagh ali wala markaz usman wala</t>
  </si>
  <si>
    <t>GPS BAGH BALLA</t>
  </si>
  <si>
    <t>Bagh Bala</t>
  </si>
  <si>
    <t>village bagh bala p.o mangwal distt.chakwal</t>
  </si>
  <si>
    <t>Mohammad Yousaf Rehmani</t>
  </si>
  <si>
    <t>GPS BAGH KOHNA</t>
  </si>
  <si>
    <t>Bagh kohna Teh  Pindi Bhattian Dist.Hafizabad</t>
  </si>
  <si>
    <t>Munzoor Ahmed</t>
  </si>
  <si>
    <t>GPS BAGH MOHALLAH</t>
  </si>
  <si>
    <t>Sarai alamgir</t>
  </si>
  <si>
    <t>Gps Bagh Mohalla sarai alamgir.</t>
  </si>
  <si>
    <t>MC Sarai alamgir</t>
  </si>
  <si>
    <t>Rizwana Akhter</t>
  </si>
  <si>
    <t>GPS BAGH NELAB</t>
  </si>
  <si>
    <t>Bagh Nelab</t>
  </si>
  <si>
    <t>vpo Bagh Nelab teh and district ATTOCK</t>
  </si>
  <si>
    <t>GPS BAGH PUR</t>
  </si>
  <si>
    <t>Bagh Pur</t>
  </si>
  <si>
    <t>Moza Bagh Pur, p/o Mondka, Tehsil &amp; District Muzaffargarh</t>
  </si>
  <si>
    <t>Qaisar  Abbas</t>
  </si>
  <si>
    <t>GPS BAGH SHAHI</t>
  </si>
  <si>
    <t>basti faiz ali shah post office shahpur tehsil hasilpur distt. bahawalpur</t>
  </si>
  <si>
    <t>Khairoo Ghazikhanana</t>
  </si>
  <si>
    <t>Muhammad asghar</t>
  </si>
  <si>
    <t>GPS BAGH SHAMAS DIN</t>
  </si>
  <si>
    <t>Bagh Shamas Din</t>
  </si>
  <si>
    <t>bagh shamas din</t>
  </si>
  <si>
    <t>Arslan Mushtaq</t>
  </si>
  <si>
    <t>GPS BAGH SINGH WALA</t>
  </si>
  <si>
    <t>Bagh Singh Wala</t>
  </si>
  <si>
    <t>bagh Singh wala tehsil kasur</t>
  </si>
  <si>
    <t>Muhammad Iqbal Shakoor</t>
  </si>
  <si>
    <t>GPS BAGH WALA JADEED</t>
  </si>
  <si>
    <t>moza baghwala uc mondka muzaffargarh</t>
  </si>
  <si>
    <t>Hassaan Taloot</t>
  </si>
  <si>
    <t>GPS BAGH WALA QADEEM</t>
  </si>
  <si>
    <t>Esan Mahar</t>
  </si>
  <si>
    <t>basti mal wala</t>
  </si>
  <si>
    <t>Mall Wala</t>
  </si>
  <si>
    <t>GPS BAGHAI WALA</t>
  </si>
  <si>
    <t>Kamalia Bagaiwala</t>
  </si>
  <si>
    <t>mohala bagaiwala kamalia</t>
  </si>
  <si>
    <t>Ward No 32</t>
  </si>
  <si>
    <t>ZaheerHussain</t>
  </si>
  <si>
    <t>GPS BAGHAN WALA</t>
  </si>
  <si>
    <t>Village Baghanwala Post Office Guliana Tehsil Kharian District Gujrat</t>
  </si>
  <si>
    <t>Muhammad  Asjad Mahmood</t>
  </si>
  <si>
    <t>GPS BAGHAT GARH</t>
  </si>
  <si>
    <t>bhagat garh dak khana badoki Tehsil wazirabad</t>
  </si>
  <si>
    <t>Muhammad Basheer Ahmed</t>
  </si>
  <si>
    <t>GPS BAGHIAN WALA</t>
  </si>
  <si>
    <t>Darbulla</t>
  </si>
  <si>
    <t>R/O Baghian wala P/O Haider Abad tehsil mankera district bhakkar</t>
  </si>
  <si>
    <t>Baghian Wala</t>
  </si>
  <si>
    <t>Waqar Hussain</t>
  </si>
  <si>
    <t>GPS BAGHIANA PO SADDAR GOGERA</t>
  </si>
  <si>
    <t>Baghiana</t>
  </si>
  <si>
    <t>baghiana</t>
  </si>
  <si>
    <t>37/GD</t>
  </si>
  <si>
    <t>Muhammad Nawaz Shaheen</t>
  </si>
  <si>
    <t>GPS BAGHIAR MAR</t>
  </si>
  <si>
    <t>baghyar Mar Kot Radha Kishen</t>
  </si>
  <si>
    <t>Zafer Key</t>
  </si>
  <si>
    <t>GPS BAGHOON WALA</t>
  </si>
  <si>
    <t>basti Taj mohammad soomro</t>
  </si>
  <si>
    <t>Basti Taj Mohammad Soomro</t>
  </si>
  <si>
    <t>Shah WALI</t>
  </si>
  <si>
    <t>Fayaz Ahmed</t>
  </si>
  <si>
    <t>GPS BAGHRI BAGHRA</t>
  </si>
  <si>
    <t>Baghri Baghra</t>
  </si>
  <si>
    <t>GPS baghri baghra post office chak no. 8/60 tehsil and district nankana sahib</t>
  </si>
  <si>
    <t>Muhammad Nawaz Ahmad</t>
  </si>
  <si>
    <t>GPS BAGHTEERA NANKANA SAHIB</t>
  </si>
  <si>
    <t>BAGHTERA</t>
  </si>
  <si>
    <t>BEGHTERA</t>
  </si>
  <si>
    <t>WARBURTON Gaon</t>
  </si>
  <si>
    <t>GPS BAGHWALA</t>
  </si>
  <si>
    <t>Pahar Pur Nasheb</t>
  </si>
  <si>
    <t>basti kalar pahar pur nasheb</t>
  </si>
  <si>
    <t>Syed Ghulam Murtaza Shah</t>
  </si>
  <si>
    <t>GPS BAGHWAN PUR</t>
  </si>
  <si>
    <t>Bhagwan Pur</t>
  </si>
  <si>
    <t>village Bhagwan pur p/o kot nainan teh. shakargarh distt. narowal</t>
  </si>
  <si>
    <t>Sujhowal</t>
  </si>
  <si>
    <t>GPS BAGIAN WALA</t>
  </si>
  <si>
    <t>Bhan baggian wala NOORPUR</t>
  </si>
  <si>
    <t>Bhan Baggian Wala</t>
  </si>
  <si>
    <t>NoorPur Rural</t>
  </si>
  <si>
    <t>Muhammad Fayaz</t>
  </si>
  <si>
    <t>GPS BAGIANA</t>
  </si>
  <si>
    <t>BiBi Pur</t>
  </si>
  <si>
    <t>Chak Bagiana Moza BiBi Pur</t>
  </si>
  <si>
    <t>Chak Bagiana</t>
  </si>
  <si>
    <t>GPS BAGOLARH</t>
  </si>
  <si>
    <t>Bagolarh</t>
  </si>
  <si>
    <t>Village. Bagolarh post office SukhoChak Teh. shakar Garh Dist Narowal</t>
  </si>
  <si>
    <t>SukhoChak</t>
  </si>
  <si>
    <t>GPS BAGOWAL KALAN</t>
  </si>
  <si>
    <t>village and post office bhagowal kalan tehsil and District gujrat</t>
  </si>
  <si>
    <t>Mohsin Shahzad</t>
  </si>
  <si>
    <t>GPS BAGRA</t>
  </si>
  <si>
    <t>Rao</t>
  </si>
  <si>
    <t>basti Bagra mouza Rao tehsil jatoi, muzaffargarh</t>
  </si>
  <si>
    <t>Basti Bagra</t>
  </si>
  <si>
    <t>Mohammed Yousuf bhatti</t>
  </si>
  <si>
    <t>GPS BAGRAIN</t>
  </si>
  <si>
    <t>Bagrain daak khana khas Bagrain Tehsil Shujabad district Multan</t>
  </si>
  <si>
    <t>GPS BAGWALA</t>
  </si>
  <si>
    <t>Bagwala</t>
  </si>
  <si>
    <t>GPS Bagwala P/O Domeli Teh Sohawa Dis Jhelum</t>
  </si>
  <si>
    <t>Muhammad Zafran</t>
  </si>
  <si>
    <t>GPS BAHADAR KHAN</t>
  </si>
  <si>
    <t>moza ahmed alilar basti bahadur khan</t>
  </si>
  <si>
    <t>Basti Bahadur Khan</t>
  </si>
  <si>
    <t>Riaz Husain</t>
  </si>
  <si>
    <t>GPS BAHADAR KHAN WALA</t>
  </si>
  <si>
    <t>Mauza Pahar Pur Thal.</t>
  </si>
  <si>
    <t>Z awar Hussain</t>
  </si>
  <si>
    <t>GPS BAHADAR PUR</t>
  </si>
  <si>
    <t>basti bahadar pur</t>
  </si>
  <si>
    <t>GPS BAHADERIAN WALA</t>
  </si>
  <si>
    <t>Dera Bahaderian Wala</t>
  </si>
  <si>
    <t>p/o mangowal kalan teh.shahpur disst.Sargodha</t>
  </si>
  <si>
    <t>GPS BAHADI WAHIN</t>
  </si>
  <si>
    <t>Bahadi Wahin</t>
  </si>
  <si>
    <t>GPS bahadi wahin</t>
  </si>
  <si>
    <t>Naseer Di Wahin</t>
  </si>
  <si>
    <t>GPS BAHADUR KHERRA</t>
  </si>
  <si>
    <t>Moza Bahadur Khera</t>
  </si>
  <si>
    <t>bahadur khera p/o kalyana</t>
  </si>
  <si>
    <t>Bahadur khera</t>
  </si>
  <si>
    <t>GPS BAHADUR LASHARI WALA CHAK NO. 449 TDA</t>
  </si>
  <si>
    <t>Patti Bukhari</t>
  </si>
  <si>
    <t>basti lashari moza patti bukhari bukhari tehsil choubara district layyah</t>
  </si>
  <si>
    <t>GPS BAHADUR PEER</t>
  </si>
  <si>
    <t>Mud mangla tehsil Khan pur distt Rahim Yar Khan</t>
  </si>
  <si>
    <t>GPS BAHADUR SAWAG WALA</t>
  </si>
  <si>
    <t>Patti Kharan</t>
  </si>
  <si>
    <t>awan wala patti kharan</t>
  </si>
  <si>
    <t>GPS BAHADUR TAHAHEEM</t>
  </si>
  <si>
    <t>Basti Bahadur Thaheem  moza Laly wala Lodhran</t>
  </si>
  <si>
    <t>Bahadur Thaheem</t>
  </si>
  <si>
    <t>GPS BAHADUR WALA</t>
  </si>
  <si>
    <t>Bahadur Wala</t>
  </si>
  <si>
    <t>bahadur wala post office Budda tehsil and district nankana</t>
  </si>
  <si>
    <t>GPS BAHAK AHMED YAR</t>
  </si>
  <si>
    <t>Bahak Ahmed Yar</t>
  </si>
  <si>
    <t>Bahak Ahmed Yar, P/O Vanike Tarar, Teh. &amp; Disstt. Hafizabad</t>
  </si>
  <si>
    <t>GPS BAHAN WALA</t>
  </si>
  <si>
    <t>BAHAN WALA</t>
  </si>
  <si>
    <t>MOUZA BAHAN WALA P/O METLA</t>
  </si>
  <si>
    <t>Hushri</t>
  </si>
  <si>
    <t>GPS BAHAR</t>
  </si>
  <si>
    <t>bahar post office farooq abad tehsil district sheikhupura</t>
  </si>
  <si>
    <t>GPS BAHAR BORANA</t>
  </si>
  <si>
    <t>Bahar Burana</t>
  </si>
  <si>
    <t>Basti langah mouza bahar born a teh.bahawal pur dist.bwp</t>
  </si>
  <si>
    <t>Khan Qah Sharif</t>
  </si>
  <si>
    <t>Muhamad Nawaz</t>
  </si>
  <si>
    <t>GPS BAHAR WADANI</t>
  </si>
  <si>
    <t>Nawaz Shumali</t>
  </si>
  <si>
    <t>village bahar wadani post office choti zareen</t>
  </si>
  <si>
    <t>Bahar Wadani</t>
  </si>
  <si>
    <t>GPS BAHARA BASTI BAHARA MOZA KARMAN WALI</t>
  </si>
  <si>
    <t>Karmun Wali</t>
  </si>
  <si>
    <t>Basti Bahara karmun wali tehsil Jalal pur pir wala multan</t>
  </si>
  <si>
    <t>Basti Bahara</t>
  </si>
  <si>
    <t>GPS BAHAREIN WALI</t>
  </si>
  <si>
    <t>basti Baharay Wali  azmat  pur</t>
  </si>
  <si>
    <t>Basti Baharay Wali</t>
  </si>
  <si>
    <t>GPS BAHAUDI PUR QURESHIAN</t>
  </si>
  <si>
    <t>Bahaudi Pur Qurashian</t>
  </si>
  <si>
    <t>Boys GPS bahaudi Pur qurashian</t>
  </si>
  <si>
    <t>GPS BAHAWAL  WAH</t>
  </si>
  <si>
    <t>Aojla</t>
  </si>
  <si>
    <t>Basti Bahawal Wah Mouza Aojla
P/O Tibba Sultan Pur VIA Dokota  Tehsil Mailsi District Vehari</t>
  </si>
  <si>
    <t>Basti Bahawal Wah</t>
  </si>
  <si>
    <t>Lal Suggu</t>
  </si>
  <si>
    <t>GPS BAHAWAL DASS</t>
  </si>
  <si>
    <t>Bahawal Das</t>
  </si>
  <si>
    <t>G P S Bahawal Das p/o Daula Pukhta Depal pur Okara</t>
  </si>
  <si>
    <t>Manzoor Ahmad Asi</t>
  </si>
  <si>
    <t>GPS BAHAWAL FATIANA</t>
  </si>
  <si>
    <t>Bahawal Fatiana</t>
  </si>
  <si>
    <t>bahawal fatiana sahiwal</t>
  </si>
  <si>
    <t>GPS BAHAWAL PUR SUKHA CENTRE SANMO RANA</t>
  </si>
  <si>
    <t>Bahawlpur Sukha</t>
  </si>
  <si>
    <t>GPS Bahawalpur Sukha,Multan</t>
  </si>
  <si>
    <t>Bahawalpur Sukha</t>
  </si>
  <si>
    <t>Muhammad Shuib</t>
  </si>
  <si>
    <t>GPS BAHAWALPUR GHALWAN</t>
  </si>
  <si>
    <t>basti bwp ghalwan uc bwp ghalwan</t>
  </si>
  <si>
    <t>GPS BAHGO</t>
  </si>
  <si>
    <t>VPO Bhago Tehsil Kharian District Gujrat</t>
  </si>
  <si>
    <t>Sufyan Ashraf</t>
  </si>
  <si>
    <t>GPS BAHI KHAN SHEIKHU KA</t>
  </si>
  <si>
    <t>Bhai KHAN Sheikhu Ka</t>
  </si>
  <si>
    <t>Chak bhai khan sheikhu ka</t>
  </si>
  <si>
    <t>Nama Jindhy Ka</t>
  </si>
  <si>
    <t>GPS BAHIAN WALA</t>
  </si>
  <si>
    <t>Musa Khel  Shumali</t>
  </si>
  <si>
    <t>bahianwala uc musa khel  teh and distt mianwali</t>
  </si>
  <si>
    <t>Shahbaz Khan</t>
  </si>
  <si>
    <t>GPS BAHISHTI WALA</t>
  </si>
  <si>
    <t>Chah wady wala</t>
  </si>
  <si>
    <t>Basti Malghani</t>
  </si>
  <si>
    <t>GPS BAHIWAL</t>
  </si>
  <si>
    <t>chak bahiwal district Pak pattan</t>
  </si>
  <si>
    <t>Ghulam nabi</t>
  </si>
  <si>
    <t>GPS BAHKU WALA</t>
  </si>
  <si>
    <t>Bakhu wala p/o adda jamlera teh. burewala. district.vehari</t>
  </si>
  <si>
    <t>Bakhu Wala</t>
  </si>
  <si>
    <t>GPS BAHLEEM</t>
  </si>
  <si>
    <t>basti bahleem moza fateh pur Tehsil Mailsi district vehari</t>
  </si>
  <si>
    <t>Muhammad Aftab</t>
  </si>
  <si>
    <t>GPS BAHLOL</t>
  </si>
  <si>
    <t>VILLAGE BEHLOL. POST OFFICE BAHTAR. TEHSIL FATEH JANG. ATTOCK</t>
  </si>
  <si>
    <t>GPS BAHMNI WALA</t>
  </si>
  <si>
    <t>Village Bahmni wala District Kasur</t>
  </si>
  <si>
    <t>Bahmni wala</t>
  </si>
  <si>
    <t>Raza Ahmad</t>
  </si>
  <si>
    <t>GPS BAHNGI LADWANI</t>
  </si>
  <si>
    <t>Gatta Raikh</t>
  </si>
  <si>
    <t>Gatta raikh bmp post lophanu duff trbile area</t>
  </si>
  <si>
    <t>GPS BAHNI KALSAN</t>
  </si>
  <si>
    <t>Dhab said Muhammad muhammad</t>
  </si>
  <si>
    <t>moza dhab said Muhammad bheni kalsan</t>
  </si>
  <si>
    <t>Bheni kalsan</t>
  </si>
  <si>
    <t>Umer Khetab</t>
  </si>
  <si>
    <t>GPS BAHO</t>
  </si>
  <si>
    <t>Bahoo</t>
  </si>
  <si>
    <t>village Bahoo, P.O Agroya,Tehsil Phlia, Dist.M.B.Din</t>
  </si>
  <si>
    <t>GPS BAHRIAN WALA</t>
  </si>
  <si>
    <t>Govt p/s school Village Bahrianwala district &amp; tehsil sheikhupura</t>
  </si>
  <si>
    <t>GPS BAHROOP GHARR</t>
  </si>
  <si>
    <t>GPS Behroop Garh</t>
  </si>
  <si>
    <t>Village Behroop Garh PO Qadirabad Colony Tehsil Wazirabad Dist Gujranwala</t>
  </si>
  <si>
    <t>Behroop Garh</t>
  </si>
  <si>
    <t>GPS BAHRWAL</t>
  </si>
  <si>
    <t>bharwal</t>
  </si>
  <si>
    <t>gps bharwal village bharwal post office awan sharif district gujrat</t>
  </si>
  <si>
    <t>Muzaffar Iqbal</t>
  </si>
  <si>
    <t>GPS BAHU KEY DOGAR</t>
  </si>
  <si>
    <t>Bahu Kay Dogar</t>
  </si>
  <si>
    <t>Chak Bahu Kay Dogar Pakpattan</t>
  </si>
  <si>
    <t>GPS BAHU MAAN</t>
  </si>
  <si>
    <t>GOV'T PRIMARY SCHOOL BAHUMAN.Tehsil Pindi Bhattian,Hafizabad</t>
  </si>
  <si>
    <t>Thatta Khero Matmal</t>
  </si>
  <si>
    <t>GPS BAHUDI PUR MACHIAN</t>
  </si>
  <si>
    <t>P/O Akramabad,Bahudi Pur Machian</t>
  </si>
  <si>
    <t>Bahudi Pur Machian</t>
  </si>
  <si>
    <t>Inam Akbar</t>
  </si>
  <si>
    <t>GPS BAHUMAN</t>
  </si>
  <si>
    <t>village BAHUMAN</t>
  </si>
  <si>
    <t>Qasim Ali Kharal</t>
  </si>
  <si>
    <t>GPS BAICHRA</t>
  </si>
  <si>
    <t>Baichra</t>
  </si>
  <si>
    <t>village baichra p/o makwal kalan Tehsil Taunsa Sharif distt D.G.Khan</t>
  </si>
  <si>
    <t>GPS BAIG MEHAR</t>
  </si>
  <si>
    <t>Meral Wasa</t>
  </si>
  <si>
    <t>moza meral wasa p/o Muhammad pur lama</t>
  </si>
  <si>
    <t>Basti Alahi Bux Wasa</t>
  </si>
  <si>
    <t>Masood Muhammad</t>
  </si>
  <si>
    <t>GPS BAIG WALA MOZA P/O JALAL PUR PIR WALA</t>
  </si>
  <si>
    <t>chak Baig Wala moza kanhoon Tehsil JPPW  (MULTAN )</t>
  </si>
  <si>
    <t>Chak Baig Wala</t>
  </si>
  <si>
    <t>Murad Ahmad</t>
  </si>
  <si>
    <t>GPS BAIGKA NOOR</t>
  </si>
  <si>
    <t>Baigka noor Pur</t>
  </si>
  <si>
    <t>baigka noor pur tehsile and District bahawalnagar</t>
  </si>
  <si>
    <t>Fateh Muhammad</t>
  </si>
  <si>
    <t>GPS BAIL BATTAR</t>
  </si>
  <si>
    <t>MUBARKI MALE</t>
  </si>
  <si>
    <t>Bail Battar</t>
  </si>
  <si>
    <t>Basti Bail Battar UC Mubarki tehsil Taunsa Sharif Dist DG Khan</t>
  </si>
  <si>
    <t>Muhammad Usman Ghani</t>
  </si>
  <si>
    <t>GPS BAILA</t>
  </si>
  <si>
    <t>Baila</t>
  </si>
  <si>
    <t>village Baila Tehsil Jand District Attock</t>
  </si>
  <si>
    <t>Asghar Mahmood</t>
  </si>
  <si>
    <t>GPS BAILA BAY CHARAGH</t>
  </si>
  <si>
    <t>Bela Bay Charagh</t>
  </si>
  <si>
    <t>vill Bela bay charagh p.o phuklain</t>
  </si>
  <si>
    <t>Wadgarn</t>
  </si>
  <si>
    <t>GPS BAILAB SHUMALI</t>
  </si>
  <si>
    <t>Tukra Shumali</t>
  </si>
  <si>
    <t>Tukra Shumali GPS Bailab Shumali p/o Dalana Thana Lakha Trible Area Tamun Khosa Dera Ghazi Khan</t>
  </si>
  <si>
    <t>Rain</t>
  </si>
  <si>
    <t>GPS BAILI WALA</t>
  </si>
  <si>
    <t>chah  Baili  wala Ali Abad bhakar  road jhang</t>
  </si>
  <si>
    <t>Akhlaq Ul Hassan Naeem</t>
  </si>
  <si>
    <t>GPS BAILY BHARWAL</t>
  </si>
  <si>
    <t>Beli Bahar Wal</t>
  </si>
  <si>
    <t>village Beli BaharWal  Jhelum post office nougran</t>
  </si>
  <si>
    <t>Moin Anwer</t>
  </si>
  <si>
    <t>GPS BAINS</t>
  </si>
  <si>
    <t>vpo Bains</t>
  </si>
  <si>
    <t>GPS BAIR WALA</t>
  </si>
  <si>
    <t>P/o basira teh&amp;distt muzaffar garh</t>
  </si>
  <si>
    <t>GPS BAIRI WALA</t>
  </si>
  <si>
    <t>peer khaee</t>
  </si>
  <si>
    <t>GPS bairi wala Tehsil Mailsi p.o box Gahara more Dist.vehari</t>
  </si>
  <si>
    <t>Gahra More</t>
  </si>
  <si>
    <t>GPS BAIT AHEER</t>
  </si>
  <si>
    <t>Bait Aheer</t>
  </si>
  <si>
    <t>Basti Hafiz Ahmed Hassan Aheer Mouza Bait Aheer</t>
  </si>
  <si>
    <t>GPS BAIT ALAM</t>
  </si>
  <si>
    <t>Pati Makwal</t>
  </si>
  <si>
    <t>p/o kala d g Khan</t>
  </si>
  <si>
    <t>Nasar Ullah</t>
  </si>
  <si>
    <t>GPS BAIT ALAM KHAN</t>
  </si>
  <si>
    <t>Bait Aalam Khan</t>
  </si>
  <si>
    <t>Bait Alam khan tehsil and district dera ghazi khan</t>
  </si>
  <si>
    <t>Bait Alam Khan</t>
  </si>
  <si>
    <t>Chack Raimin</t>
  </si>
  <si>
    <t>GPS BAIT ALLAH WASAYA</t>
  </si>
  <si>
    <t>Bait Allah Wasaya</t>
  </si>
  <si>
    <t>Mouza Bait Allah wasya</t>
  </si>
  <si>
    <t>Muhammed Ali Unr</t>
  </si>
  <si>
    <t>Jhok Ghulab Shah</t>
  </si>
  <si>
    <t>Syed Muzafar Hussain</t>
  </si>
  <si>
    <t>GPS BAIT ARAIN</t>
  </si>
  <si>
    <t>Patti Mutnaza</t>
  </si>
  <si>
    <t>Patti mutnaza basti arain</t>
  </si>
  <si>
    <t>Bait Arain</t>
  </si>
  <si>
    <t>Noshehra Sharqii</t>
  </si>
  <si>
    <t>Muhammad Akmal</t>
  </si>
  <si>
    <t>GPS BAIT BAGH SHAH</t>
  </si>
  <si>
    <t>Bait Bagh Shah</t>
  </si>
  <si>
    <t>maoza bait bagh shah post office GHabar Arien tahsil Ali Pur DS Muzaffar Gharh</t>
  </si>
  <si>
    <t>Basti Muhammad Hussain</t>
  </si>
  <si>
    <t>Ghabar Arien</t>
  </si>
  <si>
    <t>Muhammad Wasim Akram</t>
  </si>
  <si>
    <t>GPS BAIT BAHMANI</t>
  </si>
  <si>
    <t>Bait Bahmoni</t>
  </si>
  <si>
    <t>minchnabad road bait bahmoni pakpattan</t>
  </si>
  <si>
    <t>GPS BAIT BALOCH</t>
  </si>
  <si>
    <t>Bait Baloch</t>
  </si>
  <si>
    <t>Mouza Bait Baloch uc noor Wala tehsil liaquat pur District Rahim yar khan</t>
  </si>
  <si>
    <t>GPS BAIT BATE WALA</t>
  </si>
  <si>
    <t>u/c bait wala mauza bait bate wala no.67 tehsil. kot chutta district dgkhan</t>
  </si>
  <si>
    <t>Bait Bate</t>
  </si>
  <si>
    <t>Muhammad Imran Maher</t>
  </si>
  <si>
    <t>GPS BAIT CHANNA</t>
  </si>
  <si>
    <t>Bait Channah</t>
  </si>
  <si>
    <t>mouza bait channah seet pur tehsile ali pur</t>
  </si>
  <si>
    <t>GPS BAIT CHEEN WALA</t>
  </si>
  <si>
    <t>bait Cheen Wala</t>
  </si>
  <si>
    <t>Basti Mazari</t>
  </si>
  <si>
    <t>GPS BAIT CHUNER</t>
  </si>
  <si>
    <t>phagan maral</t>
  </si>
  <si>
    <t>bait channar</t>
  </si>
  <si>
    <t>kalo wala</t>
  </si>
  <si>
    <t>FARIAL MAHEEN</t>
  </si>
  <si>
    <t>GPS BAIT CHUNRAH</t>
  </si>
  <si>
    <t>Bait Soai</t>
  </si>
  <si>
    <t>bait chunra</t>
  </si>
  <si>
    <t>Bait Chunra</t>
  </si>
  <si>
    <t>Mohammad Bakhsh</t>
  </si>
  <si>
    <t>GPS BAIT DEWAN</t>
  </si>
  <si>
    <t>GPS Bait dewan Tehsile Ali pur.</t>
  </si>
  <si>
    <t>Mehboob Ahmad</t>
  </si>
  <si>
    <t>GPS BAIT DIWAN</t>
  </si>
  <si>
    <t>Maoza bait dewan p/o kotsultan the Layyah</t>
  </si>
  <si>
    <t>Basti Saggo</t>
  </si>
  <si>
    <t>Bakhri Ahmed Khan</t>
  </si>
  <si>
    <t>muhammad azhar</t>
  </si>
  <si>
    <t>GPS BAIT FATEH KHAN</t>
  </si>
  <si>
    <t>basti moga</t>
  </si>
  <si>
    <t>Basti Moga</t>
  </si>
  <si>
    <t>Zeeshan basheer</t>
  </si>
  <si>
    <t>GPS BAIT GADII</t>
  </si>
  <si>
    <t>Norasi</t>
  </si>
  <si>
    <t>markaz Bakhri Ahmad Khan</t>
  </si>
  <si>
    <t>Basti Gujar</t>
  </si>
  <si>
    <t>Muhammad Salamat</t>
  </si>
  <si>
    <t>GPS BAIT HAZARI</t>
  </si>
  <si>
    <t>Bait Hazari</t>
  </si>
  <si>
    <t>basti hazari, mouza bait hazari, tehsil jatoi, distt muzaffar garh</t>
  </si>
  <si>
    <t>GPS BAIT IMAM BHAKHASH MAACHI</t>
  </si>
  <si>
    <t>Bait Imam Bux Machi</t>
  </si>
  <si>
    <t>Bait imam bux Machi U/C Gul Muhammad langha tehsil liaqutpur district Rahim yar Khan</t>
  </si>
  <si>
    <t>Bait Imam Bux</t>
  </si>
  <si>
    <t>Saira Yadmin</t>
  </si>
  <si>
    <t>GPS BAIT JARH</t>
  </si>
  <si>
    <t>Bait jarh Leghari Moza jarh Leghari</t>
  </si>
  <si>
    <t>Bait Jarh Leghari</t>
  </si>
  <si>
    <t>GPS BAIT JHABAIL</t>
  </si>
  <si>
    <t>Bait Jhabail</t>
  </si>
  <si>
    <t>bait meer Ahmad jhabail</t>
  </si>
  <si>
    <t>Shahzad Hasnain</t>
  </si>
  <si>
    <t>GPS BAIT JHAMAT</t>
  </si>
  <si>
    <t>Bait Suwai</t>
  </si>
  <si>
    <t>Bait jhamat post office shadan Lound dera Ghazi khan</t>
  </si>
  <si>
    <t>Bait Jhamat</t>
  </si>
  <si>
    <t>GPS BAIT MAACHI</t>
  </si>
  <si>
    <t>Tibbi Jhullan</t>
  </si>
  <si>
    <t>GPS bait machi thull hamza Moza tibbi jhullan dera Faridi</t>
  </si>
  <si>
    <t>Kotla Makhdom</t>
  </si>
  <si>
    <t>Gul Mohammed Langah</t>
  </si>
  <si>
    <t>GPS BAIT MAHAISAR</t>
  </si>
  <si>
    <t>Bait Mehaiser</t>
  </si>
  <si>
    <t>mouza Bait mehaiser post office Sinawan</t>
  </si>
  <si>
    <t>GPS BAIT MALANA NO. 1</t>
  </si>
  <si>
    <t>Noria koria</t>
  </si>
  <si>
    <t>chah khojay wala</t>
  </si>
  <si>
    <t>Ladon</t>
  </si>
  <si>
    <t>Ahmed Bakhsh</t>
  </si>
  <si>
    <t>GPS BAIT MALANA NO. 2</t>
  </si>
  <si>
    <t>Sukaera Aree</t>
  </si>
  <si>
    <t>moza sukera aree</t>
  </si>
  <si>
    <t>Sukera Aree</t>
  </si>
  <si>
    <t>Mansoor Sajid Mastoi</t>
  </si>
  <si>
    <t>GPS BAIT MANDU</t>
  </si>
  <si>
    <t>Mando</t>
  </si>
  <si>
    <t>Moauza Mando Tehsil and distt. M.Garh</t>
  </si>
  <si>
    <t>Muhammad Sohail Khan</t>
  </si>
  <si>
    <t>GPS BAIT MEERAN MOUZA MANIK</t>
  </si>
  <si>
    <t>Gbps bait meeran moza manik markaz gloor masu khan</t>
  </si>
  <si>
    <t>Basti Ghulam Nabi Manik</t>
  </si>
  <si>
    <t>GPS BAIT MITHAI SHAH</t>
  </si>
  <si>
    <t>Bait Mithai Shah</t>
  </si>
  <si>
    <t>bait mithai shah p/o wisandewali tehsil &amp; district muzaffargarh</t>
  </si>
  <si>
    <t>Umar Pur Januby</t>
  </si>
  <si>
    <t>GPS BAIT MOAZIZ-UD-DIN</t>
  </si>
  <si>
    <t>basti Qayyoum a abad</t>
  </si>
  <si>
    <t>Bati Qayyoum A Abad</t>
  </si>
  <si>
    <t>GPS BAIT MOIZ UD DIN</t>
  </si>
  <si>
    <t>bait moiz ud din</t>
  </si>
  <si>
    <t>gps bait moiz ud din nalka adda</t>
  </si>
  <si>
    <t>nalka adda</t>
  </si>
  <si>
    <t>dummer wala janubi</t>
  </si>
  <si>
    <t>GPS BAIT MORE JHANGI</t>
  </si>
  <si>
    <t>MORE JHANGI</t>
  </si>
  <si>
    <t>Waseem Akram</t>
  </si>
  <si>
    <t>GPS BAIT MULLAN WALI</t>
  </si>
  <si>
    <t>basti Lal khan</t>
  </si>
  <si>
    <t>GPS BAIT MURAD</t>
  </si>
  <si>
    <t>bait murad</t>
  </si>
  <si>
    <t>Gul Muhammed Langah</t>
  </si>
  <si>
    <t>Fazal Mahmood</t>
  </si>
  <si>
    <t>GPS BAIT NASRULLAH</t>
  </si>
  <si>
    <t>maza towng</t>
  </si>
  <si>
    <t>GPS BAIT PARARA</t>
  </si>
  <si>
    <t>Bait parara</t>
  </si>
  <si>
    <t>maoza bait parara liaqatpur</t>
  </si>
  <si>
    <t>Basti Jam Aziz</t>
  </si>
  <si>
    <t>MUHAMMAD SHAKEEL</t>
  </si>
  <si>
    <t>GPS BAIT SHAHIL KHAN</t>
  </si>
  <si>
    <t>P/O Mir Hazar,Tehsil Jatoi District Muzaffar Garh</t>
  </si>
  <si>
    <t>GPS BAIT SOUNTRA</t>
  </si>
  <si>
    <t>baite sountra p/o noor pur mqchi wala</t>
  </si>
  <si>
    <t>Baite Sountra</t>
  </si>
  <si>
    <t>Muhammad Shaheen Tahir</t>
  </si>
  <si>
    <t>GPS BAIT THATHA SIALAN</t>
  </si>
  <si>
    <t>BAIT THATHA SIALAN</t>
  </si>
  <si>
    <t>THATHA SIALAN</t>
  </si>
  <si>
    <t>MURADABAD</t>
  </si>
  <si>
    <t>Ali Islam</t>
  </si>
  <si>
    <t>GPS BAIT THORI</t>
  </si>
  <si>
    <t>Mirani Kacha</t>
  </si>
  <si>
    <t>bait thori</t>
  </si>
  <si>
    <t>Merani Katcha</t>
  </si>
  <si>
    <t>Muhammad Bilal Ahmad</t>
  </si>
  <si>
    <t>GPS BAIT UMER PUR</t>
  </si>
  <si>
    <t>basti tilwadh mauza umer pur janobi teh&amp;dist m garh</t>
  </si>
  <si>
    <t>Tilwadh</t>
  </si>
  <si>
    <t>Muhammad Shahid Razzaq</t>
  </si>
  <si>
    <t>GPS BAIT WAHI  NO:2 P/O BAHADUR PUR</t>
  </si>
  <si>
    <t>BAIT WAHI</t>
  </si>
  <si>
    <t>mauza bait wahi P/O Bahadar pur tehsile Jalalpur pir wala,multan</t>
  </si>
  <si>
    <t>DEPAL</t>
  </si>
  <si>
    <t>GPS BAIT WAHI NO.1</t>
  </si>
  <si>
    <t>Bait Wahi</t>
  </si>
  <si>
    <t>Muhammad pur bait wahi</t>
  </si>
  <si>
    <t>GPS BAIT WALI DAD KHULANG</t>
  </si>
  <si>
    <t>SHARIF CHAJRA- MALE</t>
  </si>
  <si>
    <t>Bait Walidad</t>
  </si>
  <si>
    <t>p/0 kram dad qureshi teh dis m.garh</t>
  </si>
  <si>
    <t>Mohammad Zohaib Shah</t>
  </si>
  <si>
    <t>GPS BAIT WASAWA KALROO</t>
  </si>
  <si>
    <t>Bait Wasava Kalroo</t>
  </si>
  <si>
    <t>pahar pur  moza bait wasava kalroo</t>
  </si>
  <si>
    <t>Bait wasava kalroo</t>
  </si>
  <si>
    <t>GPS BAJAK</t>
  </si>
  <si>
    <t>BAJAK</t>
  </si>
  <si>
    <t>Chak Bajak Post Office Dunga Bunga Tehsil &amp; District Bahawalnagar</t>
  </si>
  <si>
    <t>MUHAMMAD ARSHAD  ZAMAN</t>
  </si>
  <si>
    <t>GPS BAJAL</t>
  </si>
  <si>
    <t>Vill bajal p o kot fateh khan teh fateh jang dist Attock</t>
  </si>
  <si>
    <t>bajal</t>
  </si>
  <si>
    <t>kot Fateh Khan</t>
  </si>
  <si>
    <t>Irfan Haider Shah</t>
  </si>
  <si>
    <t>GPS BAJAR</t>
  </si>
  <si>
    <t>village bajjar p/o langarpur teh&amp;distt jhelum</t>
  </si>
  <si>
    <t>from neighborhood</t>
  </si>
  <si>
    <t>GPS BAJAR (BOYS)</t>
  </si>
  <si>
    <t>Bajar taxila</t>
  </si>
  <si>
    <t>Lab Thathu</t>
  </si>
  <si>
    <t>Inayat ul Haq</t>
  </si>
  <si>
    <t>GPS BAJARANI</t>
  </si>
  <si>
    <t>BAJRANI</t>
  </si>
  <si>
    <t>GPS BASTI BAJRANI</t>
  </si>
  <si>
    <t>MULLANWALI</t>
  </si>
  <si>
    <t>GPS BAJHA</t>
  </si>
  <si>
    <t>Bajha</t>
  </si>
  <si>
    <t>basti Bajha uc mithwan</t>
  </si>
  <si>
    <t>Ghulam Abass</t>
  </si>
  <si>
    <t>GPS BAJHI WALA</t>
  </si>
  <si>
    <t>Khaand</t>
  </si>
  <si>
    <t>bajhi wala rakhi munh</t>
  </si>
  <si>
    <t>Bajhi Wala</t>
  </si>
  <si>
    <t>Tamun Leghari</t>
  </si>
  <si>
    <t>Khurram Husnain</t>
  </si>
  <si>
    <t>GPS BAJU WALA</t>
  </si>
  <si>
    <t>Bajuwala</t>
  </si>
  <si>
    <t>Bajuwala  (Bhatiot)  Teh;Jand Attock</t>
  </si>
  <si>
    <t>Jasia Bibi</t>
  </si>
  <si>
    <t>from mosque</t>
  </si>
  <si>
    <t>GPS BAJUTH</t>
  </si>
  <si>
    <t>post  officemohra syedaen tashail murree</t>
  </si>
  <si>
    <t>Bajuth</t>
  </si>
  <si>
    <t>SAJID HUSSAIN SHAH</t>
  </si>
  <si>
    <t>GPS BAKAINI</t>
  </si>
  <si>
    <t>BAKAINI II</t>
  </si>
  <si>
    <t>NEAR BAKAINI CHAOK</t>
  </si>
  <si>
    <t>GPS BAKAINI (NEW)</t>
  </si>
  <si>
    <t>Bakaini1</t>
  </si>
  <si>
    <t>basti lar</t>
  </si>
  <si>
    <t>Nasir Madni</t>
  </si>
  <si>
    <t>GPS BAKAR KAY MAHAR</t>
  </si>
  <si>
    <t>Bakar Ky Mahar</t>
  </si>
  <si>
    <t>baqar ky mahar</t>
  </si>
  <si>
    <t>Baqar Ky Mahar</t>
  </si>
  <si>
    <t>GPS BAKEY WALA</t>
  </si>
  <si>
    <t>PO Haitu VO Bakkay wala</t>
  </si>
  <si>
    <t>Bakkay Wala</t>
  </si>
  <si>
    <t>Fazal Kareem</t>
  </si>
  <si>
    <t>GPS BAKHA HANS</t>
  </si>
  <si>
    <t>BAKHA HANS</t>
  </si>
  <si>
    <t>BAKHA HANS ARIFWALA</t>
  </si>
  <si>
    <t>Waqas Ali</t>
  </si>
  <si>
    <t>GPS BAKHAL LAR NO. 1</t>
  </si>
  <si>
    <t>Bakhallar</t>
  </si>
  <si>
    <t>basti Karam hussain sial</t>
  </si>
  <si>
    <t>Kotla pathan</t>
  </si>
  <si>
    <t>GPS BAKHAL LAR NO. 2</t>
  </si>
  <si>
    <t>gps.bakhal lar no2</t>
  </si>
  <si>
    <t>Jam Mubarak Lar</t>
  </si>
  <si>
    <t>GPS BAKHAR ARBI</t>
  </si>
  <si>
    <t>Mouza Bakhar Arbi</t>
  </si>
  <si>
    <t>SHOAIB AKHTAR</t>
  </si>
  <si>
    <t>GPS BAKHARI</t>
  </si>
  <si>
    <t>Bakhri</t>
  </si>
  <si>
    <t>GPS BAKHARI TAUNSA</t>
  </si>
  <si>
    <t>Bakhri Nau Bramda Tehsil Taunsa Sharif Distt. D.G. Khan</t>
  </si>
  <si>
    <t>Bakhri Nau Bramda</t>
  </si>
  <si>
    <t>Asif Faiz</t>
  </si>
  <si>
    <t>GPS BAKHAT ALI</t>
  </si>
  <si>
    <t>Giyanmal</t>
  </si>
  <si>
    <t>mouza giyanmal Tehsil Rojhan District Rajanpur</t>
  </si>
  <si>
    <t>Basti Ismail Abad</t>
  </si>
  <si>
    <t>GPS BAKHAT WALI</t>
  </si>
  <si>
    <t>Bast Khandanian</t>
  </si>
  <si>
    <t>Khandanian</t>
  </si>
  <si>
    <t>GPS BAKHI  DI MAIRH</t>
  </si>
  <si>
    <t>LUNDI SAIDAN - MALE</t>
  </si>
  <si>
    <t>Garkana Wazeeri</t>
  </si>
  <si>
    <t>BASTI AHMED KHAN</t>
  </si>
  <si>
    <t>Basti Ahmed Khan</t>
  </si>
  <si>
    <t>GPS BAKHRA</t>
  </si>
  <si>
    <t>gps bakhra post office khokhar Wala teh distt layyah</t>
  </si>
  <si>
    <t>Hamad Ur Rehman</t>
  </si>
  <si>
    <t>GPS BAKHRAY WALI</t>
  </si>
  <si>
    <t>GPS Bakhraywali Disst and tehsil Bhakkar p/ o dajal</t>
  </si>
  <si>
    <t>Kachl Shahsni</t>
  </si>
  <si>
    <t>Muhammad Fiaz Ul Haq</t>
  </si>
  <si>
    <t>GPS BAKHRRAY WALA</t>
  </si>
  <si>
    <t>gps bakhrÃ Ã½ wÃ ÄºÃ </t>
  </si>
  <si>
    <t>Mumdoo Wala</t>
  </si>
  <si>
    <t>Mehboob hussain</t>
  </si>
  <si>
    <t>GPS BAKHSH WALA</t>
  </si>
  <si>
    <t>p/o &amp; village Aalidaha</t>
  </si>
  <si>
    <t>Bux Wala</t>
  </si>
  <si>
    <t>Aali Dah</t>
  </si>
  <si>
    <t>Jumshaid Ayyaz</t>
  </si>
  <si>
    <t>GPS BAKHSH WALA SURAJ MIANI MULTAN</t>
  </si>
  <si>
    <t>Alamdi   sura</t>
  </si>
  <si>
    <t>Bakhsh wala  p/ o  Sur aj  miani  Alamdi sura Multan</t>
  </si>
  <si>
    <t>Bakhsh  wala</t>
  </si>
  <si>
    <t>Alamdi  sura</t>
  </si>
  <si>
    <t>Muhammad Qasim Shah</t>
  </si>
  <si>
    <t>GPS BAKHSHA DEWALA</t>
  </si>
  <si>
    <t>Pati Sultan Lashari</t>
  </si>
  <si>
    <t>Pati sultan Lashari  . shah sadar din DGkhan</t>
  </si>
  <si>
    <t>Moza Pati Sultan Lashari</t>
  </si>
  <si>
    <t>GPS BAKHSHA WALI</t>
  </si>
  <si>
    <t>Bukhshay Wali Moza Kotla Androon</t>
  </si>
  <si>
    <t>Bukhshay Wali</t>
  </si>
  <si>
    <t>Matloob Hussain Saqib</t>
  </si>
  <si>
    <t>GPS BAKHSHAN WALA</t>
  </si>
  <si>
    <t>Fateh Pur Janobill</t>
  </si>
  <si>
    <t>basti gopang fateh pur Janobi ll</t>
  </si>
  <si>
    <t>GPS BAKHSHAY SATTAR WALA</t>
  </si>
  <si>
    <t>chah bakhshy sattar wala u.c nwankot tehsil choubara</t>
  </si>
  <si>
    <t>Bakhshay Sattar</t>
  </si>
  <si>
    <t>SAJID HUSSAIN</t>
  </si>
  <si>
    <t>GPS BAKHSHAY WALA</t>
  </si>
  <si>
    <t>BAKHSHAY WALA P/O JODH SINGH WALA</t>
  </si>
  <si>
    <t>THATHI USMAN</t>
  </si>
  <si>
    <t>MUHAMMAD AMIN JAVED</t>
  </si>
  <si>
    <t>GPS BAKHSHISH GARH MULTAN</t>
  </si>
  <si>
    <t>Bakhshish Garh</t>
  </si>
  <si>
    <t>GPS BAKHSHISH GARH Mattital road Multan</t>
  </si>
  <si>
    <t>GPS BAKHSHO GOPANG</t>
  </si>
  <si>
    <t>Gullu Wali</t>
  </si>
  <si>
    <t>GPS Bukhsh oo  Gopang</t>
  </si>
  <si>
    <t>Dhandh Gagri</t>
  </si>
  <si>
    <t>Ishaq Ahmed</t>
  </si>
  <si>
    <t>GPS BAKHT BULAND</t>
  </si>
  <si>
    <t>Chak Jarwar</t>
  </si>
  <si>
    <t>Chah Kas wala, maoza Chak jarwar, teh and disst dera ghazi Khan</t>
  </si>
  <si>
    <t>Chah Kas wala</t>
  </si>
  <si>
    <t>Azmat Rasheed</t>
  </si>
  <si>
    <t>Both Hand Pump &amp; water pump</t>
  </si>
  <si>
    <t>GPS BAKHTIARAY WALA</t>
  </si>
  <si>
    <t>Darain</t>
  </si>
  <si>
    <t>basti bukhtiaray wala</t>
  </si>
  <si>
    <t>Bukhtiaray Wala</t>
  </si>
  <si>
    <t>GPS BAKHU SANPAL</t>
  </si>
  <si>
    <t>Mauju Kathia</t>
  </si>
  <si>
    <t>basti mauju kathia tehsil kamalia</t>
  </si>
  <si>
    <t>GPS BAKHU SHAH</t>
  </si>
  <si>
    <t>Bakhu Shah</t>
  </si>
  <si>
    <t>Village Bakhu Shah Tehsil depalpur District Okara.</t>
  </si>
  <si>
    <t>Mazra Abad</t>
  </si>
  <si>
    <t>GPS BAKHU SHAH NO.2</t>
  </si>
  <si>
    <t>Bakhu Shah no2 (Basti Said Meraan) Tehsil and district Bahawal Nagar</t>
  </si>
  <si>
    <t>Bakhu Shah No2</t>
  </si>
  <si>
    <t>Korian wali</t>
  </si>
  <si>
    <t>Allah Ditta Shad</t>
  </si>
  <si>
    <t>GPS BAKHWALA</t>
  </si>
  <si>
    <t>Bakhwala</t>
  </si>
  <si>
    <t>bakhwala pindighebattock</t>
  </si>
  <si>
    <t>Jabir Hussain</t>
  </si>
  <si>
    <t>GPS BAKKA JHUJH</t>
  </si>
  <si>
    <t>Bakka Jhujh</t>
  </si>
  <si>
    <t>Mouza Bakka jhujh Basirpur town teh Depalpur Dist. Okara</t>
  </si>
  <si>
    <t>Phollan Toli</t>
  </si>
  <si>
    <t>GPS BAKKAY WALA</t>
  </si>
  <si>
    <t>bakkay wala patti bilanda</t>
  </si>
  <si>
    <t>SAMMAR ABBAS</t>
  </si>
  <si>
    <t>GPS BAKNA WALA</t>
  </si>
  <si>
    <t>Bakna Wala</t>
  </si>
  <si>
    <t>Baknawala</t>
  </si>
  <si>
    <t>GPS BAKNA WALI</t>
  </si>
  <si>
    <t>Bhaknanwali</t>
  </si>
  <si>
    <t>GOVT.PRIMARY SCHOOL VILLAGE  BHAKNANWALI POST OFFICE DINGA TEH KHARIAN DISTRICT GUJRAT</t>
  </si>
  <si>
    <t>GPS BAKOHAL JATTAN</t>
  </si>
  <si>
    <t>Bakohal Jattan</t>
  </si>
  <si>
    <t>GPS Bakohal Jattan PO Thill</t>
  </si>
  <si>
    <t>GPS BAKRA MANDI</t>
  </si>
  <si>
    <t>Bakra Mandi</t>
  </si>
  <si>
    <t>gali Dr zahid bakra Mandi rwp cantt</t>
  </si>
  <si>
    <t>GPS BAKSHA NONARI</t>
  </si>
  <si>
    <t>Bakshy Wala</t>
  </si>
  <si>
    <t>Basirpur Road Iqbalpura depalpur</t>
  </si>
  <si>
    <t>Nasar Mehmood</t>
  </si>
  <si>
    <t>GPS BALAIL MOUZA BALAIL PO QUTAB PUR</t>
  </si>
  <si>
    <t>GPS Balail  Tehsil Dunyapur District Lodhran</t>
  </si>
  <si>
    <t>Moor Garh</t>
  </si>
  <si>
    <t>GPS BALAIL P/O SIKANDAR ABAD</t>
  </si>
  <si>
    <t>chah baghay wala moza Balail</t>
  </si>
  <si>
    <t>GPS BALAIL WALA</t>
  </si>
  <si>
    <t>Chah balail wala moza hassu balail</t>
  </si>
  <si>
    <t>Balail Wala</t>
  </si>
  <si>
    <t>M Yousaf Khan</t>
  </si>
  <si>
    <t>GPS BALARA LAKHOKA</t>
  </si>
  <si>
    <t>Chak Belara Lakhoka p/o behli Dilawar Tehsil Arifwala district Pakpattan</t>
  </si>
  <si>
    <t>Balara Lakhoka</t>
  </si>
  <si>
    <t>GPS BALAWRA</t>
  </si>
  <si>
    <t>village balawara tehsil and post office kotli sattian,rwp</t>
  </si>
  <si>
    <t>BaLawara</t>
  </si>
  <si>
    <t>GPS BALEKE NAU</t>
  </si>
  <si>
    <t>Baleki nau p/o vanike tarar tehsil and district Hafizabad</t>
  </si>
  <si>
    <t>GPS BALELI</t>
  </si>
  <si>
    <t>baleli, jhammat shumali tehsil drya khan bhakkar</t>
  </si>
  <si>
    <t>Baleli</t>
  </si>
  <si>
    <t>Aamir Hayat</t>
  </si>
  <si>
    <t>GPS BALHAR</t>
  </si>
  <si>
    <t>village balhar</t>
  </si>
  <si>
    <t>GPS BALIMAH</t>
  </si>
  <si>
    <t>Balimah</t>
  </si>
  <si>
    <t>Balimah P/0 Walayat Abad Tehsil Kallar Syedan District Rawalpindi</t>
  </si>
  <si>
    <t>Tayyab Arshad</t>
  </si>
  <si>
    <t>GPS BALIU KHAN KHATAK</t>
  </si>
  <si>
    <t>Kotla Moaziz Ud Din</t>
  </si>
  <si>
    <t>Basti Ranjhay Khan Mouza Kotla Moaziz Ud Din tehsil Khan pur</t>
  </si>
  <si>
    <t>GPS BALL</t>
  </si>
  <si>
    <t>Ball</t>
  </si>
  <si>
    <t>GPS Ball city sheikhupura</t>
  </si>
  <si>
    <t>Mohammad Naeem</t>
  </si>
  <si>
    <t>GPS BALLEY WALA</t>
  </si>
  <si>
    <t>Balleywala</t>
  </si>
  <si>
    <t>Balleywala GRW</t>
  </si>
  <si>
    <t>BALLEYWALA</t>
  </si>
  <si>
    <t>Jalalbalagan</t>
  </si>
  <si>
    <t>GPS BALLO KASSAR</t>
  </si>
  <si>
    <t>vpo ballokassar</t>
  </si>
  <si>
    <t>Sadia Noor</t>
  </si>
  <si>
    <t>GPS BALLO KHEL</t>
  </si>
  <si>
    <t>Kundal Pakka</t>
  </si>
  <si>
    <t>Ballo khel, p/o kundal tehsil is a khel, district mianwali</t>
  </si>
  <si>
    <t>Ballo Khel</t>
  </si>
  <si>
    <t>GPS BALLOKE VIRKAN</t>
  </si>
  <si>
    <t>Ballo ki virkan</t>
  </si>
  <si>
    <t>ballo ki virkan post office / tehsil nowshera virkan district gujranwala</t>
  </si>
  <si>
    <t>Artali Virkan</t>
  </si>
  <si>
    <t>Muzafar Ali</t>
  </si>
  <si>
    <t>GPS BALLOWALI</t>
  </si>
  <si>
    <t>Ballowali</t>
  </si>
  <si>
    <t>ballowali o/0sankhtra teh zafarwal dist narowal</t>
  </si>
  <si>
    <t>Sankhtra</t>
  </si>
  <si>
    <t>Azeem Haider</t>
  </si>
  <si>
    <t>GPS BALOCH WALA</t>
  </si>
  <si>
    <t>Near Basti Hussain Khan Wali Moza Doaba M.Garh</t>
  </si>
  <si>
    <t>safdar hussain</t>
  </si>
  <si>
    <t>GPS BALOCHAN WALI</t>
  </si>
  <si>
    <t>Po belay wala basti badoi, teh jatoi dist Muzaffargarh</t>
  </si>
  <si>
    <t>Basti Badoi</t>
  </si>
  <si>
    <t>Nadir Ahmad</t>
  </si>
  <si>
    <t>GPS BALOCHAN WALI, P/O 141/10-R, JAHANIAN</t>
  </si>
  <si>
    <t>Zor kot</t>
  </si>
  <si>
    <t>Blouchanwali</t>
  </si>
  <si>
    <t>Muhammad Younas Soh</t>
  </si>
  <si>
    <t>GPS BALOCHAY WALI</t>
  </si>
  <si>
    <t>Balochay wali</t>
  </si>
  <si>
    <t>Balochay Wali</t>
  </si>
  <si>
    <t>GPS BALOTRUSO</t>
  </si>
  <si>
    <t>Bhalot Rasu</t>
  </si>
  <si>
    <t>Haji Muhammmad</t>
  </si>
  <si>
    <t>Syed Abdur Rehman</t>
  </si>
  <si>
    <t>Local</t>
  </si>
  <si>
    <t>GPS BALQANI</t>
  </si>
  <si>
    <t>chak lama</t>
  </si>
  <si>
    <t>basti balqani dgkhan</t>
  </si>
  <si>
    <t>Basti Balqani</t>
  </si>
  <si>
    <t>Ghous Iqbal</t>
  </si>
  <si>
    <t>GPS BALSHAHAN</t>
  </si>
  <si>
    <t>Balshahan</t>
  </si>
  <si>
    <t>Village Balshahan Tehsil Zafarwal Distt. Narowal</t>
  </si>
  <si>
    <t>GPS BALUCH NAGAR</t>
  </si>
  <si>
    <t>Phol LoLai</t>
  </si>
  <si>
    <t>Basti Deen mohammad,p/o Zahir pir,tehsil khan pur District.  Rahim Yar khan</t>
  </si>
  <si>
    <t>Basti Deen Mohamma</t>
  </si>
  <si>
    <t>Glazi Pur</t>
  </si>
  <si>
    <t>GPS BALWAL</t>
  </si>
  <si>
    <t>village Balwal Post Office Dhak Tehsil and District Khushab</t>
  </si>
  <si>
    <t>GPS BAMA ZARIN</t>
  </si>
  <si>
    <t>Bama Zaireen</t>
  </si>
  <si>
    <t>Bama zaireen p/o maroola</t>
  </si>
  <si>
    <t>GPS BAMBAH NO II</t>
  </si>
  <si>
    <t>Kohar Shumali</t>
  </si>
  <si>
    <t>GPS Bhambha No 2, village  Kuhar Shumali</t>
  </si>
  <si>
    <t>GHULAMMUHAMMAD</t>
  </si>
  <si>
    <t>GPS BAMBKI MALLIAN</t>
  </si>
  <si>
    <t>Bamb Ki Mallian</t>
  </si>
  <si>
    <t>Bamb post office manoo pur tehsile and district sheikhupura</t>
  </si>
  <si>
    <t>GPS BAMBLI</t>
  </si>
  <si>
    <t>MAUZA BAMBLI POST OFFICE LAL GARH TEHSILE JAMPUR DISTT.RAJANPUR</t>
  </si>
  <si>
    <t>HARRAND</t>
  </si>
  <si>
    <t>GPS BAMBU</t>
  </si>
  <si>
    <t>Bambu</t>
  </si>
  <si>
    <t>village bambu</t>
  </si>
  <si>
    <t>Ansar Rashid</t>
  </si>
  <si>
    <t>GPS BAN KALAS</t>
  </si>
  <si>
    <t>Ban Kakas</t>
  </si>
  <si>
    <t>village  Bankalas P.O   Jaurah The. kharian Distt. Gujrat</t>
  </si>
  <si>
    <t>GPS BAN MIRALI</t>
  </si>
  <si>
    <t>ban mirali tehsil and district jhang</t>
  </si>
  <si>
    <t>Adhaba</t>
  </si>
  <si>
    <t>Mir Afzal khan</t>
  </si>
  <si>
    <t>GPS BANA MIAN WALA</t>
  </si>
  <si>
    <t>Bana Mianwala</t>
  </si>
  <si>
    <t>Abdul Mannan</t>
  </si>
  <si>
    <t>GPS BANA ROYA</t>
  </si>
  <si>
    <t>Bana Roya</t>
  </si>
  <si>
    <t>Mouza Bana Roya p/o thull hamza</t>
  </si>
  <si>
    <t>Abdul Majeed Chishti</t>
  </si>
  <si>
    <t>GPS BANAIR KOCHA SHARIF BANAIR</t>
  </si>
  <si>
    <t>Kocha Sharif P/O Rikhi More</t>
  </si>
  <si>
    <t>Kocha Sharif</t>
  </si>
  <si>
    <t>GPS BAND</t>
  </si>
  <si>
    <t>vill band post office nara tehsil kahuta rwp</t>
  </si>
  <si>
    <t>Muhammad Ramzan Mirza</t>
  </si>
  <si>
    <t>GPS BAND WALA WARA GASHKORI NASHEB</t>
  </si>
  <si>
    <t>band wala wara gishkori nashaib</t>
  </si>
  <si>
    <t>Band Wala</t>
  </si>
  <si>
    <t>Jamshaid Akhtar</t>
  </si>
  <si>
    <t>GPS BANDAL KHEL</t>
  </si>
  <si>
    <t>village Bandal khel p/o makhad road Kani tehsil jand district attock</t>
  </si>
  <si>
    <t>Bandal Khel</t>
  </si>
  <si>
    <t>GPS BANDI (DEWAL)</t>
  </si>
  <si>
    <t>Sana Saqib</t>
  </si>
  <si>
    <t>GPS BANDI (RAWAT)</t>
  </si>
  <si>
    <t>Bandi PO box kashmiri Bazar murree</t>
  </si>
  <si>
    <t>Amir Shahzad</t>
  </si>
  <si>
    <t>GPS BANDIAN</t>
  </si>
  <si>
    <t>village Chalawara  Dhoke Bandian post office Chalawara Tehsil kotli Sattian District Rawalpindi</t>
  </si>
  <si>
    <t>GPS BANDO JAMAKH</t>
  </si>
  <si>
    <t>Bandohola</t>
  </si>
  <si>
    <t>u/c fazala kachh triable area tounsa d.g.khan</t>
  </si>
  <si>
    <t>Bandojamakh</t>
  </si>
  <si>
    <t>GPS BANDO KEY KOHNA</t>
  </si>
  <si>
    <t>gps bandokey kohna</t>
  </si>
  <si>
    <t>Bandoke Kohna</t>
  </si>
  <si>
    <t>Ijaz Ahmad Khan</t>
  </si>
  <si>
    <t>GPS BANDOANI</t>
  </si>
  <si>
    <t>Bandoani</t>
  </si>
  <si>
    <t>basti bandoani p/o mamoori dgkhan</t>
  </si>
  <si>
    <t>GPS BANGAN</t>
  </si>
  <si>
    <t>basti bangan</t>
  </si>
  <si>
    <t>Khalid wazir</t>
  </si>
  <si>
    <t>GPS BANGAR NAU</t>
  </si>
  <si>
    <t>Bangar Nau</t>
  </si>
  <si>
    <t>bangar Nau</t>
  </si>
  <si>
    <t>Saif Ullah Shakir</t>
  </si>
  <si>
    <t>GPS BANGIAL SAWAN</t>
  </si>
  <si>
    <t>Bangial Sawan</t>
  </si>
  <si>
    <t>vill bangial sawan p/o bassali teh / distt rwp</t>
  </si>
  <si>
    <t>GPS BANGLA FEROZ</t>
  </si>
  <si>
    <t>Feroze Wattwan</t>
  </si>
  <si>
    <t>Bangla feroze p.o feroze wattwan</t>
  </si>
  <si>
    <t>Bangla Feroze</t>
  </si>
  <si>
    <t>Feroze Wattwan 1</t>
  </si>
  <si>
    <t>GPS BANGLA HUNJRAI</t>
  </si>
  <si>
    <t>Hunjrai Mustaqil Hunjrai Mustaqil Sharqi</t>
  </si>
  <si>
    <t>chah israan wala Moza hunjrai Mustaqil Sharqi post office Ahsan Pur tehsil kot addu district muzaffargarh</t>
  </si>
  <si>
    <t>Chah Israan wala</t>
  </si>
  <si>
    <t>GPS BANGLA JAL WALA</t>
  </si>
  <si>
    <t>Chak gohdoo Wala</t>
  </si>
  <si>
    <t>Gohdoo Wala</t>
  </si>
  <si>
    <t>Kot Fathe Mohmmad</t>
  </si>
  <si>
    <t>Muhammad Khalid Javed</t>
  </si>
  <si>
    <t>GPS BANGLA MACHI</t>
  </si>
  <si>
    <t>mouza bait angra</t>
  </si>
  <si>
    <t>Basti Machi Bangla</t>
  </si>
  <si>
    <t>Amir Rauf Khan</t>
  </si>
  <si>
    <t>GPS BANGLA MAJHIANI</t>
  </si>
  <si>
    <t>bangla majhiani vpo kot nakka tehsil pindi bhattian distt. hafizabad</t>
  </si>
  <si>
    <t>Bangla Majhiani</t>
  </si>
  <si>
    <t>Imtiaz HUSSAIN</t>
  </si>
  <si>
    <t>GPS BANGLA MANGTANWALA</t>
  </si>
  <si>
    <t>bangla mangtanwala, p.o morekhunda nankana sahib</t>
  </si>
  <si>
    <t>mangtanwala</t>
  </si>
  <si>
    <t>abdul ghafoor</t>
  </si>
  <si>
    <t>GPS BANGLA MANTHAR</t>
  </si>
  <si>
    <t>142-p</t>
  </si>
  <si>
    <t>chak no142-p tibba p/o bangla manthar rahim yar khan</t>
  </si>
  <si>
    <t>142-p tibba</t>
  </si>
  <si>
    <t>chak no139-p</t>
  </si>
  <si>
    <t>GPS BANGLA METLA</t>
  </si>
  <si>
    <t>chak 39 abadi doam bangla metla</t>
  </si>
  <si>
    <t>Bangla Metla</t>
  </si>
  <si>
    <t>Chak 42</t>
  </si>
  <si>
    <t>GPS BANGLA MURLI DHAR</t>
  </si>
  <si>
    <t>Hassan shah</t>
  </si>
  <si>
    <t>mouza Hassan shah p/o Karam pur Teh:Mailsi Dist vehari</t>
  </si>
  <si>
    <t>Bangla Rasool pur</t>
  </si>
  <si>
    <t>GPS BANGLA NASIR KHAN</t>
  </si>
  <si>
    <t>Docharkha Thal Jandi</t>
  </si>
  <si>
    <t>basti bangla nasir khan p/o rana nagar t&amp;d layyah</t>
  </si>
  <si>
    <t>GPS BANGLA RASHEED ABAD</t>
  </si>
  <si>
    <t>basti bhatiyan markaz Dufli Kabir Khan P/O khan Bela.Tehsil LQP.</t>
  </si>
  <si>
    <t>Bhatiyan</t>
  </si>
  <si>
    <t>Faiz Ahmad Sajid</t>
  </si>
  <si>
    <t>GPS BANGLA SHAREEN</t>
  </si>
  <si>
    <t>Bangla Shareen</t>
  </si>
  <si>
    <t>Moza Bangla Shareen Teh. &amp; distt. Rahim Yar Khan</t>
  </si>
  <si>
    <t>BanglaShareen</t>
  </si>
  <si>
    <t>Wahid Bukhsh</t>
  </si>
  <si>
    <t>GPS BANGLOW KAMBOWAN</t>
  </si>
  <si>
    <t>Bangla Kambowan Kasur</t>
  </si>
  <si>
    <t>village Bangla kambowan kasur</t>
  </si>
  <si>
    <t>GPS BANI AFGHAN NO. 2</t>
  </si>
  <si>
    <t>banni afghan no.2 p/o banni afgan teh &amp; district Mianwali</t>
  </si>
  <si>
    <t>Mansoor Akhter</t>
  </si>
  <si>
    <t>GPS BANJAR</t>
  </si>
  <si>
    <t>Banjar</t>
  </si>
  <si>
    <t>P/O Kot Hassan Khan village Banjar Tehsil and District Hafizabad</t>
  </si>
  <si>
    <t>Nahrianwalscg</t>
  </si>
  <si>
    <t>Zulfiqar Ali Shah</t>
  </si>
  <si>
    <t>GPS BANKA</t>
  </si>
  <si>
    <t>adda Qasim wala jajjah abbasian</t>
  </si>
  <si>
    <t>Adda Qasim Wala</t>
  </si>
  <si>
    <t>GPS BANN</t>
  </si>
  <si>
    <t>Pharana/Charhan</t>
  </si>
  <si>
    <t>village Bann PO Bann TEH Murree</t>
  </si>
  <si>
    <t>Bann</t>
  </si>
  <si>
    <t>GPS BANNA SHAH PUR</t>
  </si>
  <si>
    <t>GPS bana shah pur</t>
  </si>
  <si>
    <t>Thata Qureshi</t>
  </si>
  <si>
    <t>GPS BANNI MOHALLAH</t>
  </si>
  <si>
    <t>Gbps banni moh taxila</t>
  </si>
  <si>
    <t>Wah Cantonment</t>
  </si>
  <si>
    <t>GPS BANSI</t>
  </si>
  <si>
    <t>Bansi</t>
  </si>
  <si>
    <t>Bansi post office Dhak</t>
  </si>
  <si>
    <t>GPS BANSRA GALI</t>
  </si>
  <si>
    <t>moza pithli uc ghora gali village kashmiri mohala bansra gali murree</t>
  </si>
  <si>
    <t>Kashmiri Mohala</t>
  </si>
  <si>
    <t>Tahir Saeed Abbasi</t>
  </si>
  <si>
    <t>local waret pipe</t>
  </si>
  <si>
    <t>GPS BANSRIAN</t>
  </si>
  <si>
    <t>VPO Bansrian Tehsil Kharian District Gujrat</t>
  </si>
  <si>
    <t>GPS BANYAL</t>
  </si>
  <si>
    <t>Banyal</t>
  </si>
  <si>
    <t>banyal</t>
  </si>
  <si>
    <t>Muhammad Tariq Aziz</t>
  </si>
  <si>
    <t>GPS BAOLY</t>
  </si>
  <si>
    <t>BAOLY</t>
  </si>
  <si>
    <t>village Baoly, Said Nager</t>
  </si>
  <si>
    <t>Boaly</t>
  </si>
  <si>
    <t>Syed Mudassar Ali</t>
  </si>
  <si>
    <t>GPS BAPPAR</t>
  </si>
  <si>
    <t>Mouza Buppar P/O sardar pur jhandir tehsil Duniya Pur District Lodhran.</t>
  </si>
  <si>
    <t>Muhammad Amir Sohail</t>
  </si>
  <si>
    <t>GPS BAQA PUR KHABBEY</t>
  </si>
  <si>
    <t>KANGAN PUR - MALE</t>
  </si>
  <si>
    <t>khabbey Baqa pur</t>
  </si>
  <si>
    <t>Khabbey Baqa Pur</t>
  </si>
  <si>
    <t>Muhammad Awais Siddique</t>
  </si>
  <si>
    <t>GPS BAQAR KEY</t>
  </si>
  <si>
    <t>Baqer Kay</t>
  </si>
  <si>
    <t>GPS BAQAR PUR</t>
  </si>
  <si>
    <t>vill,baqar pur, p/o kotli loharan, teh&amp;dist sialkot</t>
  </si>
  <si>
    <t>GPS BAQAYA CHAK 80/RB SHAHKOT</t>
  </si>
  <si>
    <t>Baqaya Chak #80</t>
  </si>
  <si>
    <t>nazam  pur baqaya chak #80/RB</t>
  </si>
  <si>
    <t>Baqaya Chak #80/RB</t>
  </si>
  <si>
    <t>GPS BAQIR PUR</t>
  </si>
  <si>
    <t>Basti Moza Baqir pur</t>
  </si>
  <si>
    <t>Mohammad Qasim</t>
  </si>
  <si>
    <t>GPS BAQIR SHAH SHUMALI</t>
  </si>
  <si>
    <t>Baqir Shah Shumali</t>
  </si>
  <si>
    <t>Khairpur road basti baqir shah shumali</t>
  </si>
  <si>
    <t>Baqir shah shumali</t>
  </si>
  <si>
    <t>baz wala</t>
  </si>
  <si>
    <t>GPS BAQIR WALA</t>
  </si>
  <si>
    <t>baqir wala p/o nutkani teh:taunsa sharief distt:DG khan</t>
  </si>
  <si>
    <t>Baqir Wala</t>
  </si>
  <si>
    <t>GPS BARA DARI JALLO MORE</t>
  </si>
  <si>
    <t>Bara Dari nizd Narwar</t>
  </si>
  <si>
    <t>Hafiz Zubair Ahmed</t>
  </si>
  <si>
    <t>GPS BARA HOTER</t>
  </si>
  <si>
    <t>Bara Hoter</t>
  </si>
  <si>
    <t>Misyari</t>
  </si>
  <si>
    <t>RAB NAWAZ Abbasi</t>
  </si>
  <si>
    <t>GPS BARA MANGA</t>
  </si>
  <si>
    <t>GPS BARA PIND</t>
  </si>
  <si>
    <t>GPS BARA SADAT</t>
  </si>
  <si>
    <t>basti Hasan wala</t>
  </si>
  <si>
    <t>Muhammad Shoaib Khan</t>
  </si>
  <si>
    <t>GPS BARA VIRKAN</t>
  </si>
  <si>
    <t>Bara Virkan</t>
  </si>
  <si>
    <t>bara virkan</t>
  </si>
  <si>
    <t>Muhammad Afzal Butt</t>
  </si>
  <si>
    <t>GPS BARAGHAR PO SAME NANKANA</t>
  </si>
  <si>
    <t>Bara Ghar p/o same The.&amp;distt.nankana sahib</t>
  </si>
  <si>
    <t>Amin Hanif</t>
  </si>
  <si>
    <t>GPS BARALA</t>
  </si>
  <si>
    <t>Barala</t>
  </si>
  <si>
    <t>Village barala p/o ara jasrota teh dina jhelum</t>
  </si>
  <si>
    <t>Dhaniyla</t>
  </si>
  <si>
    <t>Nadia Basharat</t>
  </si>
  <si>
    <t>GPS BARAM GANDI</t>
  </si>
  <si>
    <t>GPS Baram Gandi Rakh Qadra Umer kot Tehsil Rojhan District Rajanpur</t>
  </si>
  <si>
    <t>Basti Muhammad Farooque Buzdar</t>
  </si>
  <si>
    <t>Muhammad Hayat Rahber</t>
  </si>
  <si>
    <t>GPS BARANDA BAHADUR</t>
  </si>
  <si>
    <t>M/c Fazil Pur</t>
  </si>
  <si>
    <t>Gps Baranda Bahadur</t>
  </si>
  <si>
    <t>GPS BARARAN</t>
  </si>
  <si>
    <t>Basti Bakhaa khan hajana, Muhammad pur, Jampur.</t>
  </si>
  <si>
    <t>GPS BARAY KA</t>
  </si>
  <si>
    <t>Baryka</t>
  </si>
  <si>
    <t>Hasil Sarhu</t>
  </si>
  <si>
    <t>Muhammad Ijaz Yousuf</t>
  </si>
  <si>
    <t>GPS BAREEN WALA</t>
  </si>
  <si>
    <t>Basti Bareen Wala mouza Thathi Sameja Teh &amp; Dist Lodhran</t>
  </si>
  <si>
    <t>Bareen Wala</t>
  </si>
  <si>
    <t>GPS BARGHA-SAR-TUNGA</t>
  </si>
  <si>
    <t>Dub Ghoray Vail</t>
  </si>
  <si>
    <t>Post office Barthi Tehsil Taunsa(Tribal Area) District Dera  Ghazi Khan</t>
  </si>
  <si>
    <t>Baragh Sir Tunga</t>
  </si>
  <si>
    <t>shah nawaz</t>
  </si>
  <si>
    <t>GPS BARHAD</t>
  </si>
  <si>
    <t>Village Barhad</t>
  </si>
  <si>
    <t>MC Kotli Sattian</t>
  </si>
  <si>
    <t>GPS BARHAM WERA</t>
  </si>
  <si>
    <t>Braham Wera</t>
  </si>
  <si>
    <t>P.O Dewona Mandi Village Braham Wera</t>
  </si>
  <si>
    <t>Dewona</t>
  </si>
  <si>
    <t>GPS BARHAMA</t>
  </si>
  <si>
    <t>Brahma</t>
  </si>
  <si>
    <t>village brahma tehsil Taxila district Rawalpindi</t>
  </si>
  <si>
    <t>GPS BARKA KHURD</t>
  </si>
  <si>
    <t>Barka Khurd</t>
  </si>
  <si>
    <t>gps barka khurd village barka khurd p/o barki lahore cantt</t>
  </si>
  <si>
    <t>Abdul Majeed Son Of Inayat Ali</t>
  </si>
  <si>
    <t>GPS BARKAT PURA RAIWIND ROAD</t>
  </si>
  <si>
    <t>kachi kothi main Raiwind Road Lahore aThokar Niaz Baigh</t>
  </si>
  <si>
    <t>GPS BARKAT UL ISLAM</t>
  </si>
  <si>
    <t>mohallah Bhabhrana Jhang Sadar</t>
  </si>
  <si>
    <t>GPS BARKHURDAR</t>
  </si>
  <si>
    <t>GPS barkhurdar mouza barkhurdar post office mitroo tehsil mailsi district vehari</t>
  </si>
  <si>
    <t>195w/b</t>
  </si>
  <si>
    <t>GPS BARNALA</t>
  </si>
  <si>
    <t>Barnala chak 23/RB safdarabad sheikhupura</t>
  </si>
  <si>
    <t>Muhammad Sohaib</t>
  </si>
  <si>
    <t>GPS BARNALI</t>
  </si>
  <si>
    <t>Chak Miana P O Barnali Kharian Gujarat</t>
  </si>
  <si>
    <t>GPS BAROT</t>
  </si>
  <si>
    <t>Basti Hayat khan Balhora</t>
  </si>
  <si>
    <t>Basti Hayat Khan Balhora</t>
  </si>
  <si>
    <t>Bait Sountra</t>
  </si>
  <si>
    <t>Mohammed Nawaz Nadim</t>
  </si>
  <si>
    <t>GPS BARRA</t>
  </si>
  <si>
    <t>Ga day Naar</t>
  </si>
  <si>
    <t>Basti Faiz Muhammad  Horwani Mouza Gada Naar Rojhan</t>
  </si>
  <si>
    <t>Basti Faiz Muhammad Horwani Muhammad</t>
  </si>
  <si>
    <t>Gada Naar</t>
  </si>
  <si>
    <t>GPS BARRANGA GHARBI</t>
  </si>
  <si>
    <t>R/o barranga gharbi,P/o dullewala</t>
  </si>
  <si>
    <t>Mohammad Tariq</t>
  </si>
  <si>
    <t>GPS BARRI SHUM</t>
  </si>
  <si>
    <t>p /o khar fort munro</t>
  </si>
  <si>
    <t>Khar Fort Munro</t>
  </si>
  <si>
    <t>purchased water cane</t>
  </si>
  <si>
    <t>GPS BARRIAN</t>
  </si>
  <si>
    <t>Barrian Pathwara</t>
  </si>
  <si>
    <t>barrian</t>
  </si>
  <si>
    <t>Barrian</t>
  </si>
  <si>
    <t>GPS BARTHI</t>
  </si>
  <si>
    <t>Tribal area barthi basti gulkhani qalat</t>
  </si>
  <si>
    <t>GPS BARYAH</t>
  </si>
  <si>
    <t>Batli</t>
  </si>
  <si>
    <t>vill. baryah tehsil kahuta district Rawalpindi</t>
  </si>
  <si>
    <t>Baryah</t>
  </si>
  <si>
    <t>Ansar Adib</t>
  </si>
  <si>
    <t>From neighbourer houses</t>
  </si>
  <si>
    <t>GPS BARYAR</t>
  </si>
  <si>
    <t>Sharoze Shakir</t>
  </si>
  <si>
    <t>GPS BARYAR ABAD</t>
  </si>
  <si>
    <t>GPS Baryar Abad chah sair wala mouza choudhary kot adu</t>
  </si>
  <si>
    <t>Chah Sair Wala</t>
  </si>
  <si>
    <t>GPS BARYARN -WALA</t>
  </si>
  <si>
    <t>Baryaranwala p/o bhikhi T/D Sheikhupra</t>
  </si>
  <si>
    <t>GPS BASAL</t>
  </si>
  <si>
    <t>GPS BASANTA</t>
  </si>
  <si>
    <t>Village and p/o Basanta Teh Kallar Syedan Distt RWP</t>
  </si>
  <si>
    <t>GPS BASEERA</t>
  </si>
  <si>
    <t>Village baseera,tehsil taxila , district Rawalpindi.</t>
  </si>
  <si>
    <t>GPS BASHARAT</t>
  </si>
  <si>
    <t>GPS BASHINA</t>
  </si>
  <si>
    <t>Village Bashna Post Office Gunja Tehsile Kharian</t>
  </si>
  <si>
    <t>GPS BASHIR COLONY</t>
  </si>
  <si>
    <t>GPS Bashir Colony Bhabra</t>
  </si>
  <si>
    <t>bhabra</t>
  </si>
  <si>
    <t>GPS BASHIR KHOSA</t>
  </si>
  <si>
    <t>Derkhawast Jamal Khan Dermiani</t>
  </si>
  <si>
    <t>mauza derkhawast jamal khan dermiani</t>
  </si>
  <si>
    <t>Chah Ranjhy Wala</t>
  </si>
  <si>
    <t>Derkhawast Jamal Khan Derniani</t>
  </si>
  <si>
    <t>Muhammad Salaman</t>
  </si>
  <si>
    <t>GPS BASHIR KOT</t>
  </si>
  <si>
    <t>8d Maroof</t>
  </si>
  <si>
    <t>Bashir kot</t>
  </si>
  <si>
    <t>8d</t>
  </si>
  <si>
    <t>GPS BASHIR MODEL RANA TOWN</t>
  </si>
  <si>
    <t>Dargahi Gill Jadeed</t>
  </si>
  <si>
    <t>GPS Bashir Model, Rana Town, Ferozwala</t>
  </si>
  <si>
    <t>Babar Hussain</t>
  </si>
  <si>
    <t>GPS BASHIR NAGAR</t>
  </si>
  <si>
    <t>khan garh</t>
  </si>
  <si>
    <t>baste dewan wala khan garh</t>
  </si>
  <si>
    <t>Qamar ABBAS</t>
  </si>
  <si>
    <t>GPS BASHIR SINAWAN WALA</t>
  </si>
  <si>
    <t>Bashir Sinawan P/o Bashir sinawan  Tehsil&amp;Disstrict  M.Garh</t>
  </si>
  <si>
    <t>Bashir Sinawan</t>
  </si>
  <si>
    <t>Muhammad Farooq Anwar</t>
  </si>
  <si>
    <t>GPS BASIA</t>
  </si>
  <si>
    <t>village basia tehsil HAZRO district Attock</t>
  </si>
  <si>
    <t>Muhammad Ayyaz</t>
  </si>
  <si>
    <t>GPS BASIDAR PUR</t>
  </si>
  <si>
    <t>Basidherpur</t>
  </si>
  <si>
    <t>G.P.S Basidher Pur mkz Colony Shukat and Tehsil distt nankana sahib</t>
  </si>
  <si>
    <t>Basidher Pur</t>
  </si>
  <si>
    <t>GPS BASIR PUR NO 5</t>
  </si>
  <si>
    <t>Mohallah Chak Ibrahim</t>
  </si>
  <si>
    <t>GPS BASIR PUR NO. 3</t>
  </si>
  <si>
    <t>Govt.primary school No.3 Basirpur</t>
  </si>
  <si>
    <t>GPS BASIRA MARKAND</t>
  </si>
  <si>
    <t>Ward # 18</t>
  </si>
  <si>
    <t>Basti Basirra Shahbazpur</t>
  </si>
  <si>
    <t>GPS BASIRA QADEEM</t>
  </si>
  <si>
    <t>baseera qadeem near uc office baseera p/o Laskaniwala</t>
  </si>
  <si>
    <t>GPS BASOI</t>
  </si>
  <si>
    <t>Broha</t>
  </si>
  <si>
    <t>Village Basoi UC Tret Murree district Rawalpindi Pakistan</t>
  </si>
  <si>
    <t>Basoi</t>
  </si>
  <si>
    <t>Muhammad Safeer</t>
  </si>
  <si>
    <t>GPS BASOW KOT</t>
  </si>
  <si>
    <t>Basowkot</t>
  </si>
  <si>
    <t>village basowkot P/O baramanga teh shakargarh district narowal</t>
  </si>
  <si>
    <t>Muhammad Imtiaz Khan</t>
  </si>
  <si>
    <t>GPS BASRA JALA</t>
  </si>
  <si>
    <t>village basrajala</t>
  </si>
  <si>
    <t>GPS BASRA SHAMA WALA</t>
  </si>
  <si>
    <t>basra shamawala</t>
  </si>
  <si>
    <t>GPS BASRI WALA</t>
  </si>
  <si>
    <t>HINJRAI MUSTAQIL SHARQI</t>
  </si>
  <si>
    <t>GPS BASRI WALA CHAH TAHLI WALA HINJRAI MUSTAQIL SHARQI MARKAZ EHSAN PUR 2 TEHSIL KOT ADDU DISTRICT MUZAFFARGARH</t>
  </si>
  <si>
    <t>CHAH TAHLI WALA/KARLO WALA</t>
  </si>
  <si>
    <t>AASIM NIAZ</t>
  </si>
  <si>
    <t>GPS BASSALI</t>
  </si>
  <si>
    <t>vpo bassali rwp</t>
  </si>
  <si>
    <t>GPS BAST FAUJA  SINDH</t>
  </si>
  <si>
    <t>fauja  sindh</t>
  </si>
  <si>
    <t>Fauja  Sindh</t>
  </si>
  <si>
    <t>WAZEER AHMAD</t>
  </si>
  <si>
    <t>GPS BASTI ABBASS KHAN</t>
  </si>
  <si>
    <t>chah Abbas wala mouza duri gondal p/o same teh APS distt jhang</t>
  </si>
  <si>
    <t>Imran Ali Khan</t>
  </si>
  <si>
    <t>GPS BASTI ABDUL KAREEM</t>
  </si>
  <si>
    <t>Chak 47 NP</t>
  </si>
  <si>
    <t>Basti Abdul Kareem</t>
  </si>
  <si>
    <t>Muslimabad</t>
  </si>
  <si>
    <t>Shabir Akhter</t>
  </si>
  <si>
    <t>GPS BASTI ABDUL KARIM</t>
  </si>
  <si>
    <t>GBPS Basti Abdul Karim Chowk Bahadurpur</t>
  </si>
  <si>
    <t>Basti Abdul Karim</t>
  </si>
  <si>
    <t>GPS BASTI ABDUL MAALIK</t>
  </si>
  <si>
    <t>moza khokhran basti khokhran tehsil Ahmadpur east bahawalpur</t>
  </si>
  <si>
    <t>Muhammad Wajid</t>
  </si>
  <si>
    <t>GPS BASTI ABDUL MAJEED</t>
  </si>
  <si>
    <t>GPS basti Abdul majeed, rajarhoo</t>
  </si>
  <si>
    <t>Basti Majeed</t>
  </si>
  <si>
    <t>Kulaab</t>
  </si>
  <si>
    <t>GPS BASTI ABDUL RASHEED SIAL</t>
  </si>
  <si>
    <t>Jong Bilalawl</t>
  </si>
  <si>
    <t>basti abdulrasheed sial</t>
  </si>
  <si>
    <t>Nallamosani</t>
  </si>
  <si>
    <t>Malik Fahad Ali</t>
  </si>
  <si>
    <t>GPS BASTI ABDUL REHMAN</t>
  </si>
  <si>
    <t>GPS Basti Abdul Rehman moza kot karam khan tehsil rahim yar khan</t>
  </si>
  <si>
    <t>BASTI ABDUL REHMAN</t>
  </si>
  <si>
    <t>GPS BASTI ABDUR REHMAN</t>
  </si>
  <si>
    <t>Chak Manok</t>
  </si>
  <si>
    <t>Basti Mad Makhdom</t>
  </si>
  <si>
    <t>Mad Makhdom</t>
  </si>
  <si>
    <t>Muhammad akbar Qamar</t>
  </si>
  <si>
    <t>GPS BASTI AFZAL KHAN JOGIANI</t>
  </si>
  <si>
    <t>basti afzal khan jogiani mauza rakh azmat  wala jampur</t>
  </si>
  <si>
    <t>Basti Afzal Khan Jogiani</t>
  </si>
  <si>
    <t>genarator pump</t>
  </si>
  <si>
    <t>GPS BASTI AHMAD KHAN</t>
  </si>
  <si>
    <t>basti ahmad khan choti zareen</t>
  </si>
  <si>
    <t>GPS BASTI AHMAD NAWAZ</t>
  </si>
  <si>
    <t>Saifpur</t>
  </si>
  <si>
    <t>GPS Basti Ahmad Nawaz</t>
  </si>
  <si>
    <t>Basti Gararan</t>
  </si>
  <si>
    <t>Sunjar</t>
  </si>
  <si>
    <t>Syed Abad Ur Rehman</t>
  </si>
  <si>
    <t>GPS BASTI AHMAD SHAH WALI NASHIB</t>
  </si>
  <si>
    <t>Haji Hussain Shah Nashaib</t>
  </si>
  <si>
    <t>Basti Ahmad Shah Wali Nashaib</t>
  </si>
  <si>
    <t>Panjgirain Nashaib</t>
  </si>
  <si>
    <t>GPS BASTI AHMDANI</t>
  </si>
  <si>
    <t>Gudden Wala</t>
  </si>
  <si>
    <t>Awami colony Jaipur</t>
  </si>
  <si>
    <t>Allah abad Garbi</t>
  </si>
  <si>
    <t>Rana Khalil Ahmad</t>
  </si>
  <si>
    <t>GPS BASTI AHMED SHER RAHDARI</t>
  </si>
  <si>
    <t>vpo Rahdari tehsel noor pur thal district khushab</t>
  </si>
  <si>
    <t>GPS BASTI AKBAR DIN</t>
  </si>
  <si>
    <t>Basti Akbar Din, Mao Mubark</t>
  </si>
  <si>
    <t>Basti Akbar Din</t>
  </si>
  <si>
    <t>GPS BASTI AKRAM WALI</t>
  </si>
  <si>
    <t>Chack Abdulla</t>
  </si>
  <si>
    <t>Basti Akram waliP/O Chak Abdullah Teh.Dist Bahawalnagar</t>
  </si>
  <si>
    <t>Akram wali</t>
  </si>
  <si>
    <t>Takht Mahal</t>
  </si>
  <si>
    <t>GPS BASTI ALAM HABIB</t>
  </si>
  <si>
    <t>Basti alam Habib moza jeewan shah</t>
  </si>
  <si>
    <t>Basti Alam Habib</t>
  </si>
  <si>
    <t>Dadra</t>
  </si>
  <si>
    <t>GPS BASTI ALI HAIDER KHALILANI</t>
  </si>
  <si>
    <t>Basti Ali Haider Khalilani Moza Islam pur tehsil jampur District rajanpur</t>
  </si>
  <si>
    <t>Basti Ali Haider Khalilani</t>
  </si>
  <si>
    <t>GPS BASTI ALI KAMAL</t>
  </si>
  <si>
    <t>Malak Pur</t>
  </si>
  <si>
    <t>Basti Ali Kamal Dakhli Malak Pur</t>
  </si>
  <si>
    <t>Basti Ali Kamal</t>
  </si>
  <si>
    <t>GPS BASTI ALI KAY</t>
  </si>
  <si>
    <t>GPS basti Ali Kay mouza thatti bala raja</t>
  </si>
  <si>
    <t>Basti Ali Kay</t>
  </si>
  <si>
    <t>Mukhtar Hussain Saqfi</t>
  </si>
  <si>
    <t>GPS BASTI ALI MUHAMMAD NEW</t>
  </si>
  <si>
    <t>Basti Alli muhammd</t>
  </si>
  <si>
    <t>Basti All Muhmmad New</t>
  </si>
  <si>
    <t>Tuman Leguari Zareen</t>
  </si>
  <si>
    <t>GPS BASTI ALLAH BACHAYA</t>
  </si>
  <si>
    <t>Dunya Pur Ganga</t>
  </si>
  <si>
    <t>g p/s basti allah bachaya khan moza dunya pur ganga pop</t>
  </si>
  <si>
    <t>Basti Allah Bachaya Khan</t>
  </si>
  <si>
    <t>MPQ</t>
  </si>
  <si>
    <t>Shimla Khan</t>
  </si>
  <si>
    <t>GPS BASTI ALLAH BAKHSH</t>
  </si>
  <si>
    <t>Basti ALLAH Bakhsh Tehsil Jatoi District Muzaffer Garh</t>
  </si>
  <si>
    <t>Basti ALLAH Bakhsh</t>
  </si>
  <si>
    <t>Hakeem abdul sattar laghari</t>
  </si>
  <si>
    <t>GPS BASTI ALLAH DAD MAN</t>
  </si>
  <si>
    <t>Sidhu Wali</t>
  </si>
  <si>
    <t>GMMS Allah Dad Missan(post office tranda Muhammad panah tehsil liaquat pur district Rahim Yar Khan)</t>
  </si>
  <si>
    <t>Gul Muhammad Langah Langah</t>
  </si>
  <si>
    <t>GPS BASTI ALLAH JEWAYA Lar</t>
  </si>
  <si>
    <t>Muradpur Sangi</t>
  </si>
  <si>
    <t>basti Allah Jewaya Muradpur sangi p/o rukanpur RYK</t>
  </si>
  <si>
    <t>Basti Allah Jewaya</t>
  </si>
  <si>
    <t>Ghulam Kareem</t>
  </si>
  <si>
    <t>GPS BASTI AMEER SHAH</t>
  </si>
  <si>
    <t>basti Ameer shah mouza pattal sharqi tehsil kot addu</t>
  </si>
  <si>
    <t>GPS BASTI AMIR BUX</t>
  </si>
  <si>
    <t>basti amir bux mouza thairh tehseal Sadiq abad distric ryk</t>
  </si>
  <si>
    <t>Basti amir bux</t>
  </si>
  <si>
    <t>GPS BASTI ANAYAT</t>
  </si>
  <si>
    <t>Mouza Umaid Ali Bhait</t>
  </si>
  <si>
    <t>Basti shah Muhammad Bhait P/O Lakar Wali Mouza Umaid Ali Bhait Tehsil Sadiq Abad District R.Y.Khan.</t>
  </si>
  <si>
    <t>Basti Shah Muhammad Bhait</t>
  </si>
  <si>
    <t>GPS BASTI ANWAR</t>
  </si>
  <si>
    <t>Bate Bait Wala</t>
  </si>
  <si>
    <t>basti Anwar Bait Bate Wala tehsil kot chutta distric DG khan</t>
  </si>
  <si>
    <t>Basti Anwar</t>
  </si>
  <si>
    <t>Wajid  Ali</t>
  </si>
  <si>
    <t>GPS BASTI ARA</t>
  </si>
  <si>
    <t>basti ara, daira din panah</t>
  </si>
  <si>
    <t>Basti Ara</t>
  </si>
  <si>
    <t>MUHAMMAD IMRAN ALVI</t>
  </si>
  <si>
    <t>GPS BASTI ARAIAN</t>
  </si>
  <si>
    <t>basti arain</t>
  </si>
  <si>
    <t>Saqib Bashir</t>
  </si>
  <si>
    <t>GPS BASTI ARAIN NO.1</t>
  </si>
  <si>
    <t>Khuda Bukhsh Channar</t>
  </si>
  <si>
    <t>mouza Khuda bukhsh channar Basti Arrain</t>
  </si>
  <si>
    <t>GPS BASTI ARBI P/O SHUJABAD MOZA GAJU HATTA</t>
  </si>
  <si>
    <t>GPS BASTI ARIF</t>
  </si>
  <si>
    <t>gps basti arif mouza basti arif tehsil jatoi district muzaffar garh</t>
  </si>
  <si>
    <t>GPS BASTI ASLAM NOI PAKPATTAN</t>
  </si>
  <si>
    <t>Depalpur road near tehsil office aslam noi pakpattan</t>
  </si>
  <si>
    <t>Urban Ward 6</t>
  </si>
  <si>
    <t>Muhammad Sajjad Haider</t>
  </si>
  <si>
    <t>GPS BASTI ATTA MUHAMMAD SHAH CHAK NO 163/P</t>
  </si>
  <si>
    <t>GPS Basti Atta Muhammad shah</t>
  </si>
  <si>
    <t>Basti Atta Muhammad Shah</t>
  </si>
  <si>
    <t>Waqar Shahid</t>
  </si>
  <si>
    <t>GPS BASTI ATTAR DHANDLA</t>
  </si>
  <si>
    <t>basti attar p/o behl teh and dist bhakkar</t>
  </si>
  <si>
    <t>Basti Attar Dhandla</t>
  </si>
  <si>
    <t>Attar Dhandla</t>
  </si>
  <si>
    <t>Ghulam Dastgeer</t>
  </si>
  <si>
    <t>GPS BASTI AZEEM</t>
  </si>
  <si>
    <t>Chak Hamalari</t>
  </si>
  <si>
    <t>chak Hamalari choti Bala kot chutta dera ghazi khan</t>
  </si>
  <si>
    <t>Basti Azeem</t>
  </si>
  <si>
    <t>GPS BASTI BAGHBAN PURA</t>
  </si>
  <si>
    <t>GPS Basti Baghban Pura Khudian Khas</t>
  </si>
  <si>
    <t>Basti Baghban Pura</t>
  </si>
  <si>
    <t>Baroon Khudian Khas</t>
  </si>
  <si>
    <t>Rehmat  Ali</t>
  </si>
  <si>
    <t>GPS BASTI BAHAR LUCK</t>
  </si>
  <si>
    <t>Bhar lak</t>
  </si>
  <si>
    <t>Bhar Lak</t>
  </si>
  <si>
    <t>GPS BASTI BAHAR MOZA KOTHA JINDU</t>
  </si>
  <si>
    <t>Basti Palu Khan Kaleri</t>
  </si>
  <si>
    <t>Basti Palu Khan</t>
  </si>
  <si>
    <t>GPS BASTI BAHLOOL</t>
  </si>
  <si>
    <t>Basti Bahlol Moza Ali wah  Mailsi</t>
  </si>
  <si>
    <t>Basti Bahlol</t>
  </si>
  <si>
    <t>Intezar Ahmed</t>
  </si>
  <si>
    <t>GPS BASTI BAKHARA</t>
  </si>
  <si>
    <t>basti Bakhra, u.c yousaf shah, bhakkar</t>
  </si>
  <si>
    <t>Basti Bakhra</t>
  </si>
  <si>
    <t>Syed Ali Abbas Shah</t>
  </si>
  <si>
    <t>GPS BASTI BAKHAT ALI HORWANI</t>
  </si>
  <si>
    <t>Jhongo Thady</t>
  </si>
  <si>
    <t>basti bakht Ali horwani mauza Jhongo Thady Post Office Rojhan District Rajanpur</t>
  </si>
  <si>
    <t>Bakht Ali Horwani</t>
  </si>
  <si>
    <t>Bailey Shah</t>
  </si>
  <si>
    <t>Tariq Niaz</t>
  </si>
  <si>
    <t>GPS BASTI BAKHRI</t>
  </si>
  <si>
    <t>basti bakhri mouza dona tehsil kot adu</t>
  </si>
  <si>
    <t>Muhammad Kaleemullah Shah</t>
  </si>
  <si>
    <t>GPS BASTI BALA</t>
  </si>
  <si>
    <t>Jilani</t>
  </si>
  <si>
    <t>Basti Bala Mouza Jilani Khairpur Tamewali Bahawalpur</t>
  </si>
  <si>
    <t>Basti Bala</t>
  </si>
  <si>
    <t>GPS BASTI BALOCHAN WALI</t>
  </si>
  <si>
    <t>Sukha Shah Nasheb</t>
  </si>
  <si>
    <t>basti blochan wali post office hassan shah teh. darya khan dist. Bhakkar</t>
  </si>
  <si>
    <t>Basti Balochan Wali</t>
  </si>
  <si>
    <t>GPS BASTI BALUCH KHAN</t>
  </si>
  <si>
    <t>Guandan Sand</t>
  </si>
  <si>
    <t>tamun leghari</t>
  </si>
  <si>
    <t>Taman Leghari</t>
  </si>
  <si>
    <t>GPS BASTI BANDRAN MOZA SHUJAAT PUR</t>
  </si>
  <si>
    <t>Shujad Pur</t>
  </si>
  <si>
    <t>Basti Bandran(basti din pur) Tehsil jalalpur pirwala</t>
  </si>
  <si>
    <t>Shahzad Ur Rehman</t>
  </si>
  <si>
    <t>GPS BASTI BANGAN BAHAWALPUR</t>
  </si>
  <si>
    <t>bangan</t>
  </si>
  <si>
    <t>street no. 1 islami colony bwp</t>
  </si>
  <si>
    <t>islami colony</t>
  </si>
  <si>
    <t>city 11</t>
  </si>
  <si>
    <t>SOHAIL AHMAD JOIYA</t>
  </si>
  <si>
    <t>GPS BASTI BARARAN</t>
  </si>
  <si>
    <t>Glour Masoo Khan</t>
  </si>
  <si>
    <t>Basti bararan mouza glour masoo khan</t>
  </si>
  <si>
    <t>Basti Bararan</t>
  </si>
  <si>
    <t>jamal-ud-din</t>
  </si>
  <si>
    <t>GPS BASTI BARI</t>
  </si>
  <si>
    <t>Tranda Saway Kha</t>
  </si>
  <si>
    <t>Basti bari Post Office Tranda Saway Kha</t>
  </si>
  <si>
    <t>MC Tranda Saway Kha</t>
  </si>
  <si>
    <t>Munir Ahmed Shahid</t>
  </si>
  <si>
    <t>GPS BASTI BARKAT ABAD</t>
  </si>
  <si>
    <t>Chak21np</t>
  </si>
  <si>
    <t>Chak 21NP</t>
  </si>
  <si>
    <t>Basti Mehr Ali</t>
  </si>
  <si>
    <t>GPS BASTI BARKAT ALI</t>
  </si>
  <si>
    <t>GPS BASTI BATLIAN</t>
  </si>
  <si>
    <t>Bedans Gherbi</t>
  </si>
  <si>
    <t>vihari road Batlian</t>
  </si>
  <si>
    <t>Basti Batlian</t>
  </si>
  <si>
    <t>GPS BASTI BATWANI</t>
  </si>
  <si>
    <t>BASTI BATWANI, RAJANPUR</t>
  </si>
  <si>
    <t>BASTI BATWANI</t>
  </si>
  <si>
    <t>GPS BASTI BEHBAL KHAN PAKPATTAN</t>
  </si>
  <si>
    <t>Malky Taroo</t>
  </si>
  <si>
    <t>basti behbal khan</t>
  </si>
  <si>
    <t>Behbal khan</t>
  </si>
  <si>
    <t>Muhammad  Asif</t>
  </si>
  <si>
    <t>GPS BASTI BEWAN MUSTAFA ABAD</t>
  </si>
  <si>
    <t>Beewan</t>
  </si>
  <si>
    <t>GPS basti beewan mustafabad kasur</t>
  </si>
  <si>
    <t>Basti Beewan</t>
  </si>
  <si>
    <t>Muatafabad</t>
  </si>
  <si>
    <t>Yasin Manzoor</t>
  </si>
  <si>
    <t>GPS BASTI BHAI</t>
  </si>
  <si>
    <t>Basti bhai markez samina tehsil and distt dera ghazi khan</t>
  </si>
  <si>
    <t>Basti bhai</t>
  </si>
  <si>
    <t>Mahr ALLAHA DITTA</t>
  </si>
  <si>
    <t>GPS BASTI BHALI WALI</t>
  </si>
  <si>
    <t>Basti Bhali Wali</t>
  </si>
  <si>
    <t>basti bhali wali teh. chunian district kasur</t>
  </si>
  <si>
    <t>Basti Bhali wali</t>
  </si>
  <si>
    <t>bagihana  Khurd</t>
  </si>
  <si>
    <t>GPS BASTI BHATTI</t>
  </si>
  <si>
    <t>Basti,mouza bhatti, tehsil kot addu district Muzaffargarh</t>
  </si>
  <si>
    <t>Basti Bhatti</t>
  </si>
  <si>
    <t>GPS BASTI BHOJIAN P/O MUKHDOOM RASHID</t>
  </si>
  <si>
    <t>GPS Basti Bhojian P/O Makhdoom Rashid</t>
  </si>
  <si>
    <t>Basti Bhojian</t>
  </si>
  <si>
    <t>Jalalabad Shumali</t>
  </si>
  <si>
    <t>Mutahir Nazar</t>
  </si>
  <si>
    <t>GPS BASTI BHOON</t>
  </si>
  <si>
    <t>Moza Bhoon</t>
  </si>
  <si>
    <t>Kharal Nashaib</t>
  </si>
  <si>
    <t>EJAZ HUSSAIN</t>
  </si>
  <si>
    <t>GPS BASTI BHORA</t>
  </si>
  <si>
    <t>Basti Hagi Hussain Bukhsh Bhara</t>
  </si>
  <si>
    <t>Jahanzaib Qadir</t>
  </si>
  <si>
    <t>GPS BASTI BHUTTIAN</t>
  </si>
  <si>
    <t>Kot Qandhara Singh</t>
  </si>
  <si>
    <t>Basti bhattian chak no.100p RYK</t>
  </si>
  <si>
    <t>Chak 100p Ryk</t>
  </si>
  <si>
    <t>GPS BASTI BIKHRANI</t>
  </si>
  <si>
    <t>basti bakhrani mouza sehja tehseil khan pur</t>
  </si>
  <si>
    <t>Imran Iftikhar</t>
  </si>
  <si>
    <t>GPS BASTI BISHARAT WALA</t>
  </si>
  <si>
    <t>basti bisharat wala moza downa tehseel kot adu district m garh</t>
  </si>
  <si>
    <t>GPS BASTI BOOHI WAR</t>
  </si>
  <si>
    <t>basti bohiwar</t>
  </si>
  <si>
    <t>Fouzia Ahmed</t>
  </si>
  <si>
    <t>GPS BASTI BOOTAY KHAN</t>
  </si>
  <si>
    <t>GPS BASTI BOUNGRAIN WALI</t>
  </si>
  <si>
    <t>Jhook Lal Shah</t>
  </si>
  <si>
    <t>basti bhoungrain wali p / o panjgirain tehsil darya Khan disstrict bhakkar.</t>
  </si>
  <si>
    <t>Basti Bhoungrain wali</t>
  </si>
  <si>
    <t>Panjgirain nashib</t>
  </si>
  <si>
    <t>Muhammad Abid Hussain</t>
  </si>
  <si>
    <t>GPS BASTI BUCHA</t>
  </si>
  <si>
    <t>Gps Basti Bucha Markaz Mehrab wala Ahmadpur East</t>
  </si>
  <si>
    <t>Basti Bucha</t>
  </si>
  <si>
    <t>Mohammad shabbir</t>
  </si>
  <si>
    <t>GPS BASTI BUDHANI</t>
  </si>
  <si>
    <t>Chak Dreshak</t>
  </si>
  <si>
    <t>Chak dreshak</t>
  </si>
  <si>
    <t>GPS BASTI BUDHOO</t>
  </si>
  <si>
    <t>Kacha main wali no.2</t>
  </si>
  <si>
    <t>Kacha main wali no.2 (Bangla Ichha)</t>
  </si>
  <si>
    <t>Basti Budhoo</t>
  </si>
  <si>
    <t>Kacha main wali</t>
  </si>
  <si>
    <t>GPS BASTI BUKHI</t>
  </si>
  <si>
    <t>basti Bukhi  , moza Patti Ghulam Ali gharbi</t>
  </si>
  <si>
    <t>Basti Bukhi</t>
  </si>
  <si>
    <t>Patti Ghulam ali Gharbi</t>
  </si>
  <si>
    <t>Qazi Neaiz Ahmad</t>
  </si>
  <si>
    <t>GPS BASTI BUKHSH P/O GHAZI PUR</t>
  </si>
  <si>
    <t>Mosan Wali</t>
  </si>
  <si>
    <t>basti bukhsh p/o ghazi pur tehsil jalal pur pir wala</t>
  </si>
  <si>
    <t>Basti Bukhsh</t>
  </si>
  <si>
    <t>Hafiz Syed Muhamad Usman</t>
  </si>
  <si>
    <t>GPS BASTI BUMB</t>
  </si>
  <si>
    <t>Kotla Jam Nashaib</t>
  </si>
  <si>
    <t>kotla Jam Nashaib,</t>
  </si>
  <si>
    <t>GPS BASTI CHACHAR</t>
  </si>
  <si>
    <t>basti chachar</t>
  </si>
  <si>
    <t>Basti  Chachar</t>
  </si>
  <si>
    <t>GPS BASTI CHACHRAN 93/P</t>
  </si>
  <si>
    <t>chak no 93/p</t>
  </si>
  <si>
    <t>ChakNo 93/P Basti Chachran</t>
  </si>
  <si>
    <t>Shahbaz Younas</t>
  </si>
  <si>
    <t>GPS BASTI CHADHAR</t>
  </si>
  <si>
    <t>Gps Basti chadhar Ahmad pur sial</t>
  </si>
  <si>
    <t>Basti Chadhar</t>
  </si>
  <si>
    <t>GPS BASTI CHAH LAL KHAN</t>
  </si>
  <si>
    <t>sahan wala</t>
  </si>
  <si>
    <t>gps basti chah laal khan</t>
  </si>
  <si>
    <t>gul wala</t>
  </si>
  <si>
    <t>Rasool Bakhsh</t>
  </si>
  <si>
    <t>GPS BASTI CHAINY WALI</t>
  </si>
  <si>
    <t>Moza Kachi shahani cheney wali p/o kaneri tehsil district bhakkar</t>
  </si>
  <si>
    <t>Cheney Wali</t>
  </si>
  <si>
    <t>Kachi Shahani 1</t>
  </si>
  <si>
    <t>GPS BASTI CHAK 20</t>
  </si>
  <si>
    <t>Basti Chak 20</t>
  </si>
  <si>
    <t>tehsil pattoki dist kasur</t>
  </si>
  <si>
    <t>Wan Rada Ram</t>
  </si>
  <si>
    <t>GPS BASTI CHAKAR CHANG</t>
  </si>
  <si>
    <t>Noor Ahmad Abad</t>
  </si>
  <si>
    <t>Basti Chakar Chang</t>
  </si>
  <si>
    <t>GPS BASTI CHAMMAN</t>
  </si>
  <si>
    <t>Gps Basti Chamman Ali pur Road muzaffar garh.</t>
  </si>
  <si>
    <t>Basti Chamman</t>
  </si>
  <si>
    <t>Jaggat Pur</t>
  </si>
  <si>
    <t>Aroon Joseph</t>
  </si>
  <si>
    <t>GPS BASTI CHAUDHRIAN</t>
  </si>
  <si>
    <t>GPS Basti Choudhrian Jamalpur Tehsil Hasilpur</t>
  </si>
  <si>
    <t>Basti Choudhrian</t>
  </si>
  <si>
    <t>GPS BASTI CHEEMBIAN WALI</t>
  </si>
  <si>
    <t>Basti cheenbian wali p/o,Mokal Tehsil Chunian Distt.KASUR</t>
  </si>
  <si>
    <t>Basti cheenbian wali</t>
  </si>
  <si>
    <t>Abdul Ghaffar Anjum</t>
  </si>
  <si>
    <t>GPS BASTI CHEENA</t>
  </si>
  <si>
    <t>Chak Sohrani</t>
  </si>
  <si>
    <t>Mad Haji Mushtaq Chang near pull Dhundi</t>
  </si>
  <si>
    <t>Mad Haji Mushtaq Chang</t>
  </si>
  <si>
    <t>Chak  Lassa</t>
  </si>
  <si>
    <t>Shehzad Iqbal</t>
  </si>
  <si>
    <t>GPS BASTI CHHOHAN</t>
  </si>
  <si>
    <t>Chhohan</t>
  </si>
  <si>
    <t>Basti Chhohan Tehsil Hasilpur</t>
  </si>
  <si>
    <t>GPS BASTI CHOHAN</t>
  </si>
  <si>
    <t>gps basti chohan tehsil and district bhakkar</t>
  </si>
  <si>
    <t>GPS BASTI CHOLANI</t>
  </si>
  <si>
    <t>chulani teh taunsa sharif district d.g.khan</t>
  </si>
  <si>
    <t>GPS BASTI CHUGHA</t>
  </si>
  <si>
    <t>Jhakkar Nashib</t>
  </si>
  <si>
    <t>Basti Chugha mouza Jhakkar nashib</t>
  </si>
  <si>
    <t>Chugha</t>
  </si>
  <si>
    <t>GPS BASTI DAD ZAMAI WALA</t>
  </si>
  <si>
    <t>Basti Dad</t>
  </si>
  <si>
    <t>Zamai wala Basti Dad Tehsil Shujabad Abad District Multan</t>
  </si>
  <si>
    <t>Shoukat Hussain</t>
  </si>
  <si>
    <t>GPS BASTI DAHA</t>
  </si>
  <si>
    <t>GPS Basti Daha</t>
  </si>
  <si>
    <t>Basti Daha</t>
  </si>
  <si>
    <t>GPS BASTI DAHP WALI</t>
  </si>
  <si>
    <t>Kohawar Nasheb</t>
  </si>
  <si>
    <t>basti dhap wali tehsil darya khan district bhakkar</t>
  </si>
  <si>
    <t>Dhap Wali</t>
  </si>
  <si>
    <t>GPS BASTI DAHRAN</t>
  </si>
  <si>
    <t>Dahran</t>
  </si>
  <si>
    <t>Basti &amp; Moza Daharan UC Khair PurcDaha, Tehsil Ahmad Pur East,District Bahawalpur</t>
  </si>
  <si>
    <t>Khuair Pur Daha</t>
  </si>
  <si>
    <t>GPS BASTI DANISH MANDAN</t>
  </si>
  <si>
    <t>Hrdo Bandkey</t>
  </si>
  <si>
    <t>basti Danish mandan post office farooqabad teshil and District sheikhupura</t>
  </si>
  <si>
    <t>Basti Danish Mandan</t>
  </si>
  <si>
    <t>Mureedkey</t>
  </si>
  <si>
    <t>GPS BASTI DARHAL</t>
  </si>
  <si>
    <t>GPS basti dirhal</t>
  </si>
  <si>
    <t>Basti Dirhal</t>
  </si>
  <si>
    <t>Malik Pervaiz Akhtar</t>
  </si>
  <si>
    <t>GPS BASTI DASTI</t>
  </si>
  <si>
    <t>basti dasti near hazrat wala</t>
  </si>
  <si>
    <t>Basti Dasti</t>
  </si>
  <si>
    <t>Rafiq Ahmad</t>
  </si>
  <si>
    <t>GPS BASTI DEENDARAN</t>
  </si>
  <si>
    <t>Basti deendaran</t>
  </si>
  <si>
    <t>Basti Deendaran</t>
  </si>
  <si>
    <t>Shahrukh Lucas</t>
  </si>
  <si>
    <t>GPS BASTI DHADDI</t>
  </si>
  <si>
    <t>Chok Budhan Shah Massa Kotha</t>
  </si>
  <si>
    <t>Basti Dhuddi</t>
  </si>
  <si>
    <t>Muhammad Tariq ul Islam</t>
  </si>
  <si>
    <t>GPS BASTI DHANGIAN WALI</t>
  </si>
  <si>
    <t>Basti Dheengian Wali</t>
  </si>
  <si>
    <t>GPS BASTI DHOON</t>
  </si>
  <si>
    <t>Basti Dhoon</t>
  </si>
  <si>
    <t>basti dhoon</t>
  </si>
  <si>
    <t>GPS BASTI DHOON MAUZA SOHIYA</t>
  </si>
  <si>
    <t>Sohya Thal</t>
  </si>
  <si>
    <t>chah noriwala sohya thal</t>
  </si>
  <si>
    <t>Nori Wala</t>
  </si>
  <si>
    <t>Sohanra Wasava</t>
  </si>
  <si>
    <t>GPS BASTI DHUDIAN</t>
  </si>
  <si>
    <t>Jhullan Araian</t>
  </si>
  <si>
    <t>basti dhuain moza jhullan araian bwn</t>
  </si>
  <si>
    <t>Muhammad Iqbal Mehmood</t>
  </si>
  <si>
    <t>GPS BASTI DILAWAR</t>
  </si>
  <si>
    <t>khan pur janubi, p/o ibrahim wali, tehsil &amp; district muzaffargarh</t>
  </si>
  <si>
    <t>Gindi Wala</t>
  </si>
  <si>
    <t>Faisal Ayyaz</t>
  </si>
  <si>
    <t>GPS BASTI DIN MUHAMMAD</t>
  </si>
  <si>
    <t>112/NP</t>
  </si>
  <si>
    <t>Basti Din Muhammed</t>
  </si>
  <si>
    <t>Muhammad Saeed Anwar</t>
  </si>
  <si>
    <t>GPS BASTI DIRAJ</t>
  </si>
  <si>
    <t>GPS Basti diraj Moza DIRAJ Tehsil Ahmed pur sial district Jhang</t>
  </si>
  <si>
    <t>BASTI DIRAJ</t>
  </si>
  <si>
    <t>Syed Asad Abbas</t>
  </si>
  <si>
    <t>GPS BASTI DIRKHAN</t>
  </si>
  <si>
    <t>shanh wala</t>
  </si>
  <si>
    <t>basti dirkhan</t>
  </si>
  <si>
    <t>GPS BASTI DOSA NO.2</t>
  </si>
  <si>
    <t>Dhol</t>
  </si>
  <si>
    <t>chah manjhi wala muza dhol po notak mehmeed kot chutta d g khan</t>
  </si>
  <si>
    <t>Rafiq Ahmad Anjum</t>
  </si>
  <si>
    <t>GPS BASTI DOST MUHAMMAD</t>
  </si>
  <si>
    <t>basti dost muhammad</t>
  </si>
  <si>
    <t>Basti Dost Muhammad Muhammad</t>
  </si>
  <si>
    <t>Tariq jamil</t>
  </si>
  <si>
    <t>GPS BASTI DR. ABDUL AZIZ</t>
  </si>
  <si>
    <t>Chak Koryana J</t>
  </si>
  <si>
    <t>Basti Dr Abdul Aziz Chak Koryana Janoobi Jhang</t>
  </si>
  <si>
    <t>Chak Koryana Janubi</t>
  </si>
  <si>
    <t>Cheikh Chohar</t>
  </si>
  <si>
    <t>Muhammad Said Zaman</t>
  </si>
  <si>
    <t>GPS BASTI DRIGH</t>
  </si>
  <si>
    <t>GPS basti drigh chah fateh Wala mouza drigh</t>
  </si>
  <si>
    <t>Chah Fateh Wala</t>
  </si>
  <si>
    <t>GPS BASTI DUDIAN</t>
  </si>
  <si>
    <t>Teh. Sadiq Abad Distt. Rahim Yar 
khan</t>
  </si>
  <si>
    <t>Atta Rasool</t>
  </si>
  <si>
    <t>GPS BASTI DUNGAR</t>
  </si>
  <si>
    <t>Raqba Jamrha</t>
  </si>
  <si>
    <t>word no 3 mashallah Sadiq shah rajapur</t>
  </si>
  <si>
    <t>Moza  Raqba Jamra</t>
  </si>
  <si>
    <t>GPS BASTI DURAHEN</t>
  </si>
  <si>
    <t>Basti Noor muhammad sureja</t>
  </si>
  <si>
    <t>Basti Noor M Sureja</t>
  </si>
  <si>
    <t>Qazi Irshad Ahmad</t>
  </si>
  <si>
    <t>GPS BASTI DUZKANI</t>
  </si>
  <si>
    <t>Santas Mut</t>
  </si>
  <si>
    <t>Basti Duzkani</t>
  </si>
  <si>
    <t>GPS BASTI EASA GISHKORI</t>
  </si>
  <si>
    <t>HAJI DARKHAWAST MUHAMMAD</t>
  </si>
  <si>
    <t>BASTI EASA GISHKORI</t>
  </si>
  <si>
    <t>GPS BASTI EESA</t>
  </si>
  <si>
    <t>Eesa</t>
  </si>
  <si>
    <t>Basti madhran mauza Eesa</t>
  </si>
  <si>
    <t>Basti Madhran</t>
  </si>
  <si>
    <t>Salman Ahmad</t>
  </si>
  <si>
    <t>GPS BASTI EID GAH</t>
  </si>
  <si>
    <t>basti eid gah</t>
  </si>
  <si>
    <t>GPS BASTI EISANI</t>
  </si>
  <si>
    <t>Moza Bhaag p/o Murghai District Rajanpur</t>
  </si>
  <si>
    <t>Abdul Karim Sajid</t>
  </si>
  <si>
    <t>GPS BASTI ELAHI BUX</t>
  </si>
  <si>
    <t>Wah-athata</t>
  </si>
  <si>
    <t>basti elahi bux 91/p</t>
  </si>
  <si>
    <t>Nighat Maqbool</t>
  </si>
  <si>
    <t>GPS BASTI FAIZ AHMAD BOHAR</t>
  </si>
  <si>
    <t>KOTLA NAWAB-MALE</t>
  </si>
  <si>
    <t>moza kotla nawab, Liaquat pur</t>
  </si>
  <si>
    <t>Basti Faiz Ahmed Bohar</t>
  </si>
  <si>
    <t>Kotla nawab</t>
  </si>
  <si>
    <t>GPS BASTI FATEH WALI</t>
  </si>
  <si>
    <t>Basti Fateh Wali</t>
  </si>
  <si>
    <t>basti fateh wali</t>
  </si>
  <si>
    <t>Dao Key Khanyana</t>
  </si>
  <si>
    <t>GPS BASTI FATO KAY</t>
  </si>
  <si>
    <t>Muhammads Iqbal</t>
  </si>
  <si>
    <t>GPS BASTI FAZAL AHMAD</t>
  </si>
  <si>
    <t>Muza Palooli Tehsil Ahmed pur East District Bahawalpur</t>
  </si>
  <si>
    <t>Basti Fazal Ahmad</t>
  </si>
  <si>
    <t>Muhamma Jamil Akhtar</t>
  </si>
  <si>
    <t>GPS BASTI FAZAL HUSAIN</t>
  </si>
  <si>
    <t>Fazal Husain</t>
  </si>
  <si>
    <t>chak thaman wala fazal husain,p/o dunga bunga</t>
  </si>
  <si>
    <t>Thaman Wala</t>
  </si>
  <si>
    <t>GPS BASTI FOJIAN</t>
  </si>
  <si>
    <t>basti fojian mouza lashari</t>
  </si>
  <si>
    <t>Basti Fojian</t>
  </si>
  <si>
    <t>Ghazanfar Abbas Zafar</t>
  </si>
  <si>
    <t>GPS BASTI FOUJIAN</t>
  </si>
  <si>
    <t>ellahabad chunian road</t>
  </si>
  <si>
    <t>GPS BASTI GADDAN</t>
  </si>
  <si>
    <t>govt  primary school  Basti gaddan</t>
  </si>
  <si>
    <t>Zameer Hussain</t>
  </si>
  <si>
    <t>GPS BASTI GANDI</t>
  </si>
  <si>
    <t>Umer kot</t>
  </si>
  <si>
    <t>basti Wahid Bux Garani umer kot Tehsil rojhan district Rajan pur</t>
  </si>
  <si>
    <t>Basti Wahid Bux Garani</t>
  </si>
  <si>
    <t>UMERKOT</t>
  </si>
  <si>
    <t>GPS BASTI GAZRAN JALALPUR PIRWALA</t>
  </si>
  <si>
    <t>Basti Gazran P/o Juggu Wala</t>
  </si>
  <si>
    <t>GPS BASTI GESHKORI</t>
  </si>
  <si>
    <t>Guja Bahar Sial</t>
  </si>
  <si>
    <t>guja bahar sjal</t>
  </si>
  <si>
    <t>Basti Gishkori</t>
  </si>
  <si>
    <t>GPS BASTI GHARIB ABAD GOGRAN</t>
  </si>
  <si>
    <t>gharibabad colony gogran</t>
  </si>
  <si>
    <t>Gharibabad</t>
  </si>
  <si>
    <t>GPS BASTI GHARRAZAN</t>
  </si>
  <si>
    <t>Basti Ghurazan</t>
  </si>
  <si>
    <t>GPS BASTI GHAZAN</t>
  </si>
  <si>
    <t>government ps basti ghazen</t>
  </si>
  <si>
    <t>Ghazen</t>
  </si>
  <si>
    <t>Muhammad Aqil</t>
  </si>
  <si>
    <t>GPS BASTI GHAZAR P/O MUZAFAARABAD</t>
  </si>
  <si>
    <t>Jakhar pur</t>
  </si>
  <si>
    <t>Basti gazar MUZAFFARABAD multan</t>
  </si>
  <si>
    <t>GPS BASTI GHAZI DANGER</t>
  </si>
  <si>
    <t>Noshara Sharki</t>
  </si>
  <si>
    <t>basti Ghazi Danger</t>
  </si>
  <si>
    <t>Basti Ghazi Danger</t>
  </si>
  <si>
    <t>GPS BASTI GHOUS NAGAR P/O PAKPATTAN</t>
  </si>
  <si>
    <t>Basti Ghous Nager</t>
  </si>
  <si>
    <t>Basti ghous nager</t>
  </si>
  <si>
    <t>GPS BASTI GHULAM ABBAS</t>
  </si>
  <si>
    <t>Chah Talpur Wala  P/O Choti ZareenTeh,Kot Chutta Dist, D.G.Khan</t>
  </si>
  <si>
    <t>TALPUR WALA</t>
  </si>
  <si>
    <t>Irfan Abid</t>
  </si>
  <si>
    <t>GPS BASTI GHULAM AHMAD ABAD</t>
  </si>
  <si>
    <t>Ghulam Ahmed Abad</t>
  </si>
  <si>
    <t>GPS Ghulamahmedabad</t>
  </si>
  <si>
    <t>Muhammad Khan Awan</t>
  </si>
  <si>
    <t>GPS BASTI GHULAM FARID SUKHERA</t>
  </si>
  <si>
    <t>Mamrajpura</t>
  </si>
  <si>
    <t>daak khana dhabsanateka, Haroon abad road bahawalnagar</t>
  </si>
  <si>
    <t>Basti Ghulam Farrid Sukhera</t>
  </si>
  <si>
    <t>Sawai wala</t>
  </si>
  <si>
    <t>Nadeem Ur Rehman</t>
  </si>
  <si>
    <t>GPS BASTI GHULAM MUHAMMAD</t>
  </si>
  <si>
    <t>Basti ghulam Muhammad moza meray shah sadiq abab</t>
  </si>
  <si>
    <t>GPS BASTI GHULAM MUHAMMAD NO.1</t>
  </si>
  <si>
    <t>Mauza Kachi Muhammad Khan</t>
  </si>
  <si>
    <t>Muhammad Arif Shabbir</t>
  </si>
  <si>
    <t>GPS BASTI GHULAM NABI NO. 1</t>
  </si>
  <si>
    <t>Kot Bahawal Bakhsh</t>
  </si>
  <si>
    <t>Basti. Ghulam. Nabi Teh.District Bahawal Ngar</t>
  </si>
  <si>
    <t>GPS BASTI GHULAM SHABIR</t>
  </si>
  <si>
    <t>chah rid wala mouza drahma p\o sarwar wali d g khan</t>
  </si>
  <si>
    <t>Rid Wala</t>
  </si>
  <si>
    <t>GPS BASTI GOOTH</t>
  </si>
  <si>
    <t>rajan pur khurd</t>
  </si>
  <si>
    <t>Basti ghulam haider chandia moza rajan pur khurd tehsil Rahim yar khan</t>
  </si>
  <si>
    <t>Muhammad aslam</t>
  </si>
  <si>
    <t>GPS BASTI GOPAYRA 719 GB</t>
  </si>
  <si>
    <t>Basti Gopy Ra 719 Gb</t>
  </si>
  <si>
    <t>chak no 719 GB</t>
  </si>
  <si>
    <t>719 Gb</t>
  </si>
  <si>
    <t>GPS BASTI GORAHA</t>
  </si>
  <si>
    <t>gps basti goraha daya chokha gharbi</t>
  </si>
  <si>
    <t>Basti Goraha</t>
  </si>
  <si>
    <t>GPS BASTI GUJJAR KUNNAL NASHEB</t>
  </si>
  <si>
    <t>chah ghallo wala Kunal nashib</t>
  </si>
  <si>
    <t>Chah Ghalo Wala Kunal Nashib</t>
  </si>
  <si>
    <t>Rashid Abbas</t>
  </si>
  <si>
    <t>GPS BASTI GUJRAN</t>
  </si>
  <si>
    <t>Rajan pur kalan Road Rahim yar khan</t>
  </si>
  <si>
    <t>Basti Gujran</t>
  </si>
  <si>
    <t>GPS BASTI GUJWANI</t>
  </si>
  <si>
    <t>Chabri Bala43</t>
  </si>
  <si>
    <t>busti gujwani</t>
  </si>
  <si>
    <t>Chabri  Bala</t>
  </si>
  <si>
    <t>Ghulam Farerd</t>
  </si>
  <si>
    <t>GPS BASTI GUL MACHHI</t>
  </si>
  <si>
    <t>Safder abad</t>
  </si>
  <si>
    <t>basti gull machi mauza safder abad uc bngla hidayat roghan district rajan pur</t>
  </si>
  <si>
    <t>Gull machi</t>
  </si>
  <si>
    <t>Bngla hidayat</t>
  </si>
  <si>
    <t>Shoukat Iqbal</t>
  </si>
  <si>
    <t>students bring water bottles themselves</t>
  </si>
  <si>
    <t>GPS BASTI GULABIAN</t>
  </si>
  <si>
    <t>GPS Bastian Gulabian</t>
  </si>
  <si>
    <t>Basti Gulabian</t>
  </si>
  <si>
    <t>Shahid Mehmood Shaheen</t>
  </si>
  <si>
    <t>GPS BASTI GULL MUHAMMAD</t>
  </si>
  <si>
    <t>basti gull Muhammad Markaz sahja tehsil khanpur dist R-Y-Khan</t>
  </si>
  <si>
    <t>GPS BASTI GUNJAN</t>
  </si>
  <si>
    <t>gps basti gunjan lqp</t>
  </si>
  <si>
    <t>Basti Gunjan</t>
  </si>
  <si>
    <t>City98 Lqp</t>
  </si>
  <si>
    <t>Syed Shahid Hussain</t>
  </si>
  <si>
    <t>GPS BASTI HAAJI KHAN</t>
  </si>
  <si>
    <t>gbps basti Haaji khan</t>
  </si>
  <si>
    <t>Rasool Bux</t>
  </si>
  <si>
    <t>GPS BASTI HABIBI ULLAH</t>
  </si>
  <si>
    <t>Basti Habib Ullah</t>
  </si>
  <si>
    <t>Basti habib Chak no. 741 GB, Tehsil Kamalia, Distt. T.T.Singh</t>
  </si>
  <si>
    <t>GPS BASTI HAFIZ</t>
  </si>
  <si>
    <t>Basti Burrah P/O Kotla Mughlan Tehsil Jampur District Rajanpur</t>
  </si>
  <si>
    <t>BASTI Burrah</t>
  </si>
  <si>
    <t>Kotla Mugnlan</t>
  </si>
  <si>
    <t>GPS BASTI HAFIZ ABDUL AZIZ KHIAZAI</t>
  </si>
  <si>
    <t>Muhammad Arif Sharif</t>
  </si>
  <si>
    <t>GPS BASTI HAIDRO</t>
  </si>
  <si>
    <t>basti haidro post office khokhar wala tehsil distt layyah</t>
  </si>
  <si>
    <t>basti haidro</t>
  </si>
  <si>
    <t>Sadiq Muhammad</t>
  </si>
  <si>
    <t>GPS BASTI HAJI FATEH MUHAMMAD</t>
  </si>
  <si>
    <t>basti kalar wali u/c rasool pur tehsil sadiq abad distt Rahim yar khan</t>
  </si>
  <si>
    <t>Rahat Rahilla</t>
  </si>
  <si>
    <t>GPS BASTI HAJI M. ESSA</t>
  </si>
  <si>
    <t>Gbps Basti haji Muhammad  Essa</t>
  </si>
  <si>
    <t>Basti Haji Muhammad Essa</t>
  </si>
  <si>
    <t>Majeed Hussain Ammar</t>
  </si>
  <si>
    <t>GPS BASTI HAJI QUTAB DIN</t>
  </si>
  <si>
    <t>Basti.haji qutub din, adda yousaf abad</t>
  </si>
  <si>
    <t>Basti Haji Qutub Din</t>
  </si>
  <si>
    <t>GPS BASTI HAKIM SHAH</t>
  </si>
  <si>
    <t>GPS BASTI HAMID GASOORA</t>
  </si>
  <si>
    <t>Basti Mujawaran</t>
  </si>
  <si>
    <t>Basti Mujawaran Kotla Dolat</t>
  </si>
  <si>
    <t>Muhammad Amer Khan</t>
  </si>
  <si>
    <t>GPS BASTI HAQ NAWAZ</t>
  </si>
  <si>
    <t>First Wah</t>
  </si>
  <si>
    <t>GPS basti haq nawaz</t>
  </si>
  <si>
    <t>Mari Sheikh Shjra</t>
  </si>
  <si>
    <t>Muhammad Moazzam</t>
  </si>
  <si>
    <t>GPS BASTI HASAN DIN JAMAL DIN WALI</t>
  </si>
  <si>
    <t>Chak 14 N0</t>
  </si>
  <si>
    <t>Basti hassan din chak 14 np uc bhutta wahan near jk daries jdw</t>
  </si>
  <si>
    <t>Basti Hassan Din</t>
  </si>
  <si>
    <t>Bhutta Waham</t>
  </si>
  <si>
    <t>GPS BASTI HASNANA</t>
  </si>
  <si>
    <t>Obhaan</t>
  </si>
  <si>
    <t>mohza obhahan p/o box khaki lakhi tehsil shorkot</t>
  </si>
  <si>
    <t>Muhammad Arshad Iqbal</t>
  </si>
  <si>
    <t>GPS BASTI HAZOOR BUX</t>
  </si>
  <si>
    <t>Rakh Kot Mithan Pakka</t>
  </si>
  <si>
    <t>rakh kot mithan pakka</t>
  </si>
  <si>
    <t>GPS BASTI HERAJ</t>
  </si>
  <si>
    <t>HAVALY LAL 03447914786</t>
  </si>
  <si>
    <t>GHAMANDY MOUZA HAVALY LAL TEH&amp;DISTT JHANG</t>
  </si>
  <si>
    <t>GHAMANDY</t>
  </si>
  <si>
    <t>HAVALY LAL</t>
  </si>
  <si>
    <t>Rai Mazhar Iqbal BhattiI</t>
  </si>
  <si>
    <t>GPS BASTI HIDAYAT ALI</t>
  </si>
  <si>
    <t>basti khokran p/o jetha butha tehsil khanpur distt,rahim yar kham</t>
  </si>
  <si>
    <t>Basti Khokran</t>
  </si>
  <si>
    <t>GPS BASTI HOTE</t>
  </si>
  <si>
    <t>basti hote</t>
  </si>
  <si>
    <t>bastihote</t>
  </si>
  <si>
    <t>GPS BASTI HUNKANI</t>
  </si>
  <si>
    <t>Basti Hunkani</t>
  </si>
  <si>
    <t>bastia hunkani I kotla Easan rajan pur</t>
  </si>
  <si>
    <t>GPS BASTI IBRAHIM CHAK 263 WB</t>
  </si>
  <si>
    <t>BASTI IBRAHIM 263/WB TIBBA SULTAN PUR</t>
  </si>
  <si>
    <t>ZAFAR HUSSAIN</t>
  </si>
  <si>
    <t>GPS BASTI INAYAT PUR</t>
  </si>
  <si>
    <t>Basti Munshi Muhammad Nawaz, Mouza Inayat Pur</t>
  </si>
  <si>
    <t>Khalid Mahmood Khan</t>
  </si>
  <si>
    <t>GPS BASTI INYAT KHAN  10/11-L</t>
  </si>
  <si>
    <t>Basti Inayat</t>
  </si>
  <si>
    <t>10/11-l (N) Basti Inayat</t>
  </si>
  <si>
    <t>10/11-l</t>
  </si>
  <si>
    <t>GPS BASTI ISALMBAD P/O MIRAN PUR</t>
  </si>
  <si>
    <t>basti Islam abad moza miran pur Mailsi vehari</t>
  </si>
  <si>
    <t>Basti Islam abad</t>
  </si>
  <si>
    <t>GPS BASTI ISHAQ</t>
  </si>
  <si>
    <t>basti thara manjhani, gianmal, rojhan.</t>
  </si>
  <si>
    <t>Thara Manjhani</t>
  </si>
  <si>
    <t>Ghulam Abbass Saqib</t>
  </si>
  <si>
    <t>GPS BASTI ISLAM</t>
  </si>
  <si>
    <t>Ghuman Maree</t>
  </si>
  <si>
    <t>GPS BASTI ISLAM PUR</t>
  </si>
  <si>
    <t>Mubarik Pur</t>
  </si>
  <si>
    <t>Gps basri Islam pur ,arkaz basti malook, multan saddar</t>
  </si>
  <si>
    <t>Islam pur</t>
  </si>
  <si>
    <t>Khan Maroof Hussain Mirani</t>
  </si>
  <si>
    <t>GPS BASTI ISMAIL</t>
  </si>
  <si>
    <t>Thathi Elchi</t>
  </si>
  <si>
    <t>basti ismail mouza thathi  Elchi</t>
  </si>
  <si>
    <t>Hafiz Muhammad Asim</t>
  </si>
  <si>
    <t>GPS BASTI JADAA</t>
  </si>
  <si>
    <t>basti jada monza rind jada</t>
  </si>
  <si>
    <t>Basti Jada</t>
  </si>
  <si>
    <t>Baqa Muhammad</t>
  </si>
  <si>
    <t>GPS BASTI JAKHAR</t>
  </si>
  <si>
    <t>Choni Shumali</t>
  </si>
  <si>
    <t>basti Jakhar</t>
  </si>
  <si>
    <t>GPS BASTI JAKHER P/O SIKINDARABAD</t>
  </si>
  <si>
    <t>Sikander Abad</t>
  </si>
  <si>
    <t>Government primary School Basti Jakhar Sikanderabad Tehseel Shujabad Multan</t>
  </si>
  <si>
    <t>Nasreen summra</t>
  </si>
  <si>
    <t>GPS BASTI JALAL</t>
  </si>
  <si>
    <t>GPS Basti jalal</t>
  </si>
  <si>
    <t>Alody Wali</t>
  </si>
  <si>
    <t>GPS BASTI JALBANI</t>
  </si>
  <si>
    <t>Gps Basti Jalbani Tehsil Kot Chutta</t>
  </si>
  <si>
    <t>GPS BASTI JALIL P/O BASTI JALIL</t>
  </si>
  <si>
    <t>Jalil</t>
  </si>
  <si>
    <t>basti jalil</t>
  </si>
  <si>
    <t>Basti Jalil</t>
  </si>
  <si>
    <t>Muhammad amir</t>
  </si>
  <si>
    <t>GPS BASTI JAM</t>
  </si>
  <si>
    <t>Basti jam</t>
  </si>
  <si>
    <t>Fida HUSSAIN</t>
  </si>
  <si>
    <t>GPS BASTI JAM WALLO</t>
  </si>
  <si>
    <t>Adam Arin</t>
  </si>
  <si>
    <t>Gps basti jam waloo p /0 sardar garh Teh&amp;distt rahim yar khan</t>
  </si>
  <si>
    <t>Bast Haji Qasir Arin</t>
  </si>
  <si>
    <t>Galoor Masoo Khan</t>
  </si>
  <si>
    <t>GPS BASTI JAMAL DIN P/O ORARA KASUR</t>
  </si>
  <si>
    <t>basti jmal din p/o orara</t>
  </si>
  <si>
    <t>sardar muhammad naveed dogar</t>
  </si>
  <si>
    <t>GPS BASTI JAMALANI</t>
  </si>
  <si>
    <t>Shahar Nando Khan</t>
  </si>
  <si>
    <t>Gps basti jamalani</t>
  </si>
  <si>
    <t>Basti Jamalani</t>
  </si>
  <si>
    <t>Bangla Dheengan</t>
  </si>
  <si>
    <t>GPS BASTI JAMMO DULU</t>
  </si>
  <si>
    <t>Jalli Tarhana 53/5 tukra</t>
  </si>
  <si>
    <t>Jalli Tarhana Basti Jamu Dhulu 53/5 tukra</t>
  </si>
  <si>
    <t>Nouman Sabir</t>
  </si>
  <si>
    <t>GPS BASTI JAN JRANWALI</t>
  </si>
  <si>
    <t>Kot Fateh Muhammad</t>
  </si>
  <si>
    <t>basti janjran wali BWN</t>
  </si>
  <si>
    <t>Janjranwali</t>
  </si>
  <si>
    <t>GPS BASTI JANDOO</t>
  </si>
  <si>
    <t>Po box shahani teh dist. Bhakkar</t>
  </si>
  <si>
    <t>GPS BASTI JANGALA</t>
  </si>
  <si>
    <t>Ø¨Ø³ØªÛŒ Ø¬Ø§Ù†Ú¯Ù„Ø§  Ø¹Ù…Ø± Ú©ÙˆÙ¹</t>
  </si>
  <si>
    <t>Ahmad Hussain</t>
  </si>
  <si>
    <t>GPS BASTI JANI MALIK KACHA LALAN</t>
  </si>
  <si>
    <t>Kotla Gulshair</t>
  </si>
  <si>
    <t>chack kotla gulshair p/o umerkot tehsil rojhan</t>
  </si>
  <si>
    <t>Faheem Hussain</t>
  </si>
  <si>
    <t>GPS BASTI JASKANI</t>
  </si>
  <si>
    <t>Nao Abad</t>
  </si>
  <si>
    <t>p/o murad pur janobi Teh.Ali pur Disstt.Muzaffar Garh</t>
  </si>
  <si>
    <t>GPS BASTI JATT WEST</t>
  </si>
  <si>
    <t>Kotla Ghulam  Murtaza Shah</t>
  </si>
  <si>
    <t>GPS BASTI JAT WEST</t>
  </si>
  <si>
    <t>Basti Bagh Ali</t>
  </si>
  <si>
    <t>GPS BASTI JATTAN</t>
  </si>
  <si>
    <t>Gadan Wala</t>
  </si>
  <si>
    <t>mouza gadan wala uc allahbad dajal road near rkh azmt wala tehisl jampur</t>
  </si>
  <si>
    <t>Busty Jattan Shah Wala</t>
  </si>
  <si>
    <t>Allahbad Gharbe</t>
  </si>
  <si>
    <t>GPS BASTI JATTO</t>
  </si>
  <si>
    <t>Bait Wasawa Khanwala</t>
  </si>
  <si>
    <t>bait Wasawa Khanwala  P/O kot sultan tehsil &amp; distt. layyah.</t>
  </si>
  <si>
    <t>Moza Khan wala</t>
  </si>
  <si>
    <t>GPS BASTI JHADUWAN</t>
  </si>
  <si>
    <t>BASTI JHADUWAN MARKAZ NO.07BAHAWAL NAGAR</t>
  </si>
  <si>
    <t>BASTI JHADUWAN</t>
  </si>
  <si>
    <t>SHEIKH MUHAMMAD SHAFIQUE</t>
  </si>
  <si>
    <t>GPS BASTI JHAK</t>
  </si>
  <si>
    <t>Kacha Bhutah</t>
  </si>
  <si>
    <t>Basti Jhak</t>
  </si>
  <si>
    <t>GPS BASTI JHANDEER</t>
  </si>
  <si>
    <t>Jhandeer Dareja gharbi</t>
  </si>
  <si>
    <t>deewan Wala mauza jhandeer dareeja gharbi uc thatha gurmani</t>
  </si>
  <si>
    <t>Deewan Wala</t>
  </si>
  <si>
    <t>GPS BASTI JHULAN</t>
  </si>
  <si>
    <t>Basti Haji Ghulam Qadir,Maoza Nonari, Ry khan</t>
  </si>
  <si>
    <t>Haji Ghulam Qadir</t>
  </si>
  <si>
    <t>GPS BASTI JISKANI</t>
  </si>
  <si>
    <t>GPS Basti jiskani</t>
  </si>
  <si>
    <t>Basti Jiskani</t>
  </si>
  <si>
    <t>MC Fazil pur</t>
  </si>
  <si>
    <t>GPS BASTI JOIYA</t>
  </si>
  <si>
    <t>Khokhr Isra</t>
  </si>
  <si>
    <t>100 BTDA Besti Joyia  post office Rajan shah</t>
  </si>
  <si>
    <t>Basti Joyia</t>
  </si>
  <si>
    <t>Shujaat Ali</t>
  </si>
  <si>
    <t>GPS BASTI JULLUN</t>
  </si>
  <si>
    <t>Gullan Galkalla</t>
  </si>
  <si>
    <t>Basti tary jhur moza gullan Galkalla Khan pur</t>
  </si>
  <si>
    <t>Tary jhur</t>
  </si>
  <si>
    <t>Jetha Bhuta</t>
  </si>
  <si>
    <t>GPS BASTI JUMMA KHAN</t>
  </si>
  <si>
    <t>moza dabak khar fort munro theseel and district D g khan</t>
  </si>
  <si>
    <t>khar fort munro</t>
  </si>
  <si>
    <t>GPS BASTI JUT</t>
  </si>
  <si>
    <t>BASTI PHALI</t>
  </si>
  <si>
    <t>BASTI REHMAT ALI</t>
  </si>
  <si>
    <t>RAKH KOT MITHAN</t>
  </si>
  <si>
    <t>GPS BASTI KABIR ABAD</t>
  </si>
  <si>
    <t>Basti Kabir Abad p/o Maoza Peer wala. Tehsil Shorkot  district Jhang</t>
  </si>
  <si>
    <t>Basti Kabir Abad</t>
  </si>
  <si>
    <t>GPS BASTI KABIR SANPAL, TULAMBA</t>
  </si>
  <si>
    <t>Pakka Haji Majeed</t>
  </si>
  <si>
    <t>Basti Kabir  Sunpal Moza Pakka Haji Majeed P/O Jarrahi Tehseel Mian Chunnu District Khanewal</t>
  </si>
  <si>
    <t>Basti Kabir Sunpal</t>
  </si>
  <si>
    <t>Muhammad Shaukat</t>
  </si>
  <si>
    <t>GPS BASTI KACHAR</t>
  </si>
  <si>
    <t>p/o basti qazi tehsil karor lal eason district layyah</t>
  </si>
  <si>
    <t>GPS BASTI KAHEERI</t>
  </si>
  <si>
    <t>dibbi shah</t>
  </si>
  <si>
    <t>basti kaheeri u/c dibbi shah tehsile kotaddu</t>
  </si>
  <si>
    <t>muhammad imran asghar</t>
  </si>
  <si>
    <t>GPS BASTI KAHOOR KHAN</t>
  </si>
  <si>
    <t>Basti Kahoor Khan Markaz Aman Garh R Y K</t>
  </si>
  <si>
    <t>Syed Muhammad Azam Shah</t>
  </si>
  <si>
    <t>GPS BASTI KAIL</t>
  </si>
  <si>
    <t>Kotla Nasheb</t>
  </si>
  <si>
    <t>basti kail tehsil and dist bhakkar p/o kotla jam</t>
  </si>
  <si>
    <t>Basti Kail</t>
  </si>
  <si>
    <t>ABID HUSSAIN SHAH</t>
  </si>
  <si>
    <t>GPS BASTI KAKAR PATTI CHANG</t>
  </si>
  <si>
    <t>Patti Chang</t>
  </si>
  <si>
    <t>Basti/Moza Patti Chang p/o joyia Abad thesil Ahmed our East dist. Bahawalpur</t>
  </si>
  <si>
    <t>BASTI KAKAR Moza Patti Chang</t>
  </si>
  <si>
    <t>GPS BASTI KALRIAN</t>
  </si>
  <si>
    <t>Wahi Qadir Dina</t>
  </si>
  <si>
    <t>Basti Kalrian</t>
  </si>
  <si>
    <t>Tibi Izzat</t>
  </si>
  <si>
    <t>Haji Ahmad</t>
  </si>
  <si>
    <t>GPS BASTI KAMAL DIN</t>
  </si>
  <si>
    <t>Najbat</t>
  </si>
  <si>
    <t>Basti Kamal Din PO Usman wala kasur</t>
  </si>
  <si>
    <t>Basti Kamal Din Gujjar</t>
  </si>
  <si>
    <t>Mueen-ud-din</t>
  </si>
  <si>
    <t>GPS BASTI KAMALA</t>
  </si>
  <si>
    <t>Khai Khair Shah</t>
  </si>
  <si>
    <t>basti kamala</t>
  </si>
  <si>
    <t>GPS BASTI KAMIL</t>
  </si>
  <si>
    <t>Gulam Surani</t>
  </si>
  <si>
    <t>govt. primary School Basti Kamil</t>
  </si>
  <si>
    <t>Abdul Hai</t>
  </si>
  <si>
    <t>GPS BASTI KANAIRA P/O THATH GHALWAN</t>
  </si>
  <si>
    <t>That Ghalwan</t>
  </si>
  <si>
    <t>Basti Talai Wala moza thath ghalwan tehsil Shujabad p/o Matotli</t>
  </si>
  <si>
    <t>Muhammad Abubakar</t>
  </si>
  <si>
    <t>GPS BASTI KANAKA</t>
  </si>
  <si>
    <t>Aziz Quhm</t>
  </si>
  <si>
    <t>GPS Kanaka, P/o Mitroo, Tehsil Mailsi, District Vehari</t>
  </si>
  <si>
    <t>Basti Kanaka</t>
  </si>
  <si>
    <t>Muhammad Hussnain Fiaz</t>
  </si>
  <si>
    <t>GPS BASTI KANDH</t>
  </si>
  <si>
    <t>Basti kandh moza nohan wali muzaffar garh</t>
  </si>
  <si>
    <t>Kandh</t>
  </si>
  <si>
    <t>GPS BASTI KANDIARAN WALI</t>
  </si>
  <si>
    <t>MOHALLA KANDIARAN WALA KALLUR KOT BHAKKAR</t>
  </si>
  <si>
    <t>MC  KALLUR KOT</t>
  </si>
  <si>
    <t>GPS BASTI KANJAN PO HASSAN SHAH</t>
  </si>
  <si>
    <t>P/O hassan shah tehsil darya khan bhakkar</t>
  </si>
  <si>
    <t>Basti Kanjan</t>
  </si>
  <si>
    <t>GPS BASTI KANJWAN</t>
  </si>
  <si>
    <t>Hasilpur OLD Tehsil Hasilpur District Bhawalpur</t>
  </si>
  <si>
    <t>Basti Kanjwan Mouza Hasilpur Old Tehsil Hasilpur District Bhawalpur</t>
  </si>
  <si>
    <t>Basti Kanjwan</t>
  </si>
  <si>
    <t>Hasilpur OLD</t>
  </si>
  <si>
    <t>M Akram Ghori</t>
  </si>
  <si>
    <t>GPS BASTI KARAM CHAND</t>
  </si>
  <si>
    <t>Dil Bag Rai</t>
  </si>
  <si>
    <t>Chak Basti Karam Chand Okara</t>
  </si>
  <si>
    <t>Basti Karam Chand</t>
  </si>
  <si>
    <t>18/gd</t>
  </si>
  <si>
    <t>GPS BASTI KARAM HUSSAIN</t>
  </si>
  <si>
    <t>GPS Karam hussain shah majhi sultan jhang</t>
  </si>
  <si>
    <t>Karam Hussain Shah</t>
  </si>
  <si>
    <t>GPS BASTI KARAM KHAN</t>
  </si>
  <si>
    <t>basti karam khan</t>
  </si>
  <si>
    <t>GPS BASTI KARIM BAKHSH</t>
  </si>
  <si>
    <t>Chak Dodarah</t>
  </si>
  <si>
    <t>Basti Karim Bakhsh chak Dodarah p/o choti zareen tensile kot chuttah district D  G  khan</t>
  </si>
  <si>
    <t>Basti Karim Bakhsh</t>
  </si>
  <si>
    <t>Muhammad Mewah</t>
  </si>
  <si>
    <t>GPS BASTI KARIM BAKHSH BHAIT</t>
  </si>
  <si>
    <t>Basti karim  Bux Bhait</t>
  </si>
  <si>
    <t>Basti Karim Bux Bhait</t>
  </si>
  <si>
    <t>GPS BASTI KHAIR MUHAMMAD WALA</t>
  </si>
  <si>
    <t>Chailly Wahin</t>
  </si>
  <si>
    <t>Basti Khair Muhammad Wala kahror Pacca Lodhran</t>
  </si>
  <si>
    <t>Basti Khair Muhammad Wala</t>
  </si>
  <si>
    <t>Chaillay Wahin</t>
  </si>
  <si>
    <t>Muhammad Islam Javid</t>
  </si>
  <si>
    <t>GPS BASTI KHAIR SHAH</t>
  </si>
  <si>
    <t>Laskaniwala</t>
  </si>
  <si>
    <t>Basti Khair shah</t>
  </si>
  <si>
    <t>Basti Khair Shah</t>
  </si>
  <si>
    <t>GPS BASTI KHAJA</t>
  </si>
  <si>
    <t>Darkhwast Jamal S</t>
  </si>
  <si>
    <t>basti khaja khan Chandia p/o darkhast Jamal khan</t>
  </si>
  <si>
    <t>Basti Khwaja</t>
  </si>
  <si>
    <t>GPS BASTI KHALIFA</t>
  </si>
  <si>
    <t>chah Challa wala wala mouza dargahi shah</t>
  </si>
  <si>
    <t>Chah Challa Wala Mouza Dargahi Shah</t>
  </si>
  <si>
    <t>Ghulam Muhammad Khan</t>
  </si>
  <si>
    <t>GPS BASTI KHAN MUHAMMAD</t>
  </si>
  <si>
    <t>GULLANI</t>
  </si>
  <si>
    <t>p/o malikani moza gullani tehsil liaquatpur district rahim yar khan</t>
  </si>
  <si>
    <t>BASTI KHAN MUHAMMAD</t>
  </si>
  <si>
    <t>Muhammad Murad Khan</t>
  </si>
  <si>
    <t>GPS BASTI KHANDOYA</t>
  </si>
  <si>
    <t>basti khandoya maoza khokhar p/of Mahmoodkot teh.kot adu</t>
  </si>
  <si>
    <t>basti khandoya</t>
  </si>
  <si>
    <t>allurid</t>
  </si>
  <si>
    <t>GPS BASTI KHAR</t>
  </si>
  <si>
    <t>basti khar monza bait sohnri</t>
  </si>
  <si>
    <t>Basti Khar</t>
  </si>
  <si>
    <t>GPS BASTI KHARAK</t>
  </si>
  <si>
    <t>basti kharak moza basti kharak</t>
  </si>
  <si>
    <t>Muhammad Zaman Sher</t>
  </si>
  <si>
    <t>GPS BASTI KHARLAN</t>
  </si>
  <si>
    <t>Moza Fareed Abad</t>
  </si>
  <si>
    <t>Basti Jumma Wali</t>
  </si>
  <si>
    <t>GPS BASTI KHARLAN WALI 724 GB</t>
  </si>
  <si>
    <t>Kharlan Wali</t>
  </si>
  <si>
    <t>Basti Kharlan Wali Chak No. 724 GB</t>
  </si>
  <si>
    <t>Chak No. 724</t>
  </si>
  <si>
    <t>Chak No. 724 GB</t>
  </si>
  <si>
    <t>Amir Sultan</t>
  </si>
  <si>
    <t>GPS BASTI KHITRAN 705 GB</t>
  </si>
  <si>
    <t>basti khitran chack no.705 G.B</t>
  </si>
  <si>
    <t>705 G.B</t>
  </si>
  <si>
    <t>chack no.661 G.B</t>
  </si>
  <si>
    <t>Muhammad Shahid Rafique</t>
  </si>
  <si>
    <t>GPS BASTI KHOKAR CHAK NO 425 TDA</t>
  </si>
  <si>
    <t>chack no 425/tda</t>
  </si>
  <si>
    <t>Chack No 425/tda</t>
  </si>
  <si>
    <t>Zulfqar Ali Kashif</t>
  </si>
  <si>
    <t>GPS BASTI KHOKHARAN</t>
  </si>
  <si>
    <t>Ehan Pur</t>
  </si>
  <si>
    <t>GPS  basti khokheran mouza ehsan pur</t>
  </si>
  <si>
    <t>Karam Ellahi</t>
  </si>
  <si>
    <t>GPS BASTI KHUDA BUKHSH</t>
  </si>
  <si>
    <t>Khair Shah Ottarh</t>
  </si>
  <si>
    <t>Basti Khuda Buksh Moza khair shah ottarh P/O Tehsil MND District. BWN</t>
  </si>
  <si>
    <t>Basti Khuda Buksh W</t>
  </si>
  <si>
    <t>GPS BASTI KHULANG</t>
  </si>
  <si>
    <t>KHALUNG Janubi JANUBI</t>
  </si>
  <si>
    <t>basti thaheem wala maoza khalung janubi p/o utra sandila T/D Muzaffar Garh</t>
  </si>
  <si>
    <t>RULAR</t>
  </si>
  <si>
    <t>UTRA SANDILA</t>
  </si>
  <si>
    <t>GPS BASTI KHUSHI MUHAMMAD</t>
  </si>
  <si>
    <t>basti dodha lar khanpur</t>
  </si>
  <si>
    <t>Dodha Lar</t>
  </si>
  <si>
    <t>Fayyaz Haider</t>
  </si>
  <si>
    <t>GPS BASTI KORIA</t>
  </si>
  <si>
    <t>Bait Luda</t>
  </si>
  <si>
    <t>basti koria mouza luda</t>
  </si>
  <si>
    <t>Basti Koria</t>
  </si>
  <si>
    <t>Sharif Chajarha</t>
  </si>
  <si>
    <t>Ubaid Ullah Sadiq</t>
  </si>
  <si>
    <t>GPS BASTI KOTHI MUSA</t>
  </si>
  <si>
    <t>Kothi</t>
  </si>
  <si>
    <t>mouza kothi, B.M.P Post Rakhi Munh, Tehsil Tribal Area, District Dera Ghazi Khan</t>
  </si>
  <si>
    <t>Basti Kothi Musa</t>
  </si>
  <si>
    <t>near by people fetch water</t>
  </si>
  <si>
    <t>GPS BASTI KULYAR</t>
  </si>
  <si>
    <t>Habib Misson</t>
  </si>
  <si>
    <t>basti kulyar mouza habib misson</t>
  </si>
  <si>
    <t>GPS BASTI KUMHARAN 99/T</t>
  </si>
  <si>
    <t>Basti Kumharan ChaK no 99 TDA</t>
  </si>
  <si>
    <t>Chak NO 99 TDA</t>
  </si>
  <si>
    <t>GPS BASTI LAGHARI MOOSA ALLAH ABAD</t>
  </si>
  <si>
    <t>Allah bad</t>
  </si>
  <si>
    <t>basti ahmdani</t>
  </si>
  <si>
    <t>YASIN GHAFFAR</t>
  </si>
  <si>
    <t>GPS BASTI LAKHA NEW</t>
  </si>
  <si>
    <t>Chak Lakha</t>
  </si>
  <si>
    <t>Basti lakha, uc jahanpur, teh &amp; dist. Rajanpur</t>
  </si>
  <si>
    <t>Basti Lakha</t>
  </si>
  <si>
    <t>Inamulhaq</t>
  </si>
  <si>
    <t>GPS BASTI LAKHI</t>
  </si>
  <si>
    <t>basti lakhi moza khaki lakhi tehsil shorkot distt jhang</t>
  </si>
  <si>
    <t>Basti Lakhi</t>
  </si>
  <si>
    <t>GPS BASTI LAL BUX</t>
  </si>
  <si>
    <t>Kotla Allah Yar</t>
  </si>
  <si>
    <t>GP/S Basti Lal Bux teh&amp;dist Rajan pur</t>
  </si>
  <si>
    <t>Syed Imran Hussain Shah</t>
  </si>
  <si>
    <t>GPS BASTI LALI</t>
  </si>
  <si>
    <t>kunal nashaib</t>
  </si>
  <si>
    <t>mouza kunal nashaib chah pathan wala</t>
  </si>
  <si>
    <t>GPS BASTI LANG</t>
  </si>
  <si>
    <t>Basti Lang Mouza Lang Garwan Markaz Dhorkot Tehsil Ahmed Pur East District Bahawalpur</t>
  </si>
  <si>
    <t>GPS BASTI LANGRIAL MULTAN CANTT</t>
  </si>
  <si>
    <t>Basti Langrial Multan Cant</t>
  </si>
  <si>
    <t>Mohammed  Pur Ghota</t>
  </si>
  <si>
    <t>GPS BASTI LAPRAIRAN</t>
  </si>
  <si>
    <t>Basti Laprairan moza pallah tehsil Hasil pur Dist.Bwp.</t>
  </si>
  <si>
    <t>Laprairan</t>
  </si>
  <si>
    <t>Shakeel Amjid</t>
  </si>
  <si>
    <t>GPS BASTI LASHKAR KHAN BAGHLANI</t>
  </si>
  <si>
    <t>Thul Serak</t>
  </si>
  <si>
    <t>Basti lashkar khan baghlani, Thul siraki, Tehsil jampur</t>
  </si>
  <si>
    <t>GPS BASTI LATKAY</t>
  </si>
  <si>
    <t>tibbi Data Khan</t>
  </si>
  <si>
    <t>Mouza Tibbi data Khan</t>
  </si>
  <si>
    <t>Basti Latkay</t>
  </si>
  <si>
    <t>Shabeer Ahmad</t>
  </si>
  <si>
    <t>GPS BASTI LATKI</t>
  </si>
  <si>
    <t>P/S Basti Latki</t>
  </si>
  <si>
    <t>GPS BASTI LIARI LASHARI</t>
  </si>
  <si>
    <t>Kheray Wala</t>
  </si>
  <si>
    <t>Chah Lashari Wala chaobara Layyah</t>
  </si>
  <si>
    <t>Hand pump and DC water pump</t>
  </si>
  <si>
    <t>GPS BASTI LISHARI</t>
  </si>
  <si>
    <t>Basti Lishari P/O Nutkani Teh. Taunsa Disst.D.G.Khan</t>
  </si>
  <si>
    <t>Lishari</t>
  </si>
  <si>
    <t>GPS BASTI LOHARAN RADIAN</t>
  </si>
  <si>
    <t>Warer Thal</t>
  </si>
  <si>
    <t>mouza water that p/o lot sultan layyah</t>
  </si>
  <si>
    <t>Basti Radian</t>
  </si>
  <si>
    <t>RASHID ULLAH</t>
  </si>
  <si>
    <t>GPS BASTI LUNDA</t>
  </si>
  <si>
    <t>Basti Lunda</t>
  </si>
  <si>
    <t>Ahmed Mohana</t>
  </si>
  <si>
    <t>GPS BASTI LUQMAN</t>
  </si>
  <si>
    <t>Idlana Dhuddi</t>
  </si>
  <si>
    <t>basti luqman p/o laleka tehsil minchinabad distt.bahawalnagar</t>
  </si>
  <si>
    <t>GPS BASTI LURKA</t>
  </si>
  <si>
    <t>basti angra bait sohni uc gujrat tehsil lot adu district muzafargarh</t>
  </si>
  <si>
    <t>GPS BASTI M ALI MOZA SHAHPUR</t>
  </si>
  <si>
    <t>mouza shahpur, basti m ali rahim yar khan</t>
  </si>
  <si>
    <t>Nawab Din Freedi</t>
  </si>
  <si>
    <t>GPS BASTI M.NAWAZ WASA</t>
  </si>
  <si>
    <t>Jam Wasa</t>
  </si>
  <si>
    <t>Basti Muhammad Nawaz Wasa  P/O M.Pur Lamma SDK.</t>
  </si>
  <si>
    <t>Basti Muhammad Nawaz Wasa</t>
  </si>
  <si>
    <t>Rana Hafeez Ur Rahman</t>
  </si>
  <si>
    <t>GPS BASTI MAAN BASTI JHANDAY WALA</t>
  </si>
  <si>
    <t>Botaywala</t>
  </si>
  <si>
    <t>Basti Janday wala makhdoom Rashed Multan</t>
  </si>
  <si>
    <t>Janday Wala</t>
  </si>
  <si>
    <t>Mazhar Hussain Sundhu</t>
  </si>
  <si>
    <t>GPS BASTI MACHI</t>
  </si>
  <si>
    <t>Shaikh Umer</t>
  </si>
  <si>
    <t>GPS BASTI MAHAJAREEN</t>
  </si>
  <si>
    <t>basti mahajreen p\o dunga bunga</t>
  </si>
  <si>
    <t>Basti Mahajareen</t>
  </si>
  <si>
    <t>GPS BASTI MAHAR</t>
  </si>
  <si>
    <t>Bate Zani</t>
  </si>
  <si>
    <t>peer Wala p/o qasba Gujrat tensil kotaddu dist. Muzaffarnagar grah</t>
  </si>
  <si>
    <t>GPS BASTI MAHARAN</t>
  </si>
  <si>
    <t>damar wala janoobi 1</t>
  </si>
  <si>
    <t>basti maharan damar wala janobi tehsil alipur</t>
  </si>
  <si>
    <t>basti maharan</t>
  </si>
  <si>
    <t>damar wala janobi</t>
  </si>
  <si>
    <t>GPS BASTI MAHREN</t>
  </si>
  <si>
    <t>Nwan shahar</t>
  </si>
  <si>
    <t>Basti NazarBurara nwan shahar</t>
  </si>
  <si>
    <t>Basti NazarBurara</t>
  </si>
  <si>
    <t>Noushehra grabi</t>
  </si>
  <si>
    <t>GPS BASTI MAI ROSHAN</t>
  </si>
  <si>
    <t>Mai Roshan</t>
  </si>
  <si>
    <t>VPO Basti Mai Roshan Tehsil Kallur Kot District Bhakkar</t>
  </si>
  <si>
    <t>Basti Mai Roshan</t>
  </si>
  <si>
    <t>AbdulHakeem</t>
  </si>
  <si>
    <t>GPS BASTI MAIN SAHIB</t>
  </si>
  <si>
    <t>Basti Mian Sahib</t>
  </si>
  <si>
    <t>Basti Main Sahib</t>
  </si>
  <si>
    <t>Mohammad Younas</t>
  </si>
  <si>
    <t>GPS BASTI MAKWAL</t>
  </si>
  <si>
    <t>Chak Mutt No 1</t>
  </si>
  <si>
    <t>basti jhullan</t>
  </si>
  <si>
    <t>Chak Mutt</t>
  </si>
  <si>
    <t>GPS BASTI MALAH</t>
  </si>
  <si>
    <t>Bela Jhabana</t>
  </si>
  <si>
    <t>GPS Basti Malah Mouza Bela Jhabana Markz  jhang city</t>
  </si>
  <si>
    <t>Basti Malah</t>
  </si>
  <si>
    <t>Pakky Wala</t>
  </si>
  <si>
    <t>GPS BASTI MALANA</t>
  </si>
  <si>
    <t>Dhago</t>
  </si>
  <si>
    <t>GPS Basti malana Basti Manzoor shah near kot mithan road saleem waqas burkas p/o kotla naseer T/D rajanpur</t>
  </si>
  <si>
    <t>BASTI MANZOR SHAH</t>
  </si>
  <si>
    <t>GPS BASTI MALIK RAMZAN</t>
  </si>
  <si>
    <t>Lundisaidan</t>
  </si>
  <si>
    <t>Basti Malik Ramzan</t>
  </si>
  <si>
    <t>GPS BASTI MALKAN</t>
  </si>
  <si>
    <t>basti Malkan Rahim yar Khan</t>
  </si>
  <si>
    <t>Muhammad Shareef</t>
  </si>
  <si>
    <t>GPS BASTI MALKANI P/O GHAZI PUR</t>
  </si>
  <si>
    <t>bastimalkani p/o ghazi pur tehsil jalalpur pirwala</t>
  </si>
  <si>
    <t>Bastimalkani</t>
  </si>
  <si>
    <t>GPS BASTI MAN  P/O BUDHLA SANT</t>
  </si>
  <si>
    <t>GPS BASTI MANJHANI</t>
  </si>
  <si>
    <t>Basti Hanbhi</t>
  </si>
  <si>
    <t>Allahwasaya Azhar</t>
  </si>
  <si>
    <t>GPS BASTI MANJHI</t>
  </si>
  <si>
    <t>phatay Wala nawankot</t>
  </si>
  <si>
    <t>Phatay Wala</t>
  </si>
  <si>
    <t>Muhammad maqsood</t>
  </si>
  <si>
    <t>GPS BASTI MARASI</t>
  </si>
  <si>
    <t>Samina Sherqi</t>
  </si>
  <si>
    <t>Qasba  Samina  Sadaat</t>
  </si>
  <si>
    <t>Samina  Sadaat</t>
  </si>
  <si>
    <t>Syed  Muhammad  Naseem  Raza</t>
  </si>
  <si>
    <t>GPS BASTI MARHA</t>
  </si>
  <si>
    <t>Basti Marha post office Nutkani</t>
  </si>
  <si>
    <t>Basti Marha</t>
  </si>
  <si>
    <t>GPS BASTI MARRAH</t>
  </si>
  <si>
    <t>Murrah</t>
  </si>
  <si>
    <t>Basti Murrah P/O Nutkani tehsil taunsa distt dg khan</t>
  </si>
  <si>
    <t>Basti Murrah</t>
  </si>
  <si>
    <t>Jalo Wali</t>
  </si>
  <si>
    <t>GPS BASTI MARRAL</t>
  </si>
  <si>
    <t>Basti Marral p/o nutkani</t>
  </si>
  <si>
    <t>GPS BASTI MATILA</t>
  </si>
  <si>
    <t>p/o kala DG khan</t>
  </si>
  <si>
    <t>Basti Jamal e wala</t>
  </si>
  <si>
    <t>Hafiz Abdul Rasheed</t>
  </si>
  <si>
    <t>GPS BASTI MAULVIAN</t>
  </si>
  <si>
    <t>Basti Molvian khirpur tame wali district Bahawalpur</t>
  </si>
  <si>
    <t>Basti MOLVIAN</t>
  </si>
  <si>
    <t>Kotla Kaim Khan</t>
  </si>
  <si>
    <t>Humera JAMIL</t>
  </si>
  <si>
    <t>GPS BASTI MEERAY</t>
  </si>
  <si>
    <t>Basti Meeray Kanganpur Tehsil Chunian District kasur</t>
  </si>
  <si>
    <t>Mc Kanganpur</t>
  </si>
  <si>
    <t>M Nasim Babar Sandhu</t>
  </si>
  <si>
    <t>GPS BASTI MEHAR</t>
  </si>
  <si>
    <t>Mehru Balouch</t>
  </si>
  <si>
    <t>Basti Mahar Mehru Balouch Luddan Vehari</t>
  </si>
  <si>
    <t>M Jafar</t>
  </si>
  <si>
    <t>GPS BASTI MEHMOOD</t>
  </si>
  <si>
    <t>mauza seet put</t>
  </si>
  <si>
    <t>Faiz Ullah</t>
  </si>
  <si>
    <t>GPS BASTI MEHRAB</t>
  </si>
  <si>
    <t>Sardar Gharh</t>
  </si>
  <si>
    <t>basti jam mehrab Sardar garh tehsil and district rahim yar khan</t>
  </si>
  <si>
    <t>Basti Mehrab</t>
  </si>
  <si>
    <t>Sardar Ghar</t>
  </si>
  <si>
    <t>sajid hussain</t>
  </si>
  <si>
    <t>GPS BASTI MEHRI</t>
  </si>
  <si>
    <t>gps basti marhi</t>
  </si>
  <si>
    <t>marhi</t>
  </si>
  <si>
    <t>GPS BASTI MEHTRAN</t>
  </si>
  <si>
    <t>basti mehtran near rind adda dg khan</t>
  </si>
  <si>
    <t>Basti Mahtran</t>
  </si>
  <si>
    <t>Muhammad Muavya</t>
  </si>
  <si>
    <t>GPS BASTI METHALE WALI</t>
  </si>
  <si>
    <t>Basti Mathelay wali</t>
  </si>
  <si>
    <t>Basti Mathelay Wali</t>
  </si>
  <si>
    <t>Nehal Mehar</t>
  </si>
  <si>
    <t>MOHSIN ALI RAZA</t>
  </si>
  <si>
    <t>GPS BASTI METLA P.O KHAN BELLA</t>
  </si>
  <si>
    <t>Basti Metla p/o Khan Bela thsil Liaquat Pur</t>
  </si>
  <si>
    <t>Basti Metla</t>
  </si>
  <si>
    <t>Muhammad Asif Manzoor</t>
  </si>
  <si>
    <t>GPS BASTI MISHORI WEST</t>
  </si>
  <si>
    <t>BASIT BADA KHAN MOZA RAKH KOT MIHAN</t>
  </si>
  <si>
    <t>BASIT BADA KHAN</t>
  </si>
  <si>
    <t>GPS BASTI MOCHI PACHAR</t>
  </si>
  <si>
    <t>Damar Wala shumali</t>
  </si>
  <si>
    <t>basti mochi pachar</t>
  </si>
  <si>
    <t>Basti Mochi Pachar</t>
  </si>
  <si>
    <t>Damar wala shumali</t>
  </si>
  <si>
    <t>Rashid Ahmed Chohan</t>
  </si>
  <si>
    <t>GPS BASTI MOHAMMAD WALA</t>
  </si>
  <si>
    <t>Basti Mohammad Wala Moza Hassu Balail</t>
  </si>
  <si>
    <t>Mohammad Wala</t>
  </si>
  <si>
    <t>M Asif Raza Shah</t>
  </si>
  <si>
    <t>GPS BASTI MOLVI AZEEM</t>
  </si>
  <si>
    <t>Basti Molvi Azeem P/O Chak Number 10/F.W Tehsil Chishtian District Bahawal Nagar</t>
  </si>
  <si>
    <t>Molvi Azeem</t>
  </si>
  <si>
    <t>Shoali Gharbi</t>
  </si>
  <si>
    <t>Muhammad Tasneem Shahzad</t>
  </si>
  <si>
    <t>GPS BASTI MOSANI</t>
  </si>
  <si>
    <t>moza kotla mahi tehsil khanpur</t>
  </si>
  <si>
    <t>Basti Mosani</t>
  </si>
  <si>
    <t>Muhammad Akhtar Tahir</t>
  </si>
  <si>
    <t>GPS BASTI MOULVI</t>
  </si>
  <si>
    <t>Wadanor</t>
  </si>
  <si>
    <t>Basti kalar wali moza wadanor khair pur daha</t>
  </si>
  <si>
    <t>Basti Kalar Walai</t>
  </si>
  <si>
    <t>M Farooq Amjad Farooqi</t>
  </si>
  <si>
    <t>GPS BASTI MUD</t>
  </si>
  <si>
    <t>Govt primary school basti mud.(tibbi waddan)</t>
  </si>
  <si>
    <t>GPS BASTI MUD GANGO</t>
  </si>
  <si>
    <t>Mud Gango Hussain Abad</t>
  </si>
  <si>
    <t>Humera Abbasi</t>
  </si>
  <si>
    <t>GPS BASTI MUHAMMAD AFZAL</t>
  </si>
  <si>
    <t>farid abad mauza islampur</t>
  </si>
  <si>
    <t>GPS BASTI MUHAMMAD KHAN</t>
  </si>
  <si>
    <t>GPS Basti Muhammad khan</t>
  </si>
  <si>
    <t>Basti Baggar</t>
  </si>
  <si>
    <t>Hamid Iqbal</t>
  </si>
  <si>
    <t>GPS BASTI MUHAMMAD MIRALI</t>
  </si>
  <si>
    <t>basti muhammad mirali</t>
  </si>
  <si>
    <t>GPS BASTI MUHAMMAD MURAD BHATAR</t>
  </si>
  <si>
    <t>Sidhuwali</t>
  </si>
  <si>
    <t>Gps Basti Muhammad Murad Bhattar Mouza sidhuwale Markaz Gul Muhammad Langah  p / o tranda Muhammad panah tehsil liaquat pur disstrict rahim yar khan</t>
  </si>
  <si>
    <t>Basti Jam Allah Bachaya Bhattar</t>
  </si>
  <si>
    <t>Muhammad Imran Khan son Of Muhammad Yaseen</t>
  </si>
  <si>
    <t>GPS BASTI MUHAMMAD NAWAZ</t>
  </si>
  <si>
    <t>Basti master Ghulam Hussain, moza towng, uc bait sountra, tehsil and district Rajanpur</t>
  </si>
  <si>
    <t>Basti Master Ghulam Hussain</t>
  </si>
  <si>
    <t>Syed Junaid Abbas</t>
  </si>
  <si>
    <t>GPS BASTI MUHAMMAD WAH</t>
  </si>
  <si>
    <t>mahand sharif tehsil ahmad pur dist bwp</t>
  </si>
  <si>
    <t>Mohammad Wah</t>
  </si>
  <si>
    <t>Tauseef Abbas</t>
  </si>
  <si>
    <t>GPS BASTI MUMBAR, MOUZA CHARAGH BELA, NAWAN SHEHR</t>
  </si>
  <si>
    <t>Charagh Bella</t>
  </si>
  <si>
    <t>post office sardar pur village Basti Mumbar mouza charagh  Bella tehsil kabirwala district khanewal</t>
  </si>
  <si>
    <t>Basti Mumbar</t>
  </si>
  <si>
    <t>Muhammad Hayat Yousaf</t>
  </si>
  <si>
    <t>GPS BASTI MUNDHERA</t>
  </si>
  <si>
    <t>Mahrah Gharbi</t>
  </si>
  <si>
    <t>basti mundhaira p\0 mahra khass tehsil and district muzaffar garh.</t>
  </si>
  <si>
    <t>Basti Mundhaira</t>
  </si>
  <si>
    <t>GPS BASTI NAKYNA WALI</t>
  </si>
  <si>
    <t>moza barajh sargana p/o sarai sidhu tehsil kabirwala district khanewal</t>
  </si>
  <si>
    <t>Basti Nakyana Wali</t>
  </si>
  <si>
    <t>Ata ul Mohsin</t>
  </si>
  <si>
    <t>GPS BASTI NAMBERDAR</t>
  </si>
  <si>
    <t>kchi lal</t>
  </si>
  <si>
    <t>Maoza kchi Lal basti  phulaili p/o seet pur</t>
  </si>
  <si>
    <t>kachi lal</t>
  </si>
  <si>
    <t>latti</t>
  </si>
  <si>
    <t>Syed Mujtaba Mehdi</t>
  </si>
  <si>
    <t>GPS BASTI NAMRI</t>
  </si>
  <si>
    <t>146p</t>
  </si>
  <si>
    <t>Gps Basti nimbri</t>
  </si>
  <si>
    <t>M Bukhash Tahir</t>
  </si>
  <si>
    <t>GPS BASTI NASEER</t>
  </si>
  <si>
    <t>Bari Dalail</t>
  </si>
  <si>
    <t>chah bangul wala mouza bari dalail</t>
  </si>
  <si>
    <t>Bangul Wala</t>
  </si>
  <si>
    <t>GPS BASTI NASEER GHARBI</t>
  </si>
  <si>
    <t>basti naseer gharbi</t>
  </si>
  <si>
    <t>GPS BASTI NASEER SHARQI</t>
  </si>
  <si>
    <t>basti naseer</t>
  </si>
  <si>
    <t>GPS BASTI NAWAN</t>
  </si>
  <si>
    <t>Shetab Garh</t>
  </si>
  <si>
    <t>Basti Nawan tehsil Mailsi distt.vehari</t>
  </si>
  <si>
    <t>Muhammad Zafar Ghias</t>
  </si>
  <si>
    <t>GPS BASTI NAWAZ SHAH</t>
  </si>
  <si>
    <t>Noroarain</t>
  </si>
  <si>
    <t>gps basti nawaz shah bwp sadar</t>
  </si>
  <si>
    <t>BASTI NAWAZ SHAH</t>
  </si>
  <si>
    <t>GPS BASTI NAZAR SOUNTRA</t>
  </si>
  <si>
    <t>basti dhamal thull mahtam</t>
  </si>
  <si>
    <t>Thull Mahtam</t>
  </si>
  <si>
    <t>GPS BASTI NOHANI</t>
  </si>
  <si>
    <t>Basti Nohani Shorkot Shumali</t>
  </si>
  <si>
    <t>Basti Nohani</t>
  </si>
  <si>
    <t>Shorkot South</t>
  </si>
  <si>
    <t>GPS BASTI NOON</t>
  </si>
  <si>
    <t>basti noon moza chan wala p/ o qasba gujrat tahsil kot addu</t>
  </si>
  <si>
    <t>Moza Chan Wala</t>
  </si>
  <si>
    <t>GPS BASTI NOONAN</t>
  </si>
  <si>
    <t>Goth Gahna</t>
  </si>
  <si>
    <t>basti naley wali maouza goth gahna</t>
  </si>
  <si>
    <t>Basti Naly Wali</t>
  </si>
  <si>
    <t>Gulraiz Hassan khan</t>
  </si>
  <si>
    <t>GPS BASTI NOOR (TRIBAL AREA)</t>
  </si>
  <si>
    <t>Gud</t>
  </si>
  <si>
    <t>gud  market Karh fortminro</t>
  </si>
  <si>
    <t>Kahr</t>
  </si>
  <si>
    <t>attached  with a pvt  home</t>
  </si>
  <si>
    <t>GPS BASTI NOOR AHMED NAICH</t>
  </si>
  <si>
    <t>basti noor ahmed naich.post office Jan pur.teh.liaquat pur.distt.rahim yar  khan</t>
  </si>
  <si>
    <t>Basti Noor Ahmed</t>
  </si>
  <si>
    <t>GPS BASTI NOOR DIN</t>
  </si>
  <si>
    <t>Basti NOOR Din abad pur</t>
  </si>
  <si>
    <t>Basti NOOR Din</t>
  </si>
  <si>
    <t>GPS BASTI NOOR JHANG</t>
  </si>
  <si>
    <t>basti Noor Jhang</t>
  </si>
  <si>
    <t>Basti Noor Jhang</t>
  </si>
  <si>
    <t>Rubina Anwar</t>
  </si>
  <si>
    <t>GPS BASTI NOOR MUHAMMAD BOHAR</t>
  </si>
  <si>
    <t>Rakh Reakh</t>
  </si>
  <si>
    <t>Basti Bohar Mouza Rakh Reakh Fazilpur Tehsil Distt. Rajanpur</t>
  </si>
  <si>
    <t>Pir Bakhsh  East</t>
  </si>
  <si>
    <t>GPS BASTI NOOR PUR</t>
  </si>
  <si>
    <t>malkani kalan</t>
  </si>
  <si>
    <t>chaha joiy wala mauza malkani kalan p/o jhoke uttra ,teh kot chutta dist.dera ghazi khan</t>
  </si>
  <si>
    <t>joiy wala</t>
  </si>
  <si>
    <t>hazara</t>
  </si>
  <si>
    <t>Faheem Shahzad</t>
  </si>
  <si>
    <t>GPS BASTI NORANG</t>
  </si>
  <si>
    <t>basti norang p/o yousaf shah bhakkar</t>
  </si>
  <si>
    <t>Basti Norang</t>
  </si>
  <si>
    <t>GPS BASTI PAHORAN</t>
  </si>
  <si>
    <t>moza uttera us no 11  jalalabad</t>
  </si>
  <si>
    <t>Basti Pahoran</t>
  </si>
  <si>
    <t>Mohammad Siddique</t>
  </si>
  <si>
    <t>GPS BASTI PANOOHAN</t>
  </si>
  <si>
    <t>Kotla gamoon</t>
  </si>
  <si>
    <t>basti dakhna  muza &amp;p/o Kotla gamoon jatoi muzaffargarh</t>
  </si>
  <si>
    <t>Basti dakhna</t>
  </si>
  <si>
    <t>Malik Kaleem Ullah</t>
  </si>
  <si>
    <t>GPS BASTI PANWAR</t>
  </si>
  <si>
    <t>Peer Jaggi Sharqi</t>
  </si>
  <si>
    <t>Chah Aqil Wala Peer Jaggi Sharqi</t>
  </si>
  <si>
    <t>Chah Aqil Wala</t>
  </si>
  <si>
    <t>GPS BASTI PANWARAN</t>
  </si>
  <si>
    <t>moza mari wala basti panwaran po chani goth tehsil ahmed pur east district bahawalpur</t>
  </si>
  <si>
    <t>GPS BASTI PATAFI</t>
  </si>
  <si>
    <t>GBPS basti petafi chowk bahadar pur Sadiqabad</t>
  </si>
  <si>
    <t>Basti Petafi</t>
  </si>
  <si>
    <t>Syed Mansoor Ul Hassan</t>
  </si>
  <si>
    <t>GPS BASTI PATHAN</t>
  </si>
  <si>
    <t>Dogarklassra</t>
  </si>
  <si>
    <t>chah Ghulam Muhammad moza dogarklassra p/o sinawan</t>
  </si>
  <si>
    <t>Muhammad  Yousuf</t>
  </si>
  <si>
    <t>GPS BASTI PEER</t>
  </si>
  <si>
    <t>basti peer, p/o karim wala, teh. taunsa, dist. d. g. khan.</t>
  </si>
  <si>
    <t>Ghazanfar Abbas Shah</t>
  </si>
  <si>
    <t>GPS BASTI PHALLI</t>
  </si>
  <si>
    <t>Basti Phalli</t>
  </si>
  <si>
    <t>Basti Phalli P/O Kot Mithan</t>
  </si>
  <si>
    <t>Waqar Saleem</t>
  </si>
  <si>
    <t>GPS BASTI PHULLAN</t>
  </si>
  <si>
    <t>Basti phullan teh.and distt.Bahawalpur</t>
  </si>
  <si>
    <t>GPS BASTI PIR BAKHSH HAJANA &amp; ANWAR BATWANI</t>
  </si>
  <si>
    <t>Basti pir Bux Hajana</t>
  </si>
  <si>
    <t>Pir Bux Hajana</t>
  </si>
  <si>
    <t>Mudassar Yaqoob</t>
  </si>
  <si>
    <t>GPS BASTI PIRHARAN</t>
  </si>
  <si>
    <t>Shah Muhammad Marral</t>
  </si>
  <si>
    <t>basti pirharan khan pur</t>
  </si>
  <si>
    <t>Basti Pirharan</t>
  </si>
  <si>
    <t>GPS BASTI POLI</t>
  </si>
  <si>
    <t>Kalan Pur</t>
  </si>
  <si>
    <t>GPS basti poli</t>
  </si>
  <si>
    <t>Basti Poli</t>
  </si>
  <si>
    <t>GPS BASTI PUNJABI</t>
  </si>
  <si>
    <t>Rakh Mithankot</t>
  </si>
  <si>
    <t>Government Primary School Basti Punjabi</t>
  </si>
  <si>
    <t>Basti Allah Bakhsh Gorchani</t>
  </si>
  <si>
    <t>Sajid Fareed</t>
  </si>
  <si>
    <t>GPS BASTI PUNNAN</t>
  </si>
  <si>
    <t>Basti Punran Via Khanpur Nauranga,Bahawalpur</t>
  </si>
  <si>
    <t>Basti Punran</t>
  </si>
  <si>
    <t>GPS BASTI PUNRAN</t>
  </si>
  <si>
    <t>Imamoon Arain</t>
  </si>
  <si>
    <t>Basti Punran, Moza imamoon araein, Tehsil Ahmadpur East</t>
  </si>
  <si>
    <t>GPS BASTI PYARE KHAN PITAFI</t>
  </si>
  <si>
    <t>Basti Pyaray Khan Pitafi Moza Rasool Pur UC Rasool Pur Tehsil Sadiqabad district Rahim Yar Khan</t>
  </si>
  <si>
    <t>Basti Pyaray Khan Pitafi</t>
  </si>
  <si>
    <t>Muhammad Arif Iqbal Khan</t>
  </si>
  <si>
    <t>GPS BASTI QABOOL KHAN BABRA</t>
  </si>
  <si>
    <t>basti qabool babrha near liaqta abad 2R</t>
  </si>
  <si>
    <t>Qabool Babrha Moza Haji Pur</t>
  </si>
  <si>
    <t>Muhammad Imran Aziz</t>
  </si>
  <si>
    <t>GPS BASTI QADIR ABAD</t>
  </si>
  <si>
    <t>Basti Qadirabad</t>
  </si>
  <si>
    <t>GPS Basti Qadirabad, Near Qabrastan Eiday Shah, Kasur.</t>
  </si>
  <si>
    <t>GPS BASTI QADOO KHAN</t>
  </si>
  <si>
    <t>KOTLA HUSSAIN DOAM</t>
  </si>
  <si>
    <t>Basti Talihi Wala Kotla Hussain II</t>
  </si>
  <si>
    <t>Talihi Wala</t>
  </si>
  <si>
    <t>GPS BASTI QASAB MUD PHATTI</t>
  </si>
  <si>
    <t>Raqba noushehra</t>
  </si>
  <si>
    <t>basti Hussain Bux Jiskani</t>
  </si>
  <si>
    <t>Hussain Bux Jiskani</t>
  </si>
  <si>
    <t>Naveed Shahid</t>
  </si>
  <si>
    <t>GPS BASTI QASAI</t>
  </si>
  <si>
    <t>GPS, Basti Qasai</t>
  </si>
  <si>
    <t>basti bhatti</t>
  </si>
  <si>
    <t>GPS BASTI QASAIAN WALI</t>
  </si>
  <si>
    <t>Basti Qasaian Wali chah kamal Daggar Rehtas Bhakkar</t>
  </si>
  <si>
    <t>Basti Qasaian Wali</t>
  </si>
  <si>
    <t>GPS BASTI QAYYUM ABAD</t>
  </si>
  <si>
    <t>basti qayyum abad ,moza talhar hasilpur</t>
  </si>
  <si>
    <t>Qayyum Abad</t>
  </si>
  <si>
    <t>Imran Mehmood</t>
  </si>
  <si>
    <t>GPS BASTI QAZI</t>
  </si>
  <si>
    <t>BAIT WASAWA SHUMALI</t>
  </si>
  <si>
    <t>MOZA BAIT WASAWA SHUMALI</t>
  </si>
  <si>
    <t>Ghulam Shabbir  Khan</t>
  </si>
  <si>
    <t>GPS BASTI QUMAHRAN</t>
  </si>
  <si>
    <t>Chan nawa moza Hussain a bad lodhran</t>
  </si>
  <si>
    <t>Chah Nawa</t>
  </si>
  <si>
    <t>Dear Jand</t>
  </si>
  <si>
    <t>MUHAMMAD SHAHZAD</t>
  </si>
  <si>
    <t>GPS BASTI QURASHIAN</t>
  </si>
  <si>
    <t>abbas nagar Allah jiwaya lar p/o khan bela lqp ryk</t>
  </si>
  <si>
    <t>QADIR BAKHSH</t>
  </si>
  <si>
    <t>GPS BASTI QURESHI</t>
  </si>
  <si>
    <t>Peerowali</t>
  </si>
  <si>
    <t>basti qureshi mouza peerowali uc bandyshah</t>
  </si>
  <si>
    <t>GPS BASTI RAB NAWAZ</t>
  </si>
  <si>
    <t>basti Rabnawaz</t>
  </si>
  <si>
    <t>GPS BASTI RAFIQ CH. PO CHAK NO 24</t>
  </si>
  <si>
    <t>Kot Mahtab</t>
  </si>
  <si>
    <t>Basti Rafiq Ch. PO Chak 24</t>
  </si>
  <si>
    <t>Basti Rafiq Ch</t>
  </si>
  <si>
    <t>Muhammad Ashraf Rana</t>
  </si>
  <si>
    <t>GPS BASTI RAHIM BUKHSH RENALA KHURD</t>
  </si>
  <si>
    <t>Basti Rahim Bakhsh</t>
  </si>
  <si>
    <t>GPS basti rahim bakhsh</t>
  </si>
  <si>
    <t>Adulrazaq Hashmi</t>
  </si>
  <si>
    <t>GPS BASTI RAHIM DAD</t>
  </si>
  <si>
    <t>Garakna Waziri</t>
  </si>
  <si>
    <t>Basti RahimDad Harrand tehsil jampur district rajanpur</t>
  </si>
  <si>
    <t>Rahimdad</t>
  </si>
  <si>
    <t>Kaleem Ullah</t>
  </si>
  <si>
    <t>GPS BASTI RAHIM KORAI</t>
  </si>
  <si>
    <t>rahim korai thul hassan</t>
  </si>
  <si>
    <t>Rahim Korai</t>
  </si>
  <si>
    <t>GPS BASTI RAHIM-UD-DIN</t>
  </si>
  <si>
    <t>sad park basti ghose sabri khudian khas</t>
  </si>
  <si>
    <t>Hafiz Tariq Ali</t>
  </si>
  <si>
    <t>GPS BASTI RAI KHURD</t>
  </si>
  <si>
    <t>Rai Khurd</t>
  </si>
  <si>
    <t>Jhuggi Rai Khurd P/O Mustafa Abad Tehsil &amp; District Kasur</t>
  </si>
  <si>
    <t>Jhuggi Rai Khurd</t>
  </si>
  <si>
    <t>Ajaz Ahmad Jan</t>
  </si>
  <si>
    <t>GPS BASTI RAIS</t>
  </si>
  <si>
    <t>Basti Rais</t>
  </si>
  <si>
    <t>AbouTurab Muhammad Aslam</t>
  </si>
  <si>
    <t>GPS BASTI RAJPUTAN</t>
  </si>
  <si>
    <t>Basti Rajputan Ahloo Road Kahna Nau Lahore</t>
  </si>
  <si>
    <t>Basti Rajputan</t>
  </si>
  <si>
    <t>GPS BASTI RAJRAN</t>
  </si>
  <si>
    <t>Mundo Wala</t>
  </si>
  <si>
    <t>Basti Rajran moza mondu Wala tehsil Minchan Abad district Bahawal nagar</t>
  </si>
  <si>
    <t>Basti Rajran</t>
  </si>
  <si>
    <t>Muhammad Waryam</t>
  </si>
  <si>
    <t>GPS BASTI RAKHIYA</t>
  </si>
  <si>
    <t>Muza Ghazi Abad District Rajanpur</t>
  </si>
  <si>
    <t>GPS BASTI RASHID KHAN</t>
  </si>
  <si>
    <t>Sadi sultan</t>
  </si>
  <si>
    <t>Basti Rasheed khan</t>
  </si>
  <si>
    <t>Basti Rasheed Khan</t>
  </si>
  <si>
    <t>GPS BASTI RASOOL BUX</t>
  </si>
  <si>
    <t>Basti Akbar abad P/O Bhutta Wahan Mouza Rasool Pur Teh: Sadiq Abad Distt:RYK</t>
  </si>
  <si>
    <t>Abdul Hameed Solangi</t>
  </si>
  <si>
    <t>GPS BASTI RATTA</t>
  </si>
  <si>
    <t>GPS Basti Ratta</t>
  </si>
  <si>
    <t>GPS BASTI RIDDAN BAHAWALPUR</t>
  </si>
  <si>
    <t>Basti riddan</t>
  </si>
  <si>
    <t>saif ul haq</t>
  </si>
  <si>
    <t>GPS BASTI RUG</t>
  </si>
  <si>
    <t>GPS basti rug</t>
  </si>
  <si>
    <t>GPS BASTI RUSTOMANI GHARBI</t>
  </si>
  <si>
    <t>bela</t>
  </si>
  <si>
    <t>rustumani gharbi moza bela dera ghazi khan</t>
  </si>
  <si>
    <t>rustumani gharbi</t>
  </si>
  <si>
    <t>GPS BASTI SADAN SAIN</t>
  </si>
  <si>
    <t>Basti Sadan Saeen</t>
  </si>
  <si>
    <t>village Basti sadan saeen tehsil depalpur</t>
  </si>
  <si>
    <t>Shamdeen</t>
  </si>
  <si>
    <t>Imran Dastgeer</t>
  </si>
  <si>
    <t>GPS BASTI SADIQ</t>
  </si>
  <si>
    <t>Sadiq Dahar</t>
  </si>
  <si>
    <t>NOORPUR MACHHI</t>
  </si>
  <si>
    <t>Muhammad Khan Bhatti</t>
  </si>
  <si>
    <t>GPS BASTI SADIQ PUR WAROOD</t>
  </si>
  <si>
    <t>Chutta Bukh</t>
  </si>
  <si>
    <t>Mousa Bhotta</t>
  </si>
  <si>
    <t>GPS BASTI SAID KHAN</t>
  </si>
  <si>
    <t>Garkana Waziri</t>
  </si>
  <si>
    <t>basti fateh Muhammad pitafi p/o harrand</t>
  </si>
  <si>
    <t>Basti Fateh Muhammad</t>
  </si>
  <si>
    <t>GPS BASTI SAIDAN</t>
  </si>
  <si>
    <t>Basti saidan,ladha langar</t>
  </si>
  <si>
    <t>Zahid Shabbir</t>
  </si>
  <si>
    <t>GPS BASTI SALMAN</t>
  </si>
  <si>
    <t>Tehsil rojhan district rajanpur uc banglahidayat post office umerkot</t>
  </si>
  <si>
    <t>Banglahidayat</t>
  </si>
  <si>
    <t>GPS BASTI SAMAJAY WALA</t>
  </si>
  <si>
    <t>Darin</t>
  </si>
  <si>
    <t>Post office dani tehsil and district Muzaffargarh</t>
  </si>
  <si>
    <t>AliMuhammad</t>
  </si>
  <si>
    <t>GPS BASTI SAMNAY KHAN</t>
  </si>
  <si>
    <t>Basti samanay khan markaz kandani teh liaquat pur dist ryk</t>
  </si>
  <si>
    <t>Basti Samanany Khan</t>
  </si>
  <si>
    <t>Ghulam fareed</t>
  </si>
  <si>
    <t>GPS BASTI SAMUNDRI</t>
  </si>
  <si>
    <t>Khuawar</t>
  </si>
  <si>
    <t>Maoza khuhawar Basti samundri p/o Mehmood kot</t>
  </si>
  <si>
    <t>Basti Samundri</t>
  </si>
  <si>
    <t>GPS BASTI SANGA</t>
  </si>
  <si>
    <t>Basti Sanga</t>
  </si>
  <si>
    <t>mouza basti sanga</t>
  </si>
  <si>
    <t>Wassu Astana</t>
  </si>
  <si>
    <t>Muhammad Balal Aziz</t>
  </si>
  <si>
    <t>GPS BASTI SANGHAR</t>
  </si>
  <si>
    <t>GPS sanghar p o  sanjar pur. kandair</t>
  </si>
  <si>
    <t>Nehal Khan</t>
  </si>
  <si>
    <t>Kot  Sanjar Khan</t>
  </si>
  <si>
    <t>AMANA LLAH</t>
  </si>
  <si>
    <t>GPS BASTI SANJARNI</t>
  </si>
  <si>
    <t>chak dodara Ling 4</t>
  </si>
  <si>
    <t>Mohammad Hayat</t>
  </si>
  <si>
    <t>GPS BASTI SANJRANI</t>
  </si>
  <si>
    <t>basti perain ditta bhatti</t>
  </si>
  <si>
    <t>Basti Perain Ditta Bhatti</t>
  </si>
  <si>
    <t>Muhammad Kamran Rehmani</t>
  </si>
  <si>
    <t>GPS BASTI SANJRANI BALOCH</t>
  </si>
  <si>
    <t>GPS Basti Sanjrani Baloch, Post Office Musafir Khana, Tehsil Sadar Bahawalpur</t>
  </si>
  <si>
    <t>Basti Sanjrani Baloch</t>
  </si>
  <si>
    <t>GPS BASTI SARAI</t>
  </si>
  <si>
    <t>Noor Colony Fazil pur</t>
  </si>
  <si>
    <t>MCFAZILPUR</t>
  </si>
  <si>
    <t>GPS BASTI SARANG</t>
  </si>
  <si>
    <t>Cheena Nasaib</t>
  </si>
  <si>
    <t>basti sarang cheena nashaib p/o cheena teh&amp;disst bhakkar</t>
  </si>
  <si>
    <t>Basti Sarang</t>
  </si>
  <si>
    <t>Agha Jafar</t>
  </si>
  <si>
    <t>water pump/ hand pump</t>
  </si>
  <si>
    <t>GPS BASTI SARDAR KHAN</t>
  </si>
  <si>
    <t>basti Sardar Khan, teh. James pur, disst. rajanpur</t>
  </si>
  <si>
    <t>Basti Sardar Khan</t>
  </si>
  <si>
    <t>GPS BASTI SARDAR M YASIN DHOLAN</t>
  </si>
  <si>
    <t>DHOLAN HITHAR - MALE</t>
  </si>
  <si>
    <t>Near water supply scheem Dholan hithar</t>
  </si>
  <si>
    <t>Sardar Muhammad Anwar</t>
  </si>
  <si>
    <t>GPS BASTI SARDAR WALI</t>
  </si>
  <si>
    <t>government  primary  school basti sardar wali moza kondi lodhran</t>
  </si>
  <si>
    <t>Basti Sardar Wali Lodhran</t>
  </si>
  <si>
    <t>GPS BASTI SARGANI</t>
  </si>
  <si>
    <t>basti salam khan sargani</t>
  </si>
  <si>
    <t>Basti Salam Khan Sargani</t>
  </si>
  <si>
    <t>GPS BASTI SARWAHI</t>
  </si>
  <si>
    <t>Basti Sarwahi</t>
  </si>
  <si>
    <t>GPS BASTI SATIANA</t>
  </si>
  <si>
    <t>Govt Primary School Basti Satiana Mouza Sanpal</t>
  </si>
  <si>
    <t>Basti Satiana</t>
  </si>
  <si>
    <t>GPS BASTI SEHAR</t>
  </si>
  <si>
    <t>Sahu Wala Kacha</t>
  </si>
  <si>
    <t>Mouza Sahu Wala Kacha Teh. Karor distt. Layyah</t>
  </si>
  <si>
    <t>Basti Sehar</t>
  </si>
  <si>
    <t>Syed Aun Haider Bukhari</t>
  </si>
  <si>
    <t>GPS BASTI SHADU</t>
  </si>
  <si>
    <t>Hota Hotwani</t>
  </si>
  <si>
    <t>Chah Jafar Wala Mouza Hota Hotwani</t>
  </si>
  <si>
    <t>GPS BASTI SHAH GUL MUHAMMAD WALI</t>
  </si>
  <si>
    <t>Basti Shah Gul Muhammad Wali</t>
  </si>
  <si>
    <t>p/o basti shah Gul Muhammad wali</t>
  </si>
  <si>
    <t>Shafi Ullah Shah</t>
  </si>
  <si>
    <t>GPS BASTI SHAH KOT</t>
  </si>
  <si>
    <t>GBPS Shah kot post office Bahadur pur, Sadiq abad.</t>
  </si>
  <si>
    <t>GPS BASTI SHAH MUHAMMAD</t>
  </si>
  <si>
    <t>Wara Qamar Din</t>
  </si>
  <si>
    <t>GPS Basti Shah Muhammad mouchi moor</t>
  </si>
  <si>
    <t>Basti Mouchi Moor</t>
  </si>
  <si>
    <t>GPS BASTI SHAH SHAKOOR</t>
  </si>
  <si>
    <t>kamyabi basti Shah shakoor Bagh</t>
  </si>
  <si>
    <t>Muhammad Arif Hussain</t>
  </si>
  <si>
    <t>GPS BASTI SHAHAB DIN</t>
  </si>
  <si>
    <t>Garhi Bela</t>
  </si>
  <si>
    <t>basti abdul haq</t>
  </si>
  <si>
    <t>SHAHZAD Ahmad</t>
  </si>
  <si>
    <t>GPS BASTI SHAHU KHAN</t>
  </si>
  <si>
    <t>CHAK LADH</t>
  </si>
  <si>
    <t>BASTI FAREED BAKHSH KHAN CHAK LADH UMERKOT TEHSIL ROJHAN DISTRICT RAJANPUR</t>
  </si>
  <si>
    <t>GPS BASTI SHAM KOT</t>
  </si>
  <si>
    <t>Basti Sham Kot tehsil Hasilpur</t>
  </si>
  <si>
    <t>Muhammad Shahbaz Anwar</t>
  </si>
  <si>
    <t>GPS BASTI SHAREEN WALA</t>
  </si>
  <si>
    <t>basti aarian bangla road hasil pur</t>
  </si>
  <si>
    <t>Basti Aarian</t>
  </si>
  <si>
    <t>sabir saeed</t>
  </si>
  <si>
    <t>GPS BASTI SHEIKHAN</t>
  </si>
  <si>
    <t>Kotla Kabeer</t>
  </si>
  <si>
    <t>basti shekhan kotla kabir rajan pur</t>
  </si>
  <si>
    <t>Basti Langah</t>
  </si>
  <si>
    <t>Kotla Khan  Muhammad Muhammad Mihammad</t>
  </si>
  <si>
    <t>rana kashif latif</t>
  </si>
  <si>
    <t>GPS BASTI SHER ALI</t>
  </si>
  <si>
    <t>Basti Sher Ali Rajanpur</t>
  </si>
  <si>
    <t>Basti Sher Ali</t>
  </si>
  <si>
    <t>GPS BASTI SHER GHAR</t>
  </si>
  <si>
    <t>Toba Rehman Shah</t>
  </si>
  <si>
    <t>chak sher garh distt.BWN</t>
  </si>
  <si>
    <t>GPS BASTI SHUKAR DIN</t>
  </si>
  <si>
    <t>Basti Shukar Din Fazil Pur</t>
  </si>
  <si>
    <t>Basti Shukar Din</t>
  </si>
  <si>
    <t>MC Fazil Pur</t>
  </si>
  <si>
    <t>Tahir Hussain Darishak</t>
  </si>
  <si>
    <t>GPS BASTI SHUMALI HAIDAR ABAD</t>
  </si>
  <si>
    <t>basti shumali haiderabad</t>
  </si>
  <si>
    <t>GPS BASTI SHUMAR</t>
  </si>
  <si>
    <t>Basti Shumar</t>
  </si>
  <si>
    <t>RO Plant</t>
  </si>
  <si>
    <t>GPS BASTI SHURNANI</t>
  </si>
  <si>
    <t>Basti Shurnani tehsil TAUNSA distt DGKhan</t>
  </si>
  <si>
    <t>Shurnani</t>
  </si>
  <si>
    <t>GPS BASTI SIAL</t>
  </si>
  <si>
    <t>Basti sial mouza rukrani p/o khalilabad tehsil bahawalpur</t>
  </si>
  <si>
    <t>GPS BASTI SIALAN</t>
  </si>
  <si>
    <t>Basti sialan mouza mithan wali p/o khair pur sadat teh. alipr</t>
  </si>
  <si>
    <t>GPS BASTI SIALLAN</t>
  </si>
  <si>
    <t>Basti Sialla PO box basti Talin hussain shah Muhammad pur lamma sadiq abad</t>
  </si>
  <si>
    <t>Basti Siallan</t>
  </si>
  <si>
    <t>GPS BASTI SIKHANI</t>
  </si>
  <si>
    <t>Basti Sikhani Mouza Bhindo Korai Tehsil Jatoi District Muzaffargarh</t>
  </si>
  <si>
    <t>Basti Sikhani</t>
  </si>
  <si>
    <t>GPS BASTI SIMMAN ABAD</t>
  </si>
  <si>
    <t>Mad Korra</t>
  </si>
  <si>
    <t>basti siman abad, moza mad korra, p/o mad noor, via kot samaba, teh. &amp; distt r.y.khan</t>
  </si>
  <si>
    <t>Siman Abad</t>
  </si>
  <si>
    <t>Hafiz Rao Mukhtar Ali</t>
  </si>
  <si>
    <t>GPS BASTI SINJRANI</t>
  </si>
  <si>
    <t>Mouza Kharl Azeem Nashaib</t>
  </si>
  <si>
    <t>mouza Kharl azeem nashaib</t>
  </si>
  <si>
    <t>Mouza Kharl Azeem Sanjrani</t>
  </si>
  <si>
    <t>Kot Sultan Rural 7</t>
  </si>
  <si>
    <t>GPS BASTI SIPRA (NEWLY ESTABLISHED)</t>
  </si>
  <si>
    <t>malkana</t>
  </si>
  <si>
    <t>moza malkana basti sipra</t>
  </si>
  <si>
    <t>basti sipra</t>
  </si>
  <si>
    <t>abdul khaliq tabbsum</t>
  </si>
  <si>
    <t>GPS BASTI SIRAI</t>
  </si>
  <si>
    <t>Bhobhar Mustaqil</t>
  </si>
  <si>
    <t>basti sirae</t>
  </si>
  <si>
    <t>Basti Sirae</t>
  </si>
  <si>
    <t>GPS BASTI SIRAI JANUBI</t>
  </si>
  <si>
    <t>Kotla Qazi Nasheb</t>
  </si>
  <si>
    <t>moza kotla qazi nasheb layyah</t>
  </si>
  <si>
    <t>Safdar iqbal</t>
  </si>
  <si>
    <t>GPS BASTI SITHAR</t>
  </si>
  <si>
    <t>Sarishta Thal Jandi Darmyani</t>
  </si>
  <si>
    <t>Chak no.168 P/O Pir Jagi</t>
  </si>
  <si>
    <t>Chak No 168</t>
  </si>
  <si>
    <t>Pir Jagi</t>
  </si>
  <si>
    <t>GPS BASTI SOBDAR NO 2</t>
  </si>
  <si>
    <t>Basti Nawaz Qasai</t>
  </si>
  <si>
    <t>GPS BASTI SOBHA</t>
  </si>
  <si>
    <t>Dalana Patti Khas</t>
  </si>
  <si>
    <t>basti ghulam abbas esani</t>
  </si>
  <si>
    <t>Basti Sobha</t>
  </si>
  <si>
    <t>Moazam Fareed</t>
  </si>
  <si>
    <t>from pool</t>
  </si>
  <si>
    <t>GPS BASTI SOBHEY WALA</t>
  </si>
  <si>
    <t>Basti Sobhey Wala</t>
  </si>
  <si>
    <t>basti sobhey wala chak no. 38/2RA okara</t>
  </si>
  <si>
    <t>NIAZ ALI</t>
  </si>
  <si>
    <t>GPS BASTI SOHARA, MOUZA KOTLI BHUTTA, KABIRWALA</t>
  </si>
  <si>
    <t>Basti sohanra mouza kotli bhutta Tehsil Kabirwala Disst Khanewal</t>
  </si>
  <si>
    <t>Basti sohanra</t>
  </si>
  <si>
    <t>GPS BASTI SOHEIN</t>
  </si>
  <si>
    <t>Sohein</t>
  </si>
  <si>
    <t>rehmat rasool colony rajanpur</t>
  </si>
  <si>
    <t>Muhammad Shafiq Qamar</t>
  </si>
  <si>
    <t>GPS BASTI SONHARA</t>
  </si>
  <si>
    <t>Basti Meeran</t>
  </si>
  <si>
    <t>GPS basti sonhara marks Jampur( North ) UC Basti meeran tehsil Jampur district rajanpur</t>
  </si>
  <si>
    <t>Salahuddin</t>
  </si>
  <si>
    <t>GPS BASTI SONHARA KHAN KALERI</t>
  </si>
  <si>
    <t>Chittar Faqeer</t>
  </si>
  <si>
    <t>Basti sonhara khan kaleri jampur</t>
  </si>
  <si>
    <t>Basti Sonhara Kaleri</t>
  </si>
  <si>
    <t>GPS BASTI SULEMAN ABAD</t>
  </si>
  <si>
    <t>village basti sulemanabad kasur</t>
  </si>
  <si>
    <t>Basti Salman Abad SuleSulemSulemaSulemanSulemanaSu</t>
  </si>
  <si>
    <t>GPS BASTI SULEMANKI</t>
  </si>
  <si>
    <t>Dona Javan Saru</t>
  </si>
  <si>
    <t>Dona javan saru Busty Sulmanki</t>
  </si>
  <si>
    <t>GPS BASTI SURANI</t>
  </si>
  <si>
    <t>Balocha Surani</t>
  </si>
  <si>
    <t>basti surani markz sharief chajra distt&amp;Teh MuzaffarGarh</t>
  </si>
  <si>
    <t>Sharief Chajra</t>
  </si>
  <si>
    <t>Muhammad Ansar Javed</t>
  </si>
  <si>
    <t>GPS BASTI TALAB  SULTAN PUR HAMER SHER SHAH</t>
  </si>
  <si>
    <t>Sultanpur Hamer</t>
  </si>
  <si>
    <t>Basti Talab Moza Sultan Pur Hamar</t>
  </si>
  <si>
    <t>Basti Talab</t>
  </si>
  <si>
    <t>GPS BASTI TALAB WALI</t>
  </si>
  <si>
    <t>13 Bc</t>
  </si>
  <si>
    <t>basti talab wali chak no.13 bc bahawalpur</t>
  </si>
  <si>
    <t>Chak 13bc</t>
  </si>
  <si>
    <t>Chak No 12 Bc</t>
  </si>
  <si>
    <t>GPS BASTI TARKAN</t>
  </si>
  <si>
    <t>pati  lail</t>
  </si>
  <si>
    <t>PatiLail</t>
  </si>
  <si>
    <t>GPS BASTI TIWANA</t>
  </si>
  <si>
    <t>Bonga Azam</t>
  </si>
  <si>
    <t>basti tiwana</t>
  </si>
  <si>
    <t>Basti Tiwana</t>
  </si>
  <si>
    <t>GPS BASTI TOKA</t>
  </si>
  <si>
    <t>Moza Noshera Nashaib basti toka</t>
  </si>
  <si>
    <t>Basti TOKA</t>
  </si>
  <si>
    <t>Basti Toka</t>
  </si>
  <si>
    <t>Sajid Imran</t>
  </si>
  <si>
    <t>GPS BASTI TUB</t>
  </si>
  <si>
    <t>TUB</t>
  </si>
  <si>
    <t>Busti TUB, Tehsil Taunsa sharif, dist, D.G.Khan</t>
  </si>
  <si>
    <t>Muhammad shahzad khawar</t>
  </si>
  <si>
    <t>GPS BASTI TUFKI</t>
  </si>
  <si>
    <t>tufki</t>
  </si>
  <si>
    <t>gps basti tufki</t>
  </si>
  <si>
    <t>GPS BASTI UMER</t>
  </si>
  <si>
    <t>basti korai Moza yakiwali</t>
  </si>
  <si>
    <t>GPS BASTI UTRA</t>
  </si>
  <si>
    <t>Sojhalwali</t>
  </si>
  <si>
    <t>bait sojhalwali qasba gujrat teh. kotaddu distt. Muzaffargarh</t>
  </si>
  <si>
    <t>GPS BASTI VEEHA</t>
  </si>
  <si>
    <t>akrama abad</t>
  </si>
  <si>
    <t>baste chaak veeha uc akrama abad p/o Adam wali</t>
  </si>
  <si>
    <t>baste chaak veeha</t>
  </si>
  <si>
    <t>GPS BASTI VEHANI</t>
  </si>
  <si>
    <t>Gps Basti Vehani P/O kot Sabzal teh Sadiq Abad Markz Kot Sabzal</t>
  </si>
  <si>
    <t>Basti Satti Da Laya</t>
  </si>
  <si>
    <t>GPS BASTI WADERA ABDUL RAZZAQ DULLANI</t>
  </si>
  <si>
    <t>Kachi Kupra</t>
  </si>
  <si>
    <t>basti Abdul Razzaq Dullani, kacha Chuhan</t>
  </si>
  <si>
    <t>Basti Abdul Razzaq Dullani</t>
  </si>
  <si>
    <t>GPS BASTI WAHI SHAH MUHAMMAD</t>
  </si>
  <si>
    <t>Basti Wahi Shah Muhammad R.Y.K</t>
  </si>
  <si>
    <t>Wahi Shah Muhammad Muhammad</t>
  </si>
  <si>
    <t>Muhammad Aamir Bashir</t>
  </si>
  <si>
    <t>GPS BASTI WAJA</t>
  </si>
  <si>
    <t>Basti Waja</t>
  </si>
  <si>
    <t>Saho Wala maoza Basti Waja</t>
  </si>
  <si>
    <t>Basti Meran</t>
  </si>
  <si>
    <t>GPS BASTI WALA</t>
  </si>
  <si>
    <t>Basti wala,teh.lalian</t>
  </si>
  <si>
    <t>Ahmad Shafi</t>
  </si>
  <si>
    <t>GPS BASTI WALIA</t>
  </si>
  <si>
    <t>Churhatta Kot Haibat</t>
  </si>
  <si>
    <t>basti walya</t>
  </si>
  <si>
    <t>Basti Walya</t>
  </si>
  <si>
    <t>Rahim Bukhsh</t>
  </si>
  <si>
    <t>GPS BASTI WAN</t>
  </si>
  <si>
    <t>Basti wan moza Pir Abdul Rehman tehseel Ahmad pur sial distt Jhang</t>
  </si>
  <si>
    <t>Basti Wan</t>
  </si>
  <si>
    <t>GPS BASTI WARYAM KAMLANA</t>
  </si>
  <si>
    <t>Basti Waryam Kamlana</t>
  </si>
  <si>
    <t>dabkalan teh shorkot disst jhang</t>
  </si>
  <si>
    <t>Safder Nazeer</t>
  </si>
  <si>
    <t>GPS BASTI WASANDA RAM</t>
  </si>
  <si>
    <t>Basti wasanda ram</t>
  </si>
  <si>
    <t>Basti Wasanda Ram</t>
  </si>
  <si>
    <t>GPS BASTI WASHAL KHAN HAQDADANI</t>
  </si>
  <si>
    <t>basti washal khan</t>
  </si>
  <si>
    <t>Muhammad Isa</t>
  </si>
  <si>
    <t>GPS BASTI WAZIR KHAN</t>
  </si>
  <si>
    <t>Manjvel</t>
  </si>
  <si>
    <t>basti wazeer khan</t>
  </si>
  <si>
    <t>MUHAMMAD AMIR FARID</t>
  </si>
  <si>
    <t>GPS BASTI YAQI</t>
  </si>
  <si>
    <t>Basti yaqi</t>
  </si>
  <si>
    <t>Basti yeah p/o basti malana</t>
  </si>
  <si>
    <t>Basti yaqeani</t>
  </si>
  <si>
    <t>GPS BASTI YARAN KHAN CHANDIA</t>
  </si>
  <si>
    <t>Rajan Pur Khurd</t>
  </si>
  <si>
    <t>Basti Yaran Khan Chandiya, Moza Rajan Pur Khurd, Tehsil &amp; District Rahim Yar Khan</t>
  </si>
  <si>
    <t>Basti Yaran Khan Chandiya</t>
  </si>
  <si>
    <t>GPS BASTI YOUSAFA</t>
  </si>
  <si>
    <t>Binda Surbana</t>
  </si>
  <si>
    <t>Basti yousafa moza binda surbana tehsile shorkot district jhang</t>
  </si>
  <si>
    <t>Basti Yousafa</t>
  </si>
  <si>
    <t>GPS BASTI ZOHRANI</t>
  </si>
  <si>
    <t>darkhwast jamal khan janobi 1 basti zohrani</t>
  </si>
  <si>
    <t>Basti Zohrani</t>
  </si>
  <si>
    <t>Darkhwast Jamal Khan Janobi 1</t>
  </si>
  <si>
    <t>GPS BASTI ZOUR</t>
  </si>
  <si>
    <t>mouza and Basti zour p/o qasba Gujarat kot addu m.garh</t>
  </si>
  <si>
    <t>GPS BASTI ZUBAIR KHAN</t>
  </si>
  <si>
    <t>Theekr</t>
  </si>
  <si>
    <t>basti zubair khan tehsil taunsa</t>
  </si>
  <si>
    <t>Basti Zubair Khan</t>
  </si>
  <si>
    <t>allah bakhsh</t>
  </si>
  <si>
    <t>GPS Basti Zubairi</t>
  </si>
  <si>
    <t>Bil Patra Gharbi</t>
  </si>
  <si>
    <t>basti Zubairi bil Patra gharbi kharrar buzdar taunsa d g Khan</t>
  </si>
  <si>
    <t>Basti Zubairi</t>
  </si>
  <si>
    <t>GPS BASU PANU</t>
  </si>
  <si>
    <t>basu panu</t>
  </si>
  <si>
    <t>Basu Panu</t>
  </si>
  <si>
    <t>GPS BATAK</t>
  </si>
  <si>
    <t>Battak</t>
  </si>
  <si>
    <t>GPS battak, Basirpur</t>
  </si>
  <si>
    <t>GPS BATARAY</t>
  </si>
  <si>
    <t>Batery</t>
  </si>
  <si>
    <t>Ali pur road battaray hfd</t>
  </si>
  <si>
    <t>Battaray</t>
  </si>
  <si>
    <t>Hafiz Bilal Haider</t>
  </si>
  <si>
    <t>GPS BATH KHURD</t>
  </si>
  <si>
    <t>Bath Khurd</t>
  </si>
  <si>
    <t>Bath khurd p/o padhana chck nsw.45 teheran.pattoki.kasur.</t>
  </si>
  <si>
    <t>GPS BATHEY WALA MULTAN</t>
  </si>
  <si>
    <t>Buch Mubarak</t>
  </si>
  <si>
    <t>govt Bathey Wala Markaz Nawab Pur multan</t>
  </si>
  <si>
    <t>Bathy Wala</t>
  </si>
  <si>
    <t>Taj Pur Sandeela</t>
  </si>
  <si>
    <t>GPS BATI SAWAI NO 2</t>
  </si>
  <si>
    <t>Bait Sawai</t>
  </si>
  <si>
    <t>p/o Shadan Lund Distt.&amp;Tehsil Dera Ghazi Khan</t>
  </si>
  <si>
    <t>Basti Yar Basti Yar Muhammad Muhammad  Sehani</t>
  </si>
  <si>
    <t>Muhammad Kaleem Ullah</t>
  </si>
  <si>
    <t>GPS BATLA</t>
  </si>
  <si>
    <t>basti batla</t>
  </si>
  <si>
    <t>Batla</t>
  </si>
  <si>
    <t>Najeeb Ullah</t>
  </si>
  <si>
    <t>GPS BATO</t>
  </si>
  <si>
    <t>Baito</t>
  </si>
  <si>
    <t>GPS BATTAH SADAT</t>
  </si>
  <si>
    <t>Bhatta  Sadat  Lodhran</t>
  </si>
  <si>
    <t>Bhatta  Saadat</t>
  </si>
  <si>
    <t>ghulam nazik abbas</t>
  </si>
  <si>
    <t>GPS BATTIAN</t>
  </si>
  <si>
    <t>Battain</t>
  </si>
  <si>
    <t>moza battian</t>
  </si>
  <si>
    <t>M Abid Maqbool</t>
  </si>
  <si>
    <t>GPS BATTIAN RAJOWAL</t>
  </si>
  <si>
    <t>Battian Rajowal</t>
  </si>
  <si>
    <t>Nai Abadi Rajowal Teh.Depalpur Okara</t>
  </si>
  <si>
    <t>Nai ABADI RAJOWAL</t>
  </si>
  <si>
    <t>Ghulam Haidar</t>
  </si>
  <si>
    <t>GPS BAWA TAHIR</t>
  </si>
  <si>
    <t>Chak bawa tahir</t>
  </si>
  <si>
    <t>GPS BAWARAN WALA</t>
  </si>
  <si>
    <t>Bawrianwala</t>
  </si>
  <si>
    <t>village bawrianwala tehsil and distt Gujrat</t>
  </si>
  <si>
    <t>Noora Mandhala</t>
  </si>
  <si>
    <t>Aziz Ahmed</t>
  </si>
  <si>
    <t>GPS BAWARAY NAU</t>
  </si>
  <si>
    <t>Bawaray Nau</t>
  </si>
  <si>
    <t>Village Bawaray Nau p/o, Tehsil and Dist. Hafizabad.</t>
  </si>
  <si>
    <t>GPS BAWERIANA</t>
  </si>
  <si>
    <t>Jhai</t>
  </si>
  <si>
    <t>village jhai p/o Gul bahar khurd teh and district Sialkot</t>
  </si>
  <si>
    <t>GPS BAWRAY</t>
  </si>
  <si>
    <t>Bawray</t>
  </si>
  <si>
    <t>Gps Bawray Markaz sadar 2 Gujranwala</t>
  </si>
  <si>
    <t>GPS BAWRAY DHAK WALAY</t>
  </si>
  <si>
    <t>Bowery Dhak waly</t>
  </si>
  <si>
    <t>Bawery Dhak waly district Gujranwala</t>
  </si>
  <si>
    <t>Umar Sajjad</t>
  </si>
  <si>
    <t>GPS BAWRAY PIARAY</t>
  </si>
  <si>
    <t>Bawray Piaray</t>
  </si>
  <si>
    <t>bawray piaray</t>
  </si>
  <si>
    <t>Bawray Piyaray</t>
  </si>
  <si>
    <t>Ebadat Ali</t>
  </si>
  <si>
    <t>GPS BAYYAN WALA</t>
  </si>
  <si>
    <t>Sultankhel Gharbi</t>
  </si>
  <si>
    <t>p/o makkarwal village bayyanwala</t>
  </si>
  <si>
    <t>Bayyanwala</t>
  </si>
  <si>
    <t>Gul Badshah</t>
  </si>
  <si>
    <t>GPS BAZ PUR</t>
  </si>
  <si>
    <t>Bazpur</t>
  </si>
  <si>
    <t>Bazpur p.o najwal tehsil District sialkot</t>
  </si>
  <si>
    <t>Palora Kallan</t>
  </si>
  <si>
    <t>Mohammad Alam</t>
  </si>
  <si>
    <t>GPS BAZ WALA</t>
  </si>
  <si>
    <t>near basti saeed khan, baz wala</t>
  </si>
  <si>
    <t>GPS BAZAY WALI</t>
  </si>
  <si>
    <t>Vpo mari tehsil jand distt attock</t>
  </si>
  <si>
    <t>Faqar Alam</t>
  </si>
  <si>
    <t>GPS BAZEED PUR</t>
  </si>
  <si>
    <t>p/o khas bazeed pur t/d kasur</t>
  </si>
  <si>
    <t>GPS BAZI GARAN</t>
  </si>
  <si>
    <t>HabibMisson</t>
  </si>
  <si>
    <t>Basti jam Manzoor Ahmed moza Habib misson teh.bahawalpur sadar dist.bwp.</t>
  </si>
  <si>
    <t>Basti Jam Manzoor  Ahmed</t>
  </si>
  <si>
    <t>GPS BEARY WALA</t>
  </si>
  <si>
    <t>Pattal Sharki</t>
  </si>
  <si>
    <t>Chah beary Wala moza pattal sharki kot addu</t>
  </si>
  <si>
    <t>Beary Wala</t>
  </si>
  <si>
    <t>GPS BEDANA WEST</t>
  </si>
  <si>
    <t>Moza Bedana Gharbi</t>
  </si>
  <si>
    <t>Hasilpur Old-2</t>
  </si>
  <si>
    <t>Muhmmad Ali Anjum</t>
  </si>
  <si>
    <t>GPS BEDIAN</t>
  </si>
  <si>
    <t>village bedian post office mustafabad kasur</t>
  </si>
  <si>
    <t>Chathanwala</t>
  </si>
  <si>
    <t>GPS BEGA</t>
  </si>
  <si>
    <t>Bega The&amp;Distt gujrat</t>
  </si>
  <si>
    <t>MUHAMMAD ASHRAF -UL- HASSAN</t>
  </si>
  <si>
    <t>GPS BEGA KHURD</t>
  </si>
  <si>
    <t>Bega Khurd</t>
  </si>
  <si>
    <t>Bega Khurd  tehsil wazirabad</t>
  </si>
  <si>
    <t>Laday wala</t>
  </si>
  <si>
    <t>Ashfaq Ahmad Cheema</t>
  </si>
  <si>
    <t>GPS BEHAK DIAM</t>
  </si>
  <si>
    <t>Behak Daim</t>
  </si>
  <si>
    <t>Behak daim kotmomin</t>
  </si>
  <si>
    <t>GPS BEHAL</t>
  </si>
  <si>
    <t>main road behal ada post office behal tehsil &amp; dist bhakkar</t>
  </si>
  <si>
    <t>GPS BEHARI COLONY CHUNIAN</t>
  </si>
  <si>
    <t>Behari Colony Chunian</t>
  </si>
  <si>
    <t>MIAN AZEEM ULLAHA</t>
  </si>
  <si>
    <t>GPS BEHARI COLONY NEAR G.D.C SHORKOT CITY</t>
  </si>
  <si>
    <t>Kotla Z Khan</t>
  </si>
  <si>
    <t>Atta Ur Rahman Khalid</t>
  </si>
  <si>
    <t>GPS BEHARI WALI</t>
  </si>
  <si>
    <t>BWN-V-MALE</t>
  </si>
  <si>
    <t>Behary Wali</t>
  </si>
  <si>
    <t>GPS BEHBOWALI</t>
  </si>
  <si>
    <t>Longoky</t>
  </si>
  <si>
    <t>village longoky</t>
  </si>
  <si>
    <t>Rabia Hassan</t>
  </si>
  <si>
    <t>GPS BEHER WAL KHURD</t>
  </si>
  <si>
    <t>BEHAR WAL KHURD</t>
  </si>
  <si>
    <t>BEHAR WAL KHURD TEHSIL CHUNIAN</t>
  </si>
  <si>
    <t>BEHAR WAL Khurd KHURD</t>
  </si>
  <si>
    <t>KHANDU KHARA</t>
  </si>
  <si>
    <t>Waseem Abbas</t>
  </si>
  <si>
    <t>GPS BEHKAN WALA</t>
  </si>
  <si>
    <t>chak behkan wala tehsil minchin abad district bahawalnagar</t>
  </si>
  <si>
    <t>GPS BEHKRI KALAN</t>
  </si>
  <si>
    <t>vpo Behkri teh distt chakwal</t>
  </si>
  <si>
    <t>Muhammad Naseer Ahmed</t>
  </si>
  <si>
    <t>GPS BEHL PUR</t>
  </si>
  <si>
    <t>Behal Pur</t>
  </si>
  <si>
    <t>village post office behal pur teh&amp;ditts gujrat</t>
  </si>
  <si>
    <t>Kasooki</t>
  </si>
  <si>
    <t>Sohail Ahsan</t>
  </si>
  <si>
    <t>GPS BEHLI DILAWAR</t>
  </si>
  <si>
    <t>Behli Dilawar arif wala</t>
  </si>
  <si>
    <t>Behli Dilawar</t>
  </si>
  <si>
    <t>GPS BEHLOL PUR</t>
  </si>
  <si>
    <t>behlolpur</t>
  </si>
  <si>
    <t>GPS BEHLOLA</t>
  </si>
  <si>
    <t>Behlola</t>
  </si>
  <si>
    <t>p/o  City sialkot</t>
  </si>
  <si>
    <t>GPS BEHLOOL WALA</t>
  </si>
  <si>
    <t>161/TDA</t>
  </si>
  <si>
    <t>chak no. 161 P/O Chak no. 162 TDA NAi wala</t>
  </si>
  <si>
    <t>RABNAWAZ Khaleeq</t>
  </si>
  <si>
    <t>GPS BEHNY BHAWANI</t>
  </si>
  <si>
    <t>Monza bhawani</t>
  </si>
  <si>
    <t>Moza Bhawani</t>
  </si>
  <si>
    <t>58/gd</t>
  </si>
  <si>
    <t>GPS BEHRAAM SAR</t>
  </si>
  <si>
    <t>Behram sar</t>
  </si>
  <si>
    <t>Ali Raza Sajid</t>
  </si>
  <si>
    <t>GPS BEHRAM ABAD</t>
  </si>
  <si>
    <t>rang pur u/c noshahra sharki</t>
  </si>
  <si>
    <t>syed aquil ur rehman</t>
  </si>
  <si>
    <t>GPS BEHRAM KE</t>
  </si>
  <si>
    <t>Behramkay</t>
  </si>
  <si>
    <t>village behramkey P/O phool nagar</t>
  </si>
  <si>
    <t>Behram Kay</t>
  </si>
  <si>
    <t>Hafiz Nasir Ghafoor</t>
  </si>
  <si>
    <t>GPS BEHRAM KHAN</t>
  </si>
  <si>
    <t>GPS bahram khan Basti Muhammad deen</t>
  </si>
  <si>
    <t>Basti Muhammad Deen</t>
  </si>
  <si>
    <t>Matt</t>
  </si>
  <si>
    <t>Shahik Hussain</t>
  </si>
  <si>
    <t>GPS BEHRAM KHEL</t>
  </si>
  <si>
    <t>chak no 2 RDW Dulle walla</t>
  </si>
  <si>
    <t>GPS BEHRAM PUR PO PAKPATTAN</t>
  </si>
  <si>
    <t>GPS BEHRAM WAH</t>
  </si>
  <si>
    <t>Allabad</t>
  </si>
  <si>
    <t>Basti Behram wah</t>
  </si>
  <si>
    <t>Behram Wah</t>
  </si>
  <si>
    <t>GPS BEHRAMKE</t>
  </si>
  <si>
    <t>Behramkey</t>
  </si>
  <si>
    <t>GPS Behramke</t>
  </si>
  <si>
    <t>Thatta Kareem Dad</t>
  </si>
  <si>
    <t>Tasawar Ali</t>
  </si>
  <si>
    <t>GPS BEIT MIR ABDULLAH</t>
  </si>
  <si>
    <t>Basti sherabad Moza Sheen wala ryk</t>
  </si>
  <si>
    <t>Sher Abad</t>
  </si>
  <si>
    <t>Martaza Abad</t>
  </si>
  <si>
    <t>Muhammad Mubarak</t>
  </si>
  <si>
    <t>GPS BELA</t>
  </si>
  <si>
    <t>Basti jalab moza bela u/c bela p/o wadore DGk</t>
  </si>
  <si>
    <t>Jalab</t>
  </si>
  <si>
    <t>GPS BELA ALI KHANANA</t>
  </si>
  <si>
    <t>Bela Ali Khanana</t>
  </si>
  <si>
    <t>gps bela ali khanana</t>
  </si>
  <si>
    <t>HBShah</t>
  </si>
  <si>
    <t>ghulam Abbas</t>
  </si>
  <si>
    <t>GPS BELA CHONTRA</t>
  </si>
  <si>
    <t>Bela Chontra</t>
  </si>
  <si>
    <t>Muhammad Ahsin</t>
  </si>
  <si>
    <t>GPS BELA JUTIAN WALA</t>
  </si>
  <si>
    <t>Jotia</t>
  </si>
  <si>
    <t>Pirkot sadhana</t>
  </si>
  <si>
    <t>Bela Jtia</t>
  </si>
  <si>
    <t>GPS BELA MOHAL</t>
  </si>
  <si>
    <t>Bela Mohal</t>
  </si>
  <si>
    <t>Mouza Bela Mohal</t>
  </si>
  <si>
    <t>GPS BELLAN</t>
  </si>
  <si>
    <t>P/O Lakar Wali Tehsil Sadiq Abad</t>
  </si>
  <si>
    <t>Sohrab Mohana</t>
  </si>
  <si>
    <t>Liaquat Ali Rehmani</t>
  </si>
  <si>
    <t>GPS BELWANI</t>
  </si>
  <si>
    <t>Village Bilwani P/O Kot Qaisrani</t>
  </si>
  <si>
    <t>water pipe line from village up to 800 ft</t>
  </si>
  <si>
    <t>GPS BEMIANWALA</t>
  </si>
  <si>
    <t>Bemianwala</t>
  </si>
  <si>
    <t>Bemianwala po jallalpur bhattian teh Pindi Bhattian District Hafizabad</t>
  </si>
  <si>
    <t>Mattekey</t>
  </si>
  <si>
    <t>GPS BEOWALI</t>
  </si>
  <si>
    <t>vill beowali p/o same  tehsil &amp; district gujrat</t>
  </si>
  <si>
    <t>Imran Ullah</t>
  </si>
  <si>
    <t>GPS BERAHAM PUR</t>
  </si>
  <si>
    <t>Brahim Pur</t>
  </si>
  <si>
    <t>Govt Primary school Brahim Pur</t>
  </si>
  <si>
    <t>Chack Farazi</t>
  </si>
  <si>
    <t>GPS BERAN WALA</t>
  </si>
  <si>
    <t>BERANWALA</t>
  </si>
  <si>
    <t>BERANWALA P/O PINDORIAN TEH. PINDI BHATTIAN DIST.HAFIZABAD</t>
  </si>
  <si>
    <t>BADAR ALI</t>
  </si>
  <si>
    <t>Saif ullah</t>
  </si>
  <si>
    <t>GPS BEROLI YARU KHEL</t>
  </si>
  <si>
    <t>beroli yarukhel tehsil&amp;district mianwali</t>
  </si>
  <si>
    <t>Beroli Yarukhel</t>
  </si>
  <si>
    <t>Shehbazkhel</t>
  </si>
  <si>
    <t>Muhammad Mudassir</t>
  </si>
  <si>
    <t>GPS BERULI</t>
  </si>
  <si>
    <t>Beruli Chidru</t>
  </si>
  <si>
    <t>GPS BERWALA WARA</t>
  </si>
  <si>
    <t>Ber Wala Wara</t>
  </si>
  <si>
    <t>BAIR WALA WARA</t>
  </si>
  <si>
    <t>Bhagyana Kalan</t>
  </si>
  <si>
    <t>MUHAMMAD ATIF RAFIQ</t>
  </si>
  <si>
    <t>GPS BHABHA NO 1</t>
  </si>
  <si>
    <t>bhambha po litra trible area dg khan</t>
  </si>
  <si>
    <t>GPS BHABRA DERA UMER HAYAT</t>
  </si>
  <si>
    <t>GPS Dera Umer Hayat Bhabra</t>
  </si>
  <si>
    <t>Mansoora Begum</t>
  </si>
  <si>
    <t>GPS BHACHER</t>
  </si>
  <si>
    <t>Bhachar</t>
  </si>
  <si>
    <t>village bhachar p/o k.s teh&amp;distt m.b.din</t>
  </si>
  <si>
    <t>GPS BHADIAN WALA</t>
  </si>
  <si>
    <t>chak no 99/tda</t>
  </si>
  <si>
    <t>Tuswar Abbas</t>
  </si>
  <si>
    <t>GPS BHADRIAN WALI</t>
  </si>
  <si>
    <t>Bahdrianwali</t>
  </si>
  <si>
    <t>GPS BHADY WALA</t>
  </si>
  <si>
    <t>Chak 202TDA</t>
  </si>
  <si>
    <t>chah bhadan wala dagger shada</t>
  </si>
  <si>
    <t>GPS BHAG PUR</t>
  </si>
  <si>
    <t>Bhagpur</t>
  </si>
  <si>
    <t>bhagpur</t>
  </si>
  <si>
    <t>GPS BHAGAT WALA CHAK NO 35</t>
  </si>
  <si>
    <t>Bhagat Wala</t>
  </si>
  <si>
    <t>Gps bhagat wala chak no 35/RB, Tehsile Shahkot District Nankana sahib</t>
  </si>
  <si>
    <t>Karkan Wahga</t>
  </si>
  <si>
    <t>GPS BHAGIAN</t>
  </si>
  <si>
    <t>Abdul Qayyom</t>
  </si>
  <si>
    <t>GPS BHAGIWAL NO.1</t>
  </si>
  <si>
    <t>Bhagiwall</t>
  </si>
  <si>
    <t>Bhagiwall.No.1 gehlen hithar tehsil chunian kasur</t>
  </si>
  <si>
    <t>Mohammad Yahya</t>
  </si>
  <si>
    <t>GPS BHAGIWAL NO.3</t>
  </si>
  <si>
    <t>Bhagiwal No 3</t>
  </si>
  <si>
    <t>Bhagiwal no 03 tehsil Chunian</t>
  </si>
  <si>
    <t>GPS BHAGIWAL TIBBA</t>
  </si>
  <si>
    <t>BHAGIWAL  TIBBA</t>
  </si>
  <si>
    <t>BHAGIWAL TIBBA TEH,CHUNIAN DISST.KASUR</t>
  </si>
  <si>
    <t>BHAGIWAL TIBBA</t>
  </si>
  <si>
    <t>BHAGIWAL</t>
  </si>
  <si>
    <t>GPS BHAGNIAN</t>
  </si>
  <si>
    <t>Bhagnian tehsil Pasrur Dist.Sialkot</t>
  </si>
  <si>
    <t>KHALID RASHID</t>
  </si>
  <si>
    <t>GPS BHAGO DIAL</t>
  </si>
  <si>
    <t>BHAGODIAL</t>
  </si>
  <si>
    <t>Village  Bhagodial  P/O  Same Tehsil Muridke District Sheikhupura</t>
  </si>
  <si>
    <t>Ghuchli  Virk</t>
  </si>
  <si>
    <t>GPS BHAGO WALI</t>
  </si>
  <si>
    <t>bhagowali p/o ahmed abad teh _pasrur dist _sialkot</t>
  </si>
  <si>
    <t>GPS BHAGO WALI P.O HUSSAN ABAD</t>
  </si>
  <si>
    <t>Bagaa Chak</t>
  </si>
  <si>
    <t>bhagowali</t>
  </si>
  <si>
    <t>Muhammad khalid Abbas</t>
  </si>
  <si>
    <t>GPS BHAGOKI</t>
  </si>
  <si>
    <t>bhagoki mojoki teh chunian kasur</t>
  </si>
  <si>
    <t>Bhagoki</t>
  </si>
  <si>
    <t>Rana M Arif</t>
  </si>
  <si>
    <t>GPS BHAGTAN WALA</t>
  </si>
  <si>
    <t>GPS Bhagtanwala</t>
  </si>
  <si>
    <t>GPS BHAGWAN PURA</t>
  </si>
  <si>
    <t>bhagwanpura</t>
  </si>
  <si>
    <t>Saleem Haider Sajid</t>
  </si>
  <si>
    <t>GPS BHAGWAN SINGH</t>
  </si>
  <si>
    <t>BWN-XI-MALE</t>
  </si>
  <si>
    <t>bhagwan Singh post office madrassa tensile and District Bahawalnagar</t>
  </si>
  <si>
    <t>Bhagwan Singh</t>
  </si>
  <si>
    <t>GPS BHAI KOT NO. 3</t>
  </si>
  <si>
    <t>BHAI KOT CHAK#03</t>
  </si>
  <si>
    <t>Bhai kot</t>
  </si>
  <si>
    <t>Bhaikot Chak #03</t>
  </si>
  <si>
    <t>HAKIM-UD-DIM</t>
  </si>
  <si>
    <t>GPS BHAI LUDDEN</t>
  </si>
  <si>
    <t>Bhai Loden</t>
  </si>
  <si>
    <t>bhai loden</t>
  </si>
  <si>
    <t>Nadia Fazal</t>
  </si>
  <si>
    <t>GPS Bhai Veer, Mustafa (SAW) Campus)-(CHAK NO.1 KMR)</t>
  </si>
  <si>
    <t>Kurari Tumak</t>
  </si>
  <si>
    <t>GPS bhai veer Mustafa(SAW) campus</t>
  </si>
  <si>
    <t>Bhaiveer</t>
  </si>
  <si>
    <t>Muhammad  Ashraf Nadeem</t>
  </si>
  <si>
    <t>GPS BHAID WALA</t>
  </si>
  <si>
    <t>Bholey Wala</t>
  </si>
  <si>
    <t>GPS BHAIKOT</t>
  </si>
  <si>
    <t>village BHAIKOT sundar raiwind road near sundar astate</t>
  </si>
  <si>
    <t>GPS BHAIL</t>
  </si>
  <si>
    <t>GPS Bhail</t>
  </si>
  <si>
    <t>Muhammad Saleem Abid</t>
  </si>
  <si>
    <t>GPS BHAILA</t>
  </si>
  <si>
    <t>Kotla rahim Shah</t>
  </si>
  <si>
    <t>basti bhaila kotla rahim ali shah jatoi</t>
  </si>
  <si>
    <t>Basti bhaila</t>
  </si>
  <si>
    <t>Khalte</t>
  </si>
  <si>
    <t>GPS BHAINA WALA KHURD</t>
  </si>
  <si>
    <t>Bhianwala</t>
  </si>
  <si>
    <t>Bhian wala khurd</t>
  </si>
  <si>
    <t>GPS BHAINI WATWAN WALI</t>
  </si>
  <si>
    <t>Bahini Wattwan</t>
  </si>
  <si>
    <t>bahini Wattwon 481/EB vehari</t>
  </si>
  <si>
    <t>481/EB</t>
  </si>
  <si>
    <t>GPS BHAINSE</t>
  </si>
  <si>
    <t>Bhainse</t>
  </si>
  <si>
    <t>vill:bhainse</t>
  </si>
  <si>
    <t>Inayat Miran</t>
  </si>
  <si>
    <t>GPS BHAIR HATIAL</t>
  </si>
  <si>
    <t>Bhair HATHAIL</t>
  </si>
  <si>
    <t>village postofficejatli teh gujarkhan distt rwp</t>
  </si>
  <si>
    <t>bhair Hathail</t>
  </si>
  <si>
    <t>Ahsan Mahmood</t>
  </si>
  <si>
    <t>GPS BHAKHRIAN</t>
  </si>
  <si>
    <t>Shehr Fareed</t>
  </si>
  <si>
    <t>chah Noor Muhammad Malkera</t>
  </si>
  <si>
    <t>Chah Noor Muhammad</t>
  </si>
  <si>
    <t>GPS BHAKKAR BAR</t>
  </si>
  <si>
    <t>Bakharbar</t>
  </si>
  <si>
    <t>Dara khajianwala p/O Bakhar Bar tehsil Shah pur Sargodha</t>
  </si>
  <si>
    <t>Muhammad Asghar Hayat</t>
  </si>
  <si>
    <t>GPS BHAKKAR NO 1</t>
  </si>
  <si>
    <t>near MC high school Bhakkar</t>
  </si>
  <si>
    <t>Mohammad Asmat Ullah</t>
  </si>
  <si>
    <t>GPS BHAKKAR RAILWAY STATION</t>
  </si>
  <si>
    <t>GPS Bhakkar Railway Station</t>
  </si>
  <si>
    <t>Mohallah Railway Station Bhakkar</t>
  </si>
  <si>
    <t>Bhakkar-III</t>
  </si>
  <si>
    <t>Javed Anwer</t>
  </si>
  <si>
    <t>GPS BHAKRAYWALI</t>
  </si>
  <si>
    <t>Bhakraywali</t>
  </si>
  <si>
    <t>Bhakraywali,P/O Mitranwali Tehsil Daska District Sialkot.</t>
  </si>
  <si>
    <t>Syed Shahid Nadeem</t>
  </si>
  <si>
    <t>GPS BHAKSHOO BATTAR</t>
  </si>
  <si>
    <t>Bakhshoo Bhatter</t>
  </si>
  <si>
    <t>Mouza Bakhshoo Bhattar basti Mahmod abad p/o dera fareedi teh. lqp disst. ryk</t>
  </si>
  <si>
    <t>Bakhshoo Bhattar</t>
  </si>
  <si>
    <t>GPS BHALA</t>
  </si>
  <si>
    <t>village bhala post office kasur</t>
  </si>
  <si>
    <t>GPS BHALAKE KHURD</t>
  </si>
  <si>
    <t>baleke khurd P/O Ali Pur Sayydan teh/dist Narowal</t>
  </si>
  <si>
    <t>Amar Razzaq</t>
  </si>
  <si>
    <t>GPS BHALESAR</t>
  </si>
  <si>
    <t>moza bhalasar post office garhi afghana</t>
  </si>
  <si>
    <t>Pormiana</t>
  </si>
  <si>
    <t>Masood-ur-Rehman</t>
  </si>
  <si>
    <t>GPS BHALIAL</t>
  </si>
  <si>
    <t>GPS Bhalial Teh Kallar Kahar Dist Chakwal.</t>
  </si>
  <si>
    <t>Tahir-ul-Hassan saabir</t>
  </si>
  <si>
    <t>GPS BHALIARAAN</t>
  </si>
  <si>
    <t>Banaroya</t>
  </si>
  <si>
    <t>p o thulhamza Tehsil Liaqat Pur District Rahim Yar Khan</t>
  </si>
  <si>
    <t>Bhalyaran</t>
  </si>
  <si>
    <t>JHOKE Gulab Shah</t>
  </si>
  <si>
    <t>GPS BHALLAH NO. 2</t>
  </si>
  <si>
    <t>Bhalla Chakwal</t>
  </si>
  <si>
    <t>GPS BHALO WALA</t>
  </si>
  <si>
    <t>Hasnot</t>
  </si>
  <si>
    <t>GPS Bhalo wala p/o hasnot tehsil and district Jhelum</t>
  </si>
  <si>
    <t>Bhalo wala</t>
  </si>
  <si>
    <t>Aamer Shehzad</t>
  </si>
  <si>
    <t>From the well situated in the village</t>
  </si>
  <si>
    <t>GPS BHALOOL PUR</t>
  </si>
  <si>
    <t>behlol pur</t>
  </si>
  <si>
    <t>GPS BHALOWALI</t>
  </si>
  <si>
    <t>Bhallowali</t>
  </si>
  <si>
    <t>village bhallowali</t>
  </si>
  <si>
    <t>GPS BHALWAL GHARBI</t>
  </si>
  <si>
    <t>Bhalwal Gharbi</t>
  </si>
  <si>
    <t>VPO Bhalwal Gharbi Sarai Alamgir Gujrat</t>
  </si>
  <si>
    <t>GPS BHAMBA KHURD</t>
  </si>
  <si>
    <t>GPS bhambha khurd</t>
  </si>
  <si>
    <t>Bhambha Khurd</t>
  </si>
  <si>
    <t>Bhambha Kalan</t>
  </si>
  <si>
    <t>GPS BHAMBER</t>
  </si>
  <si>
    <t>bhamber</t>
  </si>
  <si>
    <t>vpo bhamber teh &amp; distt jhelum</t>
  </si>
  <si>
    <t>Rifat akram</t>
  </si>
  <si>
    <t>GPS BHAMBHRI</t>
  </si>
  <si>
    <t>Malik Araen</t>
  </si>
  <si>
    <t>BASTI SAEED ABAD NAI WALA</t>
  </si>
  <si>
    <t>Langar Wah</t>
  </si>
  <si>
    <t>GPS BHAMMAN</t>
  </si>
  <si>
    <t>village bhamman batapur lahore</t>
  </si>
  <si>
    <t>GPS BHAN</t>
  </si>
  <si>
    <t>Bhan kotli sattian</t>
  </si>
  <si>
    <t>Dirkot</t>
  </si>
  <si>
    <t>Nosheen Kousar</t>
  </si>
  <si>
    <t>GPS BHAN CHOONI</t>
  </si>
  <si>
    <t>Gulyakh</t>
  </si>
  <si>
    <t>gulyakh</t>
  </si>
  <si>
    <t>GPS BHAN GHULAM SARWAR</t>
  </si>
  <si>
    <t>GPS Bhan Ghulam sarwar Noor pur Thal teh.Noor Pur Thal Distt khushab</t>
  </si>
  <si>
    <t>Baggian Wala</t>
  </si>
  <si>
    <t>Noor Pur  Rural</t>
  </si>
  <si>
    <t>GPS BHAN JATTA</t>
  </si>
  <si>
    <t>Basti Bhan Jatta Tehsil and District Bhakkar</t>
  </si>
  <si>
    <t>Bhan Jatta</t>
  </si>
  <si>
    <t>GPS BHAN NABI BAKHSH</t>
  </si>
  <si>
    <t>dera nabi bakhsh</t>
  </si>
  <si>
    <t>Derar Nabi Bakhsh</t>
  </si>
  <si>
    <t>Mahmood-ul-hassan</t>
  </si>
  <si>
    <t>kane</t>
  </si>
  <si>
    <t>GPS BHAN PUR</t>
  </si>
  <si>
    <t>Bhan Pur</t>
  </si>
  <si>
    <t>Bhanpur Teh. kamoke  Distt. Gujranwala</t>
  </si>
  <si>
    <t>GPS BHAN SOYAN WALA</t>
  </si>
  <si>
    <t>WANBACHRAN</t>
  </si>
  <si>
    <t>dist mianwali  village chandni</t>
  </si>
  <si>
    <t>chandni</t>
  </si>
  <si>
    <t>wanbachran</t>
  </si>
  <si>
    <t>GPS BHANA P/O BAGHRAIN TEH SHUJABAD MULTAN</t>
  </si>
  <si>
    <t>JALALPUR KHAKHI - MALE</t>
  </si>
  <si>
    <t>moza bhana jalalpur KHAKI shujabad</t>
  </si>
  <si>
    <t>Labeja</t>
  </si>
  <si>
    <t>Jalalpur KHAKI</t>
  </si>
  <si>
    <t>GPS BHANBAN WALI CERTER MANJHI KHEL</t>
  </si>
  <si>
    <t>Tibba Sharif Trag</t>
  </si>
  <si>
    <t>Muhammad Ramzan Khan</t>
  </si>
  <si>
    <t>GPS BHAND WALI</t>
  </si>
  <si>
    <t>Rehana Bhand wali</t>
  </si>
  <si>
    <t>moza rehana Bhand wali markz5 Minchin abad</t>
  </si>
  <si>
    <t>Bhand wali</t>
  </si>
  <si>
    <t>Mohammad pur sansaran</t>
  </si>
  <si>
    <t>GPS BHANDER KARAM SHER</t>
  </si>
  <si>
    <t>village bhander karamsher tehsil jand distt attock</t>
  </si>
  <si>
    <t>Bhander Karamsher</t>
  </si>
  <si>
    <t>GPS BHANDGRAN</t>
  </si>
  <si>
    <t>BhandGran</t>
  </si>
  <si>
    <t>VPO Bhand Gran Teh kharian Distt Gujrat</t>
  </si>
  <si>
    <t>Nasreen  Kousar</t>
  </si>
  <si>
    <t>GPS BHANGALA</t>
  </si>
  <si>
    <t>village bhangala post office norkot</t>
  </si>
  <si>
    <t>GPS BHANGALI</t>
  </si>
  <si>
    <t>village Bhangali Barki road Lahore Cantt</t>
  </si>
  <si>
    <t>GPS BHANGI</t>
  </si>
  <si>
    <t>Bangai</t>
  </si>
  <si>
    <t>Near Tuba CNG Station Turbela road Hazro District Attock</t>
  </si>
  <si>
    <t>Umer Javed</t>
  </si>
  <si>
    <t>GPS BHANGOO WALA</t>
  </si>
  <si>
    <t>Bhangoo Wala</t>
  </si>
  <si>
    <t>GPS Bhangoo wala Markaz Mokal</t>
  </si>
  <si>
    <t>Kottha</t>
  </si>
  <si>
    <t>GPS BHANGRAN WALA</t>
  </si>
  <si>
    <t>Bhangaranwala</t>
  </si>
  <si>
    <t>village bhangaranwala post office karianwala district /tehsil gujrat</t>
  </si>
  <si>
    <t>GPS BHANGUL</t>
  </si>
  <si>
    <t>Bhangul</t>
  </si>
  <si>
    <t>Government  boys primary school bhangul</t>
  </si>
  <si>
    <t>Obaid Hamid</t>
  </si>
  <si>
    <t>through steel pipes</t>
  </si>
  <si>
    <t>GPS BHANI AWAN</t>
  </si>
  <si>
    <t>Amrooka</t>
  </si>
  <si>
    <t>basti bhani awan minchanabad</t>
  </si>
  <si>
    <t>Sajid Akhtar</t>
  </si>
  <si>
    <t>GPS BHANI BAKHUSHAIA</t>
  </si>
  <si>
    <t>Noran Ahluka</t>
  </si>
  <si>
    <t>noran ahloka bhaini bakhshaia tehsil minchinabad district bahawal nagar</t>
  </si>
  <si>
    <t>Bhaini Bakhshaia</t>
  </si>
  <si>
    <t>Null</t>
  </si>
  <si>
    <t>GPS BHANI SHAHBAN KHICHI 27/14-L</t>
  </si>
  <si>
    <t>27/14 Bs</t>
  </si>
  <si>
    <t>chak 27/14</t>
  </si>
  <si>
    <t>27/14</t>
  </si>
  <si>
    <t>Muhammad Nawaz Sajid</t>
  </si>
  <si>
    <t>GPS BHANI SINDHWAN</t>
  </si>
  <si>
    <t>Bhani Sindhwan</t>
  </si>
  <si>
    <t>bhani sindhwan po Qila Jeven Singh Lahore</t>
  </si>
  <si>
    <t>GPS BHANJRAN WALA MUZA BUMB P/O JUGGU WALA</t>
  </si>
  <si>
    <t>bumb</t>
  </si>
  <si>
    <t>basti bhanjraan wala p/o juggu wala</t>
  </si>
  <si>
    <t>bhanjran wala</t>
  </si>
  <si>
    <t>Muhammad Abid Munir</t>
  </si>
  <si>
    <t>GPS BHANO CHAK</t>
  </si>
  <si>
    <t>village bhano chak  tehsil shalimar lahore</t>
  </si>
  <si>
    <t>GPS BHANO PINDI</t>
  </si>
  <si>
    <t>muhallah Deputian Bhanopindi</t>
  </si>
  <si>
    <t>Jamke</t>
  </si>
  <si>
    <t>Muhammad yousaf shakeel</t>
  </si>
  <si>
    <t>GPS BHANOKAY</t>
  </si>
  <si>
    <t>Bhanokay</t>
  </si>
  <si>
    <t>bhanokay</t>
  </si>
  <si>
    <t>Jamkay Cheema</t>
  </si>
  <si>
    <t>GPS BHANU WALA</t>
  </si>
  <si>
    <t>mouza basti rindan jampur</t>
  </si>
  <si>
    <t>Basti Timber</t>
  </si>
  <si>
    <t>MUMTAZ AHMAD</t>
  </si>
  <si>
    <t>GPS BHAPLA KACHA</t>
  </si>
  <si>
    <t>basti bhapla kacha tehsil liaquatpur distt. Ryk</t>
  </si>
  <si>
    <t>Kacha Bhapla</t>
  </si>
  <si>
    <t>GPS BHARAJ</t>
  </si>
  <si>
    <t>village Bharaj p o Lakhanwal Gujrat</t>
  </si>
  <si>
    <t>GPS BHARAK PUR</t>
  </si>
  <si>
    <t>Bahrakpur</t>
  </si>
  <si>
    <t>GPS BAHRAKPUR</t>
  </si>
  <si>
    <t>GPS BHARARY WALA</t>
  </si>
  <si>
    <t>DARBULA</t>
  </si>
  <si>
    <t>BHARARY WALA</t>
  </si>
  <si>
    <t>GPS BHARE WALA</t>
  </si>
  <si>
    <t>Bahary Wala</t>
  </si>
  <si>
    <t>bahary wala p/o harnoli teh piplan dist mianwali</t>
  </si>
  <si>
    <t>GPS BHARI KALAN</t>
  </si>
  <si>
    <t>Bhari Kalan</t>
  </si>
  <si>
    <t>Muhammad Arif Sajid</t>
  </si>
  <si>
    <t>GPS BHARITTA</t>
  </si>
  <si>
    <t>Bharitta</t>
  </si>
  <si>
    <t>village bharitta tehsil Dina district jhelum</t>
  </si>
  <si>
    <t>Nazia Ghafoor</t>
  </si>
  <si>
    <t>GPS BHARJALI</t>
  </si>
  <si>
    <t>bharjali</t>
  </si>
  <si>
    <t>GPS BHARKIN</t>
  </si>
  <si>
    <t>Bharkin</t>
  </si>
  <si>
    <t>bharkin khaliqabad khushab</t>
  </si>
  <si>
    <t>Musadiq Shabbir</t>
  </si>
  <si>
    <t>GPS BHAROKAN WALA</t>
  </si>
  <si>
    <t>Wichveen  Bala</t>
  </si>
  <si>
    <t>Bhrokanwala p/o Bala Tehsil Piplan District Mianwali</t>
  </si>
  <si>
    <t>Bhrokanwala</t>
  </si>
  <si>
    <t>Zulnurain Babar</t>
  </si>
  <si>
    <t>GPS BHAROKAY</t>
  </si>
  <si>
    <t>BHROKAY</t>
  </si>
  <si>
    <t>Village Bhrokay,Post Office Kalaswala,Tehsil Pasrur,Distt Sialkot</t>
  </si>
  <si>
    <t>Rana Asghar Khan</t>
  </si>
  <si>
    <t>GPS BHAROKE VIRKAN</t>
  </si>
  <si>
    <t>Bharoke Virkan</t>
  </si>
  <si>
    <t>moza bharoke virkan tehsil  kamoke  distt. grw</t>
  </si>
  <si>
    <t>GPS BHARPUR AYAT</t>
  </si>
  <si>
    <t>v.p.o bharpur tehsil kallar kahar district chakwal</t>
  </si>
  <si>
    <t>Nargis Yasmeen</t>
  </si>
  <si>
    <t>GPS BHARTHAL</t>
  </si>
  <si>
    <t>BHARTHAL</t>
  </si>
  <si>
    <t>GPS BHARTHAL P/O CHARWA TEH PASRUR(SIALKOT)</t>
  </si>
  <si>
    <t>muhammad arshad anjum</t>
  </si>
  <si>
    <t>GPS BHARYOG</t>
  </si>
  <si>
    <t>Bharyog</t>
  </si>
  <si>
    <t>Mouza Bharyog Tehsil Kot Addu District Muzaffar Garh</t>
  </si>
  <si>
    <t>Hadair</t>
  </si>
  <si>
    <t>Gurmani Shargi</t>
  </si>
  <si>
    <t>Muhammad Junaid Bhutta</t>
  </si>
  <si>
    <t>GPS BHASEEN CHAK NO 47</t>
  </si>
  <si>
    <t>Bhaseen Ck 47</t>
  </si>
  <si>
    <t>Bhaseen ck 47 tehsil pattoki dist kasur</t>
  </si>
  <si>
    <t>Padhana Ck 45</t>
  </si>
  <si>
    <t>GPS BHATAY WAD</t>
  </si>
  <si>
    <t>Bhitay Wdh</t>
  </si>
  <si>
    <t>bhatay wadh post office salhokey daska sialkot</t>
  </si>
  <si>
    <t>Salhokey</t>
  </si>
  <si>
    <t>Mohammad Ilyas</t>
  </si>
  <si>
    <t>GPS BHATI MAITLA</t>
  </si>
  <si>
    <t>Bhatti Maitla</t>
  </si>
  <si>
    <t>mouza bhatti maitla shah sadar din</t>
  </si>
  <si>
    <t>Muneer Qadir</t>
  </si>
  <si>
    <t>GPS BHATIAL</t>
  </si>
  <si>
    <t>Bhatial</t>
  </si>
  <si>
    <t>GPS BHATIA L village bhatial Tehsil and District Jhelum</t>
  </si>
  <si>
    <t>Tayyaba Bashir</t>
  </si>
  <si>
    <t>GPS BHATTA NO.1</t>
  </si>
  <si>
    <t>Bhatta no 01 ahmad pur east road opposite sps bwp</t>
  </si>
  <si>
    <t>Dera Izzat Bwp</t>
  </si>
  <si>
    <t>Bhatta No 1 Bwp</t>
  </si>
  <si>
    <t>HAFIZ IRSHADD AHMAD RABBANI</t>
  </si>
  <si>
    <t>GPS BHATTA SOHN DIN KASUR</t>
  </si>
  <si>
    <t>Bhatta Sohan Din Kasur</t>
  </si>
  <si>
    <t>Chiraag Shah</t>
  </si>
  <si>
    <t>GPS BHATTE SULTAN PURA</t>
  </si>
  <si>
    <t>Village Bhatte P.O Bata Put Lahore</t>
  </si>
  <si>
    <t>Bhatte</t>
  </si>
  <si>
    <t>Muhammad Umair Butt</t>
  </si>
  <si>
    <t>GPS BHATTI (MURALI)</t>
  </si>
  <si>
    <t>GPS dhok bhatti murali</t>
  </si>
  <si>
    <t>Dhok Bhatti Murali</t>
  </si>
  <si>
    <t>GPS BHATTI AFGHANAN</t>
  </si>
  <si>
    <t>Bhatti Afghana</t>
  </si>
  <si>
    <t>Bhatti Afghana shakargarh. Com</t>
  </si>
  <si>
    <t>Rizwan Ali Zahid</t>
  </si>
  <si>
    <t>GPS BHATTI AULAKH</t>
  </si>
  <si>
    <t>Bhatti Aulakh</t>
  </si>
  <si>
    <t>village Bhatti Aulakh post office Nonar Tehsil zafarwal</t>
  </si>
  <si>
    <t>Muhammad Amjad Khan</t>
  </si>
  <si>
    <t>GPS BHATTI DHILWAN</t>
  </si>
  <si>
    <t>Bhatti Dhilwan</t>
  </si>
  <si>
    <t>bhatti dhilwan</t>
  </si>
  <si>
    <t>GPS BHATTI KE WAZIRABAD</t>
  </si>
  <si>
    <t>bhattike</t>
  </si>
  <si>
    <t>Bhatti Ke</t>
  </si>
  <si>
    <t>GPS BHATTI WALA</t>
  </si>
  <si>
    <t>thairi, Drahma, Dera ghazi khan</t>
  </si>
  <si>
    <t>Muhammad Inam Rabbani</t>
  </si>
  <si>
    <t>GPS BHATTI WALA (CHAK NO. 632/TDA)</t>
  </si>
  <si>
    <t>MIR PUR BHAGAL-II- MALE</t>
  </si>
  <si>
    <t>Pattal Shumali</t>
  </si>
  <si>
    <t>Chak No 632/tda teh kot addu dist m garh</t>
  </si>
  <si>
    <t>Chak No 632/tda</t>
  </si>
  <si>
    <t>M QASIM</t>
  </si>
  <si>
    <t>GPS BHATTIA</t>
  </si>
  <si>
    <t>Bhattia p/o kala gujran jhelum</t>
  </si>
  <si>
    <t>GPS BHATTIAN WALA (KHAN WALA)</t>
  </si>
  <si>
    <t>basti khan wala chak aalidaha</t>
  </si>
  <si>
    <t>Alidaha</t>
  </si>
  <si>
    <t>GPS BHATTIAN WALI</t>
  </si>
  <si>
    <t>Bhatianwali</t>
  </si>
  <si>
    <t>Village Bhattian Wali Teh Distt Chakwal</t>
  </si>
  <si>
    <t>Bhatinwali</t>
  </si>
  <si>
    <t>Choa Gang Ali Shah</t>
  </si>
  <si>
    <t>GPS BHAWANG</t>
  </si>
  <si>
    <t>vpo bhawanj S.A.Gir Gujrat</t>
  </si>
  <si>
    <t>Sumair Hanif</t>
  </si>
  <si>
    <t>GPS BHEARY</t>
  </si>
  <si>
    <t>Bheary</t>
  </si>
  <si>
    <t>bheary p o maraki wal</t>
  </si>
  <si>
    <t>Muhammad Anwer Khan</t>
  </si>
  <si>
    <t>GPS BHED</t>
  </si>
  <si>
    <t>Village noorabad PO narar tehsil kahuta district rawalpindi</t>
  </si>
  <si>
    <t>Noorabad</t>
  </si>
  <si>
    <t>take water from different place</t>
  </si>
  <si>
    <t>GPS BHEDAN WALI</t>
  </si>
  <si>
    <t>Hinjrai Ghair Mustaqil Drmiyani</t>
  </si>
  <si>
    <t>bhedan wali</t>
  </si>
  <si>
    <t>Bnhidan Wali</t>
  </si>
  <si>
    <t>GPS BHEDIAN USMAN WALA</t>
  </si>
  <si>
    <t>bhedian usman wala kasur</t>
  </si>
  <si>
    <t>Naeem Hadayat</t>
  </si>
  <si>
    <t>GPS BHEELA HITHAR</t>
  </si>
  <si>
    <t>Camerian</t>
  </si>
  <si>
    <t>camerian,jewna Mahtham post office Peer Thank Tensile and Distract Pakpattan</t>
  </si>
  <si>
    <t>Jewna Mahtham</t>
  </si>
  <si>
    <t>Peer Ghani</t>
  </si>
  <si>
    <t>GPS BHEELA MAHTAM</t>
  </si>
  <si>
    <t>Bheela Mahtam</t>
  </si>
  <si>
    <t>Muhammad Amin Shahid</t>
  </si>
  <si>
    <t>GPS BHEEM GARH</t>
  </si>
  <si>
    <t>basti bheem garh moza adhan wah</t>
  </si>
  <si>
    <t>GPS BHEEMKEY</t>
  </si>
  <si>
    <t>Bheemkay</t>
  </si>
  <si>
    <t>Bheemkay Teh. Chunian Dist. Kasur</t>
  </si>
  <si>
    <t>Ameer Ali</t>
  </si>
  <si>
    <t>GPS BHEKHO MORE</t>
  </si>
  <si>
    <t>vpo bhekho tehsil phalia district m.b.din</t>
  </si>
  <si>
    <t>Bhekho more</t>
  </si>
  <si>
    <t>Umair Hassan</t>
  </si>
  <si>
    <t>GPS BHEKRA</t>
  </si>
  <si>
    <t>Baikra</t>
  </si>
  <si>
    <t>village baikra p.o dina distt jhelum</t>
  </si>
  <si>
    <t>GPS BHELAN</t>
  </si>
  <si>
    <t>basti bhelan moaza Habib misson</t>
  </si>
  <si>
    <t>Bhelan</t>
  </si>
  <si>
    <t>Waleed Mazhar</t>
  </si>
  <si>
    <t>GPS BHELOWAL</t>
  </si>
  <si>
    <t>village bhelowal p/o bhagowal kalan tehsile&amp;district gujrat</t>
  </si>
  <si>
    <t>GPS BHER MALA SINGH</t>
  </si>
  <si>
    <t>Bher Mallah Singh</t>
  </si>
  <si>
    <t>Phma Surra</t>
  </si>
  <si>
    <t>Shahid Ashraf</t>
  </si>
  <si>
    <t>GPS BHERI KHURD</t>
  </si>
  <si>
    <t>GPS Bheri Khurd Tehsil Shakargarh, District Narowal</t>
  </si>
  <si>
    <t>GPS BHEROWAL NO.1</t>
  </si>
  <si>
    <t>vpo Bherowal teh. phalia dist. m.b.din</t>
  </si>
  <si>
    <t>GPS BHERTH SHARQI</t>
  </si>
  <si>
    <t>village Bharth Sharqi p/o Miani Teh, Bhera District, Sargodha</t>
  </si>
  <si>
    <t>Rajib Sultan</t>
  </si>
  <si>
    <t>GPS BHETHA</t>
  </si>
  <si>
    <t>Bheitha</t>
  </si>
  <si>
    <t>V/Bheitha, PO/Hasnot, teh sohawa, distt jhelum</t>
  </si>
  <si>
    <t>Naeem Yousaf</t>
  </si>
  <si>
    <t>GPS BHIANI</t>
  </si>
  <si>
    <t>Bhiani</t>
  </si>
  <si>
    <t>basti and moza bhiani tehsil khairpur tamewali</t>
  </si>
  <si>
    <t>GPS BHIDAL UTAR</t>
  </si>
  <si>
    <t>Bhidal Utar</t>
  </si>
  <si>
    <t>Bhidal Utar Havel Lakha</t>
  </si>
  <si>
    <t>MUHAMMAD AHMAD HASAN</t>
  </si>
  <si>
    <t>GPS BHIKHEY WAL</t>
  </si>
  <si>
    <t>RERRKA - MALE</t>
  </si>
  <si>
    <t>Bhekhay wal</t>
  </si>
  <si>
    <t>bhekhay wal teh phalia dist m b din</t>
  </si>
  <si>
    <t>GPS BHIKHI ANA</t>
  </si>
  <si>
    <t>Dera Bhikhiana p/o Jandiala shar khan Teh/Distt Sheikhupura</t>
  </si>
  <si>
    <t>Bhikhiana</t>
  </si>
  <si>
    <t>Muhammad Zahid Qadeer</t>
  </si>
  <si>
    <t>GPS BHIKHI SANDHUAN</t>
  </si>
  <si>
    <t>Bhikhi Sandhuan</t>
  </si>
  <si>
    <t>Bhikhi Sandhwan</t>
  </si>
  <si>
    <t>Bhikhi Sandhwsn</t>
  </si>
  <si>
    <t>Azhar Farooq</t>
  </si>
  <si>
    <t>GPS BHILOKA</t>
  </si>
  <si>
    <t>Saro Wala</t>
  </si>
  <si>
    <t>bhiloka</t>
  </si>
  <si>
    <t>Bhiloka</t>
  </si>
  <si>
    <t>Sardar Tanveer Asad</t>
  </si>
  <si>
    <t>GPS BHINDA CHADHRAR</t>
  </si>
  <si>
    <t>Bhinda Chadhrar</t>
  </si>
  <si>
    <t>gps bhinda chadhrar</t>
  </si>
  <si>
    <t>Basti Bhinda Chadhrar</t>
  </si>
  <si>
    <t>GPS BHINDA PACHAR</t>
  </si>
  <si>
    <t>BHINDA PACHAR</t>
  </si>
  <si>
    <t>NEAR CHOK SHAHBAZ IN MOUZA BHINDA PACHAR P/O BOX FATEH PUR MAILSI VEHARI</t>
  </si>
  <si>
    <t>Muhammad Farooq Aslam</t>
  </si>
  <si>
    <t>GPS BHINDA PEER IMAM</t>
  </si>
  <si>
    <t>Dharala Randoo</t>
  </si>
  <si>
    <t>mouza dharala randoo u/c karampur tehsil kpt  bwp</t>
  </si>
  <si>
    <t>M   sharif</t>
  </si>
  <si>
    <t>GPS BHINDI LALEKA</t>
  </si>
  <si>
    <t>Bhindi Laleka</t>
  </si>
  <si>
    <t>Bhindi laleka p/o laleka</t>
  </si>
  <si>
    <t>GPS BHIR SHAH NAWAZ WALA</t>
  </si>
  <si>
    <t>Wandhi Bhamjeran Wali</t>
  </si>
  <si>
    <t>GPS BHIR SHAH NAWAZ</t>
  </si>
  <si>
    <t>Bhir Shah Nawaz</t>
  </si>
  <si>
    <t>GPS BHIR SOHAL</t>
  </si>
  <si>
    <t>Bhir Sohal</t>
  </si>
  <si>
    <t>Muhammad Aleem</t>
  </si>
  <si>
    <t>GPS BHIRBHIRIAN</t>
  </si>
  <si>
    <t>village Bhirbhirian Lehtrar kotlisattian</t>
  </si>
  <si>
    <t>Bhirbhirian</t>
  </si>
  <si>
    <t>GPS BHIRDAR GAHI</t>
  </si>
  <si>
    <t>Bhir Darghi</t>
  </si>
  <si>
    <t>bhir darghi taxila</t>
  </si>
  <si>
    <t>Bhir Darghi Taxila</t>
  </si>
  <si>
    <t>Taxila Cantt</t>
  </si>
  <si>
    <t>Sehrish Nazir</t>
  </si>
  <si>
    <t>GPS BHIRKI</t>
  </si>
  <si>
    <t>Basti baga bhirki teribale area tumun khosa</t>
  </si>
  <si>
    <t>Ponds</t>
  </si>
  <si>
    <t>GPS BHIRR RASHID SHAH</t>
  </si>
  <si>
    <t>basti rathi mauza bhirr rasheed shah teh.&amp; distt.bhakkar</t>
  </si>
  <si>
    <t>GPS BHIRRI CHATHA</t>
  </si>
  <si>
    <t>Bhirri Chatha</t>
  </si>
  <si>
    <t>gps bhirri chatha</t>
  </si>
  <si>
    <t>Alaodenkay</t>
  </si>
  <si>
    <t>Arfan Ullah</t>
  </si>
  <si>
    <t>GPS BHIT MUUST</t>
  </si>
  <si>
    <t>Bhit Mast</t>
  </si>
  <si>
    <t>phuleray syddan</t>
  </si>
  <si>
    <t>Ammar Iqbal</t>
  </si>
  <si>
    <t>GPS BHOBATTIAN</t>
  </si>
  <si>
    <t>Haloki district Lahore.</t>
  </si>
  <si>
    <t>Farrukh Zubair Hussain</t>
  </si>
  <si>
    <t>GPS BHOBHANGI</t>
  </si>
  <si>
    <t>village Bhobhangi PO perochak Teh Daska Disst Sialkot</t>
  </si>
  <si>
    <t>Babar Baig</t>
  </si>
  <si>
    <t>GPS BHOCH KAY</t>
  </si>
  <si>
    <t>Bhouchky</t>
  </si>
  <si>
    <t>village bhouchkay</t>
  </si>
  <si>
    <t>bhouchkay</t>
  </si>
  <si>
    <t>bahadar pura</t>
  </si>
  <si>
    <t>GPS BHOCHERA</t>
  </si>
  <si>
    <t>Mouza Bhochra Tehsil &amp; District Jhang</t>
  </si>
  <si>
    <t>GPS BHOE ASAL</t>
  </si>
  <si>
    <t>GPS BHOEWAL</t>
  </si>
  <si>
    <t>Bhoey Wal</t>
  </si>
  <si>
    <t>Village Bhoey Wal Po/Tehsil Sharaqpur Distt Sheikhupura</t>
  </si>
  <si>
    <t>GPS BHOGI CHAK</t>
  </si>
  <si>
    <t>Bhogichak</t>
  </si>
  <si>
    <t>Village &amp; p.o Bhogichak tehsil sohawa  District jhelum</t>
  </si>
  <si>
    <t>GPS BHOGI SHAHEED JALALPUR</t>
  </si>
  <si>
    <t>Motha Shumali</t>
  </si>
  <si>
    <t>bhogi shaheed moza motha shumali uc kotla chakkar 170 jppw multan</t>
  </si>
  <si>
    <t>Kotla Chakkar</t>
  </si>
  <si>
    <t>Mujahid Akhtar</t>
  </si>
  <si>
    <t>GPS BHOI GAR</t>
  </si>
  <si>
    <t>bhoigar hassan abdal</t>
  </si>
  <si>
    <t>nalka</t>
  </si>
  <si>
    <t>GPS BHOJJA</t>
  </si>
  <si>
    <t>bhoja post ofice sarhali kalan district  kasur</t>
  </si>
  <si>
    <t>Tahir Ismail</t>
  </si>
  <si>
    <t>GPS BHOJO CHAK</t>
  </si>
  <si>
    <t>Bhojo Chak</t>
  </si>
  <si>
    <t>bhojochak Chak, Zafarwal, narowal</t>
  </si>
  <si>
    <t>GPS BHOJO MOHRA</t>
  </si>
  <si>
    <t>Village Bhojo Mohra P.O.Padhri Tehseel Sohawa District Jhelum</t>
  </si>
  <si>
    <t>Bhojo Mohra</t>
  </si>
  <si>
    <t>GPS BHOKAN GHUDAR KAY</t>
  </si>
  <si>
    <t>Bukkan Guddar Kay</t>
  </si>
  <si>
    <t>GPS BHOKNI</t>
  </si>
  <si>
    <t>Bhokni</t>
  </si>
  <si>
    <t>Bhokni post office lang shumali Jhang</t>
  </si>
  <si>
    <t>SHER MUHAMMAD</t>
  </si>
  <si>
    <t>GPS BHOLA MUSA</t>
  </si>
  <si>
    <t>Bhola musa tehsil Sambrial district sialkot</t>
  </si>
  <si>
    <t>Arfan Amanullah</t>
  </si>
  <si>
    <t>GPS BHOLE KAY</t>
  </si>
  <si>
    <t>Bholekey</t>
  </si>
  <si>
    <t>village bholekey</t>
  </si>
  <si>
    <t>GPS BHOLEY WALA</t>
  </si>
  <si>
    <t>chak bholay wala</t>
  </si>
  <si>
    <t>GPS BHONDA KALAN</t>
  </si>
  <si>
    <t>bhonda kalan</t>
  </si>
  <si>
    <t>GPS Bhonda Kalan</t>
  </si>
  <si>
    <t>GPS BHONDI</t>
  </si>
  <si>
    <t>Bhondi</t>
  </si>
  <si>
    <t>Chak Bhondi post office Macleod Gunj Teh Minchan abad Distt Bhawal nagar</t>
  </si>
  <si>
    <t>GPS BHONKIN WALI</t>
  </si>
  <si>
    <t>Janu Gair Mustaqil</t>
  </si>
  <si>
    <t>chah Donay Wala moza janu Gair Mustaqil uc bait Qaim Wala tehsil kot addu muzafar garh</t>
  </si>
  <si>
    <t>Dony Wala</t>
  </si>
  <si>
    <t>Aurangzaib</t>
  </si>
  <si>
    <t>GPS BHOON CHRI</t>
  </si>
  <si>
    <t>basti bhoonchri chri</t>
  </si>
  <si>
    <t>Bhoonchri Chri</t>
  </si>
  <si>
    <t>GPS BHOORJI</t>
  </si>
  <si>
    <t>Bhoorji</t>
  </si>
  <si>
    <t>GPS BHOOTI</t>
  </si>
  <si>
    <t>chak no.bhooti tehsil pirmahal district toba tek singh</t>
  </si>
  <si>
    <t>Chak 689/33</t>
  </si>
  <si>
    <t>GPS BHOOTI PUR</t>
  </si>
  <si>
    <t>Bhootipur Kot Salar</t>
  </si>
  <si>
    <t>GPS Bhooti pur tehsil sharaqpur district sheikupura</t>
  </si>
  <si>
    <t>Bhooti Pur</t>
  </si>
  <si>
    <t>Easan</t>
  </si>
  <si>
    <t>GPS BHOPAL WALA NO.1</t>
  </si>
  <si>
    <t>Bhopal Wala</t>
  </si>
  <si>
    <t>VPO Bhopalwala Teh. Sambrial Distt. Sialkot</t>
  </si>
  <si>
    <t>Anwar Khan</t>
  </si>
  <si>
    <t>GPS BHOPAL WALA NO.2</t>
  </si>
  <si>
    <t>P/o Bhopalwala</t>
  </si>
  <si>
    <t>Aleem Ullah Cheema</t>
  </si>
  <si>
    <t>GPS BHOPAT WALA P/O AGHARKHANI SHUJABAD</t>
  </si>
  <si>
    <t>Dhoundu</t>
  </si>
  <si>
    <t>chah bhopat wala dhoundu</t>
  </si>
  <si>
    <t>Bhopat Wala</t>
  </si>
  <si>
    <t>Muhammad Rizwan Aslam</t>
  </si>
  <si>
    <t>GPS BHOPER</t>
  </si>
  <si>
    <t>Bhoper</t>
  </si>
  <si>
    <t>GOVT primary school bhoper</t>
  </si>
  <si>
    <t>Chak Ramada Nou</t>
  </si>
  <si>
    <t>GPS BHORAY OTHEY</t>
  </si>
  <si>
    <t>Bhury Outhi</t>
  </si>
  <si>
    <t>GPS bhoray othey teh muridky sheikupura</t>
  </si>
  <si>
    <t>Ladhkey</t>
  </si>
  <si>
    <t>GPS BHORE</t>
  </si>
  <si>
    <t>Bhore</t>
  </si>
  <si>
    <t>moza bhore sahiwal</t>
  </si>
  <si>
    <t>Moza Bhore</t>
  </si>
  <si>
    <t>Orangabad</t>
  </si>
  <si>
    <t>GPS BHOREY KHAN</t>
  </si>
  <si>
    <t>basti lal baksh shikani Thul Ali muhammad</t>
  </si>
  <si>
    <t>Basti Bhorey Khan</t>
  </si>
  <si>
    <t>Kabul Khan</t>
  </si>
  <si>
    <t>GPS BHORGARAN</t>
  </si>
  <si>
    <t>Bohar  Graan Samli Tajjal Murree</t>
  </si>
  <si>
    <t>Bohar  Graan</t>
  </si>
  <si>
    <t>GPS BHOTA RAWAL</t>
  </si>
  <si>
    <t>Bhota Roual</t>
  </si>
  <si>
    <t>Bhota Royal The. Shakar Garh</t>
  </si>
  <si>
    <t>Muhammad Irfan Abbas Khan</t>
  </si>
  <si>
    <t>GPS BHOUN NO.1</t>
  </si>
  <si>
    <t>v.p.o bhaun teh  kallar kahar distt chakwal</t>
  </si>
  <si>
    <t>GPS BHOUN NO.2</t>
  </si>
  <si>
    <t>moh.kot v.p.o bhaun teh.kallar kahar chakwal</t>
  </si>
  <si>
    <t>Saadat Amir</t>
  </si>
  <si>
    <t>GPS BHOUN NO.3</t>
  </si>
  <si>
    <t>mohellah islamabad bhaun disst chakwal teh kallar kahar  .</t>
  </si>
  <si>
    <t>GPS BHOURA NOROZ</t>
  </si>
  <si>
    <t>Bhura Noroz</t>
  </si>
  <si>
    <t>vill:Bhura NOROZ POST OFFICE BHURA HAYAL TEHSIL KAHUTA DISTRICT RAWALPINDI</t>
  </si>
  <si>
    <t>WASIF MEHMOOD</t>
  </si>
  <si>
    <t>GPS BHOY DHKU</t>
  </si>
  <si>
    <t>Bhoy Dhaku</t>
  </si>
  <si>
    <t>village bhoy dhaku</t>
  </si>
  <si>
    <t>Mubashar Ali</t>
  </si>
  <si>
    <t>GPS BHROKIAN WALA</t>
  </si>
  <si>
    <t>Gunjial North</t>
  </si>
  <si>
    <t>GPS BHUCH</t>
  </si>
  <si>
    <t>bhuch</t>
  </si>
  <si>
    <t>basti bhuch tehsil taunsa dist dera ghazi khan</t>
  </si>
  <si>
    <t>GPS BHUDHAN WALA</t>
  </si>
  <si>
    <t>budhan wala k.d qureshi</t>
  </si>
  <si>
    <t>Budhan Wala</t>
  </si>
  <si>
    <t>K D Qureshi</t>
  </si>
  <si>
    <t>GPS BHUGREE P/O DAJAL</t>
  </si>
  <si>
    <t>AzmaT Wala</t>
  </si>
  <si>
    <t>Basti Deena Azmat Wala</t>
  </si>
  <si>
    <t>Basti Deena</t>
  </si>
  <si>
    <t>Muhammad Azam Anjum</t>
  </si>
  <si>
    <t>GPS Bhula</t>
  </si>
  <si>
    <t>Bhula</t>
  </si>
  <si>
    <t>village bhula po box udhowali</t>
  </si>
  <si>
    <t>Amir Arshad</t>
  </si>
  <si>
    <t>GPS BHULLAR RUHI WALA</t>
  </si>
  <si>
    <t>villahr Bhullar rohi wala pasrur sialkot</t>
  </si>
  <si>
    <t>Muhammad Sheraz</t>
  </si>
  <si>
    <t>GPS BHULLAR WALA</t>
  </si>
  <si>
    <t>BHULLAR WALA MUZA NAWANKOT TEHSILE CHOUBARA DISTRICT LAYYAH</t>
  </si>
  <si>
    <t>BHULLAR WALA</t>
  </si>
  <si>
    <t>GPS BHULUKA</t>
  </si>
  <si>
    <t>Pehlwanka</t>
  </si>
  <si>
    <t>chak bhalloka moza pehlwanka teh minchinabad district bahawalnagar</t>
  </si>
  <si>
    <t>Bhalloka</t>
  </si>
  <si>
    <t>Muhammad Ahmad Shakir</t>
  </si>
  <si>
    <t>GPS BHUNIAN</t>
  </si>
  <si>
    <t>Bhunian</t>
  </si>
  <si>
    <t>village Bhunian p/o Soon uc Narar tehsil Kahuta district Rawalpindi</t>
  </si>
  <si>
    <t>Muhammad Bilal Ishtiaq</t>
  </si>
  <si>
    <t>GPS BHURARI</t>
  </si>
  <si>
    <t>Bhurari</t>
  </si>
  <si>
    <t>village bhurrari tehsil kamoky district gujranwala</t>
  </si>
  <si>
    <t>Faryad Khan</t>
  </si>
  <si>
    <t>GPS BHURGRA</t>
  </si>
  <si>
    <t>Bhurgrah</t>
  </si>
  <si>
    <t>Gps Bhurgrah</t>
  </si>
  <si>
    <t>GPS BHUTTA ABAD</t>
  </si>
  <si>
    <t>basti bhutta abad mouza tibbi nizam uc gurmani sharqi</t>
  </si>
  <si>
    <t>Bhutta Abad</t>
  </si>
  <si>
    <t>GPS BHUTTA KOT</t>
  </si>
  <si>
    <t>GBPS bhutta kot</t>
  </si>
  <si>
    <t>Amir Imrani</t>
  </si>
  <si>
    <t>GPS BHUTTA NAU</t>
  </si>
  <si>
    <t>Bhutta Nau</t>
  </si>
  <si>
    <t>Govt. P/S Bhutta Nau</t>
  </si>
  <si>
    <t>Amjad Farooq</t>
  </si>
  <si>
    <t>GPS BHUTTANA</t>
  </si>
  <si>
    <t>GPS bhuttana</t>
  </si>
  <si>
    <t>Bhuttana</t>
  </si>
  <si>
    <t>GPS BHUTTIAN WALA</t>
  </si>
  <si>
    <t>Dera Bhuttianwala</t>
  </si>
  <si>
    <t>GPS BHUTTY WALA</t>
  </si>
  <si>
    <t>Mutfraq chahan</t>
  </si>
  <si>
    <t>Bhutty Wala Choti Zareen</t>
  </si>
  <si>
    <t>Bhutty wala</t>
  </si>
  <si>
    <t>mutfriq chahan</t>
  </si>
  <si>
    <t>Khalid Fareed</t>
  </si>
  <si>
    <t>GPS BIA SINGH WALA</t>
  </si>
  <si>
    <t>Bia Singh Wala</t>
  </si>
  <si>
    <t>Bia Singh Wala, Tehsil Chunian Distt. Kasur.</t>
  </si>
  <si>
    <t>GPS BIAKH</t>
  </si>
  <si>
    <t>Biyakh</t>
  </si>
  <si>
    <t>Village  biakh  post office Kaliyal district khushab</t>
  </si>
  <si>
    <t>Rang Ellahi</t>
  </si>
  <si>
    <t>GPS BIAL</t>
  </si>
  <si>
    <t>Waghal bial</t>
  </si>
  <si>
    <t>Waghal Bial</t>
  </si>
  <si>
    <t>Muhammad Faisal</t>
  </si>
  <si>
    <t>Chasma</t>
  </si>
  <si>
    <t>GPS BIBI PUR DAMMER</t>
  </si>
  <si>
    <t>B B Pur Dammer</t>
  </si>
  <si>
    <t>Moza B  B  Pur  damar  basti Chajre Wala  teh jatoi muzaffar  garh</t>
  </si>
  <si>
    <t>Basti Chajre Wala</t>
  </si>
  <si>
    <t>Dammer Wala Shumali</t>
  </si>
  <si>
    <t>GPS BIBI PUR MARDAN PUR MULTAN</t>
  </si>
  <si>
    <t>Murdan Pur</t>
  </si>
  <si>
    <t>chah jamalwala p.o jhoke waince multan</t>
  </si>
  <si>
    <t>Jamalwala</t>
  </si>
  <si>
    <t>Ailum Pur</t>
  </si>
  <si>
    <t>GPS BIBI WALA</t>
  </si>
  <si>
    <t>Paiga No1</t>
  </si>
  <si>
    <t>gps bibiwala</t>
  </si>
  <si>
    <t>Gadai West</t>
  </si>
  <si>
    <t>GPS BIDDER MARJAN</t>
  </si>
  <si>
    <t>Farooq Hussain</t>
  </si>
  <si>
    <t>watar supply village</t>
  </si>
  <si>
    <t>GPS BIGIYANA WALA</t>
  </si>
  <si>
    <t>bigiyana Wala</t>
  </si>
  <si>
    <t>Bigiyana Wala</t>
  </si>
  <si>
    <t>Harnoli R</t>
  </si>
  <si>
    <t>GPS BIJAR AHMEDANI</t>
  </si>
  <si>
    <t>Darkhast Jamal Than Darmiani</t>
  </si>
  <si>
    <t>darkhast Jamal Khan shumali</t>
  </si>
  <si>
    <t>Bijer Ahmedani</t>
  </si>
  <si>
    <t>Guulam Yasin</t>
  </si>
  <si>
    <t>GPS BIJAR BIRMANI</t>
  </si>
  <si>
    <t>darkhast jamal khan gharbi no 1</t>
  </si>
  <si>
    <t>basti bijar birmani</t>
  </si>
  <si>
    <t>Basti Bijar Birmani</t>
  </si>
  <si>
    <t>Darkhast jamal khan gharbi no 1</t>
  </si>
  <si>
    <t>Ghulam Asghar</t>
  </si>
  <si>
    <t>GPS BIKHARI KHURD</t>
  </si>
  <si>
    <t>bikhari Khurd</t>
  </si>
  <si>
    <t>bikhari khurd</t>
  </si>
  <si>
    <t>ABDUL KHALIL</t>
  </si>
  <si>
    <t>GPS BIL WANI</t>
  </si>
  <si>
    <t>Basti bilwani taunsa sharif</t>
  </si>
  <si>
    <t>Vohova Chak Shumaki</t>
  </si>
  <si>
    <t>shan riaz</t>
  </si>
  <si>
    <t>GPS BILAL WALA</t>
  </si>
  <si>
    <t>moza Muhammad pur post office wasandy wali basti baloch wala</t>
  </si>
  <si>
    <t>Muhammad Saifullah Tahir</t>
  </si>
  <si>
    <t>GPS BILALAN WALA</t>
  </si>
  <si>
    <t>Bilalanwala Teh Piplan District mianwali</t>
  </si>
  <si>
    <t>Zeeshan Gul Niazi</t>
  </si>
  <si>
    <t>GPS BILAWAL BOHARH</t>
  </si>
  <si>
    <t>Darkhast Jamal Khan Gharbi #1</t>
  </si>
  <si>
    <t>Darkhast Jamal khan Gharbi # 1</t>
  </si>
  <si>
    <t>GPS BILGARAN</t>
  </si>
  <si>
    <t>p.odhandavillagebilgrantehsilmurree</t>
  </si>
  <si>
    <t>Bilgran</t>
  </si>
  <si>
    <t>GPS BILHAR DAWANA, SARAI SIDHU</t>
  </si>
  <si>
    <t>Gps bilhar dawana kabirwala khanewal</t>
  </si>
  <si>
    <t>Bilhar Dawana</t>
  </si>
  <si>
    <t>GPS BILLI WALA</t>
  </si>
  <si>
    <t>basti billi wala</t>
  </si>
  <si>
    <t>Haider Ali</t>
  </si>
  <si>
    <t>GPS BILLOKA</t>
  </si>
  <si>
    <t>KOT WASAWA</t>
  </si>
  <si>
    <t>chak no 144 jb teh @ distt chiniot</t>
  </si>
  <si>
    <t>balkay khokhar</t>
  </si>
  <si>
    <t>chak no 140 jb</t>
  </si>
  <si>
    <t>GPS BILOO FARM</t>
  </si>
  <si>
    <t>East</t>
  </si>
  <si>
    <t>GPS BILLU FARM</t>
  </si>
  <si>
    <t>BILLU FARM</t>
  </si>
  <si>
    <t>Mittha Tiwana</t>
  </si>
  <si>
    <t>GPS BILOO SANDILA</t>
  </si>
  <si>
    <t>Pakka Sandilah</t>
  </si>
  <si>
    <t>P/O Langar Sarai Tehsil&amp;Disst. Muzaffar Garh.</t>
  </si>
  <si>
    <t>Muhammad Sohail Zafar</t>
  </si>
  <si>
    <t>GPS BIN SIDDIQUE WALA</t>
  </si>
  <si>
    <t>Waddhay Wali</t>
  </si>
  <si>
    <t>moza waddhay wali p/o wara seehran basti bin siddique wala</t>
  </si>
  <si>
    <t>Bin Siddique Wala</t>
  </si>
  <si>
    <t>Wara Seehran</t>
  </si>
  <si>
    <t>Aamir  Ali</t>
  </si>
  <si>
    <t>GPS BINDA GUL HAIDER SHAH</t>
  </si>
  <si>
    <t>binda Gull Haider Shah  mouza  badiani  p/of shahani tehsil &amp; district bhakkar</t>
  </si>
  <si>
    <t>Binda Gull Haider Shah</t>
  </si>
  <si>
    <t>Syed Muddaser Abbas Shah</t>
  </si>
  <si>
    <t>GPS BINDA MEHARBAN</t>
  </si>
  <si>
    <t>Mirhazar khan</t>
  </si>
  <si>
    <t>Basti sharifwala,mouza and union council mirhazarkhan tehsil jatoi,district muzaffargarh</t>
  </si>
  <si>
    <t>Sharif wala</t>
  </si>
  <si>
    <t>Muhammad Alyaas</t>
  </si>
  <si>
    <t>GPS BINDA RASHEED PUR</t>
  </si>
  <si>
    <t>Binda Rasheed Pur</t>
  </si>
  <si>
    <t>mouza binda rasheed pur</t>
  </si>
  <si>
    <t>Muqaddar Abbas</t>
  </si>
  <si>
    <t>GPS BINDA SURBANA</t>
  </si>
  <si>
    <t>basti binda surbana</t>
  </si>
  <si>
    <t>Kgaki Kakhi</t>
  </si>
  <si>
    <t>mohmmad shahid saqib</t>
  </si>
  <si>
    <t>GPS BINDAR</t>
  </si>
  <si>
    <t>Bindar</t>
  </si>
  <si>
    <t>basti bindar trible area distt dgkhan</t>
  </si>
  <si>
    <t>Faqeer Khan</t>
  </si>
  <si>
    <t>GPS BINDEVE</t>
  </si>
  <si>
    <t>Phuglu</t>
  </si>
  <si>
    <t>mouza phuglu basti bindeou thekar trible area distt dgkhan</t>
  </si>
  <si>
    <t>Bindou</t>
  </si>
  <si>
    <t>Fakhar Imam</t>
  </si>
  <si>
    <t>GPS BINDI BAIG MAHNI</t>
  </si>
  <si>
    <t>bindi baig mahni</t>
  </si>
  <si>
    <t>mouza bindi baig mahni jhang</t>
  </si>
  <si>
    <t>bindi baig</t>
  </si>
  <si>
    <t>kheewa</t>
  </si>
  <si>
    <t>GPS BINDI PATUANA NO 2</t>
  </si>
  <si>
    <t>Bindi Patoana  Kalan</t>
  </si>
  <si>
    <t>Gps Bindi Patuana No 2</t>
  </si>
  <si>
    <t>GPS BINDIAN WALA</t>
  </si>
  <si>
    <t>Saad  Wala</t>
  </si>
  <si>
    <t>gps bindianwala p/o goharwala tehsil mankera district bhakkar</t>
  </si>
  <si>
    <t>Bindian Wala</t>
  </si>
  <si>
    <t>GPS BIRARY TANDLIANWALA</t>
  </si>
  <si>
    <t>thatha bhurary moza Garh tehsil tandlianwala</t>
  </si>
  <si>
    <t>Thahta Bhurary</t>
  </si>
  <si>
    <t>Mahar Muhammad Aslam</t>
  </si>
  <si>
    <t>GPS BIRGRAN</t>
  </si>
  <si>
    <t>village birgran murree</t>
  </si>
  <si>
    <t>Haleema Kousar</t>
  </si>
  <si>
    <t>GPS BIRMANI JADEED</t>
  </si>
  <si>
    <t>Chak Birmani</t>
  </si>
  <si>
    <t>chak birmani uc bakhir wah no 84</t>
  </si>
  <si>
    <t>bakhir wah</t>
  </si>
  <si>
    <t>Amjad Pervaiz</t>
  </si>
  <si>
    <t>GPS BIRREE</t>
  </si>
  <si>
    <t>Birree</t>
  </si>
  <si>
    <t>Village Birree Tehsil Zafarwal District Narowal</t>
  </si>
  <si>
    <t>Dinga Nareinpure</t>
  </si>
  <si>
    <t>GPS BIRTHALA</t>
  </si>
  <si>
    <t>Basti Birthala p/o 150/p</t>
  </si>
  <si>
    <t>Basti Birthala</t>
  </si>
  <si>
    <t>Rao Rehmat Ali</t>
  </si>
  <si>
    <t>GPS BISHANDOT</t>
  </si>
  <si>
    <t>village &amp; p.o bishandot Teh kallar syedan</t>
  </si>
  <si>
    <t>Kausar Niazi</t>
  </si>
  <si>
    <t>GPS BITHARAY WALA</t>
  </si>
  <si>
    <t>Chabher Khor Satein</t>
  </si>
  <si>
    <t>GPS Bitharay wala Markaz sharif chhajra tehsile distric Muzaffar garh</t>
  </si>
  <si>
    <t>Bitharay Wala</t>
  </si>
  <si>
    <t>Nazar Hussain Khalid</t>
  </si>
  <si>
    <t>GPS BLAGGAN</t>
  </si>
  <si>
    <t>tehsil pasrur village balaggan</t>
  </si>
  <si>
    <t>GPS BLOCK NO. 1 ALLAH ABAD</t>
  </si>
  <si>
    <t>opposite jamiya mosque Allah Abad tehsil liaquatpur distt Rahim Yar Khan.</t>
  </si>
  <si>
    <t>GPS BLOCK NO. 1 CHANGA MANGA</t>
  </si>
  <si>
    <t>Block No I P / O  changa manga tehsil chunian district kasur</t>
  </si>
  <si>
    <t>WanKhara</t>
  </si>
  <si>
    <t>GPS BLOCK NO. 2 CHANGA MANGA</t>
  </si>
  <si>
    <t>Forest colony Block no 2 Changa Manga tehsil chunian</t>
  </si>
  <si>
    <t>Block No2</t>
  </si>
  <si>
    <t>ABDULLAH SALEEM</t>
  </si>
  <si>
    <t>GPS BLOCK NO. 2 MUHAJIR COLONY</t>
  </si>
  <si>
    <t>muhajir colony sadiq abad</t>
  </si>
  <si>
    <t>GPS BLOCK NO. 4 CHANGA MANGA</t>
  </si>
  <si>
    <t>Block4</t>
  </si>
  <si>
    <t>BLOCK NO 4 change manga</t>
  </si>
  <si>
    <t>WAN Khara</t>
  </si>
  <si>
    <t>MUHAMMAD TARIQ SHAKIR</t>
  </si>
  <si>
    <t>GPS BLOCK NO. 5 CHANGA MANGA</t>
  </si>
  <si>
    <t>Mashaullah Colony Changa Manga</t>
  </si>
  <si>
    <t>mashallah  colony changa manga tehsile chunian district kadur</t>
  </si>
  <si>
    <t>Mashaullah Colony</t>
  </si>
  <si>
    <t>muhammad ahmad raza</t>
  </si>
  <si>
    <t>GPS BLOCK NO. 5 SECTOR B-I TOWNSHIP</t>
  </si>
  <si>
    <t>Block No.5  Sector Bl,Township ,Lahore</t>
  </si>
  <si>
    <t>GPS BODIAL</t>
  </si>
  <si>
    <t>Bodiyal</t>
  </si>
  <si>
    <t>village bodiyal po dhalla tehsil and district rawalpindi</t>
  </si>
  <si>
    <t>Chaudary Sajjad Akhter</t>
  </si>
  <si>
    <t>GPS BODO MANA</t>
  </si>
  <si>
    <t>DARABI</t>
  </si>
  <si>
    <t>MAKWAL KALAN</t>
  </si>
  <si>
    <t>GPS BOHAR</t>
  </si>
  <si>
    <t>Basti Bohar Tehsil Taunsa District DG Khan</t>
  </si>
  <si>
    <t>GPS BOHAR LANGAH</t>
  </si>
  <si>
    <t>P/O sardar pur jhandir tehsil Duniyapur Distt Lodhran</t>
  </si>
  <si>
    <t>GPS BOHAR P/O JUGGO WALA</t>
  </si>
  <si>
    <t>basti bohar p/o juggu wala</t>
  </si>
  <si>
    <t>basti bohar</t>
  </si>
  <si>
    <t>juggu walla</t>
  </si>
  <si>
    <t>GPS BOHAR WARI SHALIMAR TOWN SALAMAT PURA</t>
  </si>
  <si>
    <t>New shalimar housing scheme salamat pura lahore</t>
  </si>
  <si>
    <t>GPS BOHGUN</t>
  </si>
  <si>
    <t>Village Bohgan PO Lakhoki Tehsil Cantt Distt Lahore</t>
  </si>
  <si>
    <t>Khan Muhammad Zahid</t>
  </si>
  <si>
    <t>GPS BOIAN WALA TANDLIANWALA</t>
  </si>
  <si>
    <t>Moza Boianwala, Tehsil Tandlianwala, District Faisalabad</t>
  </si>
  <si>
    <t>Boianwala</t>
  </si>
  <si>
    <t>GPS BOKEN</t>
  </si>
  <si>
    <t>Vill Boken Gujrat</t>
  </si>
  <si>
    <t>Jora Jalalpure</t>
  </si>
  <si>
    <t>Atezaz Ashraf</t>
  </si>
  <si>
    <t>GPS BOKHARA</t>
  </si>
  <si>
    <t>Gps bokhara</t>
  </si>
  <si>
    <t>Umaid Ali Shah</t>
  </si>
  <si>
    <t>Nayyar Abbas</t>
  </si>
  <si>
    <t>GPS BOLANI NO.2</t>
  </si>
  <si>
    <t>BOLANI</t>
  </si>
  <si>
    <t>BASTI JAEWAR</t>
  </si>
  <si>
    <t>GPS BONGA BAKHSH</t>
  </si>
  <si>
    <t>Bonga Bakhsh</t>
  </si>
  <si>
    <t>Gps Bonga Bakhsh</t>
  </si>
  <si>
    <t>Muhammd Rizwan Ashraf</t>
  </si>
  <si>
    <t>GPS BONGA JEVAN</t>
  </si>
  <si>
    <t>Bonga Jeven</t>
  </si>
  <si>
    <t>moza boonga jeven p/o hasil sarho tehsil minchin abad</t>
  </si>
  <si>
    <t>Nadia Ismail</t>
  </si>
  <si>
    <t>GPS BONGA KHARAK SINGH</t>
  </si>
  <si>
    <t>Bunga Kharak Singh</t>
  </si>
  <si>
    <t>village bounga kharak Singh. tehsil and district okara</t>
  </si>
  <si>
    <t>GPS BONGA LASHKARI</t>
  </si>
  <si>
    <t>Boonga Lashkari</t>
  </si>
  <si>
    <t>Mauza Boonga Lashkari Tehsil Hasilpur District Bahawalpur.</t>
  </si>
  <si>
    <t>Muhmmad Sarwar</t>
  </si>
  <si>
    <t>GPS BONGA RAMZAN KHAN</t>
  </si>
  <si>
    <t>Bounga Ramzan Khan</t>
  </si>
  <si>
    <t>Chah Lap Wala Mouza Bounga Ramzan Khan Tehsil Khairpur Tamewali District Bahawalpur</t>
  </si>
  <si>
    <t>Lap Wala</t>
  </si>
  <si>
    <t>GPS BONGA TAJAKA</t>
  </si>
  <si>
    <t>Bonga Tejeka</t>
  </si>
  <si>
    <t>bonga tejeka teh.Minchinabad dist bahawalnagar</t>
  </si>
  <si>
    <t>Waheed Ahmed Wattoo</t>
  </si>
  <si>
    <t>GPS BONGA TATARI</t>
  </si>
  <si>
    <t>GPS Bonga Tatari</t>
  </si>
  <si>
    <t>Shamsher Ali</t>
  </si>
  <si>
    <t>GPS BONGI POHLU</t>
  </si>
  <si>
    <t>Bungi Pohlu</t>
  </si>
  <si>
    <t>bungi pohlu</t>
  </si>
  <si>
    <t>GPS BONGI RAM SINGH</t>
  </si>
  <si>
    <t>Bongi Ram Singh</t>
  </si>
  <si>
    <t>mozza BONGI RAM SINGH</t>
  </si>
  <si>
    <t>GPS BONGI TAHIR</t>
  </si>
  <si>
    <t>Bungi Tahir</t>
  </si>
  <si>
    <t>GPS, Bungi Tahir</t>
  </si>
  <si>
    <t>Rahmat Ali</t>
  </si>
  <si>
    <t>GPS BOOBKAN WALA</t>
  </si>
  <si>
    <t>village Boobkanwala tehsil Daska District Sialkot</t>
  </si>
  <si>
    <t>GPS BOOHALI</t>
  </si>
  <si>
    <t>Boohali</t>
  </si>
  <si>
    <t>Basti Amanullah Sohrani. Mauza Boohali</t>
  </si>
  <si>
    <t>RAJAB ALI</t>
  </si>
  <si>
    <t>Rainy Water</t>
  </si>
  <si>
    <t>GPS BOOL CHAK</t>
  </si>
  <si>
    <t>Bool Chak</t>
  </si>
  <si>
    <t>bool chak p/o khas tehsil mureedky district sheikhupura</t>
  </si>
  <si>
    <t>Tuqeer Ahmad Naaz</t>
  </si>
  <si>
    <t>GPS BOOLA</t>
  </si>
  <si>
    <t>boola</t>
  </si>
  <si>
    <t>Mazhar Khan</t>
  </si>
  <si>
    <t>GPS BOOLA BALA</t>
  </si>
  <si>
    <t>Boola Bala</t>
  </si>
  <si>
    <t>village boolabala p/o kalas shrief teh.bhera distt sgd</t>
  </si>
  <si>
    <t>GPS BOOLA GARHI 10 P/O HUSSAIN KHAN WALA</t>
  </si>
  <si>
    <t>Boola Garhi Chak 10</t>
  </si>
  <si>
    <t>government primary school boola garhi chak 10</t>
  </si>
  <si>
    <t>Trady Wala Chak 13</t>
  </si>
  <si>
    <t>GPS BOOLAY WALA P/O KOTLI NIJABAT</t>
  </si>
  <si>
    <t>chah boolay wala teh Shujabad Multan</t>
  </si>
  <si>
    <t>Asif Mujtaba</t>
  </si>
  <si>
    <t>GPS BOOTAY WALA</t>
  </si>
  <si>
    <t>Near Dars Qadria, Bhangoo, Shorkot city, Jhang</t>
  </si>
  <si>
    <t>Muhammad Tahir Farooq</t>
  </si>
  <si>
    <t>GPS BOOTI KHAIL</t>
  </si>
  <si>
    <t>, Dera Booti Khail Gunjjal shumali Tehsial Quaid abad District Khushab</t>
  </si>
  <si>
    <t>GPS BORA</t>
  </si>
  <si>
    <t>Village Bora post office Gujrat District and Teh Gujat</t>
  </si>
  <si>
    <t>Chechian Shamas</t>
  </si>
  <si>
    <t>GPS BORA LUDHIAL</t>
  </si>
  <si>
    <t>Jora Kalan District Khushab</t>
  </si>
  <si>
    <t>Bora Ludhial Post Office Sail Sharif District Sargodha</t>
  </si>
  <si>
    <t>Bora Ludhial</t>
  </si>
  <si>
    <t>Aamir Abbas</t>
  </si>
  <si>
    <t>GPS BORANG ARAYAN WALA</t>
  </si>
  <si>
    <t>chak no 5 boring arayian wala</t>
  </si>
  <si>
    <t>Chak No 5 Rakh Mankera</t>
  </si>
  <si>
    <t>GPS BORI BANGE KHEL</t>
  </si>
  <si>
    <t>POS Bangi Khel Darmiyani</t>
  </si>
  <si>
    <t>bori bangi khel</t>
  </si>
  <si>
    <t>Bori Bangi Khel</t>
  </si>
  <si>
    <t>buy water tanks</t>
  </si>
  <si>
    <t>GPS BORING AMAN ULLAH</t>
  </si>
  <si>
    <t>Nalka Chadhrran wala P/O Dhingana Tehsil Mankera District Bhakkar</t>
  </si>
  <si>
    <t>Chadhrran Wala</t>
  </si>
  <si>
    <t>Luqman Ali</t>
  </si>
  <si>
    <t>GPS BORING AMEER MUHAMMAD</t>
  </si>
  <si>
    <t>basti khakh moza khokhar wala p/o khokhar wala layyah</t>
  </si>
  <si>
    <t>Basti Khakh</t>
  </si>
  <si>
    <t>GPS BORING GHULAM MUHAMMAD</t>
  </si>
  <si>
    <t>GPS Boring Ghulam Muhammad</t>
  </si>
  <si>
    <t>Boring Ghulam Muhammad</t>
  </si>
  <si>
    <t>Hina Shakeel</t>
  </si>
  <si>
    <t>GPS BORING IRSHAD SHAH WALA</t>
  </si>
  <si>
    <t>Shah wala</t>
  </si>
  <si>
    <t>shah Wall</t>
  </si>
  <si>
    <t>saeed ahmad</t>
  </si>
  <si>
    <t>GPS BORRI</t>
  </si>
  <si>
    <t>moza booripo longshumali</t>
  </si>
  <si>
    <t>Koteshashah</t>
  </si>
  <si>
    <t>GPS BOSAN UTTAR MULTAN</t>
  </si>
  <si>
    <t>basti bosan uttar</t>
  </si>
  <si>
    <t>Bosan Uttar</t>
  </si>
  <si>
    <t>GPS BOSWAL</t>
  </si>
  <si>
    <t>Government boys primary school boswal</t>
  </si>
  <si>
    <t>Boswal</t>
  </si>
  <si>
    <t>Janhangir Akhter</t>
  </si>
  <si>
    <t>tape</t>
  </si>
  <si>
    <t>GPS BOTAY WALA P/ O GULZAR PUR</t>
  </si>
  <si>
    <t>BOOTAY Wala</t>
  </si>
  <si>
    <t>Mouza BOOTAY wala 19 kassi vehari Road multan</t>
  </si>
  <si>
    <t>Muhammad Ameer Hamza</t>
  </si>
  <si>
    <t>GPS BOUCH</t>
  </si>
  <si>
    <t>Bouch</t>
  </si>
  <si>
    <t>vilage Bouch post office Persowal Teh.and dist. Gujrat</t>
  </si>
  <si>
    <t>Mohsan Raza</t>
  </si>
  <si>
    <t>GPS BOUNGA AZAM</t>
  </si>
  <si>
    <t>Bounga Azam</t>
  </si>
  <si>
    <t>moza bounga azam post office luddan vehari</t>
  </si>
  <si>
    <t>Dad Kamira</t>
  </si>
  <si>
    <t>Khizar Hayyat</t>
  </si>
  <si>
    <t>GPS BRARAN</t>
  </si>
  <si>
    <t>Ghazi Birar</t>
  </si>
  <si>
    <t>Moaza Ghazi Birar P/O Fateh Pur Kamal Tehsil Khan pur District Rahim Yar Khan</t>
  </si>
  <si>
    <t>Basti Biraran</t>
  </si>
  <si>
    <t>Quaidar Pur</t>
  </si>
  <si>
    <t>Rafiq Ahmed</t>
  </si>
  <si>
    <t>GPS BRING WALA MOZA NEEL KOT</t>
  </si>
  <si>
    <t>chah dad wala, moza neel kot, tehsil Multan</t>
  </si>
  <si>
    <t>Chah Daad Wala</t>
  </si>
  <si>
    <t>Rana Muhammad Farooq Umar</t>
  </si>
  <si>
    <t>GPS BROHA</t>
  </si>
  <si>
    <t>village broha p.o j.town tehsil Murree diss Rawalpindi</t>
  </si>
  <si>
    <t>Rafi Uz Zaman</t>
  </si>
  <si>
    <t>GPS BROOTA</t>
  </si>
  <si>
    <t>baroota</t>
  </si>
  <si>
    <t>village and post office broota tehsil kallar syedan</t>
  </si>
  <si>
    <t>Muhammad shafique</t>
  </si>
  <si>
    <t>GPS BROTHI</t>
  </si>
  <si>
    <t>Brothi</t>
  </si>
  <si>
    <t>Vill Brothi PO Nara Tehsil kahuta District Rawalpindi</t>
  </si>
  <si>
    <t>Ghulam Qadir Idrees</t>
  </si>
  <si>
    <t>GPS BUAA PUR KHANEWAL ROAD</t>
  </si>
  <si>
    <t>Buaapur</t>
  </si>
  <si>
    <t>cHah Sherwala Moza Buaapur</t>
  </si>
  <si>
    <t>Liaqat Ali Tahir</t>
  </si>
  <si>
    <t>GPS BUCHA</t>
  </si>
  <si>
    <t>village bucha p/o mandra TEH Gujar khan DISTT RWP</t>
  </si>
  <si>
    <t>Haroon Yousaf</t>
  </si>
  <si>
    <t>GPS BUCHER NARANG SHARQI</t>
  </si>
  <si>
    <t>Bhucher</t>
  </si>
  <si>
    <t>GPS bucher narang sharqi</t>
  </si>
  <si>
    <t>Nangal Bhucher</t>
  </si>
  <si>
    <t>Nisar Ahmed Abid</t>
  </si>
  <si>
    <t>GPS BUDDH JALAL</t>
  </si>
  <si>
    <t>Budh Jalal</t>
  </si>
  <si>
    <t>Budh Jalal P/O 38/GD Young Pur Okara</t>
  </si>
  <si>
    <t>38/GD Young Pur Okara</t>
  </si>
  <si>
    <t>GPS BUDDHAY</t>
  </si>
  <si>
    <t>Buddhay</t>
  </si>
  <si>
    <t>buddhay p/o bucheki distt &amp;teh nankana sahib</t>
  </si>
  <si>
    <t>Burkhardar</t>
  </si>
  <si>
    <t>GPS BUDH GHULAM</t>
  </si>
  <si>
    <t>Budh Ghulm</t>
  </si>
  <si>
    <t>Budh Ghulam P/O Ludden Tehsil &amp; District Vehari</t>
  </si>
  <si>
    <t>Sher Zaman</t>
  </si>
  <si>
    <t>GPS BUDHA DHOLA</t>
  </si>
  <si>
    <t>budha dhola</t>
  </si>
  <si>
    <t>Anjum Amin</t>
  </si>
  <si>
    <t>GPS BUDHA GORAYA</t>
  </si>
  <si>
    <t>village Buddha goraya po same tehsil daska district sialkot</t>
  </si>
  <si>
    <t>Anser Ali</t>
  </si>
  <si>
    <t>GPS BUDHAN</t>
  </si>
  <si>
    <t>kot hameed ullah</t>
  </si>
  <si>
    <t>Basti Anwar Kakis Muza Kot Hameed Ullah P/O Uch Sharif</t>
  </si>
  <si>
    <t>BAsti Anwar Kakis</t>
  </si>
  <si>
    <t>GPS BUDHAN MAIRA</t>
  </si>
  <si>
    <t>Budhan</t>
  </si>
  <si>
    <t>Village Budhan P.O. Dina district Jhelum</t>
  </si>
  <si>
    <t>Shafqat Ahmed</t>
  </si>
  <si>
    <t>GPS BUDHAN NO.1</t>
  </si>
  <si>
    <t>Mouza Usman Ali Shah</t>
  </si>
  <si>
    <t>Basti Budhan Mouza Usman Ali Shah</t>
  </si>
  <si>
    <t>Maqbool Ahmad Zahid</t>
  </si>
  <si>
    <t>GPS BUDHAN NO.2</t>
  </si>
  <si>
    <t>Usman ALI SHAH</t>
  </si>
  <si>
    <t>GPS Buddhan No Two</t>
  </si>
  <si>
    <t>Basti Buddhan</t>
  </si>
  <si>
    <t>GPS BUDHAN WALA</t>
  </si>
  <si>
    <t>Mouza Badhanwala Teh:Mailsi District Vehari</t>
  </si>
  <si>
    <t>GPS BUDHANWALI</t>
  </si>
  <si>
    <t>Muhammad Asad Khan</t>
  </si>
  <si>
    <t>Budhanwali p/o madrissa teh&amp;dist bahawalnagar</t>
  </si>
  <si>
    <t>Budhanwali</t>
  </si>
  <si>
    <t>GPS BUDHAY GHARI</t>
  </si>
  <si>
    <t>Dhagywar</t>
  </si>
  <si>
    <t>basti budhy ghari p/o barthi tehsial taunsa shareef</t>
  </si>
  <si>
    <t>Budhaey Ghari</t>
  </si>
  <si>
    <t>GPS BUDHEY KHEL</t>
  </si>
  <si>
    <t>budhey khel po kalri teh and dist mianwali</t>
  </si>
  <si>
    <t>Dhok Budheykhel</t>
  </si>
  <si>
    <t>Saleem Ullah Khan</t>
  </si>
  <si>
    <t>GPS BUDHIAL</t>
  </si>
  <si>
    <t>Village Budhial P/O Deoli the. Zafarwal Distt. Narowal</t>
  </si>
  <si>
    <t>Sakroor</t>
  </si>
  <si>
    <t>Waheed Akram</t>
  </si>
  <si>
    <t>GPS BUDHO DAHAR</t>
  </si>
  <si>
    <t>basti
budhu dahar</t>
  </si>
  <si>
    <t>Basti Budhu Dahar</t>
  </si>
  <si>
    <t>Rizwan Hameed</t>
  </si>
  <si>
    <t>GPS BUDHO KALAS</t>
  </si>
  <si>
    <t>budho kalas</t>
  </si>
  <si>
    <t>ali chak</t>
  </si>
  <si>
    <t>GPS BUDHWANI</t>
  </si>
  <si>
    <t>KHANANI</t>
  </si>
  <si>
    <t>BASTI BUDHWANI MOUZA KHANANI P/O SEET PUR</t>
  </si>
  <si>
    <t>BASTI BUDHWANI</t>
  </si>
  <si>
    <t>SEET PUR</t>
  </si>
  <si>
    <t>GPS BUGGA</t>
  </si>
  <si>
    <t>village bugga p/o chbba sindwana tehsil noshera virkan GRW</t>
  </si>
  <si>
    <t>Jhlan</t>
  </si>
  <si>
    <t>Syed Muhammad Qasim Raza</t>
  </si>
  <si>
    <t>GPS BUGHA</t>
  </si>
  <si>
    <t>basti bugha tehsil taunsa sharief distt DG khan</t>
  </si>
  <si>
    <t>Bugha</t>
  </si>
  <si>
    <t>hasrat ullah</t>
  </si>
  <si>
    <t>by water color</t>
  </si>
  <si>
    <t>GPS BUGHEY WALA</t>
  </si>
  <si>
    <t>GPS Bughay Wala Near Pull Hathradi Moza Dull Tehsil Ahmad Pur Sial, Jhang.</t>
  </si>
  <si>
    <t>Bughey Wala</t>
  </si>
  <si>
    <t>Hafiz Abdul Majeed</t>
  </si>
  <si>
    <t>GPS BUGHI PO HALLA</t>
  </si>
  <si>
    <t>Bughii</t>
  </si>
  <si>
    <t>gov p/s bughii halla</t>
  </si>
  <si>
    <t>GPS BUGHNA</t>
  </si>
  <si>
    <t>bugna</t>
  </si>
  <si>
    <t>chekori belwal</t>
  </si>
  <si>
    <t>sumaira shabbir</t>
  </si>
  <si>
    <t>GPS BUGRI PO. KASUR</t>
  </si>
  <si>
    <t>Gps Bugri tashil&amp; Dist Kasur</t>
  </si>
  <si>
    <t>GPS BUHLARIAN</t>
  </si>
  <si>
    <t>BhularIan</t>
  </si>
  <si>
    <t>Village Bhularian, P/O: Ellahabad ,Chunian, Kasur</t>
  </si>
  <si>
    <t>GPS BUJAL</t>
  </si>
  <si>
    <t>Bairote</t>
  </si>
  <si>
    <t>GPS BUKAN WAL</t>
  </si>
  <si>
    <t>Bukanwal</t>
  </si>
  <si>
    <t>p/o baghbanpura bukanwal</t>
  </si>
  <si>
    <t>Sajjid Bashir</t>
  </si>
  <si>
    <t>GPS BUKHAR WALA</t>
  </si>
  <si>
    <t>chah bhakher wala</t>
  </si>
  <si>
    <t>BHAKHAR Wala</t>
  </si>
  <si>
    <t>GPS BUKHARA</t>
  </si>
  <si>
    <t>TRIMIN</t>
  </si>
  <si>
    <t>BUKHARA P/O NUTKANI TEHSIL TAUNSA DISTT DG KHAN</t>
  </si>
  <si>
    <t>JALO WALI NO.3</t>
  </si>
  <si>
    <t>Ghulam Sarwar Kulachi</t>
  </si>
  <si>
    <t>GPS BUKHARAY WALA</t>
  </si>
  <si>
    <t>Jhorar Thal Klan</t>
  </si>
  <si>
    <t>muuza Jhorar Thal Klan</t>
  </si>
  <si>
    <t>Chak 172/ TDA</t>
  </si>
  <si>
    <t>GPS BUKHARI MOUZA BUKHARI</t>
  </si>
  <si>
    <t>moza bukhari</t>
  </si>
  <si>
    <t>GPS BUKHARI SHARIF</t>
  </si>
  <si>
    <t>basti Wahid bux awan chak shaheed</t>
  </si>
  <si>
    <t>Basti Wahid Bux Awan</t>
  </si>
  <si>
    <t>GPS BUKHARI WALA</t>
  </si>
  <si>
    <t>basti bukhari, Chaudhry,kot adu</t>
  </si>
  <si>
    <t>Bukhari</t>
  </si>
  <si>
    <t>muhammad ajmal</t>
  </si>
  <si>
    <t>GPS BUKHARI WALA NO. 2</t>
  </si>
  <si>
    <t>Sekander Wala</t>
  </si>
  <si>
    <t>GPS bukhari wala no 2 near zain cotton factory lodhran</t>
  </si>
  <si>
    <t>Misan abad</t>
  </si>
  <si>
    <t>GPS BUKHSH WALA</t>
  </si>
  <si>
    <t>Bakhsh Wala</t>
  </si>
  <si>
    <t>Bakhsh Wala Tehsil Lalian</t>
  </si>
  <si>
    <t>GPS BUKHSHA HAMA KHERA</t>
  </si>
  <si>
    <t>Bakhshaya Hama Khera</t>
  </si>
  <si>
    <t>bakhshaya hama khera</t>
  </si>
  <si>
    <t>Bholywala</t>
  </si>
  <si>
    <t>GPS BUKHTIARI</t>
  </si>
  <si>
    <t>Bukhtiari</t>
  </si>
  <si>
    <t>moza bukhtiari</t>
  </si>
  <si>
    <t>GPS BUKKAN KALAN</t>
  </si>
  <si>
    <t>Bukkan Kalan</t>
  </si>
  <si>
    <t>Village Bukkan kalan P/O Vaniketarar (H.F.D)</t>
  </si>
  <si>
    <t>GPS BUKKAN KHURD</t>
  </si>
  <si>
    <t>Bukkan Khurd</t>
  </si>
  <si>
    <t>Bukan Kalan P/O Vanike Tarar</t>
  </si>
  <si>
    <t>GPS BUKNA BASTI</t>
  </si>
  <si>
    <t>GPS basti bukna</t>
  </si>
  <si>
    <t>GPS BUKNIRA, TULAMBA</t>
  </si>
  <si>
    <t>Buknera</t>
  </si>
  <si>
    <t>mouza buknera</t>
  </si>
  <si>
    <t>Ghuttapunjana</t>
  </si>
  <si>
    <t>Intazar Hussain</t>
  </si>
  <si>
    <t>GPS BULA</t>
  </si>
  <si>
    <t>village boola p. o buchal kalan kallar kahar chakwal</t>
  </si>
  <si>
    <t>GPS BULANDI OTAR PO. KOTLI RAI ABU BAQAR</t>
  </si>
  <si>
    <t>Bulandi Ottar</t>
  </si>
  <si>
    <t>village Bulandi ottar</t>
  </si>
  <si>
    <t>Theh Sheikhmum</t>
  </si>
  <si>
    <t>GPS BULHAY WALA</t>
  </si>
  <si>
    <t>Bulley wala</t>
  </si>
  <si>
    <t>Bulley wala tehsil lalian District Chiniot</t>
  </si>
  <si>
    <t>Kot Amir</t>
  </si>
  <si>
    <t>Noor Akbar</t>
  </si>
  <si>
    <t>GPS BULK SAR</t>
  </si>
  <si>
    <t>Bulak Sar</t>
  </si>
  <si>
    <t>bulak sar roonghan</t>
  </si>
  <si>
    <t>Bulak</t>
  </si>
  <si>
    <t>GPS BULLOANA JHABRAN</t>
  </si>
  <si>
    <t>Jhabran</t>
  </si>
  <si>
    <t>dera bulloanna jhabran</t>
  </si>
  <si>
    <t>Dera Bulloanna Jhabran</t>
  </si>
  <si>
    <t>Muhammad Abbas Shah</t>
  </si>
  <si>
    <t>GPS BULWAL (POL MIAL)</t>
  </si>
  <si>
    <t>GPS Bullwall POL MIAL</t>
  </si>
  <si>
    <t>POL MIAL</t>
  </si>
  <si>
    <t>GPS BUMB</t>
  </si>
  <si>
    <t>Goharwala</t>
  </si>
  <si>
    <t>Bumb p/o koroo bumb teh mankera Dist Bhakkar</t>
  </si>
  <si>
    <t>GPS BUMBLY</t>
  </si>
  <si>
    <t>Ali Ahmed Sulamani</t>
  </si>
  <si>
    <t>GPS BUNGA AHSAN BIBI</t>
  </si>
  <si>
    <t>Bunga Ahsan Bibi</t>
  </si>
  <si>
    <t>Bonga Agsan Bibi</t>
  </si>
  <si>
    <t>GPS BUNGA AKBAR</t>
  </si>
  <si>
    <t>Bunga Akbar Mari Nehal</t>
  </si>
  <si>
    <t>bunga akbar mari nehal</t>
  </si>
  <si>
    <t>Bunga Akbar</t>
  </si>
  <si>
    <t>Muhammad Imran Bashir</t>
  </si>
  <si>
    <t>GPS BUNGA KANWAR SINGH</t>
  </si>
  <si>
    <t>Bunga Kanwar  Singh</t>
  </si>
  <si>
    <t>GPS bunga kanwar Singh papattan</t>
  </si>
  <si>
    <t>26 Sp</t>
  </si>
  <si>
    <t>M Ishaq</t>
  </si>
  <si>
    <t>GPS BUNGA KHAN SINGH</t>
  </si>
  <si>
    <t>Bunga Khan  Singh</t>
  </si>
  <si>
    <t>Bunga Khan Singh</t>
  </si>
  <si>
    <t>Bunga Amir Singh</t>
  </si>
  <si>
    <t>GPS BUNGA MACHI</t>
  </si>
  <si>
    <t>basti ghulam ali muza bunga machi tehsil minchinabad</t>
  </si>
  <si>
    <t>Zahid Ahmed</t>
  </si>
  <si>
    <t>GPS BUNGA SAHIBA</t>
  </si>
  <si>
    <t>Bounga Sahiba</t>
  </si>
  <si>
    <t>GPS Bounga Sahiba</t>
  </si>
  <si>
    <t>GPS BUNGA SARDAR KAHAN SINGH</t>
  </si>
  <si>
    <t>Din Pur Tehsil Pattoki District Kasur</t>
  </si>
  <si>
    <t>Muhammad Saleem Azad</t>
  </si>
  <si>
    <t>GPS BUNGA SHAHAMAD</t>
  </si>
  <si>
    <t>Basti Mian K Saho</t>
  </si>
  <si>
    <t>Basti Mian K Saho Murad K Kathia</t>
  </si>
  <si>
    <t>Bahadir Ali</t>
  </si>
  <si>
    <t>GPS BUNGA SHAMS</t>
  </si>
  <si>
    <t>Bunga shamas</t>
  </si>
  <si>
    <t>Bunga Shamas</t>
  </si>
  <si>
    <t>GPS BUNGI KULIAN NO. 1</t>
  </si>
  <si>
    <t>Bungi Kaliyan</t>
  </si>
  <si>
    <t>bongi kalian</t>
  </si>
  <si>
    <t>Bongi Kalian No1</t>
  </si>
  <si>
    <t>Baghiwal</t>
  </si>
  <si>
    <t>Yahya Salman</t>
  </si>
  <si>
    <t>GPS BUNGLA QURESHI</t>
  </si>
  <si>
    <t>Haider Qureshii</t>
  </si>
  <si>
    <t>G.P.S Haider Qureshi,Mauza Haider Qureshi,Tehsil kot chutta</t>
  </si>
  <si>
    <t>Bangla Qureshi</t>
  </si>
  <si>
    <t>Muhammad Younis Khan  Mastoi</t>
  </si>
  <si>
    <t>GPS BUNNAY WALA</t>
  </si>
  <si>
    <t>Banay wala</t>
  </si>
  <si>
    <t>Banay Wala</t>
  </si>
  <si>
    <t>Yasir Ameer Khan</t>
  </si>
  <si>
    <t>GPS BUPRAN</t>
  </si>
  <si>
    <t>TAWANRI</t>
  </si>
  <si>
    <t>BASTI BUPRAN Muza TanwariP/O ALLAH SBAD TEH LIAQUAT PUR DISTT RAHIM YAR KHAN</t>
  </si>
  <si>
    <t>BUPRAN</t>
  </si>
  <si>
    <t>Khawaja Naeem Abbas</t>
  </si>
  <si>
    <t>GPS BURA DALA</t>
  </si>
  <si>
    <t>Dalla Nangla</t>
  </si>
  <si>
    <t>village bora dalla p/o baramanga tehsil shakargarh distt narowall</t>
  </si>
  <si>
    <t>Bora Dallah</t>
  </si>
  <si>
    <t>Wali Pur Bora</t>
  </si>
  <si>
    <t>GPS BURAHANA</t>
  </si>
  <si>
    <t>Burhana</t>
  </si>
  <si>
    <t>burhana</t>
  </si>
  <si>
    <t>GPS BURG</t>
  </si>
  <si>
    <t>Hamon Kalro</t>
  </si>
  <si>
    <t>chah sakh wala pahar pur thal</t>
  </si>
  <si>
    <t>Chah Sakh Wala</t>
  </si>
  <si>
    <t>GPS BURG BHIAN</t>
  </si>
  <si>
    <t>Burg Bhian</t>
  </si>
  <si>
    <t>Village Kharak Bhattian P/o Vanike Tarar</t>
  </si>
  <si>
    <t>Aloudin Key Chattha</t>
  </si>
  <si>
    <t>GPS BURG SHARESHTA</t>
  </si>
  <si>
    <t>Burj Sarishta</t>
  </si>
  <si>
    <t>burj sarishta p/o sukheke mandi teh.pindi bhattian dist hafizabad</t>
  </si>
  <si>
    <t>GPS BURHAN</t>
  </si>
  <si>
    <t>Village Burhan P/O Majoka Tehsil Noorpur Thal District Khushab</t>
  </si>
  <si>
    <t>Khaikhurd</t>
  </si>
  <si>
    <t>Umar Daraz</t>
  </si>
  <si>
    <t>GPS BURHAN PUR</t>
  </si>
  <si>
    <t>govt primary school Burhanpur CHAH Kabir wala</t>
  </si>
  <si>
    <t>Kabir Wala</t>
  </si>
  <si>
    <t>KHADIM HUSSAIN</t>
  </si>
  <si>
    <t>GPS BURHANEY WALA</t>
  </si>
  <si>
    <t>Burhanawala</t>
  </si>
  <si>
    <t>Burhanawala p/o mandi faizabad tehsil shariqpur district sheikhupura</t>
  </si>
  <si>
    <t>Eason</t>
  </si>
  <si>
    <t>Saddam Hussain Bhatti</t>
  </si>
  <si>
    <t>GPS BURJ</t>
  </si>
  <si>
    <t>Narang Sharqi</t>
  </si>
  <si>
    <t>village Burj post office narang mandi</t>
  </si>
  <si>
    <t>Village Burj</t>
  </si>
  <si>
    <t>Mehtasooja</t>
  </si>
  <si>
    <t>Muhammad Naseeb</t>
  </si>
  <si>
    <t>GPS BURJ AGRA</t>
  </si>
  <si>
    <t>Burj Agra PO  Miwan Wal</t>
  </si>
  <si>
    <t>Iben-ul-hassan</t>
  </si>
  <si>
    <t>GPS BURJ BUKHAT</t>
  </si>
  <si>
    <t>Burj Bhakhat</t>
  </si>
  <si>
    <t>gps burj Bakht p.o.bhoa hassan teh.phalia distt.m.b.din</t>
  </si>
  <si>
    <t>Burj Bakht</t>
  </si>
  <si>
    <t>GPS BURJ GHULAM RASOOL</t>
  </si>
  <si>
    <t>Burj Ghulam Rasool</t>
  </si>
  <si>
    <t>GPS BURJ GHULAM RASOOL TEHSIL KOTMOMIN DISTRICT SARGODHA</t>
  </si>
  <si>
    <t>GPS BURJ MAL</t>
  </si>
  <si>
    <t>Burj Mal</t>
  </si>
  <si>
    <t>mouza Burj Mal</t>
  </si>
  <si>
    <t>Hesa Sheikh</t>
  </si>
  <si>
    <t>GPS BURJ MOHRA</t>
  </si>
  <si>
    <t>Burj Mohra</t>
  </si>
  <si>
    <t>water kane</t>
  </si>
  <si>
    <t>GPS BURJ MUNCHAR KHURD</t>
  </si>
  <si>
    <t>Burj Manchar Khurd</t>
  </si>
  <si>
    <t>Burj Manchar khurd Teh Wazir Abad Distt Gujranwala</t>
  </si>
  <si>
    <t>GPS BURJ RAM SINGH</t>
  </si>
  <si>
    <t>BURJ RAN SINGH P/O TALWANDI</t>
  </si>
  <si>
    <t>BURJ RAN SINGH</t>
  </si>
  <si>
    <t>Ahtram ul haq</t>
  </si>
  <si>
    <t>GPS BURJ SHAHBAZ KAY</t>
  </si>
  <si>
    <t>Burjshahbazkay</t>
  </si>
  <si>
    <t>burj shehbaz ke p/o kangan pur</t>
  </si>
  <si>
    <t>Burjshahkay</t>
  </si>
  <si>
    <t>GPS BURJ UMAR</t>
  </si>
  <si>
    <t>Burj Umar</t>
  </si>
  <si>
    <t>GPS BURJAI</t>
  </si>
  <si>
    <t>Burjai</t>
  </si>
  <si>
    <t>burjai Tehsil piplan distt mianwali</t>
  </si>
  <si>
    <t>GPS BURJI</t>
  </si>
  <si>
    <t>Burji</t>
  </si>
  <si>
    <t>GBPS Burji</t>
  </si>
  <si>
    <t>GPS BURKHAN</t>
  </si>
  <si>
    <t>Burkan</t>
  </si>
  <si>
    <t>gps burkan</t>
  </si>
  <si>
    <t>GPS BURREY WALA</t>
  </si>
  <si>
    <t>JAHANGIR COLONY DAJAL ROAD JAMPUR</t>
  </si>
  <si>
    <t>JAHANGIR COLONY</t>
  </si>
  <si>
    <t>ALLAH ABAD SHARQI</t>
  </si>
  <si>
    <t>GPS BURU MANDI</t>
  </si>
  <si>
    <t>BURJMANDI</t>
  </si>
  <si>
    <t>Chak no 102 JB Burj Mandi</t>
  </si>
  <si>
    <t>Chak No 102 JB Burj Mandi</t>
  </si>
  <si>
    <t>Chak No 102 JB Burj</t>
  </si>
  <si>
    <t>GPS BUTIAN WALI</t>
  </si>
  <si>
    <t>Bootian Wali</t>
  </si>
  <si>
    <t>Muhammad Pur Sansaran bootian wali</t>
  </si>
  <si>
    <t>Botianwali</t>
  </si>
  <si>
    <t>Muhammadpursansaran</t>
  </si>
  <si>
    <t>Muhammad Hussain Tahir</t>
  </si>
  <si>
    <t>GPS BUTKIL</t>
  </si>
  <si>
    <t>ZORE MA HAZARA</t>
  </si>
  <si>
    <t>GPS BATKIL</t>
  </si>
  <si>
    <t>BASTI BATKIL</t>
  </si>
  <si>
    <t>Amir Ahamd Khan Qaisrani</t>
  </si>
  <si>
    <t>GPS BUTRANWALI GUJRNWALA</t>
  </si>
  <si>
    <t>Misbah Zaheer</t>
  </si>
  <si>
    <t>GPS BUTTA SHAKHAN MOUZA GHUNIA</t>
  </si>
  <si>
    <t>GHUNIAN</t>
  </si>
  <si>
    <t>GPS BHATTA SHEIKAN MOUZA GHUNIAN BASTI GHUNIAN</t>
  </si>
  <si>
    <t>BASTI GHUNIAN</t>
  </si>
  <si>
    <t>BUTTAH SHEIKHAN</t>
  </si>
  <si>
    <t>GPS BUTTAH WADH</t>
  </si>
  <si>
    <t>Bhittay Wadh</t>
  </si>
  <si>
    <t>bhittay wadh tehsil muridakt distic skp</t>
  </si>
  <si>
    <t>Ratta Gujjra</t>
  </si>
  <si>
    <t>GPS BUTTAN WALA THAL</t>
  </si>
  <si>
    <t>Buttanwala</t>
  </si>
  <si>
    <t>Buttanwala mari shah skhera</t>
  </si>
  <si>
    <t>mARI SHAH SKHERA</t>
  </si>
  <si>
    <t>Zulfiqar</t>
  </si>
  <si>
    <t>GPS BUTTAY WALA</t>
  </si>
  <si>
    <t>Chanki  Jnobi</t>
  </si>
  <si>
    <t>Buttay Wala P/O Dhock  Angra Tehsil &amp;District  Khushab</t>
  </si>
  <si>
    <t>Buttey  Wala</t>
  </si>
  <si>
    <t>Malik Muhammad Khan</t>
  </si>
  <si>
    <t>GPS BUTTER NO. 23</t>
  </si>
  <si>
    <t>Butter Chk23</t>
  </si>
  <si>
    <t>Buttar chak#23</t>
  </si>
  <si>
    <t>butter chk23</t>
  </si>
  <si>
    <t>Mohsin Ali Arshad</t>
  </si>
  <si>
    <t>GPS BUTTI</t>
  </si>
  <si>
    <t>butti.Bhakkar</t>
  </si>
  <si>
    <t>Butti</t>
  </si>
  <si>
    <t>Muhammed Ramzan</t>
  </si>
  <si>
    <t>GPS BUTTI WALA</t>
  </si>
  <si>
    <t>chah butti wala mouza shadi khan munda tehsil kot adu</t>
  </si>
  <si>
    <t>Butti Wala</t>
  </si>
  <si>
    <t>Shadi Khan munda</t>
  </si>
  <si>
    <t>GPS BUZ KUSHI</t>
  </si>
  <si>
    <t>Post office khar fort munroo</t>
  </si>
  <si>
    <t>Khar Fort Munroo</t>
  </si>
  <si>
    <t>Purchased water can</t>
  </si>
  <si>
    <t>GPS BUZARG</t>
  </si>
  <si>
    <t>BUZARG</t>
  </si>
  <si>
    <t>Govt primary school buzarg baramanga</t>
  </si>
  <si>
    <t>BARAMANGA</t>
  </si>
  <si>
    <t>Muhammad Tayyab Nadeem</t>
  </si>
  <si>
    <t>GPS BYE WALA</t>
  </si>
  <si>
    <t>chah bye wala</t>
  </si>
  <si>
    <t>Bye Wala</t>
  </si>
  <si>
    <t>Waheed Ahmed</t>
  </si>
  <si>
    <t>GPS CAMP BALLOKI</t>
  </si>
  <si>
    <t>Camp Balloki</t>
  </si>
  <si>
    <t>govt ps camp balloki</t>
  </si>
  <si>
    <t>GPS CANAL COLONY 21/10-R, KACHA KHUH</t>
  </si>
  <si>
    <t>canal colony 21/10-R kacha khuh</t>
  </si>
  <si>
    <t>21/10-R</t>
  </si>
  <si>
    <t>HAFIZ Zia Saeed</t>
  </si>
  <si>
    <t>GPS CANAL COLONY MITHA TIWANA</t>
  </si>
  <si>
    <t>Canal colony Mitha tiwana</t>
  </si>
  <si>
    <t>Muhammad Irfan Khan</t>
  </si>
  <si>
    <t>GPS CANAL COLONY PO JALLAH JEEM</t>
  </si>
  <si>
    <t>Arain wahin Teh  Mailsi  Vehari</t>
  </si>
  <si>
    <t>Muhammad  Abbas</t>
  </si>
  <si>
    <t>GPS CANAL PARK MURIDKE</t>
  </si>
  <si>
    <t>st no 7 canal park Muridke</t>
  </si>
  <si>
    <t>Urban Canal Park</t>
  </si>
  <si>
    <t>Zahid Murad</t>
  </si>
  <si>
    <t>GPS CARE COLONY</t>
  </si>
  <si>
    <t>Abdul Khaliq Colony</t>
  </si>
  <si>
    <t>GPS Care colony, Abdul Khaliq Colony Kasur</t>
  </si>
  <si>
    <t>Abdul khaliq Colony</t>
  </si>
  <si>
    <t>MOHAMMAD ISHAQ</t>
  </si>
  <si>
    <t>GPS CATHOLIC CHAK JHUMRA</t>
  </si>
  <si>
    <t>Chiniot Road Near Church, Chak Jhumra, Faisalabad.</t>
  </si>
  <si>
    <t>Iffat sultan</t>
  </si>
  <si>
    <t>GPS CDG AL-MADINA TOWN</t>
  </si>
  <si>
    <t>Harbance pura</t>
  </si>
  <si>
    <t>CDG BPS Nawan Pind Al-Madina Town  Harbance pura Lahore</t>
  </si>
  <si>
    <t>GPS CDG BADAMI BAGH NO. 2</t>
  </si>
  <si>
    <t>CDG BOYS PRIMARY SCHOOL BADAMI BAGH NO 2 deen road lahore</t>
  </si>
  <si>
    <t>Siddique Colony</t>
  </si>
  <si>
    <t>Amir Shouqet</t>
  </si>
  <si>
    <t>GPS CDG CHOWK SAFANWALA</t>
  </si>
  <si>
    <t>City District Govt Primary School Safanwala Chowk Mozang Lahore</t>
  </si>
  <si>
    <t>Amna Tabassum</t>
  </si>
  <si>
    <t>GPS CDG FAZALIA COLONY</t>
  </si>
  <si>
    <t>CDG fazlia colony Lahore</t>
  </si>
  <si>
    <t>Fazlia Colony</t>
  </si>
  <si>
    <t>Javeed Iqbal</t>
  </si>
  <si>
    <t>GPS CDG JIA BAGGA</t>
  </si>
  <si>
    <t>jia bagga tehsil raiwind district lahore</t>
  </si>
  <si>
    <t>GPS CDG JUNIOR MODEL BHUMA BUND ROAD LAHORE</t>
  </si>
  <si>
    <t>BHAMMAN bund road lahore</t>
  </si>
  <si>
    <t>Bhamma Judha</t>
  </si>
  <si>
    <t>water,pump, Govt water, Filter water</t>
  </si>
  <si>
    <t>GPS CDG JUNIOR MODEL BRAID LAW HALL RATIGAN ROAD</t>
  </si>
  <si>
    <t>Rattigun Road</t>
  </si>
  <si>
    <t>braid law hall rattigun road lahore</t>
  </si>
  <si>
    <t>Taheed Park</t>
  </si>
  <si>
    <t>Sameeta Summer</t>
  </si>
  <si>
    <t>GPS CDG JUNIOR MODEL CHANDIAN</t>
  </si>
  <si>
    <t>Chandian</t>
  </si>
  <si>
    <t>Gps cdg junior model chandian</t>
  </si>
  <si>
    <t>Sobia Tariq</t>
  </si>
  <si>
    <t>GPS CDG JUNIOR MODEL CHOWK WAZIR KHAN</t>
  </si>
  <si>
    <t>Katra Wali Shah</t>
  </si>
  <si>
    <t>City District Govt Junior Model Primary School Chowk Wazir Khan Katra wali shah Lahore</t>
  </si>
  <si>
    <t>Lahore -e-khas</t>
  </si>
  <si>
    <t>Shahalam Market</t>
  </si>
  <si>
    <t>Madiha Inayat</t>
  </si>
  <si>
    <t>GPS CDG JUNIOR MODEL DAROGHA WALA</t>
  </si>
  <si>
    <t>Shadipura</t>
  </si>
  <si>
    <t>GPS MC junior model school daroghawala mohalla Islamabad</t>
  </si>
  <si>
    <t>GPS CDG JUNIOR MODEL GURU NANAK NAGAR ICHHRA</t>
  </si>
  <si>
    <t>mohala guru nanak nagr ichra lahore</t>
  </si>
  <si>
    <t>Gurunank Nagar Ichhra</t>
  </si>
  <si>
    <t>Yasmeen Mahabat</t>
  </si>
  <si>
    <t>GPS CDG JUNIOR MODEL NO. 2 MUSTAFA ABAD</t>
  </si>
  <si>
    <t>cdg junior model school no 2 mustafabad infantory road</t>
  </si>
  <si>
    <t>Mianmir</t>
  </si>
  <si>
    <t>GPS CDG JUNIOR MODEL RAM GHALI NO. 4</t>
  </si>
  <si>
    <t>brandreth Road Lhr</t>
  </si>
  <si>
    <t>cdg primary schl ram gali no. 4 brandreth road lahore</t>
  </si>
  <si>
    <t>sara e sultan</t>
  </si>
  <si>
    <t>GPS CDG MADHO LAL HUSSAIN BAGHBAN PURA</t>
  </si>
  <si>
    <t>Shafi street Baghbanpura</t>
  </si>
  <si>
    <t>Madholaal Hussain</t>
  </si>
  <si>
    <t>Saima Altaf</t>
  </si>
  <si>
    <t>GPS CDG PIR NASEER</t>
  </si>
  <si>
    <t>harbanspura peer naseer</t>
  </si>
  <si>
    <t>Nawaan Pind Harbanspura</t>
  </si>
  <si>
    <t>GPS CDG SHERANWALA GATE</t>
  </si>
  <si>
    <t>Sheranwala Gate Lahore</t>
  </si>
  <si>
    <t>out Side Sheranwala Gate Lahore</t>
  </si>
  <si>
    <t>Azam Cloth market</t>
  </si>
  <si>
    <t>Muhammmad Saleem</t>
  </si>
  <si>
    <t>GPS CDG SIDDIQUE PURA</t>
  </si>
  <si>
    <t>GPS CDG Siddique Pura</t>
  </si>
  <si>
    <t>Hanif Park</t>
  </si>
  <si>
    <t>Muhammad Irfan Latif Pirzada</t>
  </si>
  <si>
    <t>GPS CDG WACHO WAL</t>
  </si>
  <si>
    <t>wachowali inside lohari gate lahore</t>
  </si>
  <si>
    <t>Mustansar Mukhtar</t>
  </si>
  <si>
    <t>GPS CENTER SAHNA</t>
  </si>
  <si>
    <t>vpo sahna tehsil and district mandibahauddin</t>
  </si>
  <si>
    <t>Hafiz Sajid Hassan</t>
  </si>
  <si>
    <t>GPS CENTRAL JAIL KOT LAKHPAT LHR</t>
  </si>
  <si>
    <t>Farid Colony</t>
  </si>
  <si>
    <t>central jail lhr</t>
  </si>
  <si>
    <t>Muhammad Imran Ch</t>
  </si>
  <si>
    <t>GPS CENTRAL JAIL RWP</t>
  </si>
  <si>
    <t>Jail Colony</t>
  </si>
  <si>
    <t>Govt Boys Primary School Central Jail Colony RWP</t>
  </si>
  <si>
    <t>Dahgal</t>
  </si>
  <si>
    <t>AnwarHussain</t>
  </si>
  <si>
    <t>GPS CENTRE BEHARI SHARQI</t>
  </si>
  <si>
    <t>bahari sharqi</t>
  </si>
  <si>
    <t>Bahari Sharqi</t>
  </si>
  <si>
    <t>Ghulam Ahmed</t>
  </si>
  <si>
    <t>GPS CERCENT SUGAR MILLS NISHATABAD FSD</t>
  </si>
  <si>
    <t>cresent sugar mills nishatabad</t>
  </si>
  <si>
    <t>Amir jalil</t>
  </si>
  <si>
    <t>GPS CHABBA CHAK 169/RB</t>
  </si>
  <si>
    <t>chabba chak 169/R. B</t>
  </si>
  <si>
    <t>Riasat  Ali</t>
  </si>
  <si>
    <t>GPS CHABBAR</t>
  </si>
  <si>
    <t>Maqsood Ahmad Zafar</t>
  </si>
  <si>
    <t>GPS CHABEEL</t>
  </si>
  <si>
    <t>Chabeel</t>
  </si>
  <si>
    <t>village chabeel p/o nari khushab</t>
  </si>
  <si>
    <t>Khaliq-uz-Zaman</t>
  </si>
  <si>
    <t>GPS CHABUTRA ADHA</t>
  </si>
  <si>
    <t>Chabutra Adha</t>
  </si>
  <si>
    <t>GPS chabutra adha p/o rang pur</t>
  </si>
  <si>
    <t>Abrar  Ahmed</t>
  </si>
  <si>
    <t>GPS CHABUTRA KAMAL</t>
  </si>
  <si>
    <t>p/o rang pur m garh</t>
  </si>
  <si>
    <t>Chabutra Kamal</t>
  </si>
  <si>
    <t>Sayed Ishfaq Hussain</t>
  </si>
  <si>
    <t>GPS CHACH RAWAN</t>
  </si>
  <si>
    <t>Rajjar</t>
  </si>
  <si>
    <t>village chach rawan Po rajjar teh &amp; dist Rawalpindi</t>
  </si>
  <si>
    <t>Chach Rawan</t>
  </si>
  <si>
    <t>GPS CHACHA BASTI</t>
  </si>
  <si>
    <t>Basti Joiya,Mauza Ahmed Pur Kohna</t>
  </si>
  <si>
    <t>GPS CHACHIAN (TANDA)</t>
  </si>
  <si>
    <t>chachian tehsil and district gujrat</t>
  </si>
  <si>
    <t>Damthal</t>
  </si>
  <si>
    <t>Hamid Nasir</t>
  </si>
  <si>
    <t>GPS CHACHKE GILL</t>
  </si>
  <si>
    <t>Chachkay Gill</t>
  </si>
  <si>
    <t>Chachkey Gill p/o More Khunda tehsil and district Nankana sahib</t>
  </si>
  <si>
    <t>Chachkey Gill</t>
  </si>
  <si>
    <t>Syed Sajid Munir Shah</t>
  </si>
  <si>
    <t>GPS CHACHOKA</t>
  </si>
  <si>
    <t>Chachoka</t>
  </si>
  <si>
    <t>Govt P/S Chachoka , Teh.Sahiwal ,Dist.Sargodha</t>
  </si>
  <si>
    <t>GPS CHACHOKEY</t>
  </si>
  <si>
    <t>Chachokey p/o amonkey Tehsil and district sheikhpura</t>
  </si>
  <si>
    <t>GPS CHACHRAN SHARIF</t>
  </si>
  <si>
    <t>mahala rais rasool bux chachran sharif</t>
  </si>
  <si>
    <t>Chachrain Sharif</t>
  </si>
  <si>
    <t>Habibulallah</t>
  </si>
  <si>
    <t>GPS CHADER CHAK 3 RB</t>
  </si>
  <si>
    <t>Chadar Chan no. 3</t>
  </si>
  <si>
    <t>GPS CHADHARAN WALA</t>
  </si>
  <si>
    <t>Chadhranwala</t>
  </si>
  <si>
    <t>Gps chadhranwala tehsil pindi bhattian distric hafizabad</t>
  </si>
  <si>
    <t>Mirza Irshad Ullah</t>
  </si>
  <si>
    <t>GPS CHADRAM</t>
  </si>
  <si>
    <t>Chadram P/O Jhamat shumali Dullewala tehsil drya khan dist bhakkar</t>
  </si>
  <si>
    <t>Chadram</t>
  </si>
  <si>
    <t>FAZAL ABBAS</t>
  </si>
  <si>
    <t>GPS CHAGDAH</t>
  </si>
  <si>
    <t>Village &amp; Post Office Chagdah Tehsil &amp; District Mianwali</t>
  </si>
  <si>
    <t>Aman ullah Khan</t>
  </si>
  <si>
    <t>GPS CHAH ABBAS KHAN WALA</t>
  </si>
  <si>
    <t>Belian</t>
  </si>
  <si>
    <t>Gps chah abbas khan wala</t>
  </si>
  <si>
    <t>Chah Abbas Khan  Wala</t>
  </si>
  <si>
    <t>abdul Qayyum</t>
  </si>
  <si>
    <t>GPS CHAH ABDUL RAHIM WALA</t>
  </si>
  <si>
    <t>chah abdul rahim wala mianwali</t>
  </si>
  <si>
    <t>Chah Abdul Rahim Wala</t>
  </si>
  <si>
    <t>GPS CHAH ALLAH BAKHSH WALA P/O BILAND</t>
  </si>
  <si>
    <t>gps chah chah allah bukhsh wala vpo biland tehsiel noorpur thal</t>
  </si>
  <si>
    <t>ghulam habib</t>
  </si>
  <si>
    <t>GPS CHAH ALLAH DEWAYA</t>
  </si>
  <si>
    <t>Basti Sial Mouza Rang pur</t>
  </si>
  <si>
    <t>Basti SIAL</t>
  </si>
  <si>
    <t>Jindoo Mission</t>
  </si>
  <si>
    <t>GPS CHAH AWANAN WALA</t>
  </si>
  <si>
    <t>Chah awanawala Kath post office dullewala</t>
  </si>
  <si>
    <t>Chah Awanawala</t>
  </si>
  <si>
    <t>GPS CHAH BABAL</t>
  </si>
  <si>
    <t>Chah babal</t>
  </si>
  <si>
    <t>GPS Chah Babal Tehsil Jaranwala District Faisalabad</t>
  </si>
  <si>
    <t>432 GB Chah Babal</t>
  </si>
  <si>
    <t>Naee Wala</t>
  </si>
  <si>
    <t>GPS CHAH BABBER WALA</t>
  </si>
  <si>
    <t>Chah Babber  Wala</t>
  </si>
  <si>
    <t>Chah Babber Wala mashmoola Nota teh. &amp; distt. Nannkana Sahib</t>
  </si>
  <si>
    <t>Muhammad Naeem Irshad</t>
  </si>
  <si>
    <t>GPS CHAH BAHADUR WALA</t>
  </si>
  <si>
    <t>Nortullah</t>
  </si>
  <si>
    <t>village chah bahadar wala mianwali</t>
  </si>
  <si>
    <t>Chah Bahadar Wala</t>
  </si>
  <si>
    <t>Gulmire</t>
  </si>
  <si>
    <t>Hadayat Ullah</t>
  </si>
  <si>
    <t>GPS CHAH BAKHSHAY WALA</t>
  </si>
  <si>
    <t>KOTLA ISMAIL</t>
  </si>
  <si>
    <t>BAKHSHAY WALA, P/O TIBBI QAISRANI, U/C TIBBI QAISRANI</t>
  </si>
  <si>
    <t>MUHAMMAD ISMAIL NIAZI</t>
  </si>
  <si>
    <t>GPS CHAH BAKHSHU WALA</t>
  </si>
  <si>
    <t>p/o kohawar kalan nashaib chah bakhshu wala teh darya khan dist bhakkar</t>
  </si>
  <si>
    <t>Chah Bakhshu Wala</t>
  </si>
  <si>
    <t>GPS CHAH BALOCHAN</t>
  </si>
  <si>
    <t>chah balochan</t>
  </si>
  <si>
    <t>Thatha Kareem Dad</t>
  </si>
  <si>
    <t>zulafqar Ali</t>
  </si>
  <si>
    <t>GPS CHAH BALUCH KHAN WALA</t>
  </si>
  <si>
    <t>Chack Nangar</t>
  </si>
  <si>
    <t>GPS Chah baloch khan wala</t>
  </si>
  <si>
    <t>Basti Sher Muhammad Muhammad</t>
  </si>
  <si>
    <t>FAYYAZ Hussain</t>
  </si>
  <si>
    <t>GPS CHAH BARIAN WALA</t>
  </si>
  <si>
    <t>Chah Berian Wala</t>
  </si>
  <si>
    <t>chah Berian wala pakpattan sharif</t>
  </si>
  <si>
    <t>GPS CHAH BARRA</t>
  </si>
  <si>
    <t>Dagar Wagwara Gharbi</t>
  </si>
  <si>
    <t>Chah Barra, tehsil darya khan, district Bhakkar</t>
  </si>
  <si>
    <t>Chah Barra</t>
  </si>
  <si>
    <t>Dagar Wagwarra</t>
  </si>
  <si>
    <t>GPS CHAH BERNEY WALA</t>
  </si>
  <si>
    <t>Bhagi Wal</t>
  </si>
  <si>
    <t>bhagi wala chah Barnay wala teh.chunain  kasur</t>
  </si>
  <si>
    <t>Chah Bernay Wala</t>
  </si>
  <si>
    <t>Muhammad Pervez</t>
  </si>
  <si>
    <t>GPS CHAH BHATTIAN WALA</t>
  </si>
  <si>
    <t>Chak 9 ML</t>
  </si>
  <si>
    <t>chah bhattian chak 9 ml bhalwal sargodha</t>
  </si>
  <si>
    <t>Chah Bhattian</t>
  </si>
  <si>
    <t>CHAK NO 10 ML</t>
  </si>
  <si>
    <t>Muhammad Sarfraz Gondal</t>
  </si>
  <si>
    <t>GPS CHAH BITTIAN 34/WB</t>
  </si>
  <si>
    <t>34 Wb Chah Bitian</t>
  </si>
  <si>
    <t>Chak No. 34/WB Chah Bitian</t>
  </si>
  <si>
    <t>GPS 34/WB</t>
  </si>
  <si>
    <t>Chak No 34/WB</t>
  </si>
  <si>
    <t>Liaqat Abbas</t>
  </si>
  <si>
    <t>GPS CHAH BOGHI</t>
  </si>
  <si>
    <t>chah bhogi mankera.</t>
  </si>
  <si>
    <t>Chah Bhogi</t>
  </si>
  <si>
    <t>Asghar Hussain Shoaib</t>
  </si>
  <si>
    <t>GPS CHAH BROKHA</t>
  </si>
  <si>
    <t>Dagar Wahgwara</t>
  </si>
  <si>
    <t>chah brokhan wala anar shah post office &amp;tehsil darya khan district Bhakkar</t>
  </si>
  <si>
    <t>Chah Brokha</t>
  </si>
  <si>
    <t>GPS CHAH BUDDAH</t>
  </si>
  <si>
    <t>Chah Buddha</t>
  </si>
  <si>
    <t>chah Buddha</t>
  </si>
  <si>
    <t>Meer Hussain</t>
  </si>
  <si>
    <t>GPS CHAH BUKHI</t>
  </si>
  <si>
    <t>post office Nutkani Tehsile Taunsa sharif Disttrict D.G.Khan</t>
  </si>
  <si>
    <t>Chah Bukhi</t>
  </si>
  <si>
    <t>GPS CHAH BUZDAR</t>
  </si>
  <si>
    <t>Basti Rafiq khan Kachhailla ,gongay wala ,chak dodarah p/o choti zareen, tehsil kot chutta, district dera ghazi khan.</t>
  </si>
  <si>
    <t>GPS CHAH CHANGRAN WALA</t>
  </si>
  <si>
    <t>kanjan</t>
  </si>
  <si>
    <t>chah changran wala p/o tibba naina tehsil kallur kot distt Bhakkar</t>
  </si>
  <si>
    <t>chah changran wala</t>
  </si>
  <si>
    <t>GPS CHAH CHATTAN WALA</t>
  </si>
  <si>
    <t>Kaki Kohna</t>
  </si>
  <si>
    <t>chah chattan wala Th shorkot Dis jhang</t>
  </si>
  <si>
    <t>Chattan Wala</t>
  </si>
  <si>
    <t>Chak No 497 Jb</t>
  </si>
  <si>
    <t>Naveed Anwar Sajid</t>
  </si>
  <si>
    <t>GPS CHAH CHATTEY WALA</t>
  </si>
  <si>
    <t>Perhar Munda Sharqi</t>
  </si>
  <si>
    <t>Chah Chattey Wala</t>
  </si>
  <si>
    <t>GPS CHAH CHOKHA WALA</t>
  </si>
  <si>
    <t>Manhan</t>
  </si>
  <si>
    <t>chah chokha mouza manhan  p/o kot addu</t>
  </si>
  <si>
    <t>GPS CHAH DARHALAN WALA</t>
  </si>
  <si>
    <t>Muzafarpur Janubi</t>
  </si>
  <si>
    <t>gps chahdarhalanwala muzafarpur janubi tehsil and district mianwali</t>
  </si>
  <si>
    <t>Chahdarhalanwala</t>
  </si>
  <si>
    <t>GPS CHAH DHABAN WALA</t>
  </si>
  <si>
    <t>chah dhabah wala</t>
  </si>
  <si>
    <t>Chah Dhabah Wala</t>
  </si>
  <si>
    <t>GPS CHAH DHUDDI</t>
  </si>
  <si>
    <t>Tindda</t>
  </si>
  <si>
    <t>chah dhuddi</t>
  </si>
  <si>
    <t>Chah Dhuddi</t>
  </si>
  <si>
    <t>Muhammad nawaz</t>
  </si>
  <si>
    <t>GPS CHAH DINGI WALA</t>
  </si>
  <si>
    <t>chah  DingiWala</t>
  </si>
  <si>
    <t>Chah DingiWala</t>
  </si>
  <si>
    <t>GPS CHAH DIWAN BAWERAY</t>
  </si>
  <si>
    <t>Chah Diwan Baweray</t>
  </si>
  <si>
    <t>chah diwan baweray district hafizabad</t>
  </si>
  <si>
    <t>GPS CHAH DOHATTA</t>
  </si>
  <si>
    <t>Chah Dohatta</t>
  </si>
  <si>
    <t>Chah Dohatta near Sadva Tarrar P/o jalalpor Bhattian</t>
  </si>
  <si>
    <t>Chah dohatta</t>
  </si>
  <si>
    <t>Mattayki</t>
  </si>
  <si>
    <t>GPS CHAH DOLIAN WALA</t>
  </si>
  <si>
    <t>Tibbi Jay Singh</t>
  </si>
  <si>
    <t>chah dolian wala p/o tibbi Jay Singh tehsil and District 6</t>
  </si>
  <si>
    <t>GPS CHAH FAIZ ULLAH KHAN WALA</t>
  </si>
  <si>
    <t>chah faiz ullah khan wala</t>
  </si>
  <si>
    <t>Ada Faiz Ullah Khan</t>
  </si>
  <si>
    <t>GPS CHAH FAQIR ULLAHA</t>
  </si>
  <si>
    <t>Chahfaqeerullah</t>
  </si>
  <si>
    <t>GPS Chahfaqeerullah</t>
  </si>
  <si>
    <t>Amir Raza Qasmi</t>
  </si>
  <si>
    <t>GPS CHAH FATEH WALA</t>
  </si>
  <si>
    <t>Chah Fathy Wala</t>
  </si>
  <si>
    <t>chah fathy wala</t>
  </si>
  <si>
    <t>Fahim Aslam</t>
  </si>
  <si>
    <t>GPS CHAH GAHLAY WALA</t>
  </si>
  <si>
    <t>Muhammadpur</t>
  </si>
  <si>
    <t>chak CHAH GEHLAY WALA moza Muhammadpur</t>
  </si>
  <si>
    <t>Chah GEHLAYWALA</t>
  </si>
  <si>
    <t>GPS CHAH GARAB</t>
  </si>
  <si>
    <t>Chah Garab</t>
  </si>
  <si>
    <t>chah garab</t>
  </si>
  <si>
    <t>GPS CHAH GHULAM ALI WALA</t>
  </si>
  <si>
    <t>Chah Ghulam Ali wala moza Kari wala</t>
  </si>
  <si>
    <t>Chah Ghulam Ali wala</t>
  </si>
  <si>
    <t>GPS CHAH GHULAM NABI WALA</t>
  </si>
  <si>
    <t>Basti bhudan shah mouza uttera tehsil Bahawalpu sadar</t>
  </si>
  <si>
    <t>Basti bhudhan shah</t>
  </si>
  <si>
    <t>Muhammad Maqbool Hassan</t>
  </si>
  <si>
    <t>GPS CHAH GOLA FAQIR</t>
  </si>
  <si>
    <t>Basti daha kotla gamoon</t>
  </si>
  <si>
    <t>GPS CHAH HAIDAR WALA</t>
  </si>
  <si>
    <t>Beron Taunsa</t>
  </si>
  <si>
    <t>Chan haider wala taunsa</t>
  </si>
  <si>
    <t>Chan Haider Wala</t>
  </si>
  <si>
    <t>MUHAMMAD TARIQ IQBAL</t>
  </si>
  <si>
    <t>GPS CHAH HAJI PEER WALA</t>
  </si>
  <si>
    <t>Ahmedpur Kohna</t>
  </si>
  <si>
    <t>Basti Machian Moza Ahmedpur Kohna Thesil Ahmed Pur East</t>
  </si>
  <si>
    <t>NASIR ZAMAN KHAN</t>
  </si>
  <si>
    <t>GPS CHAH HAKEEM WALA</t>
  </si>
  <si>
    <t>Chak 15/FW</t>
  </si>
  <si>
    <t>Bssti Musafir Shah Chak 15/FW Tehsil Hasilpur</t>
  </si>
  <si>
    <t>Chak 58/F</t>
  </si>
  <si>
    <t>GPS CHAH HAKIM WALA</t>
  </si>
  <si>
    <t>Chah Hakim Wala</t>
  </si>
  <si>
    <t>Zualfqar Aslam</t>
  </si>
  <si>
    <t>GPS CHAH HASSA</t>
  </si>
  <si>
    <t>hassa dakhana jhammat shumali tehsil drya khan dist bhakkar</t>
  </si>
  <si>
    <t>Hassa</t>
  </si>
  <si>
    <t>GPS CHAH HOOT WALA</t>
  </si>
  <si>
    <t>Khanpur Janubi</t>
  </si>
  <si>
    <t>Chah hoot wala</t>
  </si>
  <si>
    <t>Chah Hoot Wala</t>
  </si>
  <si>
    <t>Ghazanfar Ali Raza</t>
  </si>
  <si>
    <t>GPS CHAH IMAM BAKHSH WALA</t>
  </si>
  <si>
    <t>Jholk Bhutta</t>
  </si>
  <si>
    <t>GPS CHAH ISHER WALA</t>
  </si>
  <si>
    <t>Chah Isherwala</t>
  </si>
  <si>
    <t>GPS chah isherwala teh: wazirabad Distt: GRW</t>
  </si>
  <si>
    <t>Ikram Ullah Mughal</t>
  </si>
  <si>
    <t>GPS CHAH ISRAN WALA</t>
  </si>
  <si>
    <t>Isranwala</t>
  </si>
  <si>
    <t>chah isranwala p/o buchiki</t>
  </si>
  <si>
    <t>GPS CHAH JAISA CHOLISTAN 94/DBA</t>
  </si>
  <si>
    <t>Chak No. 94/dB Yazman</t>
  </si>
  <si>
    <t>Chak No. 94/DB</t>
  </si>
  <si>
    <t>GPS CHAH JANDIAN WALA P/O CHUNIAN</t>
  </si>
  <si>
    <t>Chah Jandianwala Jandianwala Jandianwala</t>
  </si>
  <si>
    <t>chah jandianwalaTeh. Chunian kasur</t>
  </si>
  <si>
    <t>Chah Jandian Wala</t>
  </si>
  <si>
    <t>GPS CHAH JANJUA</t>
  </si>
  <si>
    <t>Nika Doltana</t>
  </si>
  <si>
    <t>Chah Janjua moza Nikki Doultana</t>
  </si>
  <si>
    <t>Chah Janjua</t>
  </si>
  <si>
    <t>GPS CHAH JAWAIDAAN WALA MOZO ALI PUR KANJOO</t>
  </si>
  <si>
    <t>Alipur Kanjo</t>
  </si>
  <si>
    <t>chah javedan wala alipur kanjo teh kahror pakka Lodhran</t>
  </si>
  <si>
    <t>Chah Javedan Wala</t>
  </si>
  <si>
    <t>GPS CHAH JHORU TEH. PATTOKI</t>
  </si>
  <si>
    <t>Chah Jhoru</t>
  </si>
  <si>
    <t>chah jhoru,pattoki</t>
  </si>
  <si>
    <t>MUHAMMAD AQEEL</t>
  </si>
  <si>
    <t>GPS CHAH KACHA</t>
  </si>
  <si>
    <t>Haidarabad</t>
  </si>
  <si>
    <t>chah kacha</t>
  </si>
  <si>
    <t>Chah Kacha</t>
  </si>
  <si>
    <t>Abdul Razaq Shah</t>
  </si>
  <si>
    <t>GPS CHAH KALALAN WALA</t>
  </si>
  <si>
    <t>Chahkalanwala</t>
  </si>
  <si>
    <t>chaahkalanwala</t>
  </si>
  <si>
    <t>GPS CHAH KAMAREKI</t>
  </si>
  <si>
    <t>chah Kamary Ka</t>
  </si>
  <si>
    <t>Chah Kamary Ka</t>
  </si>
  <si>
    <t>GPS CHAH KAMBOOKA</t>
  </si>
  <si>
    <t>Chah Kamboka</t>
  </si>
  <si>
    <t>chah kamboka</t>
  </si>
  <si>
    <t>Gujiana Nau</t>
  </si>
  <si>
    <t>Hafiz Muhammad Najam Ul Hassan</t>
  </si>
  <si>
    <t>GPS CHAH KEKAR WALA</t>
  </si>
  <si>
    <t>Jhang road Sahiwal</t>
  </si>
  <si>
    <t>Chah Kekar Wala</t>
  </si>
  <si>
    <t>Muhammad Raza Khan</t>
  </si>
  <si>
    <t>GPS CHAH KHALIL WALA NO. 1</t>
  </si>
  <si>
    <t>p.o sawans chah khalil wala  tehsil &amp; district mianwali</t>
  </si>
  <si>
    <t>Ajjab Khan</t>
  </si>
  <si>
    <t>GPS CHAH KHOKAR P.O 36 TDA</t>
  </si>
  <si>
    <t>GPS chah khokhar po 36 bhakkar</t>
  </si>
  <si>
    <t>Chah Khokhar</t>
  </si>
  <si>
    <t>183/184T D A</t>
  </si>
  <si>
    <t>Tasleem Raza Khan</t>
  </si>
  <si>
    <t>GPS CHAH KHOKHRAN</t>
  </si>
  <si>
    <t>village chah khokharan near ghang sharif jia bagga raiwind lahore</t>
  </si>
  <si>
    <t>Chah Khokhran</t>
  </si>
  <si>
    <t>TAHIR IQBAL</t>
  </si>
  <si>
    <t>GPS CHAH KHOKHRAN WALA</t>
  </si>
  <si>
    <t>Chah Khokhran Wala</t>
  </si>
  <si>
    <t>Gps chah khokhran wala p/o khudian khas teh &amp; distt kasur</t>
  </si>
  <si>
    <t>Rural Khudian Khas</t>
  </si>
  <si>
    <t>Naseem Akhter Kalsoom</t>
  </si>
  <si>
    <t>GPS CHAH KILLIAN WALA</t>
  </si>
  <si>
    <t>gps chah killianwala teh noorpur thal dist khushab</t>
  </si>
  <si>
    <t>Chah Killianwala</t>
  </si>
  <si>
    <t>GPS CHAH KORA</t>
  </si>
  <si>
    <t>village chahkora tehsil shahpur district sargodha</t>
  </si>
  <si>
    <t>Chahkora</t>
  </si>
  <si>
    <t>GPS CHAH KORAY WALA</t>
  </si>
  <si>
    <t>Wahi Sawaya</t>
  </si>
  <si>
    <t>GPS CHAH KOREY WALA MULTAN</t>
  </si>
  <si>
    <t>Chah Kikri Wala, Basti Dhorey Wala, Mouza Qasba Awal, Tehsil Multan Sadar</t>
  </si>
  <si>
    <t>Chah Kikri Wala</t>
  </si>
  <si>
    <t>GPS CHAH KOTLI WALA</t>
  </si>
  <si>
    <t>kotli wala</t>
  </si>
  <si>
    <t>Kotli Wala</t>
  </si>
  <si>
    <t>Herdu Ratali</t>
  </si>
  <si>
    <t>Abdul Jabar</t>
  </si>
  <si>
    <t>GPS CHAH KRAM ALI WALA</t>
  </si>
  <si>
    <t>Dera Kram Ali Wala Moza Aqil Shah Tehsil Shahpur District Sargodha</t>
  </si>
  <si>
    <t>Chah Kram Ali Wala</t>
  </si>
  <si>
    <t>Faiz Ul Hassan</t>
  </si>
  <si>
    <t>GPS CHAH LALIAN WALA</t>
  </si>
  <si>
    <t>Chah Lalian Walan</t>
  </si>
  <si>
    <t>bughiana kalan</t>
  </si>
  <si>
    <t>Lalian Walan</t>
  </si>
  <si>
    <t>GPS CHAH LANGAR KAY</t>
  </si>
  <si>
    <t>Kot Raham</t>
  </si>
  <si>
    <t>chak no 609 gb</t>
  </si>
  <si>
    <t>Chah Langar Kay</t>
  </si>
  <si>
    <t>GPS CHAH LODHRAN</t>
  </si>
  <si>
    <t>Chah Lodhran Teh Tandlianwala Distt Fqisalabad</t>
  </si>
  <si>
    <t>Chah Iodhran</t>
  </si>
  <si>
    <t>GPS CHAH LURKANI</t>
  </si>
  <si>
    <t>Chah lurkani</t>
  </si>
  <si>
    <t>Chah Lurkani</t>
  </si>
  <si>
    <t>Kakki Nau Soim</t>
  </si>
  <si>
    <t>Muhammad Safdar Abbas</t>
  </si>
  <si>
    <t>GPS CHAH MAFI WALA</t>
  </si>
  <si>
    <t>Chah Mafiwala</t>
  </si>
  <si>
    <t>chah mafiwala mandi bahauddin</t>
  </si>
  <si>
    <t>Muhammad Ameer Naz</t>
  </si>
  <si>
    <t>GPS CHAH MALHAR SHAH</t>
  </si>
  <si>
    <t>Chandrwali</t>
  </si>
  <si>
    <t>Basti Chah Malhar Shah Mouza Chandrwali p/o Janpur Teh. Liaquatpur</t>
  </si>
  <si>
    <t>Basti Chah Malhar Shah</t>
  </si>
  <si>
    <t>Najeebullah</t>
  </si>
  <si>
    <t>GPS CHAH MANGHOO</t>
  </si>
  <si>
    <t>Basti Mairoshan</t>
  </si>
  <si>
    <t>chah Manghoo p/o basti Mairoshan</t>
  </si>
  <si>
    <t>Chah Manghoo</t>
  </si>
  <si>
    <t>GPS CHAH MASOO WALA</t>
  </si>
  <si>
    <t>Basti Chah masoo wala near aqil pur</t>
  </si>
  <si>
    <t>Chah Masoo Wala</t>
  </si>
  <si>
    <t>Khalid Hassan</t>
  </si>
  <si>
    <t>GPS CHAH MASSU</t>
  </si>
  <si>
    <t>Chah Massu</t>
  </si>
  <si>
    <t>chah massu</t>
  </si>
  <si>
    <t>GPS CHAH MASTI</t>
  </si>
  <si>
    <t>Chah Masti</t>
  </si>
  <si>
    <t>chah masti</t>
  </si>
  <si>
    <t>Gul shair</t>
  </si>
  <si>
    <t>GPS CHAH MEERA MOZA SADH</t>
  </si>
  <si>
    <t>Sadh</t>
  </si>
  <si>
    <t>Chah meera mankera bhakkar</t>
  </si>
  <si>
    <t>Meera</t>
  </si>
  <si>
    <t>GPS CHAH MEHMOOD KHAN</t>
  </si>
  <si>
    <t>Chowk mosa maoza tanwri Teh.LQP Distt.R.Y.Khan</t>
  </si>
  <si>
    <t>Chowk Mosa</t>
  </si>
  <si>
    <t>Rais Mumtaz Ahmad</t>
  </si>
  <si>
    <t>GPS CHAH MEHR KHAN WALA</t>
  </si>
  <si>
    <t>govt p/s chah mehar Khan Wala Mianwali</t>
  </si>
  <si>
    <t>Chah Meher Khanwala</t>
  </si>
  <si>
    <t>Muhammad Raees Khan</t>
  </si>
  <si>
    <t>GPS CHAH MEVRA</t>
  </si>
  <si>
    <t>Mouza Kotla Mohana</t>
  </si>
  <si>
    <t>Basti Roshan Bhait  Teh Sadiq Abad</t>
  </si>
  <si>
    <t>Chah Mevra</t>
  </si>
  <si>
    <t>Jam AYAZ Ahmad</t>
  </si>
  <si>
    <t>GPS CHAH MIANA DAKHLI CHAK NO. 19</t>
  </si>
  <si>
    <t>chahmiana dakhli chak 19</t>
  </si>
  <si>
    <t>Muhammad Akbar Shah</t>
  </si>
  <si>
    <t>GPS CHAH MITHA</t>
  </si>
  <si>
    <t>Dhok Nawan Lok</t>
  </si>
  <si>
    <t>VPO Dhok Nawan Lok Tehsil and District M.B.Din</t>
  </si>
  <si>
    <t>Chah Mitha</t>
  </si>
  <si>
    <t>Mazhar Quyyoom</t>
  </si>
  <si>
    <t>GPS CHAH MOHAMMAD KHAN WALA</t>
  </si>
  <si>
    <t>Chaha muhammad khan wala</t>
  </si>
  <si>
    <t>Chah Muhammad Khan Wala</t>
  </si>
  <si>
    <t>Tibba Mehar Ban Shah</t>
  </si>
  <si>
    <t>Shair Abbas</t>
  </si>
  <si>
    <t>GPS CHAH MOHIB SHAH</t>
  </si>
  <si>
    <t>Chah Mohib Shah</t>
  </si>
  <si>
    <t>Canada colony,Syedwala, Nankana sahib.</t>
  </si>
  <si>
    <t>GPS CHAH MUHAMMAD ALI WALA</t>
  </si>
  <si>
    <t>basti rahim baksh wali moza narool</t>
  </si>
  <si>
    <t>Basti Rahim Baksh Wali</t>
  </si>
  <si>
    <t>Bait Kaich Shumali</t>
  </si>
  <si>
    <t>GPS CHAH MUHAMMAD AZEEM</t>
  </si>
  <si>
    <t>chahazeemkasoordaran tehsil chishtian district bahawalnavgar</t>
  </si>
  <si>
    <t>Chah Azeem</t>
  </si>
  <si>
    <t>Muhammad Fayyaz Kamboh Kamboh</t>
  </si>
  <si>
    <t>GPS CHAH MUHAMMAD YOUSAF</t>
  </si>
  <si>
    <t>Chah Yousaf</t>
  </si>
  <si>
    <t>walgan sohail po  same</t>
  </si>
  <si>
    <t>Fakhar Ayyaz</t>
  </si>
  <si>
    <t>GPS CHAH MUQIMAN WALA</t>
  </si>
  <si>
    <t>Muqeeman Wala</t>
  </si>
  <si>
    <t>GPS CHAH NALIAN WALA</t>
  </si>
  <si>
    <t>Chah Nalian Wala</t>
  </si>
  <si>
    <t>village  saharan Chatha chah Nalian Wala district grw Teh.wazirabad</t>
  </si>
  <si>
    <t>Herd Do Saharan</t>
  </si>
  <si>
    <t>GPS CHAH NALYWALA</t>
  </si>
  <si>
    <t>Chah Nalay Wala</t>
  </si>
  <si>
    <t>GPS Chah Nalay wala,Tehsil Pattoki,district kasure</t>
  </si>
  <si>
    <t>salahuddin</t>
  </si>
  <si>
    <t>GPS CHAH NASRULLAH</t>
  </si>
  <si>
    <t>govt p/s chahnassrullah</t>
  </si>
  <si>
    <t>Basti Shedo Khan</t>
  </si>
  <si>
    <t>Hafeez Ahmad</t>
  </si>
  <si>
    <t>GPS CHAH NAZROO WALA</t>
  </si>
  <si>
    <t>Abdullah Shaheed</t>
  </si>
  <si>
    <t>GPS CHAH NAZAROO WALA</t>
  </si>
  <si>
    <t>Basti Mustoi</t>
  </si>
  <si>
    <t>Muhammad Khurshid Ahmed</t>
  </si>
  <si>
    <t>GPS CHAH NOOR ALI WALA</t>
  </si>
  <si>
    <t>chah Noor Ali wala moza Goda Tehsil Darya khan District Bhakkar</t>
  </si>
  <si>
    <t>Noor Ali Wala</t>
  </si>
  <si>
    <t>GPS CHAH NOORE WALA</t>
  </si>
  <si>
    <t>Chah Nooray Wala Bucheki Teh&amp;Distt Nankana Sahib</t>
  </si>
  <si>
    <t>Chah Noorey Wala</t>
  </si>
  <si>
    <t>GPS CHAH PIPAL WALA</t>
  </si>
  <si>
    <t>Chah Pipal Wala</t>
  </si>
  <si>
    <t>chak no 555 g.b.chah pilal Wala ,teh tandlianwala dist fsd</t>
  </si>
  <si>
    <t>Derbar Pir Salah Din</t>
  </si>
  <si>
    <t>GPS CHAH PIPLAN WALA</t>
  </si>
  <si>
    <t>Havali Dewan</t>
  </si>
  <si>
    <t>piplan wala mouza havali dewan tehsil jhang</t>
  </si>
  <si>
    <t>Shabbar Khan</t>
  </si>
  <si>
    <t>GPS CHAH PIPLI WALA</t>
  </si>
  <si>
    <t>near bank bazar</t>
  </si>
  <si>
    <t>ZAHID PERVEZ</t>
  </si>
  <si>
    <t>GPS CHAH PIR MUHAMMAD</t>
  </si>
  <si>
    <t>Chah Pir Muhammad</t>
  </si>
  <si>
    <t>pobox fateh pur teh and distt okara</t>
  </si>
  <si>
    <t>Waan Mutali</t>
  </si>
  <si>
    <t>GPS CHAH PIRAN WALA</t>
  </si>
  <si>
    <t>Chah Peeran wala Chak No 144 jb</t>
  </si>
  <si>
    <t>Chah Peeran Wala</t>
  </si>
  <si>
    <t>Chak 140 Lal Koti</t>
  </si>
  <si>
    <t>GPS CHAH QADIR MANEKA</t>
  </si>
  <si>
    <t>Chah Qadir Maneka</t>
  </si>
  <si>
    <t>Chah Qadir Maneka, 3-SP, Post Office Haveli Lakha, Tehsil Depalpur, District okara</t>
  </si>
  <si>
    <t>3-SP</t>
  </si>
  <si>
    <t>GPS CHAH QAZI WALA</t>
  </si>
  <si>
    <t>Shaikhani</t>
  </si>
  <si>
    <t>chah qazi wala p/o Notak tehsil and distt bhakkar</t>
  </si>
  <si>
    <t>Chah Qazi wala</t>
  </si>
  <si>
    <t>GPS CHAH QUTAB</t>
  </si>
  <si>
    <t>Qaisar Chuhan</t>
  </si>
  <si>
    <t>Basti Chah qutab moza Qaisar chohan UC Rajan Pur Kalan Rahim Yar khan</t>
  </si>
  <si>
    <t>Basti Chah Quttub</t>
  </si>
  <si>
    <t>Rajan Pur Kalan</t>
  </si>
  <si>
    <t>Sharu Ram</t>
  </si>
  <si>
    <t>GPS CHAH RAB NAWAZ WALA</t>
  </si>
  <si>
    <t>Dagger Kotali</t>
  </si>
  <si>
    <t>Chah Rab Nawaz wala</t>
  </si>
  <si>
    <t>Chah Rab Nawaz Wala</t>
  </si>
  <si>
    <t>Muhammad Ejaz Aamir</t>
  </si>
  <si>
    <t>GPS CHAH RANJHA</t>
  </si>
  <si>
    <t>Abdurrehman</t>
  </si>
  <si>
    <t>basti chah ranjha p/o basti molviya</t>
  </si>
  <si>
    <t>Basti Chah Ranjha</t>
  </si>
  <si>
    <t>GPS CHAH RANJHA (DERA REHMAT KHAN)</t>
  </si>
  <si>
    <t>Dera Rehmat Khan</t>
  </si>
  <si>
    <t>g p s dera rehmat dist teh m b din po bhikhi sharif</t>
  </si>
  <si>
    <t>bhikhisharif</t>
  </si>
  <si>
    <t>Muhammad Irfan bashir</t>
  </si>
  <si>
    <t>GPS CHAH ROSHAN WALA</t>
  </si>
  <si>
    <t>Nikka Doltana</t>
  </si>
  <si>
    <t>Roshan wala Nika Doltana tehsil and district jhang</t>
  </si>
  <si>
    <t>Chah Roshan Wala</t>
  </si>
  <si>
    <t>GPS CHAH SADDAY WALA</t>
  </si>
  <si>
    <t>Chah sadday wala</t>
  </si>
  <si>
    <t>Talab saray</t>
  </si>
  <si>
    <t>Hafiz Muhammad Tayyab Shah</t>
  </si>
  <si>
    <t>GPS CHAH SAEED WALA</t>
  </si>
  <si>
    <t>Chak no. 158 munara jb tehseel bhowana distt. chiniot</t>
  </si>
  <si>
    <t>Chah Ahmad Saeed</t>
  </si>
  <si>
    <t>Chak No 158 JB</t>
  </si>
  <si>
    <t>GPS CHAH SAHI WALA</t>
  </si>
  <si>
    <t>Govt. Primary School Chah Sahi Wala Chak no 18 TDA tehsil darya khan district Bhakkar</t>
  </si>
  <si>
    <t>18TDA</t>
  </si>
  <si>
    <t>Yasir Ayaz Majeed</t>
  </si>
  <si>
    <t>GPS CHAH SAMANDA WALA</t>
  </si>
  <si>
    <t>Noor Shah B</t>
  </si>
  <si>
    <t>chah samandy wala</t>
  </si>
  <si>
    <t>Chah Samandy Wala</t>
  </si>
  <si>
    <t>Mubeen Ali</t>
  </si>
  <si>
    <t>GPS CHAH SANATTA</t>
  </si>
  <si>
    <t>Chah Sanatta Okara</t>
  </si>
  <si>
    <t>Chah Sanatta</t>
  </si>
  <si>
    <t>GPS CHAH SANDIAN WALA</t>
  </si>
  <si>
    <t>Chah Sundian  Wala</t>
  </si>
  <si>
    <t>chah sundian wala</t>
  </si>
  <si>
    <t>Chah Sundian Wala</t>
  </si>
  <si>
    <t>Waqas Siddique</t>
  </si>
  <si>
    <t>GPS CHAH SANDILAN WALA</t>
  </si>
  <si>
    <t>goherwala</t>
  </si>
  <si>
    <t>gps chah sandeelan wala</t>
  </si>
  <si>
    <t>chah sandilan wala</t>
  </si>
  <si>
    <t>goher wala</t>
  </si>
  <si>
    <t>GPS CHAH SARKARI KALAN</t>
  </si>
  <si>
    <t>village sarkari kalan</t>
  </si>
  <si>
    <t>Bahaliky</t>
  </si>
  <si>
    <t>GPS CHAH SHAMOON WALA KAMALIA</t>
  </si>
  <si>
    <t>Chah Shamoowala</t>
  </si>
  <si>
    <t>chah shamowala kamalia</t>
  </si>
  <si>
    <t>Shamoo Wala</t>
  </si>
  <si>
    <t>GPS CHAH SHER SINGH WALA, KHANEWAL</t>
  </si>
  <si>
    <t>GPS CHAH SIALAN</t>
  </si>
  <si>
    <t>Chah Sialan</t>
  </si>
  <si>
    <t>Chah Sialan Tehsil Bhera District Sargodha</t>
  </si>
  <si>
    <t>GPS CHAH SIRAJAN WALA</t>
  </si>
  <si>
    <t>chah sirajan wala</t>
  </si>
  <si>
    <t>Chah Sirajan wala chunian kasur</t>
  </si>
  <si>
    <t>Chah Sirajan Wala</t>
  </si>
  <si>
    <t>GPS CHAH SULIMAN</t>
  </si>
  <si>
    <t>Qamar Din Hance</t>
  </si>
  <si>
    <t>Basti Chah Suleman</t>
  </si>
  <si>
    <t>MUHAMMAD KHALEEL ASHRAF</t>
  </si>
  <si>
    <t>GPS CHAH SULTAN WALA</t>
  </si>
  <si>
    <t>Gps Chah sultan wala</t>
  </si>
  <si>
    <t>GPS CHAH SUNYARIAN WALA</t>
  </si>
  <si>
    <t>Sunyarianwala</t>
  </si>
  <si>
    <t>Mato Bhaike</t>
  </si>
  <si>
    <t>Rafia Ismail</t>
  </si>
  <si>
    <t>GPS CHAH SYED WALA</t>
  </si>
  <si>
    <t>chah Syed wala noorshah sahiwal</t>
  </si>
  <si>
    <t>Nabeel Saleem</t>
  </si>
  <si>
    <t>GPS CHAH TAMBULI</t>
  </si>
  <si>
    <t>Chah Tamoly</t>
  </si>
  <si>
    <t>Chah Tamoly Multan Road Lahore</t>
  </si>
  <si>
    <t>Rashid Masih</t>
  </si>
  <si>
    <t>GPS CHAH TARKHANA WALA</t>
  </si>
  <si>
    <t>Chaspan Badry</t>
  </si>
  <si>
    <t>Chah tarkhana wala</t>
  </si>
  <si>
    <t>Chah Tarkhana wala</t>
  </si>
  <si>
    <t>M Anwar</t>
  </si>
  <si>
    <t>GPS CHAH TATAR</t>
  </si>
  <si>
    <t>Chak No. 96/TDA Tehsil Karor Lal Eason District Layyah</t>
  </si>
  <si>
    <t>GPS CHAH TELGERA</t>
  </si>
  <si>
    <t>Chah Talgera</t>
  </si>
  <si>
    <t>GPS Chah Talgera, Tehsil  and District Nakana Sahib</t>
  </si>
  <si>
    <t>GPS CHAH THALLAH</t>
  </si>
  <si>
    <t>Haji Hussain Shah Daggar</t>
  </si>
  <si>
    <t>Haitoo Khasor Road Chah Thalla</t>
  </si>
  <si>
    <t>Chah Thalla</t>
  </si>
  <si>
    <t>GPS CHAH TOPAN WALA MUZA NASEER PUR</t>
  </si>
  <si>
    <t>Naser Pur</t>
  </si>
  <si>
    <t>chah topan wala muza Nasser pur tehsail shujabad District Multan</t>
  </si>
  <si>
    <t>Topan Wala</t>
  </si>
  <si>
    <t>GPS CHAH TOTAIJA</t>
  </si>
  <si>
    <t>Basti Chah Totaija Harrapa district Sahiwal</t>
  </si>
  <si>
    <t>Chah Totaija</t>
  </si>
  <si>
    <t>Muhammad Amin Shakir</t>
  </si>
  <si>
    <t>GPS CHAH UGRAL</t>
  </si>
  <si>
    <t>Wandhi Bumjeer Wali</t>
  </si>
  <si>
    <t>village chah ugraal, tehsil mianwali district mianwali</t>
  </si>
  <si>
    <t>Chah Ugraal</t>
  </si>
  <si>
    <t>Bun Hafiz G</t>
  </si>
  <si>
    <t>GPS CHAH UQAB WALA</t>
  </si>
  <si>
    <t>Patti Sultan Mehmood Sharki</t>
  </si>
  <si>
    <t>chah uqab wala</t>
  </si>
  <si>
    <t>Chah Uqab Wala</t>
  </si>
  <si>
    <t>Muhammed Waqas Fareed</t>
  </si>
  <si>
    <t>GPS CHAH WARIS</t>
  </si>
  <si>
    <t>Chah Waris</t>
  </si>
  <si>
    <t>Post office alipur warburton</t>
  </si>
  <si>
    <t>M Zahid Farooq</t>
  </si>
  <si>
    <t>GPS CHAH WATTOWAN WALA</t>
  </si>
  <si>
    <t>chah wattowan wala chunian Kasur</t>
  </si>
  <si>
    <t>Chunian Hirhar</t>
  </si>
  <si>
    <t>Umer Azeem Gondal</t>
  </si>
  <si>
    <t>GPS CHAH YAROO WALA</t>
  </si>
  <si>
    <t>yaroo wala</t>
  </si>
  <si>
    <t>Yaroo wala</t>
  </si>
  <si>
    <t>GPS CHAHAR BAJWA</t>
  </si>
  <si>
    <t>village and p/o chahar bajwa tehseel pasrur distt.sialkot</t>
  </si>
  <si>
    <t>Fayyaz Ahmad Bajwa</t>
  </si>
  <si>
    <t>GPS CHAHCHAR</t>
  </si>
  <si>
    <t>LANJIWAR</t>
  </si>
  <si>
    <t>BASTI NATHANI  MOUZA LANJIWAR PO ZAHIRPIR</t>
  </si>
  <si>
    <t>BASTI NATHANI</t>
  </si>
  <si>
    <t>GPS CHAHL KOHNA</t>
  </si>
  <si>
    <t>Chahal Kohna</t>
  </si>
  <si>
    <t>chahal kohna p/o mokal</t>
  </si>
  <si>
    <t>GPS CHAHMALL</t>
  </si>
  <si>
    <t>Chah Mal</t>
  </si>
  <si>
    <t>Village Chah Mal Post Office Dhoda Tehsil and District Chakwal</t>
  </si>
  <si>
    <t>GPS CHAHOOR KOTLI</t>
  </si>
  <si>
    <t>Kotli 11 7</t>
  </si>
  <si>
    <t>Muhammad Ihsan Ahmad</t>
  </si>
  <si>
    <t>GPS CHAHOOR MUSLIM</t>
  </si>
  <si>
    <t>chahoor muslim 118</t>
  </si>
  <si>
    <t>GPS CHAHPRI</t>
  </si>
  <si>
    <t>Chapri ranjhy wali p/o kot qaisrani tehsil Taunsa</t>
  </si>
  <si>
    <t>GPS CHAINIAN WALA</t>
  </si>
  <si>
    <t>Chenian wala</t>
  </si>
  <si>
    <t>chenian wala tehseel o zila hafizabad</t>
  </si>
  <si>
    <t>Hafizsaleem Muhammad Saleem</t>
  </si>
  <si>
    <t>GPS CHAIT SINGH</t>
  </si>
  <si>
    <t>gps chait singh tehsil minchinabad</t>
  </si>
  <si>
    <t>GPS CHAJANA</t>
  </si>
  <si>
    <t>village chajana p/o dhanda tehsil kotli Sattain dist rawalpindi</t>
  </si>
  <si>
    <t>M.Imran</t>
  </si>
  <si>
    <t>watersupply chasma</t>
  </si>
  <si>
    <t>GPS CHAJRA</t>
  </si>
  <si>
    <t>basti kulab machi mouza mithan wali p/o khairpur sadat tehsil a lipur</t>
  </si>
  <si>
    <t>Basti Kulab Wala Machi</t>
  </si>
  <si>
    <t>GPS CHAJRAY WALA</t>
  </si>
  <si>
    <t>Basti Chajray wala p/o Qasba Gujrat tehsil kot addu District M.Garh</t>
  </si>
  <si>
    <t>Chajray Wala</t>
  </si>
  <si>
    <t>GPS CHAJRAY WALI</t>
  </si>
  <si>
    <t>Biat Ziani</t>
  </si>
  <si>
    <t>basti Ghangla mouza bait Zaini p/o qasba gujrat tehsil kot adu muzaffargarh</t>
  </si>
  <si>
    <t>Muhmmad Tahir Abbas</t>
  </si>
  <si>
    <t>GPS CHAJRO</t>
  </si>
  <si>
    <t>Skandi</t>
  </si>
  <si>
    <t>chajroo</t>
  </si>
  <si>
    <t>Chajroo</t>
  </si>
  <si>
    <t>GPS CHAJWAL</t>
  </si>
  <si>
    <t>Chajwal</t>
  </si>
  <si>
    <t>chajwal tehsil shakargarh</t>
  </si>
  <si>
    <t>GPS CHAK  22/4-L</t>
  </si>
  <si>
    <t>22/4L</t>
  </si>
  <si>
    <t>chak 22/4L</t>
  </si>
  <si>
    <t>22/4l</t>
  </si>
  <si>
    <t>36A 4L</t>
  </si>
  <si>
    <t>Wazir Hussain</t>
  </si>
  <si>
    <t>GPS CHAK  268 RB II FSD</t>
  </si>
  <si>
    <t>chak no 268 rb fsd</t>
  </si>
  <si>
    <t>Bhamni Wala</t>
  </si>
  <si>
    <t>Muhammad Mudassar Akram</t>
  </si>
  <si>
    <t>GPS CHAK  SIKANDAR</t>
  </si>
  <si>
    <t>chak slander 30</t>
  </si>
  <si>
    <t>chak sikandar 30  kharian gujrat</t>
  </si>
  <si>
    <t>Mansoor Ahmad Sohail</t>
  </si>
  <si>
    <t>GPS CHAK 10 THAL COLONY NO 3</t>
  </si>
  <si>
    <t>colony no 3 chak 10 thal</t>
  </si>
  <si>
    <t>colony no 3</t>
  </si>
  <si>
    <t>muhammad ikram maqbool</t>
  </si>
  <si>
    <t>GPS CHAK 10 THAL COLONY NO. 2</t>
  </si>
  <si>
    <t>Chk 10 Thal</t>
  </si>
  <si>
    <t>jhang tensile 18hazari</t>
  </si>
  <si>
    <t>Clony2 Chk 10 Thal</t>
  </si>
  <si>
    <t>GPS CHAK 10/GD</t>
  </si>
  <si>
    <t>10 GD</t>
  </si>
  <si>
    <t>Chak No 10GD p/O Kohla Teh &amp; District Okara</t>
  </si>
  <si>
    <t>GPS CHAK 101 GB</t>
  </si>
  <si>
    <t>Chack 101 GB</t>
  </si>
  <si>
    <t>chack 101 GB</t>
  </si>
  <si>
    <t>GPS CHAK 101 RB I</t>
  </si>
  <si>
    <t>101RB</t>
  </si>
  <si>
    <t>99rb</t>
  </si>
  <si>
    <t>GPS CHAK 101/P</t>
  </si>
  <si>
    <t>chak 101p</t>
  </si>
  <si>
    <t>101p</t>
  </si>
  <si>
    <t>GPS CHAK 101/P JADEED</t>
  </si>
  <si>
    <t>Chak 101/p</t>
  </si>
  <si>
    <t>Government Primary School Chak#101/p(Jadeed), Rahim Yar Khan</t>
  </si>
  <si>
    <t>101/p</t>
  </si>
  <si>
    <t>Sehrish Gulzar</t>
  </si>
  <si>
    <t>GPS CHAK 102 GB</t>
  </si>
  <si>
    <t>Mirzy Wala</t>
  </si>
  <si>
    <t>Chak# 102GB Tehsil Jaranwala district Faisalabad</t>
  </si>
  <si>
    <t>Chak#102GB</t>
  </si>
  <si>
    <t>Chak#58GB</t>
  </si>
  <si>
    <t>GPS CHAK 102/L</t>
  </si>
  <si>
    <t>Chack 102 /1L</t>
  </si>
  <si>
    <t>GPS chack 102/1L PO box chack 103/1L</t>
  </si>
  <si>
    <t>102 /1L</t>
  </si>
  <si>
    <t>Chack 45P</t>
  </si>
  <si>
    <t>M TARIQ JAVED</t>
  </si>
  <si>
    <t>GPS CHAK 102/NP</t>
  </si>
  <si>
    <t>Chak#102/NP nawankot Teh.khanpur</t>
  </si>
  <si>
    <t>Chak#102/NP</t>
  </si>
  <si>
    <t>GPS CHAK 102/P</t>
  </si>
  <si>
    <t>Sar Bhori</t>
  </si>
  <si>
    <t>GPS 102/ P Markaz Taranda siway Khan Rahim yar khan</t>
  </si>
  <si>
    <t>102/P</t>
  </si>
  <si>
    <t>Hafiz Muhammad Ahmad Zafar</t>
  </si>
  <si>
    <t>GPS CHAK 103 RB</t>
  </si>
  <si>
    <t>Chack#103 RB</t>
  </si>
  <si>
    <t>Chack# 103 R,B Phalahi wala</t>
  </si>
  <si>
    <t>Chack# 103 RB</t>
  </si>
  <si>
    <t>Chack #103 RB</t>
  </si>
  <si>
    <t>GPS CHAK 105 RB I EAST</t>
  </si>
  <si>
    <t>105 Rb</t>
  </si>
  <si>
    <t>Govt.primary school 105 rb i</t>
  </si>
  <si>
    <t>Chak No 105 I</t>
  </si>
  <si>
    <t>Chak 63 GB</t>
  </si>
  <si>
    <t>Sidaqat Ali Kazmi</t>
  </si>
  <si>
    <t>GPS CHAK 105/P</t>
  </si>
  <si>
    <t>chk no 105p Jaffar abad Rahim yar khan</t>
  </si>
  <si>
    <t>Chk No 105p</t>
  </si>
  <si>
    <t>Tariq Latif</t>
  </si>
  <si>
    <t>GPS CHAK 106 RB</t>
  </si>
  <si>
    <t>Chak NO 106 Rb</t>
  </si>
  <si>
    <t>Chak No 106 Rb</t>
  </si>
  <si>
    <t>GPS CHAK 106WB</t>
  </si>
  <si>
    <t>106wb</t>
  </si>
  <si>
    <t>chak no 106 wb</t>
  </si>
  <si>
    <t>106WB</t>
  </si>
  <si>
    <t>Chak No 124wb</t>
  </si>
  <si>
    <t>GPS CHAK 107 RB WEST</t>
  </si>
  <si>
    <t>107 RB</t>
  </si>
  <si>
    <t>107 RB West</t>
  </si>
  <si>
    <t>Muhammad Zeeshan Fareed</t>
  </si>
  <si>
    <t>GPS CHAK 107 THAL ABADI PAWLI WALA</t>
  </si>
  <si>
    <t>Uch Gull Imam</t>
  </si>
  <si>
    <t>chah Bhatti Nagar Chak no 11/2 thall</t>
  </si>
  <si>
    <t>Bhatti NAGAR</t>
  </si>
  <si>
    <t>Rustam Khan Shehzad</t>
  </si>
  <si>
    <t>GPS CHAK 108 6R</t>
  </si>
  <si>
    <t>108/6-R</t>
  </si>
  <si>
    <t>Chak No 108/6-R , P.O same , Tehsil :Haroonabad, District: Bahawalnagar</t>
  </si>
  <si>
    <t>108/6-r</t>
  </si>
  <si>
    <t>GPS CHAK 108 JB TALUANDI</t>
  </si>
  <si>
    <t>Chak No 108JB Tawalndi Faisalabad</t>
  </si>
  <si>
    <t>108 JB</t>
  </si>
  <si>
    <t>115JB</t>
  </si>
  <si>
    <t>GPS CHAK 109 GB I JARANWALA FSD</t>
  </si>
  <si>
    <t>Chak No 109 GB</t>
  </si>
  <si>
    <t>Chak no 109 Gb</t>
  </si>
  <si>
    <t>Chak No 109 Gb</t>
  </si>
  <si>
    <t>Chak No 112 Gb</t>
  </si>
  <si>
    <t>Abdul Jabbar Zahid</t>
  </si>
  <si>
    <t>GPS CHAK 109/NP JAMAL ABAD</t>
  </si>
  <si>
    <t>chak 109/NP jamal Abad khan  pur</t>
  </si>
  <si>
    <t>Jamal Abad</t>
  </si>
  <si>
    <t>GPS CHAK 109/P</t>
  </si>
  <si>
    <t>GBPS CHAK 109/p</t>
  </si>
  <si>
    <t>109/P</t>
  </si>
  <si>
    <t>GPS CHAK 11 THAL COLONY NO 3</t>
  </si>
  <si>
    <t>Mouza Lashari  Tehsil 18 Hazari  Distt J</t>
  </si>
  <si>
    <t>Saeed Ahmed Khan</t>
  </si>
  <si>
    <t>GPS CHAK 11/A</t>
  </si>
  <si>
    <t>Chak 11a</t>
  </si>
  <si>
    <t>Chak no. 11a p/o 13a liaqat pur  R. Y. K</t>
  </si>
  <si>
    <t>GPS CHAK 11/FW KATRIAN</t>
  </si>
  <si>
    <t>Chak 11/FW</t>
  </si>
  <si>
    <t>chak 11/FW P.O chak 10/FW</t>
  </si>
  <si>
    <t>Chak 11/FW Katarian</t>
  </si>
  <si>
    <t>Chak No 10 FW</t>
  </si>
  <si>
    <t>Muhammad Waseem Anjum</t>
  </si>
  <si>
    <t>GPS CHAK 11/IL</t>
  </si>
  <si>
    <t>11/1L</t>
  </si>
  <si>
    <t>Gps 11/1L tehsil renala khurd district okara</t>
  </si>
  <si>
    <t>Chack no. 11/1L</t>
  </si>
  <si>
    <t>Umer Islam</t>
  </si>
  <si>
    <t>GPS CHAK 110 GB 66 GB TEH JARANWALA FSD</t>
  </si>
  <si>
    <t>110 G B</t>
  </si>
  <si>
    <t>chak # 110 G B tehsil Jaranwala District Faisalabad</t>
  </si>
  <si>
    <t>Chak #110 G B</t>
  </si>
  <si>
    <t>Chak # 112 G B</t>
  </si>
  <si>
    <t>Muhammad Ilyas Khan</t>
  </si>
  <si>
    <t>GPS CHAK 110/P</t>
  </si>
  <si>
    <t>CHAK No110/P</t>
  </si>
  <si>
    <t>CHAK no.110/p, Rahim Yar Khan</t>
  </si>
  <si>
    <t>GPS CHAK 111/M</t>
  </si>
  <si>
    <t>chak no 111m tehsil chishtian district bhwalnagar</t>
  </si>
  <si>
    <t>Chak No 111/M</t>
  </si>
  <si>
    <t>Chak No 112M</t>
  </si>
  <si>
    <t>GPS CHAK 112 JB</t>
  </si>
  <si>
    <t>112/JB</t>
  </si>
  <si>
    <t>CHAk 112 JB Faisalabad</t>
  </si>
  <si>
    <t>112 JB</t>
  </si>
  <si>
    <t>Chak 113 Jb</t>
  </si>
  <si>
    <t>Sibt-i-Hasan</t>
  </si>
  <si>
    <t>GPS CHAK 114 GB</t>
  </si>
  <si>
    <t>chak no. 114 GB</t>
  </si>
  <si>
    <t>114GB MANGOOR</t>
  </si>
  <si>
    <t>GPS CHAK 114 JB FSD</t>
  </si>
  <si>
    <t>chak no114 jb</t>
  </si>
  <si>
    <t>115jb</t>
  </si>
  <si>
    <t>GPS CHAK 119 GB JARANWALA</t>
  </si>
  <si>
    <t>Chak no 119gb</t>
  </si>
  <si>
    <t>Chak no. 119 gb , Jaranwala</t>
  </si>
  <si>
    <t>Chak no. 119 G.b</t>
  </si>
  <si>
    <t>Chak No. 122 GB</t>
  </si>
  <si>
    <t>GPS CHAK 12/1-AL</t>
  </si>
  <si>
    <t>chak no 12/1al</t>
  </si>
  <si>
    <t>12/1al</t>
  </si>
  <si>
    <t>GPS CHAK 12/A</t>
  </si>
  <si>
    <t>Chak 12/A</t>
  </si>
  <si>
    <t>Chak 12a</t>
  </si>
  <si>
    <t>Zafar  Ullah</t>
  </si>
  <si>
    <t>GPS CHAK 120 WB</t>
  </si>
  <si>
    <t>chak no 120/wb</t>
  </si>
  <si>
    <t>GPS CHAK 120/1-L</t>
  </si>
  <si>
    <t>Government boys primary school 120/1L</t>
  </si>
  <si>
    <t>Shafqat Naz</t>
  </si>
  <si>
    <t>GPS CHAK 121 GB JARANWALA FSD</t>
  </si>
  <si>
    <t>Chak N0 121 GB</t>
  </si>
  <si>
    <t>chak # 121GB</t>
  </si>
  <si>
    <t>Abdul  Sattar</t>
  </si>
  <si>
    <t>GPS CHAK 122 GB JARANWLA</t>
  </si>
  <si>
    <t>Chak No 122GB</t>
  </si>
  <si>
    <t>chak No 122GB</t>
  </si>
  <si>
    <t>Cane</t>
  </si>
  <si>
    <t>GPS CHAK 122-123 NP</t>
  </si>
  <si>
    <t>122-123/NP</t>
  </si>
  <si>
    <t>CHAK123/NP P/O FEROZA TEH.LIAQUETPUR DIST.RAHIM YAR KHAN.</t>
  </si>
  <si>
    <t>Muhammad Arshad Nadeem</t>
  </si>
  <si>
    <t>GPS CHAK 125 GB</t>
  </si>
  <si>
    <t>Chak 125 Gb</t>
  </si>
  <si>
    <t>Chak no 125   gb</t>
  </si>
  <si>
    <t>Chak 235 Gb</t>
  </si>
  <si>
    <t>GPS CHAK 126 NP</t>
  </si>
  <si>
    <t>Chak 126/np</t>
  </si>
  <si>
    <t>chak 126/np uc talbani tehsil liaquatpur</t>
  </si>
  <si>
    <t>GPS CHAK 128 WB</t>
  </si>
  <si>
    <t>Chak 128/WB</t>
  </si>
  <si>
    <t>chak 128/W.B tehsil mailsi distt. vehari</t>
  </si>
  <si>
    <t>ZaheerAbad Shaheed</t>
  </si>
  <si>
    <t>GPS CHAK 13 4L</t>
  </si>
  <si>
    <t>13/4L</t>
  </si>
  <si>
    <t>M Hanif</t>
  </si>
  <si>
    <t>GPS CHAK 13/NP BASTI THAHEEMA KHANPUR</t>
  </si>
  <si>
    <t>govt primary  school 13/NP thaheemabad</t>
  </si>
  <si>
    <t>Thaheem Abad</t>
  </si>
  <si>
    <t>Mc Khanpur</t>
  </si>
  <si>
    <t>saleem mahmood</t>
  </si>
  <si>
    <t>GPS CHAK 131/6-R E</t>
  </si>
  <si>
    <t>131/6.r</t>
  </si>
  <si>
    <t>131 / 6r</t>
  </si>
  <si>
    <t>132/ 6r</t>
  </si>
  <si>
    <t>Rana Farhan Kanwal</t>
  </si>
  <si>
    <t>GPS CHAK 132/NP</t>
  </si>
  <si>
    <t>Chak 132 NP</t>
  </si>
  <si>
    <t>chack 132 np p/o allah abd lqp</t>
  </si>
  <si>
    <t>GPS CHAK 133/6-R</t>
  </si>
  <si>
    <t>Chak 133/6r</t>
  </si>
  <si>
    <t>Chak 133/6r p/o 132/6r teshil:Haroonabad Distt:Bahawalnagar</t>
  </si>
  <si>
    <t>GPS CHAK 133/P</t>
  </si>
  <si>
    <t>Chak 133/p</t>
  </si>
  <si>
    <t>chak no 133p p/o 114/p</t>
  </si>
  <si>
    <t>Chak No 133/p</t>
  </si>
  <si>
    <t>GPS CHAK 134 GB SAMUNDRI</t>
  </si>
  <si>
    <t>raast pur</t>
  </si>
  <si>
    <t>chak no 134 gb</t>
  </si>
  <si>
    <t>Chak No 134 Gb</t>
  </si>
  <si>
    <t>Rasyana</t>
  </si>
  <si>
    <t>Rashida maryam</t>
  </si>
  <si>
    <t>GPS CHAK 135/A</t>
  </si>
  <si>
    <t>Khan Wali</t>
  </si>
  <si>
    <t>chak no 135PA P.O 136p RYK</t>
  </si>
  <si>
    <t>Chak No 135PA</t>
  </si>
  <si>
    <t>Chak no 92p</t>
  </si>
  <si>
    <t>GPS CHAK 136 GB I SAMUNDRI</t>
  </si>
  <si>
    <t>Baghdadpur</t>
  </si>
  <si>
    <t>chak no 136 gb l</t>
  </si>
  <si>
    <t>Chak No 136 Gb 1</t>
  </si>
  <si>
    <t>Chak 527 Gb</t>
  </si>
  <si>
    <t>Adil Ayub</t>
  </si>
  <si>
    <t>GPS CHAK 136 GB II SAMUNDRI</t>
  </si>
  <si>
    <t>Baghdapur</t>
  </si>
  <si>
    <t>Govt.P/S136 gb ll Samundri</t>
  </si>
  <si>
    <t>Chak 136 GB II</t>
  </si>
  <si>
    <t>527 GB</t>
  </si>
  <si>
    <t>ANEELA AKRAM</t>
  </si>
  <si>
    <t>GPS CHAK 137 GB I SAMUNDRI</t>
  </si>
  <si>
    <t>Nanak Kot</t>
  </si>
  <si>
    <t>chak no 137 GB Samundri</t>
  </si>
  <si>
    <t>Wasif Ali</t>
  </si>
  <si>
    <t>from samundri</t>
  </si>
  <si>
    <t>GPS CHAK 138 GB II SAMUNDRI</t>
  </si>
  <si>
    <t>Kase Gadh</t>
  </si>
  <si>
    <t>Chak 138GBll</t>
  </si>
  <si>
    <t>138GBll</t>
  </si>
  <si>
    <t>Chak138GBl</t>
  </si>
  <si>
    <t>GPS CHAK 139 GB SAMUNDRI</t>
  </si>
  <si>
    <t>Chak No 139GB sammundri</t>
  </si>
  <si>
    <t>Chak No 139 GB</t>
  </si>
  <si>
    <t>MC Summundri</t>
  </si>
  <si>
    <t>Abdul Majeed Shahid</t>
  </si>
  <si>
    <t>GPS CHAK 139 NP</t>
  </si>
  <si>
    <t>CHAK 139 NP</t>
  </si>
  <si>
    <t>chak 139/NP tehsil liaquat pur</t>
  </si>
  <si>
    <t>Mohammad Yuousaf</t>
  </si>
  <si>
    <t>GPS CHAK 139/A</t>
  </si>
  <si>
    <t>Govt primary School 139/A</t>
  </si>
  <si>
    <t>chak No.139/A</t>
  </si>
  <si>
    <t>Chak No.46/A</t>
  </si>
  <si>
    <t>Ahmed Saleem</t>
  </si>
  <si>
    <t>GPS CHAK 139/P</t>
  </si>
  <si>
    <t>Bondor</t>
  </si>
  <si>
    <t>chak no 139p p/o 140,p</t>
  </si>
  <si>
    <t>139p</t>
  </si>
  <si>
    <t>Munawar Ali</t>
  </si>
  <si>
    <t>GPS CHAK 14 GAJIANI</t>
  </si>
  <si>
    <t>Azam Chowk, 14Gajiani, Chishtian</t>
  </si>
  <si>
    <t>14Gajiani</t>
  </si>
  <si>
    <t>GPS CHAK 140/P</t>
  </si>
  <si>
    <t>140/p</t>
  </si>
  <si>
    <t>140/p Tahsil/District ryk</t>
  </si>
  <si>
    <t>Muhammad Anwer Nasir</t>
  </si>
  <si>
    <t>GPS CHAK 141 GB SAMUNDRI</t>
  </si>
  <si>
    <t>GPS 141 GB samundri</t>
  </si>
  <si>
    <t>141 GB</t>
  </si>
  <si>
    <t>GPS CHAK 141 NP</t>
  </si>
  <si>
    <t>Chak No 141 Np</t>
  </si>
  <si>
    <t>CHAK NO 141 NP, TRANDA MUHAMMAD PANAH, TEH:LQP(RYK)</t>
  </si>
  <si>
    <t>CHAK NO 141 NP</t>
  </si>
  <si>
    <t>TURAKRI</t>
  </si>
  <si>
    <t>Dilshad Hussain</t>
  </si>
  <si>
    <t>GPS CHAK 142 GB SAMUNDRI</t>
  </si>
  <si>
    <t>chak no 142 g.b</t>
  </si>
  <si>
    <t>GPS CHAK 146 WB</t>
  </si>
  <si>
    <t>GPS 146/WB</t>
  </si>
  <si>
    <t>CHAK NO 146/WB</t>
  </si>
  <si>
    <t>SEHAR</t>
  </si>
  <si>
    <t>Ghufar Ahmad</t>
  </si>
  <si>
    <t>GPS CHAK 149 RB</t>
  </si>
  <si>
    <t>Bharrolianwala</t>
  </si>
  <si>
    <t>GPS 149 RB BHARROLIANWALA tehsil jaranwala district faisalabad</t>
  </si>
  <si>
    <t>Winjwa 151 RB</t>
  </si>
  <si>
    <t>Sajid iqbal</t>
  </si>
  <si>
    <t>GPS CHAK 149/6-R (E)</t>
  </si>
  <si>
    <t>149/6r/E</t>
  </si>
  <si>
    <t>149/6r/e</t>
  </si>
  <si>
    <t>149/6r/R</t>
  </si>
  <si>
    <t>GPS CHAK 149/6-R (W)</t>
  </si>
  <si>
    <t>149/6r W</t>
  </si>
  <si>
    <t>Chak no 149/6R W</t>
  </si>
  <si>
    <t>Chak No 149/6R W</t>
  </si>
  <si>
    <t>GPS CHAK 149/P</t>
  </si>
  <si>
    <t>GPS Chak 149/P, Markaz Adam Sahaba, Sadiq Abad</t>
  </si>
  <si>
    <t>Chak 149/P</t>
  </si>
  <si>
    <t>GPS CHAK 15 NP</t>
  </si>
  <si>
    <t>UC Bhutt Wahn Garhi Bela Basti Thull</t>
  </si>
  <si>
    <t>GPS CHAK 15/A</t>
  </si>
  <si>
    <t>Chak No 15/A Tehsil Liaquatpur</t>
  </si>
  <si>
    <t>Chak No 15/A</t>
  </si>
  <si>
    <t>Arshad Ali Asif</t>
  </si>
  <si>
    <t>GPS CHAK 150 A</t>
  </si>
  <si>
    <t>Chak 150/A</t>
  </si>
  <si>
    <t>chak no 150/A tehsil liaquat pur district rahim yar khan</t>
  </si>
  <si>
    <t>GPS CHAK 150 GB</t>
  </si>
  <si>
    <t>chak no.150GB</t>
  </si>
  <si>
    <t>150 GB</t>
  </si>
  <si>
    <t>Muhammad Yaseen Zia</t>
  </si>
  <si>
    <t>GPS CHAK 151 GB</t>
  </si>
  <si>
    <t>Chak no 151gb</t>
  </si>
  <si>
    <t>151gb</t>
  </si>
  <si>
    <t>GPS CHAK 152 GB</t>
  </si>
  <si>
    <t>chak no 152gb Toba Tek singh</t>
  </si>
  <si>
    <t>Chak No 152gb</t>
  </si>
  <si>
    <t>151 Gb</t>
  </si>
  <si>
    <t>GPS CHAK 153 GB</t>
  </si>
  <si>
    <t>Chak 153gb</t>
  </si>
  <si>
    <t>chak no153gb</t>
  </si>
  <si>
    <t>Chak153gb</t>
  </si>
  <si>
    <t>Abbas Ali Khan</t>
  </si>
  <si>
    <t>GPS CHAK 159 GB GAGO MAL</t>
  </si>
  <si>
    <t>Gogomal</t>
  </si>
  <si>
    <t>chak  No 159 GB Gogomal Teh. Gojra</t>
  </si>
  <si>
    <t>Chak No 159 GB</t>
  </si>
  <si>
    <t>GPS CHAK 15-MR</t>
  </si>
  <si>
    <t>15 MR</t>
  </si>
  <si>
    <t>chak no15MR</t>
  </si>
  <si>
    <t>Chak No 15MR</t>
  </si>
  <si>
    <t>Qutub-ud-din</t>
  </si>
  <si>
    <t>GPS CHAK 15-MR NO. 2</t>
  </si>
  <si>
    <t>chak no.15 MR Multan saddar</t>
  </si>
  <si>
    <t>15MR</t>
  </si>
  <si>
    <t>Umair Latif</t>
  </si>
  <si>
    <t>GPS CHAK 162/7R</t>
  </si>
  <si>
    <t>162/7R</t>
  </si>
  <si>
    <t>chak 162/7-R tehsil liaquatpur</t>
  </si>
  <si>
    <t>Chak 162/7R</t>
  </si>
  <si>
    <t>Muhammad Ferroz</t>
  </si>
  <si>
    <t>GPS CHAK 163 GB</t>
  </si>
  <si>
    <t>chak no 163 gb</t>
  </si>
  <si>
    <t>Chak No 158 GB</t>
  </si>
  <si>
    <t>SARDAR MUHAMMAD</t>
  </si>
  <si>
    <t>GPS CHAK 165 GB WEST SAMUNDRI</t>
  </si>
  <si>
    <t>165 GB Harsa KOT</t>
  </si>
  <si>
    <t>Chak No. 165 GB, SAMUNDRI</t>
  </si>
  <si>
    <t>Zahid Rashid</t>
  </si>
  <si>
    <t>GPS CHAK 165-P</t>
  </si>
  <si>
    <t>chak no.165/p sadiqabad</t>
  </si>
  <si>
    <t>Chak 165/p</t>
  </si>
  <si>
    <t>Mohammad RafiqueTahir</t>
  </si>
  <si>
    <t>GPS CHAK 166/P</t>
  </si>
  <si>
    <t>166/p</t>
  </si>
  <si>
    <t>chak 166/p</t>
  </si>
  <si>
    <t>MC- Sadiqabad</t>
  </si>
  <si>
    <t>Teachers contribution</t>
  </si>
  <si>
    <t>GPS CHAK 167/7-R WEST</t>
  </si>
  <si>
    <t>CHAK No 167/7r  West</t>
  </si>
  <si>
    <t>CHAK no 16/7r west tehsil fort Abbas dist.BWN</t>
  </si>
  <si>
    <t>167/7r West</t>
  </si>
  <si>
    <t>167/7R West</t>
  </si>
  <si>
    <t>Muhammad  Naeem  Asghar</t>
  </si>
  <si>
    <t>GPS CHAK 168 WB</t>
  </si>
  <si>
    <t>GPS chak no 168/WB</t>
  </si>
  <si>
    <t>158/WB</t>
  </si>
  <si>
    <t>Syed Sohail Ahmad</t>
  </si>
  <si>
    <t>GPS CHAK 168/WB PANDA WALI</t>
  </si>
  <si>
    <t>chak no.168/WB  PANDEY WALY</t>
  </si>
  <si>
    <t>168/WB PANDEY Wali  WALY</t>
  </si>
  <si>
    <t>GPS CHAK 169 7R</t>
  </si>
  <si>
    <t>169/7R</t>
  </si>
  <si>
    <t>GPS CHAK 169 GB NORTH</t>
  </si>
  <si>
    <t>chak 169 gb</t>
  </si>
  <si>
    <t>Chak 169 GB</t>
  </si>
  <si>
    <t>Mailowaan</t>
  </si>
  <si>
    <t>USMAN ALI</t>
  </si>
  <si>
    <t>GPS CHAK 17/1-AL</t>
  </si>
  <si>
    <t>G.P.S 17/1AL</t>
  </si>
  <si>
    <t>GPS CHAK 17/1-L</t>
  </si>
  <si>
    <t>Chak 17/1-L</t>
  </si>
  <si>
    <t>chak No 17/1-L</t>
  </si>
  <si>
    <t>Chak No 17/1-L</t>
  </si>
  <si>
    <t>GPS CHAK 173 GB SAMUNDRI</t>
  </si>
  <si>
    <t>Chak No 173 GB Teh. Samundri Disst. Faisalabad</t>
  </si>
  <si>
    <t>173 GB</t>
  </si>
  <si>
    <t>Chak No 170 GB</t>
  </si>
  <si>
    <t>Muhammad Mubbshar Nisar</t>
  </si>
  <si>
    <t>GPS CHAK 175 GB SAMUNDRI</t>
  </si>
  <si>
    <t>Menghra</t>
  </si>
  <si>
    <t>Chak no 175 GB</t>
  </si>
  <si>
    <t>Chak 175 GB</t>
  </si>
  <si>
    <t>Chao 175</t>
  </si>
  <si>
    <t>GPS CHAK 176 P</t>
  </si>
  <si>
    <t>Chak No 176/p</t>
  </si>
  <si>
    <t>Chak No 176/p p/o chak no 175/p tehsil sadiq abad dist ry khan</t>
  </si>
  <si>
    <t>GPS CHAK 179 GB</t>
  </si>
  <si>
    <t>Chak No 179 Gb Saleempur</t>
  </si>
  <si>
    <t>chak no. 179 GB Saleem pur Tehsil Gojra District Toba Tek  Singh</t>
  </si>
  <si>
    <t>Chak # 179 GB SALEEM PUR</t>
  </si>
  <si>
    <t>Chak # 178 GB</t>
  </si>
  <si>
    <t>GPS CHAK 179 GB NEW ABADI</t>
  </si>
  <si>
    <t>Chak 179 Ali Pur</t>
  </si>
  <si>
    <t>chak no 179 Gb ii Alipur</t>
  </si>
  <si>
    <t>chak No 179 GBii</t>
  </si>
  <si>
    <t>Chak No 178 Gb</t>
  </si>
  <si>
    <t>M. Imtiaz Ashraf</t>
  </si>
  <si>
    <t>GPS CHAK 18/M</t>
  </si>
  <si>
    <t>18/m</t>
  </si>
  <si>
    <t>Chak No 18/m Tehsil Dunyapur District lodhran</t>
  </si>
  <si>
    <t>Chak No 18/m</t>
  </si>
  <si>
    <t>11/m</t>
  </si>
  <si>
    <t>GPS CHAK 180 GB</t>
  </si>
  <si>
    <t>Nathu Singh</t>
  </si>
  <si>
    <t>chak 180 G.B. gojra T.T.Singh</t>
  </si>
  <si>
    <t>180 GB</t>
  </si>
  <si>
    <t>245 GB</t>
  </si>
  <si>
    <t>Abdul Shakoor Zia</t>
  </si>
  <si>
    <t>GPS CHAK 183 GB I MIAN KOT</t>
  </si>
  <si>
    <t>Govt Primary School 183 GB miankot tehsil and district Toba Tek Singh.</t>
  </si>
  <si>
    <t>Rehan Ahmad</t>
  </si>
  <si>
    <t>GPS CHAK 183 GB II</t>
  </si>
  <si>
    <t>Chak No 183 G/B Pakhowal</t>
  </si>
  <si>
    <t>chak no 183 GB  pakhowal</t>
  </si>
  <si>
    <t>chak No 183 GB Pakhowal</t>
  </si>
  <si>
    <t>183 G/B Miankot</t>
  </si>
  <si>
    <t>MUHAMMAD USMAN WAHID</t>
  </si>
  <si>
    <t>GPS CHAK 184 GB</t>
  </si>
  <si>
    <t>chak 184gb</t>
  </si>
  <si>
    <t>chak 184 gb</t>
  </si>
  <si>
    <t>chak # 184 GB</t>
  </si>
  <si>
    <t>Munawer hussain</t>
  </si>
  <si>
    <t>GPS CHAK 187 GB I</t>
  </si>
  <si>
    <t>CHAK NO 187 GB 1</t>
  </si>
  <si>
    <t>CHAK No 186 GB</t>
  </si>
  <si>
    <t>M Ashraf Sajjad</t>
  </si>
  <si>
    <t>GPS CHAK 188 GB KHURD</t>
  </si>
  <si>
    <t>chak no 188 gb khurd  toba tek singh</t>
  </si>
  <si>
    <t>Chak 188 GB Khurd</t>
  </si>
  <si>
    <t>Chak 188 GB</t>
  </si>
  <si>
    <t>Naeem Ashfaq</t>
  </si>
  <si>
    <t>GPS CHAK 189 GB II BASTI ARIAN</t>
  </si>
  <si>
    <t>chak no 189 GB 2nd basti arain</t>
  </si>
  <si>
    <t>189GB2nd Basti Arain</t>
  </si>
  <si>
    <t>189GB 2nd Basti  Arain</t>
  </si>
  <si>
    <t>GPS CHAK 19/4L</t>
  </si>
  <si>
    <t>19/4L</t>
  </si>
  <si>
    <t>chak no 19/4L</t>
  </si>
  <si>
    <t>GPS CHAK 190 GB</t>
  </si>
  <si>
    <t>chak 190gb</t>
  </si>
  <si>
    <t>190gb</t>
  </si>
  <si>
    <t>Chak 186 Gb</t>
  </si>
  <si>
    <t>Mazhar Iqbal Qasim</t>
  </si>
  <si>
    <t>GPS CHAK 190 RB KHURD</t>
  </si>
  <si>
    <t>CHAK190RBKhurd</t>
  </si>
  <si>
    <t>CHAK 190/RB khurd</t>
  </si>
  <si>
    <t>Chak 190/RB Khurd</t>
  </si>
  <si>
    <t>Chak 191 Rb</t>
  </si>
  <si>
    <t>M Shafiq</t>
  </si>
  <si>
    <t>GPS CHAK 191 RB EAST FSD</t>
  </si>
  <si>
    <t>Moloani Baran</t>
  </si>
  <si>
    <t>chak no 191 rb E</t>
  </si>
  <si>
    <t>191 RB East</t>
  </si>
  <si>
    <t>191 RB</t>
  </si>
  <si>
    <t>Najeeb Ahmad</t>
  </si>
  <si>
    <t>GPS CHAK 191/7-R (M)</t>
  </si>
  <si>
    <t>191 /7r M</t>
  </si>
  <si>
    <t>chak no 191 /7r tehsil fortabbas</t>
  </si>
  <si>
    <t>Zafar Iqbal Bajwa</t>
  </si>
  <si>
    <t>arrange himself</t>
  </si>
  <si>
    <t>GPS CHAK 194 GB</t>
  </si>
  <si>
    <t>chak 194 gb toba tek singh</t>
  </si>
  <si>
    <t>194 Gb</t>
  </si>
  <si>
    <t>GPS CHAK 194 RB I</t>
  </si>
  <si>
    <t>chack #194R.B chota lathianwala tehsil JARANWALA FAISALABAD</t>
  </si>
  <si>
    <t>194 RB Laithainwala</t>
  </si>
  <si>
    <t>MC Khurrainwala</t>
  </si>
  <si>
    <t>GPS CHAK 194 RB II</t>
  </si>
  <si>
    <t>194rblathianwala</t>
  </si>
  <si>
    <t>GPS CHAK 196 WB</t>
  </si>
  <si>
    <t>196 Wb</t>
  </si>
  <si>
    <t>196 wb</t>
  </si>
  <si>
    <t>188 Wb</t>
  </si>
  <si>
    <t>MUHAMMAD REHAN AZIZ</t>
  </si>
  <si>
    <t>GPS CHAK 196/HB</t>
  </si>
  <si>
    <t>196 HB</t>
  </si>
  <si>
    <t>chak no.196 H.B teh.fortabbas dist bwn</t>
  </si>
  <si>
    <t>204 9T</t>
  </si>
  <si>
    <t>GPS CHAK 1-A/GD SAKHI ABDAL</t>
  </si>
  <si>
    <t>1a/gd Sakhi Abdal</t>
  </si>
  <si>
    <t>G.p.s 1a.gd sakhi abdal</t>
  </si>
  <si>
    <t>GPS CHAK 2 GAJIANI</t>
  </si>
  <si>
    <t>Chak 2/G</t>
  </si>
  <si>
    <t>Chak NO.  2\G</t>
  </si>
  <si>
    <t>Chak NO 2/G</t>
  </si>
  <si>
    <t>Chak NO 4/G</t>
  </si>
  <si>
    <t>GPS CHAK 2 JB</t>
  </si>
  <si>
    <t>Chak No 2 Jb Fsd</t>
  </si>
  <si>
    <t>chak no 2 j.b fsd</t>
  </si>
  <si>
    <t>GPS CHAK 20/2.L</t>
  </si>
  <si>
    <t>20/A 2l</t>
  </si>
  <si>
    <t>chak no 20/2.l tehsil renala khurd  district  okara</t>
  </si>
  <si>
    <t>18/1l</t>
  </si>
  <si>
    <t>M Javed Iqbal</t>
  </si>
  <si>
    <t>GPS CHAK 20/4L</t>
  </si>
  <si>
    <t>20 4L</t>
  </si>
  <si>
    <t>20/4Lokara</t>
  </si>
  <si>
    <t>C B O</t>
  </si>
  <si>
    <t>Ghulam Sabir</t>
  </si>
  <si>
    <t>GPS CHAK 20/A</t>
  </si>
  <si>
    <t>Chak20a</t>
  </si>
  <si>
    <t>govt boys  ps 20,a</t>
  </si>
  <si>
    <t>Muhammad  Mazhar</t>
  </si>
  <si>
    <t>GPS CHAK 201 RB I FSD</t>
  </si>
  <si>
    <t>TARA GHAR</t>
  </si>
  <si>
    <t>CHAK NO 201 RB-I</t>
  </si>
  <si>
    <t>Chak No 201 Rb-I</t>
  </si>
  <si>
    <t>CHAK NO 195 RB</t>
  </si>
  <si>
    <t>GPS CHAK 201 RB II</t>
  </si>
  <si>
    <t>201 RB talawan II</t>
  </si>
  <si>
    <t>Chak no. 201 RB II Fsd</t>
  </si>
  <si>
    <t>201 RB II</t>
  </si>
  <si>
    <t>Chak no. 195 RB jandanwala fsd</t>
  </si>
  <si>
    <t>Muhammad shahid</t>
  </si>
  <si>
    <t>GPS CHAK 201-A/1-L</t>
  </si>
  <si>
    <t>Chak 201/2-R</t>
  </si>
  <si>
    <t>chak no 201/2-R Tehsil Liaquatpur District RYK</t>
  </si>
  <si>
    <t>GPS CHAK 202 WB</t>
  </si>
  <si>
    <t>Chak 202/wb</t>
  </si>
  <si>
    <t>Chak#202/wb P.O Tibba Sultan Pur</t>
  </si>
  <si>
    <t>Chak#202/wb</t>
  </si>
  <si>
    <t>Abdul Rahman Azmi</t>
  </si>
  <si>
    <t>GPS CHAK 202/8-R WEST</t>
  </si>
  <si>
    <t>Chak 202/8 R</t>
  </si>
  <si>
    <t>Chak 202/8.R (W)</t>
  </si>
  <si>
    <t>Chak 199</t>
  </si>
  <si>
    <t>GPS CHAK 204/HB</t>
  </si>
  <si>
    <t>204/HB</t>
  </si>
  <si>
    <t>Chak 204/HB, Tehsil FortAbbas Distt Bahawalnagar</t>
  </si>
  <si>
    <t>GPS CHAK 204/M E</t>
  </si>
  <si>
    <t>204/M East</t>
  </si>
  <si>
    <t>Chak No.204/M (E)</t>
  </si>
  <si>
    <t>Chak 177/M</t>
  </si>
  <si>
    <t>GPS CHAK 204/P</t>
  </si>
  <si>
    <t>Chk No 204/P</t>
  </si>
  <si>
    <t>chak no 204/P</t>
  </si>
  <si>
    <t>Chak No 204/P</t>
  </si>
  <si>
    <t>Bahader Ali</t>
  </si>
  <si>
    <t>GPS CHAK 205 RB I</t>
  </si>
  <si>
    <t>205 rb  thakarwala</t>
  </si>
  <si>
    <t>205 RB Thakarwala</t>
  </si>
  <si>
    <t>GPS CHAK 205 RB II</t>
  </si>
  <si>
    <t>205 rb wazir wala</t>
  </si>
  <si>
    <t>206 Munshi Wala</t>
  </si>
  <si>
    <t>Hafiz Muhammad Musharraf</t>
  </si>
  <si>
    <t>GPS CHAK 205 RB III</t>
  </si>
  <si>
    <t>GPS 205 rblll teerathwala</t>
  </si>
  <si>
    <t>Teerathwala</t>
  </si>
  <si>
    <t>Chak#205rb</t>
  </si>
  <si>
    <t>GPS CHAK 206 RB I</t>
  </si>
  <si>
    <t>Munshiwala</t>
  </si>
  <si>
    <t>chack no 206/R.B</t>
  </si>
  <si>
    <t>Chack No 205</t>
  </si>
  <si>
    <t>Dilshad Kausar</t>
  </si>
  <si>
    <t>GPS CHAK 206 RB II</t>
  </si>
  <si>
    <t>chak no 206 RB sialwala</t>
  </si>
  <si>
    <t>Muhammad Tariq Nazir</t>
  </si>
  <si>
    <t>GPS CHAK 206 RB III</t>
  </si>
  <si>
    <t>Ck# 206rb Keronwala</t>
  </si>
  <si>
    <t>G.P/S 206RB III Teh:Japan wala Distt:Faisalabad</t>
  </si>
  <si>
    <t>Chak# 206rb</t>
  </si>
  <si>
    <t>GPS CHAK 206 RB IV</t>
  </si>
  <si>
    <t>chak 206 Rb sadowala</t>
  </si>
  <si>
    <t>chak no.206 Rb sadowala</t>
  </si>
  <si>
    <t>chak no 206 Rb</t>
  </si>
  <si>
    <t>chak no 205 Rb</t>
  </si>
  <si>
    <t>Muhammad Akhtar Ali</t>
  </si>
  <si>
    <t>GPS CHAK 207/9-R</t>
  </si>
  <si>
    <t>207/9r</t>
  </si>
  <si>
    <t>Chak no. 207/9.r Tehsil Fortabbas District Bahawalnagar</t>
  </si>
  <si>
    <t>MUHAMMAD SARFRAZ</t>
  </si>
  <si>
    <t>GPS CHAK 208/9-R NORTH</t>
  </si>
  <si>
    <t>Chak No 208 9 R N</t>
  </si>
  <si>
    <t>Chak No 208/9R N</t>
  </si>
  <si>
    <t>Chak 209/9R</t>
  </si>
  <si>
    <t>Shabbir Ahmad Hameed</t>
  </si>
  <si>
    <t>GPS CHAK 209/9-R WEST</t>
  </si>
  <si>
    <t>chak no 209/9R W</t>
  </si>
  <si>
    <t>GPS CHAK 21 2L</t>
  </si>
  <si>
    <t>Govt primary school chak no 21/2L Renala khurd</t>
  </si>
  <si>
    <t>GPS CHAK 21 GB JARANWALA FSD</t>
  </si>
  <si>
    <t>21gb</t>
  </si>
  <si>
    <t>chak # 21gb jaranwala,Faisalabad</t>
  </si>
  <si>
    <t>Chak # 21gb</t>
  </si>
  <si>
    <t>Chak # 22gb</t>
  </si>
  <si>
    <t>GPS CHAK 21/A</t>
  </si>
  <si>
    <t>chak  no 21/A</t>
  </si>
  <si>
    <t>Chak No 21/A</t>
  </si>
  <si>
    <t>GPS CHAK 210 RB</t>
  </si>
  <si>
    <t>Lakhoana</t>
  </si>
  <si>
    <t>210 rb</t>
  </si>
  <si>
    <t>210 Rb</t>
  </si>
  <si>
    <t>GPS CHAK 211 RB</t>
  </si>
  <si>
    <t>chak  no 211rb</t>
  </si>
  <si>
    <t>Faisal Tanveer Ali</t>
  </si>
  <si>
    <t>GPS CHAK 214 RB E</t>
  </si>
  <si>
    <t>main ghousia road, dhudiwala east, fsd</t>
  </si>
  <si>
    <t>Dhudiwala East</t>
  </si>
  <si>
    <t>Himmatpura</t>
  </si>
  <si>
    <t>Nauman Nazir</t>
  </si>
  <si>
    <t>GPS CHAK 214/P</t>
  </si>
  <si>
    <t>chak 214/p sadiqabad</t>
  </si>
  <si>
    <t>Chak 214/P</t>
  </si>
  <si>
    <t>Dilber Hussain Shakir</t>
  </si>
  <si>
    <t>GPS CHAK 215 I-L</t>
  </si>
  <si>
    <t>215/1L</t>
  </si>
  <si>
    <t>chak no 215/1L</t>
  </si>
  <si>
    <t>225/1L</t>
  </si>
  <si>
    <t>GPS CHAK 216 RB</t>
  </si>
  <si>
    <t>chak 216 Rb</t>
  </si>
  <si>
    <t>Chak 216 RB</t>
  </si>
  <si>
    <t>109 Rb</t>
  </si>
  <si>
    <t>GPS CHAK 216 RB II</t>
  </si>
  <si>
    <t>Chota Muhammad Wala</t>
  </si>
  <si>
    <t>216 rb chota Muhammad walla khurd</t>
  </si>
  <si>
    <t>216 Rb  Khurd</t>
  </si>
  <si>
    <t>109/RB RODA</t>
  </si>
  <si>
    <t>Hafiz Abdullah Husnain Baig</t>
  </si>
  <si>
    <t>GPS CHAK 219 GB SAMUNDRI</t>
  </si>
  <si>
    <t>CHAK NO 219 GB</t>
  </si>
  <si>
    <t>CHAK NO 219 GB.</t>
  </si>
  <si>
    <t>CHAK NO 142GB</t>
  </si>
  <si>
    <t>GPS CHAK 22 A</t>
  </si>
  <si>
    <t>Chak 22/A</t>
  </si>
  <si>
    <t>chak 22/A Lqp</t>
  </si>
  <si>
    <t>Chak 22/A Lqp</t>
  </si>
  <si>
    <t>GPS CHAK 22/1-AL</t>
  </si>
  <si>
    <t>Chak No 22/1AL</t>
  </si>
  <si>
    <t>Chak no 22/1AL</t>
  </si>
  <si>
    <t>Zakir hussain</t>
  </si>
  <si>
    <t>GPS CHAK 221 GB SAMUNDRI</t>
  </si>
  <si>
    <t>NARADADA - MALE</t>
  </si>
  <si>
    <t>chak no 221gb</t>
  </si>
  <si>
    <t>221gb</t>
  </si>
  <si>
    <t>142gb</t>
  </si>
  <si>
    <t>Babar Taimoor</t>
  </si>
  <si>
    <t>GPS CHAK 224 GB SAMUNDRI</t>
  </si>
  <si>
    <t>Chak no.224 gb</t>
  </si>
  <si>
    <t>224 Gb</t>
  </si>
  <si>
    <t>225 Gb</t>
  </si>
  <si>
    <t>GPS CHAK 225 RB II ELAHI ABAD FSD</t>
  </si>
  <si>
    <t>225 RB II ILLAHI ABAD NAWAB TOWN</t>
  </si>
  <si>
    <t>ILLAHI ABAD</t>
  </si>
  <si>
    <t>Gulshan Nawaz</t>
  </si>
  <si>
    <t>GPS CHAK 227 GB EAST SAMUNDRI</t>
  </si>
  <si>
    <t>Malunangal</t>
  </si>
  <si>
    <t>Chak No 227GB EAST</t>
  </si>
  <si>
    <t>227 GB EAST</t>
  </si>
  <si>
    <t>Chak No225GB</t>
  </si>
  <si>
    <t>RIASAT ALI SHAD</t>
  </si>
  <si>
    <t>GPS CHAK 227 GB WEST SAMUNDRI</t>
  </si>
  <si>
    <t>227 Cheeny</t>
  </si>
  <si>
    <t>chak.no227 gb west sammundri</t>
  </si>
  <si>
    <t>Chak no227 west</t>
  </si>
  <si>
    <t>chak 225 gb</t>
  </si>
  <si>
    <t>Muhammad Umar Jameel</t>
  </si>
  <si>
    <t>GPS CHAK 228 RB I</t>
  </si>
  <si>
    <t>chak no. 228 RB 1</t>
  </si>
  <si>
    <t>Chak No 228 RB 1</t>
  </si>
  <si>
    <t>Chak 227 Rb</t>
  </si>
  <si>
    <t>GPS CHAK 228/9-R</t>
  </si>
  <si>
    <t>chak No.228/9r po.227/9r Fortabbas Bahawalnagar</t>
  </si>
  <si>
    <t>Faqir Muhammad Dilshad</t>
  </si>
  <si>
    <t>GPS CHAK 23 A</t>
  </si>
  <si>
    <t>Chak23/A</t>
  </si>
  <si>
    <t>GPS Chak 23/A</t>
  </si>
  <si>
    <t>Chak 23/A</t>
  </si>
  <si>
    <t>Majid Iqbal</t>
  </si>
  <si>
    <t>GPS CHAK 23/4L</t>
  </si>
  <si>
    <t>chack no 23/4l bhour, teh and district okara</t>
  </si>
  <si>
    <t>31/4l</t>
  </si>
  <si>
    <t>Umar Draz</t>
  </si>
  <si>
    <t>GPS CHAK 230/9-R</t>
  </si>
  <si>
    <t>230 9 R</t>
  </si>
  <si>
    <t>Gps 230 9.r</t>
  </si>
  <si>
    <t>230/9R</t>
  </si>
  <si>
    <t>GPS CHAK 233/9-R</t>
  </si>
  <si>
    <t>260/HR Walhar</t>
  </si>
  <si>
    <t>Walhar Qasba</t>
  </si>
  <si>
    <t>Syed Mubashar Hassan Shah</t>
  </si>
  <si>
    <t>GPS CHAK 235/9-R</t>
  </si>
  <si>
    <t>Chak 235/9r</t>
  </si>
  <si>
    <t>chak 235/9r p/o chak 204/9r Tehsil Fort Abbas District Bahawal Nagar</t>
  </si>
  <si>
    <t>Chak 238/9r</t>
  </si>
  <si>
    <t>Hashim  Ali</t>
  </si>
  <si>
    <t>GPS CHAK 237 RB I FSD</t>
  </si>
  <si>
    <t>Khudi Lakkan</t>
  </si>
  <si>
    <t>chak no.237rb</t>
  </si>
  <si>
    <t>Chak 237 RB</t>
  </si>
  <si>
    <t>KHUDIAN Warrich</t>
  </si>
  <si>
    <t>Muhammad Naveed Iftikhar</t>
  </si>
  <si>
    <t>GPS CHAK 238 GB I</t>
  </si>
  <si>
    <t>238G B</t>
  </si>
  <si>
    <t>239 G B</t>
  </si>
  <si>
    <t>GPS CHAK 239 GB WEST ANWAR ABAD</t>
  </si>
  <si>
    <t>239 GB West</t>
  </si>
  <si>
    <t>govt. p/s 239 g.b  (west) Anwar abad jaranwala</t>
  </si>
  <si>
    <t>Mc Jaranwala</t>
  </si>
  <si>
    <t>GPS CHAK 239 RB II</t>
  </si>
  <si>
    <t>Khanoana Harlan</t>
  </si>
  <si>
    <t>chak no 239 rb ii khanoana</t>
  </si>
  <si>
    <t>Muhammad Umair Aslam</t>
  </si>
  <si>
    <t>GPS CHAK 23-A/4L</t>
  </si>
  <si>
    <t>23A/4L</t>
  </si>
  <si>
    <t>chak 23A/4L okara cantt</t>
  </si>
  <si>
    <t>Joraij</t>
  </si>
  <si>
    <t>GPS CHAK 23-A/4-L OLD GAMBER</t>
  </si>
  <si>
    <t>23 A/4-l</t>
  </si>
  <si>
    <t>CHAK NO 23A/4.L OLD GAMBER</t>
  </si>
  <si>
    <t>23A/4-l Old Gamber</t>
  </si>
  <si>
    <t>Chak No  31/4-l</t>
  </si>
  <si>
    <t>Hafiz waqas Rashid</t>
  </si>
  <si>
    <t>GPS CHAK 24/4-L</t>
  </si>
  <si>
    <t>chak # 18/4l okara cantt t/d okara</t>
  </si>
  <si>
    <t>Cbo</t>
  </si>
  <si>
    <t>Gulfam Ali Jehanzeb</t>
  </si>
  <si>
    <t>GPS CHAK 24/A JADEED</t>
  </si>
  <si>
    <t>Chak 24/A Jadeed</t>
  </si>
  <si>
    <t>Chak 24/A</t>
  </si>
  <si>
    <t>24/A Jadeed</t>
  </si>
  <si>
    <t>GPS CHAK 240 GB II</t>
  </si>
  <si>
    <t>Mohallah Gujjar town Jaranwala</t>
  </si>
  <si>
    <t>Chak 240 GB</t>
  </si>
  <si>
    <t>Chak 240 GB Singhpura</t>
  </si>
  <si>
    <t>ARIF MAHMOOD</t>
  </si>
  <si>
    <t>GPS CHAK 240 RB I</t>
  </si>
  <si>
    <t>Redana</t>
  </si>
  <si>
    <t>chak no 240 rb 1 faisalabad</t>
  </si>
  <si>
    <t>240 RB 1 Redana</t>
  </si>
  <si>
    <t>M Afzal Shahid</t>
  </si>
  <si>
    <t>GPS CHAK 241 GB NORTH BEHRAM</t>
  </si>
  <si>
    <t>Chak No 241 Gb Behram</t>
  </si>
  <si>
    <t>chak no 241 GB North Behram, Tehsil Gojra, District Toba Tek Singh</t>
  </si>
  <si>
    <t>Chak 241GB North</t>
  </si>
  <si>
    <t>Chak No178 GB Kogha</t>
  </si>
  <si>
    <t>RAFAQAT AHMAD</t>
  </si>
  <si>
    <t>GPS CHAK 242/P</t>
  </si>
  <si>
    <t>242/P</t>
  </si>
  <si>
    <t>Cheema House 50/D Sadiq Town RYK</t>
  </si>
  <si>
    <t>Chak No 242/P</t>
  </si>
  <si>
    <t>GPS CHAK 243 GB</t>
  </si>
  <si>
    <t>Chak 243 Gb Kalyanpur</t>
  </si>
  <si>
    <t>chak no 243 GB</t>
  </si>
  <si>
    <t>Chak No 243 GB</t>
  </si>
  <si>
    <t>Chak No 178 GB</t>
  </si>
  <si>
    <t>Zahid Farooq</t>
  </si>
  <si>
    <t>GPS CHAK 244 GB II</t>
  </si>
  <si>
    <t>Chak 244 Gb Khurd</t>
  </si>
  <si>
    <t>Chak No 244 G.B (II)Ø®ÙˆØ±Ø¯</t>
  </si>
  <si>
    <t>chak No 244 G.B (II)</t>
  </si>
  <si>
    <t>CHAK NO 154 G.B</t>
  </si>
  <si>
    <t>GPS CHAK 245 GB I</t>
  </si>
  <si>
    <t>Chak 245/GBII</t>
  </si>
  <si>
    <t>Chak 245/GBII Farooq Abad,Tehsil Gojra District Toba Tek Singh</t>
  </si>
  <si>
    <t>Chak 245/GB</t>
  </si>
  <si>
    <t>Shamas Ur Rehman</t>
  </si>
  <si>
    <t>GPS CHAK 245 GB-II TALVINDI</t>
  </si>
  <si>
    <t>Chak 245/GB I</t>
  </si>
  <si>
    <t>Chak 245/GB Tehsil Gojr a District Toba Tek Singh</t>
  </si>
  <si>
    <t>Chak 245 GB</t>
  </si>
  <si>
    <t>GPS CHAK 245 RB I</t>
  </si>
  <si>
    <t>Chak No. 245 RB Abbas pur Tehseel Faisalaba Sadar,Distt. Faisalabad.</t>
  </si>
  <si>
    <t>GPS CHAK 245 RB III</t>
  </si>
  <si>
    <t>chak # 245 RB III FSD</t>
  </si>
  <si>
    <t>245 rb abbaspur</t>
  </si>
  <si>
    <t>GPS CHAK 246 GB NORTH</t>
  </si>
  <si>
    <t>Chak No 246 Gb Partabpura</t>
  </si>
  <si>
    <t>chak no  246 GB N partabpura</t>
  </si>
  <si>
    <t>Chak No 246 GB N</t>
  </si>
  <si>
    <t>Chak No 245 GB</t>
  </si>
  <si>
    <t>GPS CHAK 246 RB KAKARWALA</t>
  </si>
  <si>
    <t>chak no 246 rb fsd</t>
  </si>
  <si>
    <t>Kukar Wala</t>
  </si>
  <si>
    <t>GPS CHAK 248 RB II</t>
  </si>
  <si>
    <t>Chak no 248 Azafi Abadi bismillahpur</t>
  </si>
  <si>
    <t>Chak No 248 RB Bismilahpur</t>
  </si>
  <si>
    <t>Khadija Mureed</t>
  </si>
  <si>
    <t>GPS CHAK 248 RBI DALOWAL</t>
  </si>
  <si>
    <t>GPS 248 RB 1 DALOWAL</t>
  </si>
  <si>
    <t>CHAK NO 248 RB</t>
  </si>
  <si>
    <t>Safinah Kausar</t>
  </si>
  <si>
    <t>GPS CHAK 249 GB</t>
  </si>
  <si>
    <t>Chak249</t>
  </si>
  <si>
    <t>chak249 GB</t>
  </si>
  <si>
    <t>251 Gb Uggi</t>
  </si>
  <si>
    <t>Muhammad Tariq Hameed</t>
  </si>
  <si>
    <t>GPS CHAK 249 RB I</t>
  </si>
  <si>
    <t>Bara Baloch Wala</t>
  </si>
  <si>
    <t>chak no 249rb -1</t>
  </si>
  <si>
    <t>CHAK NO 249 RB BARA BALOCH WALA</t>
  </si>
  <si>
    <t>Ghulam Ahmad</t>
  </si>
  <si>
    <t>GPS CHAK 249 RB II</t>
  </si>
  <si>
    <t>Shota Baloch Wala</t>
  </si>
  <si>
    <t>gps 249 rb ii</t>
  </si>
  <si>
    <t>Chak 249 RB ii</t>
  </si>
  <si>
    <t>Chak 248 RB</t>
  </si>
  <si>
    <t>GPS CHAK 249/P</t>
  </si>
  <si>
    <t>249/p</t>
  </si>
  <si>
    <t>chak 249/p</t>
  </si>
  <si>
    <t>Bhagwan Dass</t>
  </si>
  <si>
    <t>GPS CHAK 24-D</t>
  </si>
  <si>
    <t>Chak # 24/D</t>
  </si>
  <si>
    <t>chak # 24/D</t>
  </si>
  <si>
    <t>both hand &amp; water pump</t>
  </si>
  <si>
    <t>GPS CHAK 25/4L</t>
  </si>
  <si>
    <t>25/4L</t>
  </si>
  <si>
    <t>chak no. 25/4L</t>
  </si>
  <si>
    <t>Cantt  Board  Okara</t>
  </si>
  <si>
    <t>GPS CHAK 25/GD</t>
  </si>
  <si>
    <t>25/ GD</t>
  </si>
  <si>
    <t>Chak No 25/ GD Okara</t>
  </si>
  <si>
    <t>Chak No 25/ GD Chak No 25/ GD</t>
  </si>
  <si>
    <t>GPS CHAK 250 GB</t>
  </si>
  <si>
    <t>Chak Non250 Gb</t>
  </si>
  <si>
    <t>chak no 250 g.b</t>
  </si>
  <si>
    <t>Chak No 250gb</t>
  </si>
  <si>
    <t>Chak No 251 Gb</t>
  </si>
  <si>
    <t>ABDUL HAFEEZ</t>
  </si>
  <si>
    <t>GPS CHAK 250 RB II</t>
  </si>
  <si>
    <t>Chak 250 RB II</t>
  </si>
  <si>
    <t>Chak No.250 RB II Katchi Kothi Faisalabad</t>
  </si>
  <si>
    <t>Chak No 250 RB II</t>
  </si>
  <si>
    <t>Chak No 256 RB Dhinga Wala</t>
  </si>
  <si>
    <t>Muhammad Yasir Mehmood</t>
  </si>
  <si>
    <t>GPS CHAK 250 RBI</t>
  </si>
  <si>
    <t>BARDEKAY</t>
  </si>
  <si>
    <t>Chak 250/RB BARDEKAY FAISALABAD</t>
  </si>
  <si>
    <t>250/RB BARDEKAY FAISALABAD</t>
  </si>
  <si>
    <t>256/RB Deegan Wala</t>
  </si>
  <si>
    <t>GPS CHAK 251 GB</t>
  </si>
  <si>
    <t>Chal No 251 Gb</t>
  </si>
  <si>
    <t>chak no 251 gb</t>
  </si>
  <si>
    <t>GPS CHAK 253 GB I</t>
  </si>
  <si>
    <t>TTSINGH</t>
  </si>
  <si>
    <t>chak no 253GB</t>
  </si>
  <si>
    <t>Chak No 253GB</t>
  </si>
  <si>
    <t>Chak No 251GB</t>
  </si>
  <si>
    <t>GPS CHAK 254 RB II FSD</t>
  </si>
  <si>
    <t>chak 254rb chicha</t>
  </si>
  <si>
    <t>254 RB CHICHA</t>
  </si>
  <si>
    <t>JAHANGIR KHURD 257RB</t>
  </si>
  <si>
    <t>GPS CHAK 254 RB III</t>
  </si>
  <si>
    <t>254rb Gangasingh</t>
  </si>
  <si>
    <t>gps254rb3rd gangasingh</t>
  </si>
  <si>
    <t>257rbjahangirkhurd</t>
  </si>
  <si>
    <t>GPS CHAK 256 RB I</t>
  </si>
  <si>
    <t>chak no 256 rb 1</t>
  </si>
  <si>
    <t>256 Rb 1</t>
  </si>
  <si>
    <t>GPS CHAK 256 RB II</t>
  </si>
  <si>
    <t>chak no.256 rb faisalabad</t>
  </si>
  <si>
    <t>Khuban</t>
  </si>
  <si>
    <t>Dhengawala</t>
  </si>
  <si>
    <t>Azhar Nawaz</t>
  </si>
  <si>
    <t>GPS CHAK 257 GB II</t>
  </si>
  <si>
    <t>Sultan Ahmad</t>
  </si>
  <si>
    <t>GPS CHAK 257 RB IQBAL NAGAR</t>
  </si>
  <si>
    <t>CHAK 257 RB IQBAL NAGAR, FAISALABAD</t>
  </si>
  <si>
    <t>JAHANGIR KHURD</t>
  </si>
  <si>
    <t>Mobbra Safdar</t>
  </si>
  <si>
    <t>GPS CHAK 258 GB NAI ABADI</t>
  </si>
  <si>
    <t>Chak No 258 Azafi</t>
  </si>
  <si>
    <t>Chak No 258 Gb</t>
  </si>
  <si>
    <t>Chak No 256 Gb</t>
  </si>
  <si>
    <t>GPS CHAK 258 RB dj kot</t>
  </si>
  <si>
    <t>Chak no 258 RB Pharalla</t>
  </si>
  <si>
    <t>Chak No 258 RB Pharalla</t>
  </si>
  <si>
    <t>GPS CHAK 259 GB</t>
  </si>
  <si>
    <t>259gb</t>
  </si>
  <si>
    <t>chak 314gb</t>
  </si>
  <si>
    <t>Chak 259 gb</t>
  </si>
  <si>
    <t>chak #184 GB</t>
  </si>
  <si>
    <t>Muhammad Munib Kousar</t>
  </si>
  <si>
    <t>GPS CHAK 26/GD</t>
  </si>
  <si>
    <t>chuk26gd</t>
  </si>
  <si>
    <t>Rai Ghulam Shabeer</t>
  </si>
  <si>
    <t>GPS CHAK 260 GB</t>
  </si>
  <si>
    <t>chak 260 GB</t>
  </si>
  <si>
    <t>Chak No 260 GB Adda 60</t>
  </si>
  <si>
    <t>chak 184 GB</t>
  </si>
  <si>
    <t>Azam Mukhtar</t>
  </si>
  <si>
    <t>GPS CHAK 260 RB</t>
  </si>
  <si>
    <t>260 R B</t>
  </si>
  <si>
    <t>Chak no.260 RB Faisalabad</t>
  </si>
  <si>
    <t>Nadeem Iqbal</t>
  </si>
  <si>
    <t>Tanker</t>
  </si>
  <si>
    <t>GPS CHAK 261 RB I</t>
  </si>
  <si>
    <t>261 R.B Udhoowali</t>
  </si>
  <si>
    <t>chak no. 261 R.B Udhoowali</t>
  </si>
  <si>
    <t>Chak 260 R.B</t>
  </si>
  <si>
    <t>Riaz Ul Haq</t>
  </si>
  <si>
    <t>GPS CHAK 261 RB II</t>
  </si>
  <si>
    <t>BHAGOWAL</t>
  </si>
  <si>
    <t>CHAK 261 RB BHAGOWAL, FAISALABAD</t>
  </si>
  <si>
    <t>MUHAMMAD ZAHIR</t>
  </si>
  <si>
    <t>GPS CHAK 262 RB II</t>
  </si>
  <si>
    <t>Darbanga</t>
  </si>
  <si>
    <t>chak 262RB</t>
  </si>
  <si>
    <t>262RB</t>
  </si>
  <si>
    <t>Cheemah Chak</t>
  </si>
  <si>
    <t>GPS CHAK 262 RB III</t>
  </si>
  <si>
    <t>GPS 262RBIII</t>
  </si>
  <si>
    <t>GPS CHAK 263 GB</t>
  </si>
  <si>
    <t>Muhammad PPora</t>
  </si>
  <si>
    <t>chak no263 gb</t>
  </si>
  <si>
    <t>Chak No 263 Gb</t>
  </si>
  <si>
    <t>GPS CHAK 263 RB II</t>
  </si>
  <si>
    <t>CHAK 263/RB</t>
  </si>
  <si>
    <t>CHAK NO. 263 RB DIJKOT ABADI BHUKHPURA TANDLIANWALA ROAD</t>
  </si>
  <si>
    <t>ABADI BHUKHPURA  DIJKOT</t>
  </si>
  <si>
    <t>TMA DIJKOT</t>
  </si>
  <si>
    <t>Ahmad Gul Baz Khan</t>
  </si>
  <si>
    <t>GPS CHAK 263 RB IV DGJ KOT</t>
  </si>
  <si>
    <t>GPS NO.4 Dijkot</t>
  </si>
  <si>
    <t>TMA Dijkot</t>
  </si>
  <si>
    <t>GPS CHAK 263 RB MARZI PUR FSD</t>
  </si>
  <si>
    <t>Chak 263 Rb 5 marzi pura Dijkot</t>
  </si>
  <si>
    <t>Town Commety Dijkot</t>
  </si>
  <si>
    <t>GPS CHAK 264 GB ABADI SAYDAN</t>
  </si>
  <si>
    <t>Chak # 264 GB</t>
  </si>
  <si>
    <t>chak # 264 G.B</t>
  </si>
  <si>
    <t>Chak # 264gb</t>
  </si>
  <si>
    <t>262Gb</t>
  </si>
  <si>
    <t>Muhammad Hasham Khan Akbar</t>
  </si>
  <si>
    <t>GPS CHAK 264 RB II FSD</t>
  </si>
  <si>
    <t>264RB 2nd</t>
  </si>
  <si>
    <t>264 RB 2nd</t>
  </si>
  <si>
    <t>Jalandhar</t>
  </si>
  <si>
    <t>GPS CHAK 265 GB</t>
  </si>
  <si>
    <t>Mangla Wala</t>
  </si>
  <si>
    <t>Chak No.265 G.B</t>
  </si>
  <si>
    <t>Chak No265 G B</t>
  </si>
  <si>
    <t>Chak No262 GB</t>
  </si>
  <si>
    <t>GPS CHAK 266 GB</t>
  </si>
  <si>
    <t>chak no 266 GB khokharan Wala tehsil&amp;district toba tek  singh</t>
  </si>
  <si>
    <t>Chak No 266 Gb</t>
  </si>
  <si>
    <t>Kot Kithran</t>
  </si>
  <si>
    <t>Hafiz Ullah Khan</t>
  </si>
  <si>
    <t>GPS CHAK 266 RB SABUANA</t>
  </si>
  <si>
    <t>chak No 266 RB Sabuana</t>
  </si>
  <si>
    <t>GPS CHAK 267 GB</t>
  </si>
  <si>
    <t>chak no 267gb</t>
  </si>
  <si>
    <t>GPS CHAK 268 GB</t>
  </si>
  <si>
    <t>Chak No 268 GB</t>
  </si>
  <si>
    <t>GPS 268 GB,P/O Rajana</t>
  </si>
  <si>
    <t>Chak No 269 GB</t>
  </si>
  <si>
    <t>Azhar Hayat Khawar</t>
  </si>
  <si>
    <t>GPS CHAK 268 RB I FSD</t>
  </si>
  <si>
    <t>Chak#268 rb 1</t>
  </si>
  <si>
    <t>GPS CHAK 268 RB III FSD</t>
  </si>
  <si>
    <t>CHAK NO.268 R.B PAKKI PANDORI FSD</t>
  </si>
  <si>
    <t>LADHA CHAK 268 RB</t>
  </si>
  <si>
    <t>RASHID NISAR</t>
  </si>
  <si>
    <t>GPS CHAK 269 RB I FSD</t>
  </si>
  <si>
    <t>CHAK 269 RB BARRAN</t>
  </si>
  <si>
    <t>Gps 269 RB 1 Barran</t>
  </si>
  <si>
    <t>CHAK 268 RB</t>
  </si>
  <si>
    <t>GPS CHAK 27/A</t>
  </si>
  <si>
    <t>chak 27/A tahsil Liaquat pur</t>
  </si>
  <si>
    <t>GPS CHAK 270 GB</t>
  </si>
  <si>
    <t>chak 270gb</t>
  </si>
  <si>
    <t>G P S chak no 270 Gb</t>
  </si>
  <si>
    <t>270 gb</t>
  </si>
  <si>
    <t>kotkhtran</t>
  </si>
  <si>
    <t>Sajjad Ajmal Khan</t>
  </si>
  <si>
    <t>GPS CHAK 271 GB I</t>
  </si>
  <si>
    <t>Chak 271 GB 1</t>
  </si>
  <si>
    <t>Govt Primary School Chak 271 GB 1</t>
  </si>
  <si>
    <t>GPS CHAK 271 RB I FSD</t>
  </si>
  <si>
    <t>Lehrian</t>
  </si>
  <si>
    <t>chak 271 R.B.</t>
  </si>
  <si>
    <t>Chak # 271 RB</t>
  </si>
  <si>
    <t>Muhammad Talha Javed</t>
  </si>
  <si>
    <t>GPS CHAK 271 RB II FSD</t>
  </si>
  <si>
    <t>Bharoliyanwala</t>
  </si>
  <si>
    <t>chak no 271 R.B BHROLIYANWALA</t>
  </si>
  <si>
    <t>Zirwa Tariq</t>
  </si>
  <si>
    <t>GPS CHAK 273 HR</t>
  </si>
  <si>
    <t>Chak no 273/HR</t>
  </si>
  <si>
    <t>Chak mo.273/HR.Teh. fortabbas</t>
  </si>
  <si>
    <t>273/HR</t>
  </si>
  <si>
    <t>281 /HR</t>
  </si>
  <si>
    <t>GPS CHAK 273 JB</t>
  </si>
  <si>
    <t>273jb</t>
  </si>
  <si>
    <t>chak no 273jb fsd</t>
  </si>
  <si>
    <t>tahir abdulmajeed</t>
  </si>
  <si>
    <t>GPS CHAK 273 RB ALI WAL FSD</t>
  </si>
  <si>
    <t>273 RB Ali Waal FAISALABAD SADAR</t>
  </si>
  <si>
    <t>JALANDHAR</t>
  </si>
  <si>
    <t>GPS CHAK 274 JB</t>
  </si>
  <si>
    <t>274jb  Sarhala Kalan Fsd</t>
  </si>
  <si>
    <t>chak no 274jb fsd</t>
  </si>
  <si>
    <t>41jb Fsd</t>
  </si>
  <si>
    <t>GPS CHAK 274 RB I FSD</t>
  </si>
  <si>
    <t>Fsdsaddar</t>
  </si>
  <si>
    <t>274rb1</t>
  </si>
  <si>
    <t>275kartarpur</t>
  </si>
  <si>
    <t>M Mudassar</t>
  </si>
  <si>
    <t>GPS CHAK 277 JB NANGAL</t>
  </si>
  <si>
    <t>277 Jb</t>
  </si>
  <si>
    <t>chak no. 277 j.b nangal (Il)</t>
  </si>
  <si>
    <t>277 Nangal</t>
  </si>
  <si>
    <t>Usman kot</t>
  </si>
  <si>
    <t>Ashfaq ahmad</t>
  </si>
  <si>
    <t>GPS CHAK 277 RB FSD</t>
  </si>
  <si>
    <t>277 RB</t>
  </si>
  <si>
    <t>277 rb</t>
  </si>
  <si>
    <t>275 Rb</t>
  </si>
  <si>
    <t>GPS CHAK 278 GB</t>
  </si>
  <si>
    <t>Godhuana</t>
  </si>
  <si>
    <t>chak no.278 G.B</t>
  </si>
  <si>
    <t>Chak No 278 Gb</t>
  </si>
  <si>
    <t>Chak No 283 Gb</t>
  </si>
  <si>
    <t>GPS CHAK 278 HR E</t>
  </si>
  <si>
    <t>Chak No 278/Hr E</t>
  </si>
  <si>
    <t>Chak no 278/hr E</t>
  </si>
  <si>
    <t>Chak No 278/HR E</t>
  </si>
  <si>
    <t>281/Hr</t>
  </si>
  <si>
    <t>GPS CHAK 278 RB I</t>
  </si>
  <si>
    <t>278 RB1</t>
  </si>
  <si>
    <t>chack No 278 RB 1 Teh Gojra district t.t.singh</t>
  </si>
  <si>
    <t>GPS CHAK 28 A</t>
  </si>
  <si>
    <t>Chak 28/a</t>
  </si>
  <si>
    <t>Gps chak no 28/a liaquat pur</t>
  </si>
  <si>
    <t>Chak 25/a</t>
  </si>
  <si>
    <t>GPS CHAK 28/1-AL</t>
  </si>
  <si>
    <t>28/1-AL</t>
  </si>
  <si>
    <t>chak no. 28/1-AL</t>
  </si>
  <si>
    <t>25/1-AL</t>
  </si>
  <si>
    <t>Sohail Akram</t>
  </si>
  <si>
    <t>GPS CHAK 28/GD</t>
  </si>
  <si>
    <t>Chak 28GD</t>
  </si>
  <si>
    <t>chak no 28GD</t>
  </si>
  <si>
    <t>Rai Muhammad Azasm</t>
  </si>
  <si>
    <t>GPS CHAK 280 JB I</t>
  </si>
  <si>
    <t>280 Jb</t>
  </si>
  <si>
    <t>chak # 280 jb gojra T.T.singh</t>
  </si>
  <si>
    <t>281 Jb Dawakhari</t>
  </si>
  <si>
    <t>Muhammad Ateeq Ghaffar</t>
  </si>
  <si>
    <t>GPS CHAK 280 RB FSD</t>
  </si>
  <si>
    <t>280 Rb</t>
  </si>
  <si>
    <t>GPS chak no 280 r.b</t>
  </si>
  <si>
    <t>Maji Wala</t>
  </si>
  <si>
    <t>Pervaiz Khan</t>
  </si>
  <si>
    <t>GPS CHAK 283 HR</t>
  </si>
  <si>
    <t>283/HR</t>
  </si>
  <si>
    <t>chak no.283/hr FORT abbas</t>
  </si>
  <si>
    <t>Hafiz Lal Din</t>
  </si>
  <si>
    <t>GPS CHAK 283 JB I</t>
  </si>
  <si>
    <t>chak no.283jb1st tehsil gojra district toba tek singh</t>
  </si>
  <si>
    <t>283jb 1st</t>
  </si>
  <si>
    <t>Dawakhari</t>
  </si>
  <si>
    <t>GPS CHAK 285 GB</t>
  </si>
  <si>
    <t>chak no 285 gb</t>
  </si>
  <si>
    <t>chak number 285 gb</t>
  </si>
  <si>
    <t>285 Gb</t>
  </si>
  <si>
    <t>285 Rajana</t>
  </si>
  <si>
    <t>GPS CHAK 285 JB</t>
  </si>
  <si>
    <t>Chak No 285 Jb</t>
  </si>
  <si>
    <t>285jb</t>
  </si>
  <si>
    <t>372 Jb</t>
  </si>
  <si>
    <t>Tehmina Bashir</t>
  </si>
  <si>
    <t>GPS CHAK 286 GB I</t>
  </si>
  <si>
    <t>286 GB I</t>
  </si>
  <si>
    <t>challenge no 286 GB i</t>
  </si>
  <si>
    <t>Chak Number 285 Gb</t>
  </si>
  <si>
    <t>Musrrat Ahmad</t>
  </si>
  <si>
    <t>GPS CHAK 286 JB</t>
  </si>
  <si>
    <t>286jb</t>
  </si>
  <si>
    <t>chak no 286jb tensil &amp; dist toba tek singh</t>
  </si>
  <si>
    <t>Chak No286jb</t>
  </si>
  <si>
    <t>284jb</t>
  </si>
  <si>
    <t>GPS CHAK 287 GB (SOUTH)</t>
  </si>
  <si>
    <t>287GB South</t>
  </si>
  <si>
    <t>chak no 287g south</t>
  </si>
  <si>
    <t>Chak No 262GB</t>
  </si>
  <si>
    <t>Muhammad Shahzad Nemat</t>
  </si>
  <si>
    <t>GPS CHAK 287 GB I</t>
  </si>
  <si>
    <t>287 GB I allaaa Abad</t>
  </si>
  <si>
    <t>Chak No. 287 GB I, Toba Tek Singh</t>
  </si>
  <si>
    <t>Chak No 287 GB I</t>
  </si>
  <si>
    <t>262 GB</t>
  </si>
  <si>
    <t>Zahid Khan</t>
  </si>
  <si>
    <t>GPS CHAK 288/HR</t>
  </si>
  <si>
    <t>288//hr</t>
  </si>
  <si>
    <t>chak no.288/h.r</t>
  </si>
  <si>
    <t>288/hr</t>
  </si>
  <si>
    <t>Meer Garh</t>
  </si>
  <si>
    <t>Farrakh Mahtab</t>
  </si>
  <si>
    <t>GPS CHAK 29 JB NORTH</t>
  </si>
  <si>
    <t>29jb Jb N</t>
  </si>
  <si>
    <t>chak no 29jb N Fsd</t>
  </si>
  <si>
    <t>Chak No 29jb N Fsd</t>
  </si>
  <si>
    <t>Chak no 29jb N Fsd</t>
  </si>
  <si>
    <t>M Khalid Javid</t>
  </si>
  <si>
    <t>GPS CHAK 29 MURIDKE</t>
  </si>
  <si>
    <t>ratta bher</t>
  </si>
  <si>
    <t>Ratta Bher</t>
  </si>
  <si>
    <t>Skp Bedar</t>
  </si>
  <si>
    <t>Muhammad Ilayas</t>
  </si>
  <si>
    <t>GPS CHAK 290/HR</t>
  </si>
  <si>
    <t>Colony 290/HR</t>
  </si>
  <si>
    <t>chak 290/hr</t>
  </si>
  <si>
    <t>Chak 290/HR</t>
  </si>
  <si>
    <t>GHULAM NABI</t>
  </si>
  <si>
    <t>GPS CHAK 291 GB I</t>
  </si>
  <si>
    <t>291GB</t>
  </si>
  <si>
    <t>Chak no 291 GB Tehsil and district toba tek singh</t>
  </si>
  <si>
    <t>M Ahsan</t>
  </si>
  <si>
    <t>GPS CHAK 291 GB II</t>
  </si>
  <si>
    <t>CHAK 291GB II</t>
  </si>
  <si>
    <t>GOVT.PRIMARY SCHOOL 291GB II Madina Park</t>
  </si>
  <si>
    <t>GPS CHAK 291 JB</t>
  </si>
  <si>
    <t>291 Jb</t>
  </si>
  <si>
    <t>chak no.291 jb</t>
  </si>
  <si>
    <t>GPS CHAK 292 JB</t>
  </si>
  <si>
    <t>Syed Mehmood</t>
  </si>
  <si>
    <t>chak 292 jb</t>
  </si>
  <si>
    <t>Ammer Coat</t>
  </si>
  <si>
    <t>GPS CHAK 293 JB</t>
  </si>
  <si>
    <t>Chak No 293</t>
  </si>
  <si>
    <t>chak no 293 jb</t>
  </si>
  <si>
    <t>Bhagwa</t>
  </si>
  <si>
    <t>290/JB</t>
  </si>
  <si>
    <t>GPS CHAK 294 JB</t>
  </si>
  <si>
    <t>GPS 294jb</t>
  </si>
  <si>
    <t>Chak 294jb</t>
  </si>
  <si>
    <t>Muhammad Saleem Akhter</t>
  </si>
  <si>
    <t>GPS CHAK 295 GB II BARIAN WALA</t>
  </si>
  <si>
    <t>Govt P/S 295 GB TTSingh</t>
  </si>
  <si>
    <t>295 GB</t>
  </si>
  <si>
    <t>Chak No 295GB</t>
  </si>
  <si>
    <t>Abdul Majeed Afzal</t>
  </si>
  <si>
    <t>GPS CHAK 296 JB I</t>
  </si>
  <si>
    <t>Chk 296</t>
  </si>
  <si>
    <t>chk #296 JB I Gojra</t>
  </si>
  <si>
    <t>Chk# 296 JB I</t>
  </si>
  <si>
    <t>Muncipal Cooperation Gojra</t>
  </si>
  <si>
    <t>GPS CHAK 296 JB II BAHARI COLONY</t>
  </si>
  <si>
    <t>Chak No 296 Jb ii</t>
  </si>
  <si>
    <t>Chak No 296  jb ii</t>
  </si>
  <si>
    <t>GPS CHAK 296/HR BASTI MURAD</t>
  </si>
  <si>
    <t>Basti Murad Chahl</t>
  </si>
  <si>
    <t>Chak 296/ HR Basti Murad Chahl</t>
  </si>
  <si>
    <t>Chak 296/ HR A</t>
  </si>
  <si>
    <t>289/ HR Meer Garh</t>
  </si>
  <si>
    <t>GPS CHAK 297 GB</t>
  </si>
  <si>
    <t>Mahal Pur</t>
  </si>
  <si>
    <t>Chak 297 GB. Teh. and Distt. Toba Tek Singh</t>
  </si>
  <si>
    <t>Chak 297 GB</t>
  </si>
  <si>
    <t>CHAK 196 GB</t>
  </si>
  <si>
    <t>HAFIZ MUBASHER ALI</t>
  </si>
  <si>
    <t>GPS CHAK 297 JB</t>
  </si>
  <si>
    <t>Chak 297 Jb</t>
  </si>
  <si>
    <t>GPS 297 jb</t>
  </si>
  <si>
    <t>297 Jb</t>
  </si>
  <si>
    <t>GPS CHAK 298 GB</t>
  </si>
  <si>
    <t>298/gb</t>
  </si>
  <si>
    <t>chak no. 298/gb toba tek singh</t>
  </si>
  <si>
    <t>296/gb</t>
  </si>
  <si>
    <t>Muhammad Ramzan Anjum</t>
  </si>
  <si>
    <t>GPS CHAK 298 JB</t>
  </si>
  <si>
    <t>Chak No 298 Jb Tehsil Gojra District Toba Tek Singh</t>
  </si>
  <si>
    <t>Chak No  301 Jb</t>
  </si>
  <si>
    <t>Muhammad Shfique</t>
  </si>
  <si>
    <t>GPS CHAK 299 JB</t>
  </si>
  <si>
    <t>Chak No 299 JB</t>
  </si>
  <si>
    <t>Muhammad Alyas</t>
  </si>
  <si>
    <t>GPS CHAK 2-A/GD</t>
  </si>
  <si>
    <t>2/A-GD</t>
  </si>
  <si>
    <t>Chak No 2/A-GD tehsil Renala Khurd district Okara</t>
  </si>
  <si>
    <t>L Plot F</t>
  </si>
  <si>
    <t>GPS CHAK 3 T MULTAN</t>
  </si>
  <si>
    <t>3T</t>
  </si>
  <si>
    <t>chak 3T  p/o same multan</t>
  </si>
  <si>
    <t>Chak 3T</t>
  </si>
  <si>
    <t>GPS CHAK 3/1-AL</t>
  </si>
  <si>
    <t>Chak no 3/1al  okara</t>
  </si>
  <si>
    <t>3/1al</t>
  </si>
  <si>
    <t>Muhammad Zulfiqar Sajid</t>
  </si>
  <si>
    <t>GPS CHAK 3/1-L</t>
  </si>
  <si>
    <t>chak No. 3/1L tensile renalakhurd district okara</t>
  </si>
  <si>
    <t>Chak No 6/1L</t>
  </si>
  <si>
    <t>Muhammad Qadeer Khan</t>
  </si>
  <si>
    <t>GPS CHAK 3/4.L</t>
  </si>
  <si>
    <t>Chak 3 / 4l</t>
  </si>
  <si>
    <t>chak 3 / 4l okara</t>
  </si>
  <si>
    <t>M Azhar Farooq</t>
  </si>
  <si>
    <t>GPS CHAK 3/A</t>
  </si>
  <si>
    <t>Chak 3/a</t>
  </si>
  <si>
    <t>chak 3/a</t>
  </si>
  <si>
    <t>GPS CHAK 30 4L ALLO MAHAR</t>
  </si>
  <si>
    <t>chak#30/4L allo mahar</t>
  </si>
  <si>
    <t>GPS CHAK 30 GAJIANI</t>
  </si>
  <si>
    <t>chak No 30 G</t>
  </si>
  <si>
    <t>GPS chak no 30g</t>
  </si>
  <si>
    <t>Chak No 30 G</t>
  </si>
  <si>
    <t>Chak No 28 G</t>
  </si>
  <si>
    <t>GPS CHAK 300 JB</t>
  </si>
  <si>
    <t>Chak 300 Jb</t>
  </si>
  <si>
    <t>chak no 300 jb</t>
  </si>
  <si>
    <t>Sajid Minhas</t>
  </si>
  <si>
    <t>GPS CHAK 303 GB</t>
  </si>
  <si>
    <t>chak 303 gb</t>
  </si>
  <si>
    <t>cahk no 303 gb</t>
  </si>
  <si>
    <t>chak 301 gb</t>
  </si>
  <si>
    <t>GPS CHAK 303 JB II</t>
  </si>
  <si>
    <t>303 Jb ii</t>
  </si>
  <si>
    <t>chak 303 jb ii</t>
  </si>
  <si>
    <t>Chak 354 Jb Qadir Abad</t>
  </si>
  <si>
    <t>GPS CHAK 304 GB I</t>
  </si>
  <si>
    <t>304 Gb</t>
  </si>
  <si>
    <t>Gps 304 gb 1</t>
  </si>
  <si>
    <t>chak 304 Gb</t>
  </si>
  <si>
    <t>chak 316 Gb</t>
  </si>
  <si>
    <t>GPS CHAK 304 GB II</t>
  </si>
  <si>
    <t>304 GB</t>
  </si>
  <si>
    <t>ch#304 GB</t>
  </si>
  <si>
    <t>Muhammad Aish</t>
  </si>
  <si>
    <t>GPS CHAK 304 JB KATHOOR KHURD</t>
  </si>
  <si>
    <t>304 JB</t>
  </si>
  <si>
    <t>GPS Chak# 304 JB Kathore Khurd</t>
  </si>
  <si>
    <t>GPS CHAK 304/HR</t>
  </si>
  <si>
    <t>Basti Lodrah</t>
  </si>
  <si>
    <t>chak 304/HR fort abbas</t>
  </si>
  <si>
    <t>Chao 304/HR</t>
  </si>
  <si>
    <t>Ù…Ø­Ù…Ø¯ Ø±ÙÛŒÙ‚</t>
  </si>
  <si>
    <t>GPS CHAK 305 GB</t>
  </si>
  <si>
    <t>305 GB</t>
  </si>
  <si>
    <t>Chak 305 GB Toba Tek Singh</t>
  </si>
  <si>
    <t>GPS CHAK 306/HR</t>
  </si>
  <si>
    <t>Chak 306/HR</t>
  </si>
  <si>
    <t>Chak No 306/HR Tehsil Fort Abbas District Bahawal Nagar</t>
  </si>
  <si>
    <t>Chak No 306/HR</t>
  </si>
  <si>
    <t>GPS CHAK 307 GB</t>
  </si>
  <si>
    <t>Burnala</t>
  </si>
  <si>
    <t>Chak#307GB The&amp;Distt Toba TekSingh</t>
  </si>
  <si>
    <t>Chak#307GB</t>
  </si>
  <si>
    <t>Chak#342GB</t>
  </si>
  <si>
    <t>M Sufyan Shaheen</t>
  </si>
  <si>
    <t>GPS CHAK 307 JB SAROOKAY</t>
  </si>
  <si>
    <t>Chak No 307Jb</t>
  </si>
  <si>
    <t>chak no 307jb</t>
  </si>
  <si>
    <t>Chak No 307 JB</t>
  </si>
  <si>
    <t>Qadarabad</t>
  </si>
  <si>
    <t>Tauqir Akbar</t>
  </si>
  <si>
    <t>GPS CHAK 307/HR</t>
  </si>
  <si>
    <t>Chak307/HR</t>
  </si>
  <si>
    <t>chak 307/HR Tehsil:Fort Abbas Dist:Bahawal Nagar</t>
  </si>
  <si>
    <t>307/HR</t>
  </si>
  <si>
    <t>Chak 304/HR</t>
  </si>
  <si>
    <t>GPS CHAK 308 GB</t>
  </si>
  <si>
    <t>Chak 308 GB</t>
  </si>
  <si>
    <t>Chak 333 GB</t>
  </si>
  <si>
    <t>GPS CHAK 308 JB SURANGIAN</t>
  </si>
  <si>
    <t>Chak No 308jb</t>
  </si>
  <si>
    <t>chak no 308jb</t>
  </si>
  <si>
    <t>Chak No 316jb</t>
  </si>
  <si>
    <t>GPS CHAK 308/HR NORTH</t>
  </si>
  <si>
    <t>chak#308/H.R   N</t>
  </si>
  <si>
    <t>Chak#308/hr n</t>
  </si>
  <si>
    <t>chak 311/hr</t>
  </si>
  <si>
    <t>muhammad imran</t>
  </si>
  <si>
    <t>GPS CHAK 308/HR SOUTH</t>
  </si>
  <si>
    <t>308hr</t>
  </si>
  <si>
    <t>chhak no308hr south</t>
  </si>
  <si>
    <t>308 Hr South</t>
  </si>
  <si>
    <t>Hafiz Muhammad Asif</t>
  </si>
  <si>
    <t>GPS CHAK 309 GB</t>
  </si>
  <si>
    <t>Chak 309 GB</t>
  </si>
  <si>
    <t>Chak 316 GB</t>
  </si>
  <si>
    <t>Shahid Saleem</t>
  </si>
  <si>
    <t>GPS CHAK 309 JB BHAKHI</t>
  </si>
  <si>
    <t>ma306/jb@gmail.com</t>
  </si>
  <si>
    <t>309/jb</t>
  </si>
  <si>
    <t>Chak No 316/jb</t>
  </si>
  <si>
    <t>Muhammad Aslam  Matloob</t>
  </si>
  <si>
    <t>GPS CHAK 31 A</t>
  </si>
  <si>
    <t>GPS/31A LIAQUAT PUR</t>
  </si>
  <si>
    <t>31/A</t>
  </si>
  <si>
    <t>GPS CHAK 311 GB</t>
  </si>
  <si>
    <t>311gb</t>
  </si>
  <si>
    <t>chak no 311gb tts</t>
  </si>
  <si>
    <t>Chak No 311gb</t>
  </si>
  <si>
    <t>Khalid Naeem</t>
  </si>
  <si>
    <t>GPS CHAK 311 JB</t>
  </si>
  <si>
    <t>Kamley Bhag</t>
  </si>
  <si>
    <t>chak no 311 jb</t>
  </si>
  <si>
    <t>311 JB</t>
  </si>
  <si>
    <t>GPS CHAK 312 GB</t>
  </si>
  <si>
    <t>312gb tehsil pirmahal distt. ttsingh</t>
  </si>
  <si>
    <t>312gb</t>
  </si>
  <si>
    <t>Muhammad Ather Rashid</t>
  </si>
  <si>
    <t>GPS CHAK 312/HR</t>
  </si>
  <si>
    <t>Chak No 312 HR</t>
  </si>
  <si>
    <t>Chak No 312 /H.R P/O marot Tehsil fortabas district bahawalnagar</t>
  </si>
  <si>
    <t>GPS CHAK 313 JB ROPOWALI</t>
  </si>
  <si>
    <t>Chakno313jb  tehsil   Gojra    district toba. tek.  singh</t>
  </si>
  <si>
    <t>313  Jb</t>
  </si>
  <si>
    <t>GPS CHAK 313/HR</t>
  </si>
  <si>
    <t>313/HR marot tehsil Fortabbas district Bahawalnagar</t>
  </si>
  <si>
    <t>Muhammad Nadeem Zafar</t>
  </si>
  <si>
    <t>GPS CHAK 314 JB</t>
  </si>
  <si>
    <t>Chak No 314 Jb</t>
  </si>
  <si>
    <t>Chak no 314 jb</t>
  </si>
  <si>
    <t>Chak No 316 Jb</t>
  </si>
  <si>
    <t>Shamaoun Masih</t>
  </si>
  <si>
    <t>GPS CHAK 314/HR</t>
  </si>
  <si>
    <t>314//hr</t>
  </si>
  <si>
    <t>314 hr</t>
  </si>
  <si>
    <t>GPS CHAK 315/HR</t>
  </si>
  <si>
    <t>315/HR</t>
  </si>
  <si>
    <t>Chak No.315/HR</t>
  </si>
  <si>
    <t>Chak NO 315/HR</t>
  </si>
  <si>
    <t>Chak NO 319/HR</t>
  </si>
  <si>
    <t>M Nabeel Khuram</t>
  </si>
  <si>
    <t>GPS CHAK 316 GB</t>
  </si>
  <si>
    <t>Chakno 316gb</t>
  </si>
  <si>
    <t>govt. primary school Chakno 316 gb</t>
  </si>
  <si>
    <t>Chakno 316 Gb</t>
  </si>
  <si>
    <t>Ghulam Abbas Nadeem</t>
  </si>
  <si>
    <t>GPS CHAK 317 GB</t>
  </si>
  <si>
    <t>chak 317 gb</t>
  </si>
  <si>
    <t>chak no 317 gb</t>
  </si>
  <si>
    <t>chak 316 gb</t>
  </si>
  <si>
    <t>GPS CHAK 317/HR</t>
  </si>
  <si>
    <t>GPS 317</t>
  </si>
  <si>
    <t>GPS CHAK 318 GB</t>
  </si>
  <si>
    <t>Chak 318 GB</t>
  </si>
  <si>
    <t>chak 318 GB</t>
  </si>
  <si>
    <t>Chak 318 GbB</t>
  </si>
  <si>
    <t>GPS CHAK 318/HR</t>
  </si>
  <si>
    <t>318/hr</t>
  </si>
  <si>
    <t>P/O maroot, check # 318/ hr maroot teh:fortabbas dist:bahawalnager</t>
  </si>
  <si>
    <t>Maroot 319/hr</t>
  </si>
  <si>
    <t>Sajjad Ali</t>
  </si>
  <si>
    <t>GPS CHAK 32</t>
  </si>
  <si>
    <t>chak 32 muridkey tahsil muridke</t>
  </si>
  <si>
    <t>Check 32</t>
  </si>
  <si>
    <t>Bhinawala Kalan</t>
  </si>
  <si>
    <t>Babar Karamat Shaheen</t>
  </si>
  <si>
    <t>GPS CHAK 32 JB II</t>
  </si>
  <si>
    <t>32 Jb</t>
  </si>
  <si>
    <t>chak no.32 jb .jhugiyan</t>
  </si>
  <si>
    <t>Chak No32jb2nd</t>
  </si>
  <si>
    <t>34 Jbsouth</t>
  </si>
  <si>
    <t>GPS CHAK 32/A</t>
  </si>
  <si>
    <t>chak no32/a</t>
  </si>
  <si>
    <t>Chak No32/A</t>
  </si>
  <si>
    <t>saif ullah</t>
  </si>
  <si>
    <t>GPS CHAK 321 JB</t>
  </si>
  <si>
    <t>Chak No 321 JB</t>
  </si>
  <si>
    <t>Chak No 319 JB</t>
  </si>
  <si>
    <t>GPS CHAK 322 GB</t>
  </si>
  <si>
    <t>chak no 322 GB</t>
  </si>
  <si>
    <t>322 GB</t>
  </si>
  <si>
    <t>MUHAMMAD KHURAM SHAHZAD</t>
  </si>
  <si>
    <t>GPS CHAK 323 JB QAYAM PUR</t>
  </si>
  <si>
    <t>Chak no 323 Jb</t>
  </si>
  <si>
    <t>Chak no 323 jb qyam pur</t>
  </si>
  <si>
    <t>Qyam Pur</t>
  </si>
  <si>
    <t>GPS CHAK 323/HR</t>
  </si>
  <si>
    <t>Chak 323hr</t>
  </si>
  <si>
    <t>chak No 323hr</t>
  </si>
  <si>
    <t>323hr</t>
  </si>
  <si>
    <t>Chak327hr</t>
  </si>
  <si>
    <t>Muhammad Azhar Iqbal</t>
  </si>
  <si>
    <t>GPS CHAK 324 JB I</t>
  </si>
  <si>
    <t>Chak  No324jb</t>
  </si>
  <si>
    <t>chak 324/jB TTS</t>
  </si>
  <si>
    <t>Chak 324JB</t>
  </si>
  <si>
    <t>Chak No 324jb Parra</t>
  </si>
  <si>
    <t>GPS CHAK 324/HR</t>
  </si>
  <si>
    <t>Chak No 324/HR Tehsil Fort Abbas</t>
  </si>
  <si>
    <t>Irfan Ali</t>
  </si>
  <si>
    <t>GPS CHAK 325 JB</t>
  </si>
  <si>
    <t>325jb</t>
  </si>
  <si>
    <t>325 Jb</t>
  </si>
  <si>
    <t>M Anwar Mahmood</t>
  </si>
  <si>
    <t>GPS CHAK 326 GB</t>
  </si>
  <si>
    <t>Chak 326GB</t>
  </si>
  <si>
    <t>Chak No 326</t>
  </si>
  <si>
    <t>GPS CHAK 327 GB II</t>
  </si>
  <si>
    <t>CHAK NO 327 G B</t>
  </si>
  <si>
    <t>Shorkot cantt</t>
  </si>
  <si>
    <t>Chak No 327 GB</t>
  </si>
  <si>
    <t>GPS CHAK 327 JB BHALIR</t>
  </si>
  <si>
    <t>Chak#327JB</t>
  </si>
  <si>
    <t>Chak# 327jb</t>
  </si>
  <si>
    <t>Chak # 324jb</t>
  </si>
  <si>
    <t>Iftikhar Ahmad Danish</t>
  </si>
  <si>
    <t>GPS CHAK 328 GB</t>
  </si>
  <si>
    <t>CHAK NO. 328GB</t>
  </si>
  <si>
    <t>CHAK NO. 327GB</t>
  </si>
  <si>
    <t>Nasir Iqbal Mahmood-ul-Hassan</t>
  </si>
  <si>
    <t>GPS CHAK 328 JB</t>
  </si>
  <si>
    <t>Khokherki</t>
  </si>
  <si>
    <t>chak no 328JB Toba Tek Singh</t>
  </si>
  <si>
    <t>ChakNo 328 JB</t>
  </si>
  <si>
    <t>323JB Rahmat Abad</t>
  </si>
  <si>
    <t>GPS CHAK 33/GD</t>
  </si>
  <si>
    <t>33 Gd</t>
  </si>
  <si>
    <t>chak no.33gd</t>
  </si>
  <si>
    <t>Muhammad Shoaib Ashraf</t>
  </si>
  <si>
    <t>GPS CHAK 330 GB I NORTH</t>
  </si>
  <si>
    <t>Chak No 330 GB North Tehsil Pirmahal Dist. Toba Tek Singh</t>
  </si>
  <si>
    <t>330 GB NORTH</t>
  </si>
  <si>
    <t>330 GB KOTLY</t>
  </si>
  <si>
    <t>GPS CHAK 330 JB</t>
  </si>
  <si>
    <t>GPS 330Jb Toba Tek Singh</t>
  </si>
  <si>
    <t>330Jb Seo Wal</t>
  </si>
  <si>
    <t>391Jb Khanthan</t>
  </si>
  <si>
    <t>GPS CHAK 331 GB SALEEM PUR</t>
  </si>
  <si>
    <t>331gb</t>
  </si>
  <si>
    <t>chak no 331gb saleem pur</t>
  </si>
  <si>
    <t>331gb Saleem Pur</t>
  </si>
  <si>
    <t>Farah Maqbool</t>
  </si>
  <si>
    <t>GPS CHAK 332 GB I</t>
  </si>
  <si>
    <t>chack no 332 GB Azafi Abadi</t>
  </si>
  <si>
    <t>Chack 332 GB</t>
  </si>
  <si>
    <t>Chack No 333 Gb</t>
  </si>
  <si>
    <t>MUHAMMAD IMRAN ASIF</t>
  </si>
  <si>
    <t>GPS CHAK 333 JB II</t>
  </si>
  <si>
    <t>333 JB Passianwala</t>
  </si>
  <si>
    <t>chak 333 j.b</t>
  </si>
  <si>
    <t>Tariq Mahmud</t>
  </si>
  <si>
    <t>GPS CHAK 334 GB</t>
  </si>
  <si>
    <t>Chak No 334 GB</t>
  </si>
  <si>
    <t>Chak no 334 GB markaz faridabad tehsil pirmahal district toba tek singh</t>
  </si>
  <si>
    <t>Zahid Pervaiz</t>
  </si>
  <si>
    <t>GPS CHAK 334 JB I</t>
  </si>
  <si>
    <t>Chak No 334 Jb</t>
  </si>
  <si>
    <t>Gp/s 334 jb-1</t>
  </si>
  <si>
    <t>GPS CHAK 334 JB II</t>
  </si>
  <si>
    <t>Ch#334JB</t>
  </si>
  <si>
    <t>334/JB</t>
  </si>
  <si>
    <t>334JB</t>
  </si>
  <si>
    <t>GPS CHAK 335 GB I</t>
  </si>
  <si>
    <t>BANGH-E-NAO</t>
  </si>
  <si>
    <t>Chak No. 335 GB-I, Markaz Pul Nagra(Male) Tehsil &amp; District Toba tek Singh.</t>
  </si>
  <si>
    <t>Chak No. 335 GB</t>
  </si>
  <si>
    <t>Muhammad Shafqat Nawaz Naseem</t>
  </si>
  <si>
    <t>GPS CHAK 335 JB</t>
  </si>
  <si>
    <t>Dost Pur</t>
  </si>
  <si>
    <t>chak no. 335 jb tehsil gojra Disstt.. t. t. Singh</t>
  </si>
  <si>
    <t>335jb</t>
  </si>
  <si>
    <t>GPS CHAK 336 GB NIA SARABA</t>
  </si>
  <si>
    <t>Chak No 336 GB Nia saraba T T Singh</t>
  </si>
  <si>
    <t>Chak No 517 Gb</t>
  </si>
  <si>
    <t>Syed AbdulRehman</t>
  </si>
  <si>
    <t>GPS CHAK 336/HR</t>
  </si>
  <si>
    <t>336/HR</t>
  </si>
  <si>
    <t>Chak No 336/ HR</t>
  </si>
  <si>
    <t>GPS CHAK 337 GB DHOLAN</t>
  </si>
  <si>
    <t>chak no 337 GB</t>
  </si>
  <si>
    <t>GPS CHAK 338 GB</t>
  </si>
  <si>
    <t>Chak338 GB</t>
  </si>
  <si>
    <t>Chak 338 GB</t>
  </si>
  <si>
    <t>Chao 517 GB</t>
  </si>
  <si>
    <t>GPS CHAK 338 JB II NIA LAHORE</t>
  </si>
  <si>
    <t>338 jb nia lahore</t>
  </si>
  <si>
    <t>nia lahore</t>
  </si>
  <si>
    <t>Ghulam Afzaal Ahmad</t>
  </si>
  <si>
    <t>GPS CHAK 339 GB II</t>
  </si>
  <si>
    <t>Bami Pura</t>
  </si>
  <si>
    <t>chak no 339 GB ll</t>
  </si>
  <si>
    <t>339gb ll</t>
  </si>
  <si>
    <t>Muhammad-Sarwar</t>
  </si>
  <si>
    <t>GPS CHAK 339 GB KALAN</t>
  </si>
  <si>
    <t>Chak 339 GB I</t>
  </si>
  <si>
    <t>Chak no 339 GB I</t>
  </si>
  <si>
    <t>Chak No 339 Gb 1</t>
  </si>
  <si>
    <t>GPS CHAK 34 JB NORTH</t>
  </si>
  <si>
    <t>Chak No. 34JB North</t>
  </si>
  <si>
    <t>Chak No 34jb North</t>
  </si>
  <si>
    <t>Bushra Arshad</t>
  </si>
  <si>
    <t>GPS CHAK 34 MURIDKE</t>
  </si>
  <si>
    <t>Chak # 34</t>
  </si>
  <si>
    <t>chak # 34</t>
  </si>
  <si>
    <t>Attique Ahmad</t>
  </si>
  <si>
    <t>GPS CHAK 34/2-L</t>
  </si>
  <si>
    <t>34/2L</t>
  </si>
  <si>
    <t>chak number 34/2L okara</t>
  </si>
  <si>
    <t>Shah Faisal</t>
  </si>
  <si>
    <t>GPS CHAK 341 GB BASTI BALOCHAN</t>
  </si>
  <si>
    <t>chak # 341 GB basti balichan</t>
  </si>
  <si>
    <t>Chak341GB BB</t>
  </si>
  <si>
    <t>Abid Majeed</t>
  </si>
  <si>
    <t>GPS CHAK 341 JB I</t>
  </si>
  <si>
    <t>Thathar</t>
  </si>
  <si>
    <t>Chak 341jb Gojra Distt.TTSingh</t>
  </si>
  <si>
    <t>341jb</t>
  </si>
  <si>
    <t>Chak 338Jb</t>
  </si>
  <si>
    <t>GPS CHAK 341 JB II</t>
  </si>
  <si>
    <t>Bahamni Wala</t>
  </si>
  <si>
    <t>Chak No 341 JB II</t>
  </si>
  <si>
    <t>Chak No 338 JB</t>
  </si>
  <si>
    <t>GPS CHAK 342 JB</t>
  </si>
  <si>
    <t>chak no 342jb</t>
  </si>
  <si>
    <t>GPS CHAK 343 JB</t>
  </si>
  <si>
    <t>chak no. 343 jb</t>
  </si>
  <si>
    <t>343JB</t>
  </si>
  <si>
    <t>345JB</t>
  </si>
  <si>
    <t>Muhammad Babar</t>
  </si>
  <si>
    <t>GPS CHAK 344 JB SHAH PUR</t>
  </si>
  <si>
    <t>344 Jb</t>
  </si>
  <si>
    <t>344 jb</t>
  </si>
  <si>
    <t>Chak 344jb</t>
  </si>
  <si>
    <t>345 Jb</t>
  </si>
  <si>
    <t>Mehboob Ur Rehman</t>
  </si>
  <si>
    <t>GPS CHAK 345 JB I</t>
  </si>
  <si>
    <t>chak 345 jb 1</t>
  </si>
  <si>
    <t>Amna Saeed</t>
  </si>
  <si>
    <t>GPS CHAK 347 JB</t>
  </si>
  <si>
    <t>347JB Chatha</t>
  </si>
  <si>
    <t>chak no 347jb</t>
  </si>
  <si>
    <t>347jb</t>
  </si>
  <si>
    <t>Chak No 417jb</t>
  </si>
  <si>
    <t>Muhammad Shahid Khursheed</t>
  </si>
  <si>
    <t>GPS CHAK 349 GB</t>
  </si>
  <si>
    <t>chak no349gb</t>
  </si>
  <si>
    <t>Chak 349gb</t>
  </si>
  <si>
    <t>Chak No 350 GB</t>
  </si>
  <si>
    <t>Muhammad Ramzan Nadeem</t>
  </si>
  <si>
    <t>GPS CHAK 349 JB</t>
  </si>
  <si>
    <t>chak no 349 jb satrah</t>
  </si>
  <si>
    <t>Chak No 349 Jb Satrah</t>
  </si>
  <si>
    <t>Chak No 349 Jb</t>
  </si>
  <si>
    <t>GPS CHAK 35/2-L</t>
  </si>
  <si>
    <t>chak # 35/2-L okara</t>
  </si>
  <si>
    <t>GPS CHAK 35/4L</t>
  </si>
  <si>
    <t>Chak No.35/4L p/o same Dusty.  Okara</t>
  </si>
  <si>
    <t>36A4L</t>
  </si>
  <si>
    <t>Waqar Kaleem</t>
  </si>
  <si>
    <t>GPS CHAK 35/GD</t>
  </si>
  <si>
    <t>35/gd</t>
  </si>
  <si>
    <t>gps 35/gd</t>
  </si>
  <si>
    <t>38/gd</t>
  </si>
  <si>
    <t>Shahzadah Faheem Aslam</t>
  </si>
  <si>
    <t>GPS CHAK 35/GD KHEWA MURDANI</t>
  </si>
  <si>
    <t>thatha khewa</t>
  </si>
  <si>
    <t>Thatha Khewa</t>
  </si>
  <si>
    <t>GPS CHAK 350 JB LAHORIAN WALA</t>
  </si>
  <si>
    <t>350jb</t>
  </si>
  <si>
    <t>chk#350jb</t>
  </si>
  <si>
    <t>Chk#350jb</t>
  </si>
  <si>
    <t>Chk#349jb</t>
  </si>
  <si>
    <t>Iqbal Murtaza</t>
  </si>
  <si>
    <t>GPS CHAK 351 GB</t>
  </si>
  <si>
    <t>Chak 351 GB</t>
  </si>
  <si>
    <t>Chak 295 GB</t>
  </si>
  <si>
    <t>GPS CHAK 351 JB</t>
  </si>
  <si>
    <t>Chak No 351 Jb</t>
  </si>
  <si>
    <t>chak no 351 jb</t>
  </si>
  <si>
    <t>Chak 363 Jb</t>
  </si>
  <si>
    <t>GPS CHAK 352 JB</t>
  </si>
  <si>
    <t>govt. primary school 352/J.B -1</t>
  </si>
  <si>
    <t>Chak No. 352/J. B</t>
  </si>
  <si>
    <t>Chak No 349/ JB</t>
  </si>
  <si>
    <t>Muhammad Kashif Khan</t>
  </si>
  <si>
    <t>GPS CHAK 354 JB</t>
  </si>
  <si>
    <t>CHAK NO 354JB</t>
  </si>
  <si>
    <t>CHAK NO 354JB GOJRA</t>
  </si>
  <si>
    <t>CHAK  NO 354JB</t>
  </si>
  <si>
    <t>CHAK  354JB</t>
  </si>
  <si>
    <t>Nadir Tahseen</t>
  </si>
  <si>
    <t>GPS CHAK 355 JB ROCHA RAM</t>
  </si>
  <si>
    <t>Chak No 355jb</t>
  </si>
  <si>
    <t>chak no 355 jb gojra</t>
  </si>
  <si>
    <t>Chak No 354jb</t>
  </si>
  <si>
    <t>GPS CHAK 356 JB</t>
  </si>
  <si>
    <t>chak no 356 jb</t>
  </si>
  <si>
    <t>356 Jb</t>
  </si>
  <si>
    <t>423 Ada Olia</t>
  </si>
  <si>
    <t>GPS CHAK 357 GB PO 128 GB</t>
  </si>
  <si>
    <t>Nilianwala</t>
  </si>
  <si>
    <t>chak no 357gb</t>
  </si>
  <si>
    <t>Chak No 357 Gb</t>
  </si>
  <si>
    <t>Riaz Hussain Anjum</t>
  </si>
  <si>
    <t>GPS CHAK 358 JB</t>
  </si>
  <si>
    <t>Dullam</t>
  </si>
  <si>
    <t>chalk no 358 Jb</t>
  </si>
  <si>
    <t>Muhammad Zaheer</t>
  </si>
  <si>
    <t>GPS CHAK 359 JB</t>
  </si>
  <si>
    <t>359 jb</t>
  </si>
  <si>
    <t>359 Jb</t>
  </si>
  <si>
    <t>Shahid Hussain Saqib</t>
  </si>
  <si>
    <t>GPS CHAK 36 GB</t>
  </si>
  <si>
    <t>Kheri Majra</t>
  </si>
  <si>
    <t>chak no 36 gb</t>
  </si>
  <si>
    <t>Chak No 36 Gb</t>
  </si>
  <si>
    <t>Chak No 37 Gb</t>
  </si>
  <si>
    <t>GPS CHAK 36 JB WEST</t>
  </si>
  <si>
    <t>36 JB</t>
  </si>
  <si>
    <t>chak no 36 jb faisalabad</t>
  </si>
  <si>
    <t>Chak No36 JB</t>
  </si>
  <si>
    <t>Chak 34 JB</t>
  </si>
  <si>
    <t>GPS CHAK 36/GD</t>
  </si>
  <si>
    <t>36 GD</t>
  </si>
  <si>
    <t>34 GD Distt Okara</t>
  </si>
  <si>
    <t>Bahadar Nagar Farm</t>
  </si>
  <si>
    <t>GPS CHAK 360 GB</t>
  </si>
  <si>
    <t>360 GB</t>
  </si>
  <si>
    <t>GPS Chak No 360 GB PO Same Teh &amp; Distt Toba Tek Singh</t>
  </si>
  <si>
    <t>Chak No 360 GB</t>
  </si>
  <si>
    <t>GPS CHAK 360 JB I</t>
  </si>
  <si>
    <t>360 Jb1</t>
  </si>
  <si>
    <t>Chak no 360 JB Bubak teh gojra distt t t Singh po same ,GPS 360 JB 1</t>
  </si>
  <si>
    <t>360jb 1</t>
  </si>
  <si>
    <t>360 JB Bubak</t>
  </si>
  <si>
    <t>Muhammad Afzal Zahid</t>
  </si>
  <si>
    <t>GPS CHAK 360 JB II</t>
  </si>
  <si>
    <t>Chak No 360 JB-II</t>
  </si>
  <si>
    <t>Chak No. 360 JB-II Gojra</t>
  </si>
  <si>
    <t>Chak No 360 JB</t>
  </si>
  <si>
    <t>Muhaammad Irshad</t>
  </si>
  <si>
    <t>GPS CHAK 361 GB</t>
  </si>
  <si>
    <t>Chak no. 361 GB</t>
  </si>
  <si>
    <t>GPS CHAK 362 GB</t>
  </si>
  <si>
    <t>Munisb De Jhok</t>
  </si>
  <si>
    <t>chak no 362gb the jaranwala Distt fsd</t>
  </si>
  <si>
    <t>Chak No 362gb</t>
  </si>
  <si>
    <t>Chak No 364gb</t>
  </si>
  <si>
    <t>Muhammad Sher Zaman</t>
  </si>
  <si>
    <t>GPS CHAK 362 JB</t>
  </si>
  <si>
    <t>362JB</t>
  </si>
  <si>
    <t>chak no 362 jb</t>
  </si>
  <si>
    <t>CHAK NO 362JB</t>
  </si>
  <si>
    <t>CHAK NO 363JB</t>
  </si>
  <si>
    <t>GPS CHAK 363 JB I SOBIDAR WALA</t>
  </si>
  <si>
    <t>Chak No 363 Jb</t>
  </si>
  <si>
    <t>chak no 363 jb</t>
  </si>
  <si>
    <t>Chak 363 JB</t>
  </si>
  <si>
    <t>GPS CHAK 363 JB II BAHMANIWALA</t>
  </si>
  <si>
    <t>Bahmniwala Wala</t>
  </si>
  <si>
    <t>GPS 363 jb 2nd</t>
  </si>
  <si>
    <t>Chak 363</t>
  </si>
  <si>
    <t>Muhammad Kalim Aasi</t>
  </si>
  <si>
    <t>GPS CHAK 365 JB KACHA GOJRA</t>
  </si>
  <si>
    <t>GPS 365 jb kacha gojra</t>
  </si>
  <si>
    <t>ch 365jb</t>
  </si>
  <si>
    <t>ch 365 jb</t>
  </si>
  <si>
    <t>GPS CHAK 366 JB</t>
  </si>
  <si>
    <t>366 Jb</t>
  </si>
  <si>
    <t>chak no 366 jb  teh.gojra Disst. toba tek singh</t>
  </si>
  <si>
    <t>Jalian Wala 367 Jb</t>
  </si>
  <si>
    <t>Aurang zaib azhar</t>
  </si>
  <si>
    <t>GPS CHAK 367 GB</t>
  </si>
  <si>
    <t>chak 367 GB tehsil jaranwala</t>
  </si>
  <si>
    <t>Chak 367 GB</t>
  </si>
  <si>
    <t>Chak 363 GB</t>
  </si>
  <si>
    <t>GPS CHAK 367 JB I JALIAN WALA</t>
  </si>
  <si>
    <t>chak no 367 jb gojra  tts</t>
  </si>
  <si>
    <t>Asif Maqbool</t>
  </si>
  <si>
    <t>GPS CHAK 367 JB II JALIAN WALA</t>
  </si>
  <si>
    <t>Jalyanwala</t>
  </si>
  <si>
    <t>Govt Primary School 367jb second</t>
  </si>
  <si>
    <t>367jb</t>
  </si>
  <si>
    <t>Tanveer Alam</t>
  </si>
  <si>
    <t>GPS CHAK 368 JB CHANDO BATALA</t>
  </si>
  <si>
    <t>Chando Batala</t>
  </si>
  <si>
    <t>GPS 368 Jb Tehsil Gojra</t>
  </si>
  <si>
    <t>Chak No 368 Jb</t>
  </si>
  <si>
    <t>ARSHAD MAHMOOD SHAHID</t>
  </si>
  <si>
    <t>GPS CHAK 36-A/GD</t>
  </si>
  <si>
    <t>36 AGD</t>
  </si>
  <si>
    <t>Bahadur Nagar farm First Okara</t>
  </si>
  <si>
    <t>Bahadur Nagar</t>
  </si>
  <si>
    <t>GPS CHAK 37 38 2L</t>
  </si>
  <si>
    <t>37-38/2l</t>
  </si>
  <si>
    <t>GPS 37 38 2l Okara</t>
  </si>
  <si>
    <t>Syed Nasir Abbas Jafri</t>
  </si>
  <si>
    <t>GPS CHAK 371 JB I WEST GANDA SINGH</t>
  </si>
  <si>
    <t>Ghandasingh</t>
  </si>
  <si>
    <t>chak371jb  ghandasingh</t>
  </si>
  <si>
    <t>371jb Ghanda Singh</t>
  </si>
  <si>
    <t>372jb Bojiyan Wali</t>
  </si>
  <si>
    <t>akhtar hussain</t>
  </si>
  <si>
    <t>GPS CHAK 371 JB II</t>
  </si>
  <si>
    <t>GOVT. PRIMARY SCHOOL 371 JB-II</t>
  </si>
  <si>
    <t>371 JB MUHAMMAD PURA</t>
  </si>
  <si>
    <t>CHAK NO 372 JB</t>
  </si>
  <si>
    <t>GPS CHAK 371/WB</t>
  </si>
  <si>
    <t>371wb</t>
  </si>
  <si>
    <t>chak no 371/wb</t>
  </si>
  <si>
    <t>Chak 353wb</t>
  </si>
  <si>
    <t>Muhammad Ibraheem</t>
  </si>
  <si>
    <t>GPS CHAK 372 JB</t>
  </si>
  <si>
    <t>Bojian Wali</t>
  </si>
  <si>
    <t>chak372jb</t>
  </si>
  <si>
    <t>Chak 372jb</t>
  </si>
  <si>
    <t>Muhammad Asif Mahmood</t>
  </si>
  <si>
    <t>GPS CHAK 373 GB I SAMUNDRI</t>
  </si>
  <si>
    <t>373 Karamsar</t>
  </si>
  <si>
    <t>chak no 373 gb karamsar tehsil samundari district faisalabad</t>
  </si>
  <si>
    <t>Karamsr</t>
  </si>
  <si>
    <t>GPS CHAK 373 JB</t>
  </si>
  <si>
    <t>chak no 373jb</t>
  </si>
  <si>
    <t>373 J B</t>
  </si>
  <si>
    <t>Chak 372 Jb</t>
  </si>
  <si>
    <t>GPS CHAK 376 JB I</t>
  </si>
  <si>
    <t>Basti Jalal Khan</t>
  </si>
  <si>
    <t>Chak No. 376 J.B  T. T. Singh</t>
  </si>
  <si>
    <t>Chak No 376 JB</t>
  </si>
  <si>
    <t>GPS CHAK 377 JB</t>
  </si>
  <si>
    <t>Chak 377 JB</t>
  </si>
  <si>
    <t>Govt Primary School chak 377 JB District &amp; Tehsil Toba Tek Singh.</t>
  </si>
  <si>
    <t>Chak 375 JB</t>
  </si>
  <si>
    <t>SAJJAD MOHMOOD</t>
  </si>
  <si>
    <t>GPS CHAK 378 JB</t>
  </si>
  <si>
    <t>378 Jb</t>
  </si>
  <si>
    <t>Chak no 378 jb</t>
  </si>
  <si>
    <t>375 JB</t>
  </si>
  <si>
    <t>M Ashfaq</t>
  </si>
  <si>
    <t>GPS CHAK 379 JB</t>
  </si>
  <si>
    <t>CHAK No 379 Jb</t>
  </si>
  <si>
    <t>chak no 379jb</t>
  </si>
  <si>
    <t>Chak No 379jb</t>
  </si>
  <si>
    <t>Aqil Afzal</t>
  </si>
  <si>
    <t>GPS CHAK 38/4-L</t>
  </si>
  <si>
    <t>38/4l</t>
  </si>
  <si>
    <t>chak 38/4l</t>
  </si>
  <si>
    <t>Ahmed Yar</t>
  </si>
  <si>
    <t>GPS CHAK 38/A</t>
  </si>
  <si>
    <t>Chak No. 38/A Tehsil Liaquat Pur District Rahim Yar khan</t>
  </si>
  <si>
    <t>GPS CHAK 38/P</t>
  </si>
  <si>
    <t>Chak 38/P</t>
  </si>
  <si>
    <t>Govt.P/S Chak 38/P</t>
  </si>
  <si>
    <t>Chak 45/P</t>
  </si>
  <si>
    <t>Abdul Rizwan</t>
  </si>
  <si>
    <t>GPS CHAK 385 GB SAMUNDRI</t>
  </si>
  <si>
    <t>chak 438gb</t>
  </si>
  <si>
    <t>chak 385 gb</t>
  </si>
  <si>
    <t>chak 385gb</t>
  </si>
  <si>
    <t>chak 388 gb</t>
  </si>
  <si>
    <t>Mirza Naveed Baig</t>
  </si>
  <si>
    <t>GPS CHAK 385 JB</t>
  </si>
  <si>
    <t>Chak 385 Jb</t>
  </si>
  <si>
    <t>chak no 385 jb</t>
  </si>
  <si>
    <t>Muhammad Athar Hanif</t>
  </si>
  <si>
    <t>GPS CHAK 388 JB I</t>
  </si>
  <si>
    <t>388JB</t>
  </si>
  <si>
    <t>GPS CHAK 39/GD</t>
  </si>
  <si>
    <t>39GD</t>
  </si>
  <si>
    <t>GPS 39GD</t>
  </si>
  <si>
    <t>GPS CHAK 391 GB TANDLIANWALA</t>
  </si>
  <si>
    <t>Chak no 391 G B</t>
  </si>
  <si>
    <t>chak no 391 g b tandlianwala</t>
  </si>
  <si>
    <t>Chak no 416  G B</t>
  </si>
  <si>
    <t>Qamar Zaman Zia</t>
  </si>
  <si>
    <t>GPS CHAK 393 GB TANDLIANWALA</t>
  </si>
  <si>
    <t>393gb</t>
  </si>
  <si>
    <t>chak no 393gb</t>
  </si>
  <si>
    <t>chak no 393 b</t>
  </si>
  <si>
    <t>Nyla Nawaz</t>
  </si>
  <si>
    <t>GPS CHAK 393 JB</t>
  </si>
  <si>
    <t>gps 393 jb khanpur t.t.singh</t>
  </si>
  <si>
    <t>Chak No393 Jb</t>
  </si>
  <si>
    <t>Ata Mustafa Atifi</t>
  </si>
  <si>
    <t>GPS CHAK 394 GB SAMUNDRI</t>
  </si>
  <si>
    <t>Jhok Baig</t>
  </si>
  <si>
    <t>CHAK NO 394 G.B</t>
  </si>
  <si>
    <t>394 G B</t>
  </si>
  <si>
    <t>442 G B</t>
  </si>
  <si>
    <t>Hassan Raza</t>
  </si>
  <si>
    <t>GPS CHAK 395 GB TANDLIANWALA</t>
  </si>
  <si>
    <t>Raheem Shahna</t>
  </si>
  <si>
    <t>chak no 395gb tehsile tandlianwala district faisalabad</t>
  </si>
  <si>
    <t>395 GB</t>
  </si>
  <si>
    <t>Chak 396GB</t>
  </si>
  <si>
    <t>Nawazish Ali Shah</t>
  </si>
  <si>
    <t>GPS CHAK 396 GB TANDLIANWALA</t>
  </si>
  <si>
    <t>chak no 396GB Tandlianwala FaisalAbad</t>
  </si>
  <si>
    <t>396GB</t>
  </si>
  <si>
    <t>GPS CHAK 396 JB</t>
  </si>
  <si>
    <t>Chak No.396 J.B.Toba Tek Singh</t>
  </si>
  <si>
    <t>396 JB</t>
  </si>
  <si>
    <t>388 JB</t>
  </si>
  <si>
    <t>Anwar  Hussain</t>
  </si>
  <si>
    <t>GPS CHAK 397 GB TANDLIANWALA</t>
  </si>
  <si>
    <t>Chrkhi</t>
  </si>
  <si>
    <t>chak no397GB. Tandlianwala Dist,Fsd</t>
  </si>
  <si>
    <t>Chak397gb</t>
  </si>
  <si>
    <t>Chak 452 Gb</t>
  </si>
  <si>
    <t>GPS CHAK 397 JB I</t>
  </si>
  <si>
    <t>CHAK 397 1 JB</t>
  </si>
  <si>
    <t>CHK 397 1 JB TTS</t>
  </si>
  <si>
    <t>ckh 388 jb tts</t>
  </si>
  <si>
    <t>GULNAZ KOUSAR</t>
  </si>
  <si>
    <t>GPS CHAK 397 JB II</t>
  </si>
  <si>
    <t>397 Jb</t>
  </si>
  <si>
    <t>chak no. 397 jb ii nawab colony</t>
  </si>
  <si>
    <t>397 Jb II</t>
  </si>
  <si>
    <t>388jb</t>
  </si>
  <si>
    <t>GPS CHAK 398 GB EAST TANDLIANWALA</t>
  </si>
  <si>
    <t>Krely</t>
  </si>
  <si>
    <t>chak no 398gb east the. tandlianwala Fsd</t>
  </si>
  <si>
    <t>Chak No 398 GB E</t>
  </si>
  <si>
    <t>Chak No 615</t>
  </si>
  <si>
    <t>RAO ARSHAD IQBAL</t>
  </si>
  <si>
    <t>GPS CHAK 399 GB I TANDLIANWALA</t>
  </si>
  <si>
    <t>Chak No 399 GB</t>
  </si>
  <si>
    <t>Govt.boy primary school 399G.B Teh Tandlianwala Distt.Faisalabad</t>
  </si>
  <si>
    <t>Chak No399GB</t>
  </si>
  <si>
    <t>Chak No 452 GB Rehmay Shah</t>
  </si>
  <si>
    <t>GPS CHAK 4/1-AL KALAN</t>
  </si>
  <si>
    <t>4/1AL Kalan</t>
  </si>
  <si>
    <t>chak no 4/1.a.l.kalan tehsil renala distt. okra</t>
  </si>
  <si>
    <t>4/1alkalan1alkalan</t>
  </si>
  <si>
    <t>GPS CHAK 4/4-L</t>
  </si>
  <si>
    <t>4/4L</t>
  </si>
  <si>
    <t>chak No 4/4L Okara</t>
  </si>
  <si>
    <t>GPS CHAK 4/54</t>
  </si>
  <si>
    <t>Apr-54</t>
  </si>
  <si>
    <t>chak no. 4/54 teh&amp;dist nankana sahib</t>
  </si>
  <si>
    <t>GPS CHAK 4/A</t>
  </si>
  <si>
    <t>Chak 4/A</t>
  </si>
  <si>
    <t>Chak no.4/A Tehsil Liaqatpur District Rahim yar khan</t>
  </si>
  <si>
    <t>CHAK 4/A</t>
  </si>
  <si>
    <t>Afzal Hussain</t>
  </si>
  <si>
    <t>GPS CHAK 40/2L</t>
  </si>
  <si>
    <t>chak no 40/2L okara</t>
  </si>
  <si>
    <t>27/4L Shahbhoor</t>
  </si>
  <si>
    <t>GPS CHAK 40/4-L</t>
  </si>
  <si>
    <t>40/4L</t>
  </si>
  <si>
    <t>40/4L sial wala</t>
  </si>
  <si>
    <t>40/4L Sial Wala</t>
  </si>
  <si>
    <t>40/A4L</t>
  </si>
  <si>
    <t>GPS CHAK 401 GB TANDLIANWALA</t>
  </si>
  <si>
    <t>chak no 401 gb</t>
  </si>
  <si>
    <t>401 Gb</t>
  </si>
  <si>
    <t>Muhammad Ashraf Sajid</t>
  </si>
  <si>
    <t>GPS CHAK 401 JB I</t>
  </si>
  <si>
    <t>401jb 1</t>
  </si>
  <si>
    <t>chak#401jb 1</t>
  </si>
  <si>
    <t>Chak#401 Jb  1</t>
  </si>
  <si>
    <t>Chak#393jb</t>
  </si>
  <si>
    <t>Munaza Bano</t>
  </si>
  <si>
    <t>GPS CHAK 402 JB ABDULLAH PUR</t>
  </si>
  <si>
    <t>GPS 402 j.b</t>
  </si>
  <si>
    <t>chak #402jb</t>
  </si>
  <si>
    <t>chak no 301 Gb</t>
  </si>
  <si>
    <t>GPS CHAK 403 GB TANDLIANWALA</t>
  </si>
  <si>
    <t>Chak No 403 Gb</t>
  </si>
  <si>
    <t>GPS chak 403 gb Tandlianwala Faisalabad</t>
  </si>
  <si>
    <t>chak no. 403 gb</t>
  </si>
  <si>
    <t>chak no. 400 gb</t>
  </si>
  <si>
    <t>MUHAMMAD RAZA</t>
  </si>
  <si>
    <t>GPS CHAK 403 JB</t>
  </si>
  <si>
    <t>chak 403 jb</t>
  </si>
  <si>
    <t>chak no 403 jb</t>
  </si>
  <si>
    <t>Anwar Hussain</t>
  </si>
  <si>
    <t>GPS CHAK 404 GB TANDLIANWALA FSD</t>
  </si>
  <si>
    <t>Chak 404</t>
  </si>
  <si>
    <t>Chak 400</t>
  </si>
  <si>
    <t>Umair Tayyab</t>
  </si>
  <si>
    <t>GPS CHAK 405 GB TANDLIANWALA FSD</t>
  </si>
  <si>
    <t>Chak No 405 Gb</t>
  </si>
  <si>
    <t>405/GB</t>
  </si>
  <si>
    <t>Muazam Nadeem</t>
  </si>
  <si>
    <t>GPS CHAK 406 GB SOUTH TANDLIANWALA</t>
  </si>
  <si>
    <t>406 GB</t>
  </si>
  <si>
    <t>chak no 406 g.b south Teh.Tandlianwala faisalabad</t>
  </si>
  <si>
    <t>406 GB south</t>
  </si>
  <si>
    <t>GPS CHAK 408 GB TANDLIANWALA</t>
  </si>
  <si>
    <t>Chak No 408 Gb</t>
  </si>
  <si>
    <t>chak no 408 gb</t>
  </si>
  <si>
    <t>GPS CHAK 408 JB II</t>
  </si>
  <si>
    <t>chak 408 jb</t>
  </si>
  <si>
    <t>chak no 408 Toba tek singh</t>
  </si>
  <si>
    <t>Chak no 408 jb</t>
  </si>
  <si>
    <t>Chak no 314</t>
  </si>
  <si>
    <t>Khalid Mahmood Tahir</t>
  </si>
  <si>
    <t>GPS CHAK 409 JB</t>
  </si>
  <si>
    <t>chak 409 jb</t>
  </si>
  <si>
    <t>chak no 409 jb</t>
  </si>
  <si>
    <t>chak 314 gb</t>
  </si>
  <si>
    <t>GPS CHAK 41 GB SAMUNDRI</t>
  </si>
  <si>
    <t>chak 41gb</t>
  </si>
  <si>
    <t>Chak41gb</t>
  </si>
  <si>
    <t>41 Gb</t>
  </si>
  <si>
    <t>Muhammad Sohail Arshad</t>
  </si>
  <si>
    <t>GPS CHAK 41/A</t>
  </si>
  <si>
    <t>chak no 41/a tehsil liaquatpur district rahimyarkhan</t>
  </si>
  <si>
    <t>Chak No 41/a</t>
  </si>
  <si>
    <t>Muhammad Zohaib Afzal</t>
  </si>
  <si>
    <t>GPS CHAK 411 GB II TANDLIANWALA</t>
  </si>
  <si>
    <t>KOHlA</t>
  </si>
  <si>
    <t>CHAk#411GBII</t>
  </si>
  <si>
    <t>411GBII</t>
  </si>
  <si>
    <t>411GBI Mujhana</t>
  </si>
  <si>
    <t>GPS CHAK 413 JB KANIL WALA</t>
  </si>
  <si>
    <t>chak 413 jb gojra</t>
  </si>
  <si>
    <t>Chak No 413 Jb</t>
  </si>
  <si>
    <t>GPS CHAK 414 JB</t>
  </si>
  <si>
    <t>Chak No 414 Jb</t>
  </si>
  <si>
    <t>chak no 414 jb gojra</t>
  </si>
  <si>
    <t>Chak No 417 Jb</t>
  </si>
  <si>
    <t>GPS CHAK 415 GB TANDLIANWALA</t>
  </si>
  <si>
    <t>chak no 415 gb</t>
  </si>
  <si>
    <t>415 Gb</t>
  </si>
  <si>
    <t>Chak No 416</t>
  </si>
  <si>
    <t>GPS CHAK 416 GB TANDLIANWALA</t>
  </si>
  <si>
    <t>Jhok Ameera</t>
  </si>
  <si>
    <t>416 Gb</t>
  </si>
  <si>
    <t>Muhammad Tariq Salim</t>
  </si>
  <si>
    <t>GPS CHAK 416 JB SOODI</t>
  </si>
  <si>
    <t>Soodi</t>
  </si>
  <si>
    <t>Chak no 416 J.B. SOODI</t>
  </si>
  <si>
    <t>416 JB</t>
  </si>
  <si>
    <t>349 JB</t>
  </si>
  <si>
    <t>GPS CHAK 417 GB I SAMUNDRI</t>
  </si>
  <si>
    <t>Kalowani</t>
  </si>
  <si>
    <t>CHAK NO. 417 GB I</t>
  </si>
  <si>
    <t>CHAK NO. 441 GB I</t>
  </si>
  <si>
    <t>Shafique Anwar</t>
  </si>
  <si>
    <t>GPS CHAK 418 GB TANDLIANWALA</t>
  </si>
  <si>
    <t>Parhara</t>
  </si>
  <si>
    <t>Chak # 418 G.B Tandlianwala Faisalabab</t>
  </si>
  <si>
    <t>418 GB</t>
  </si>
  <si>
    <t>Falak sher</t>
  </si>
  <si>
    <t>GPS CHAK 418 JB</t>
  </si>
  <si>
    <t>418/jb</t>
  </si>
  <si>
    <t>Chak #418/jb Tehsil Gojra</t>
  </si>
  <si>
    <t>Maqboolpur 348/Jb</t>
  </si>
  <si>
    <t>GPS CHAK 419 GB TANDLIANWALA</t>
  </si>
  <si>
    <t>Jhok Babul</t>
  </si>
  <si>
    <t>chak no 419 g.b</t>
  </si>
  <si>
    <t>Chak No 420 Gb</t>
  </si>
  <si>
    <t>GPS CHAK 419 JB</t>
  </si>
  <si>
    <t>419 Jb</t>
  </si>
  <si>
    <t>Chak 419 j b Gojra</t>
  </si>
  <si>
    <t>GPS CHAK 42/GD</t>
  </si>
  <si>
    <t>42gd</t>
  </si>
  <si>
    <t>chak 42 gd</t>
  </si>
  <si>
    <t>Burj Jewaybkhan</t>
  </si>
  <si>
    <t>GPS CHAK 420 JB</t>
  </si>
  <si>
    <t>Chak No 420 JB</t>
  </si>
  <si>
    <t>Chak no 420 jb</t>
  </si>
  <si>
    <t>Kajla</t>
  </si>
  <si>
    <t>Amam Buksh</t>
  </si>
  <si>
    <t>GPS CHAK 420 JB II</t>
  </si>
  <si>
    <t>420 JB</t>
  </si>
  <si>
    <t>Chak 420 JBII Gojra</t>
  </si>
  <si>
    <t>420 J B</t>
  </si>
  <si>
    <t>423 J B</t>
  </si>
  <si>
    <t>Muhammad  Nadeem</t>
  </si>
  <si>
    <t>GPS CHAK 421 JB</t>
  </si>
  <si>
    <t>MURAD SHAH</t>
  </si>
  <si>
    <t>CHAK NO. 421 JB MURAD SHAH - TEHSIL: GOJRA - DISTRICT: TOBA TEK SINGH</t>
  </si>
  <si>
    <t>421 JB / MURAD SHAH</t>
  </si>
  <si>
    <t>CHAK NO. 423 JB ADAH</t>
  </si>
  <si>
    <t>GPS CHAK 422 JB</t>
  </si>
  <si>
    <t>422jb</t>
  </si>
  <si>
    <t>chak No 422jb teh Gojra TT Singh</t>
  </si>
  <si>
    <t>Chak No 422jb</t>
  </si>
  <si>
    <t>GPS CHAK 424 GB TANDLIANWALA</t>
  </si>
  <si>
    <t>KOT AHMAD KHAN</t>
  </si>
  <si>
    <t>chak No 424 GB</t>
  </si>
  <si>
    <t>424 GB</t>
  </si>
  <si>
    <t>420 Gb</t>
  </si>
  <si>
    <t>GPS CHAK 424 JB II</t>
  </si>
  <si>
    <t>CHAK 424 JB</t>
  </si>
  <si>
    <t>Chak no 424 J.B</t>
  </si>
  <si>
    <t>chak 431 JB</t>
  </si>
  <si>
    <t>GPS CHAK 426 JB</t>
  </si>
  <si>
    <t>Chak 426 jb</t>
  </si>
  <si>
    <t>310JB</t>
  </si>
  <si>
    <t>GPS CHAK 427 JB</t>
  </si>
  <si>
    <t>Chak 427 jb</t>
  </si>
  <si>
    <t>GPS CHAK 427-B TDA</t>
  </si>
  <si>
    <t>Chak No. 427-B/TDA TEHSIL AND DISTRICT LAYYAH</t>
  </si>
  <si>
    <t>chak No 427-B/TDA</t>
  </si>
  <si>
    <t>Muhammad Ameer Nawaz</t>
  </si>
  <si>
    <t>GPS CHAK 43/2-L</t>
  </si>
  <si>
    <t>43/2L</t>
  </si>
  <si>
    <t>chak no. 43/2.L tensil &amp; District Okara</t>
  </si>
  <si>
    <t>GPS CHAK 430/6-R N</t>
  </si>
  <si>
    <t>430/6R -N</t>
  </si>
  <si>
    <t>chak no 430/6r-n</t>
  </si>
  <si>
    <t>430/6R-N</t>
  </si>
  <si>
    <t>Muhammad Nadeem Anwar</t>
  </si>
  <si>
    <t>GPS CHAK 431 JB</t>
  </si>
  <si>
    <t>Chak no 431 J.B, umarpur Gojra</t>
  </si>
  <si>
    <t>Chak 431 JB</t>
  </si>
  <si>
    <t>Abdulrazzaq</t>
  </si>
  <si>
    <t>GPS CHAK 432 JB GOJRA</t>
  </si>
  <si>
    <t>chak432</t>
  </si>
  <si>
    <t>432jb</t>
  </si>
  <si>
    <t>Chak 438</t>
  </si>
  <si>
    <t>Fazal Malik</t>
  </si>
  <si>
    <t>GPS CHAK 432/6-R</t>
  </si>
  <si>
    <t>Chak  432/6 R E</t>
  </si>
  <si>
    <t>Chak No.432/6R E</t>
  </si>
  <si>
    <t>432/ 6 R E</t>
  </si>
  <si>
    <t>Chak No 432/ 6 R W</t>
  </si>
  <si>
    <t>GPS CHAK 434 JB</t>
  </si>
  <si>
    <t>GPS 434 jb</t>
  </si>
  <si>
    <t>GPS CHAK 437 GB KAROOL SAMUNDRI</t>
  </si>
  <si>
    <t>Chak No437 GB I Karool</t>
  </si>
  <si>
    <t>Chak No 437 GB I</t>
  </si>
  <si>
    <t>MUHAMMAD SOHAIB</t>
  </si>
  <si>
    <t>GPS CHAK 437 GB N PUR SAMUNDRI</t>
  </si>
  <si>
    <t>Chak No 437 Gb Noor Pur</t>
  </si>
  <si>
    <t>chak no 437 GB 2 noor pur</t>
  </si>
  <si>
    <t>GPS CHAK 437 JB</t>
  </si>
  <si>
    <t>437jb</t>
  </si>
  <si>
    <t>Chak 437 jb</t>
  </si>
  <si>
    <t>437 Jb</t>
  </si>
  <si>
    <t>Muhammad Imran Yousaf</t>
  </si>
  <si>
    <t>GPS CHAK 438 JB</t>
  </si>
  <si>
    <t>DIA Pur</t>
  </si>
  <si>
    <t>chak no 438 jb tehsil Gojra District T T singh</t>
  </si>
  <si>
    <t>438/JB</t>
  </si>
  <si>
    <t>Ejaz Khaliq</t>
  </si>
  <si>
    <t>GPS CHAK 439 GB I SAMUNDRI</t>
  </si>
  <si>
    <t>CHAK 439 GB I</t>
  </si>
  <si>
    <t>Chak No. 439 GB. I, Mahalam, Tehsil Samundri, Faisalabad.</t>
  </si>
  <si>
    <t>Chak 439 GB I</t>
  </si>
  <si>
    <t>Chak No 463 GB Haryal</t>
  </si>
  <si>
    <t>MUHAMMAD WAQAS MURTAZA</t>
  </si>
  <si>
    <t>GPS CHAK 439 GB II SAMUNDRI</t>
  </si>
  <si>
    <t>Chak no 439 GB II Fateh Rehan</t>
  </si>
  <si>
    <t>Chak no 463 GB Haryal</t>
  </si>
  <si>
    <t>M Shahzad Murtaza</t>
  </si>
  <si>
    <t>GPS CHAK 439 JB</t>
  </si>
  <si>
    <t>Virkan</t>
  </si>
  <si>
    <t>Chak # 439 jb</t>
  </si>
  <si>
    <t>439 JB</t>
  </si>
  <si>
    <t>GPS CHAK 44 GB SAMUNDRI</t>
  </si>
  <si>
    <t>CHAK NO 44 GB</t>
  </si>
  <si>
    <t>CHAK 44 GB</t>
  </si>
  <si>
    <t>CHAK NO 47 GB</t>
  </si>
  <si>
    <t>GPS CHAK 44 SP WALTOHA</t>
  </si>
  <si>
    <t>44/Sp Waltoha</t>
  </si>
  <si>
    <t>GPS 44 sp waltoha markaz haveli lakha</t>
  </si>
  <si>
    <t>44/ Sp Waltoha</t>
  </si>
  <si>
    <t>1/sp Wasaway Wala</t>
  </si>
  <si>
    <t>GPS CHAK 44/A</t>
  </si>
  <si>
    <t>chak 44/A</t>
  </si>
  <si>
    <t>GPS CHAK 441 GB BUCHOKEY SAMUNDRI</t>
  </si>
  <si>
    <t>Chak 441 GB Buchoki Tehsil Samundri District Faisalabad</t>
  </si>
  <si>
    <t>441 Buchoki</t>
  </si>
  <si>
    <t>Chak 441 GB</t>
  </si>
  <si>
    <t>GPS CHAK 441 GB SADH SAMUNDRI</t>
  </si>
  <si>
    <t>Sadawanla</t>
  </si>
  <si>
    <t>chak no 441 gb i sadh</t>
  </si>
  <si>
    <t>sadh</t>
  </si>
  <si>
    <t>chak no 441-I sadh</t>
  </si>
  <si>
    <t>M. Javed Iqbal</t>
  </si>
  <si>
    <t>GPS CHAK 441 TDA</t>
  </si>
  <si>
    <t>Chak no 441/TDA</t>
  </si>
  <si>
    <t>Chak no 441 tda Tehsil  Choubara Layyah</t>
  </si>
  <si>
    <t>Saharan 452/tda</t>
  </si>
  <si>
    <t>GPS CHAK 445 GB I SAMUNDARI</t>
  </si>
  <si>
    <t>Spat</t>
  </si>
  <si>
    <t>Chak No. 445 GB</t>
  </si>
  <si>
    <t>Chak No 445 GB</t>
  </si>
  <si>
    <t>Chak 448 GB</t>
  </si>
  <si>
    <t>GPS CHAK 446 GB SAMUNDRI</t>
  </si>
  <si>
    <t>446 GB</t>
  </si>
  <si>
    <t>chak no.446 GB</t>
  </si>
  <si>
    <t>448 GB</t>
  </si>
  <si>
    <t>Waseem-ur-Rehman</t>
  </si>
  <si>
    <t>GPS CHAK 448 GB I SAMUNDRI</t>
  </si>
  <si>
    <t>Chak no 448 GB</t>
  </si>
  <si>
    <t>Chak No 448</t>
  </si>
  <si>
    <t>Mian Asrar Ali</t>
  </si>
  <si>
    <t>GPS CHAK 45/F</t>
  </si>
  <si>
    <t>Chak No. 45/F Tehsil Chishtian District Bahawalnagar</t>
  </si>
  <si>
    <t>GPS CHAK 46 GB SAMUNDRI</t>
  </si>
  <si>
    <t>SUKHREA</t>
  </si>
  <si>
    <t>chak no 46 gb</t>
  </si>
  <si>
    <t>Chak NO 46 GB</t>
  </si>
  <si>
    <t>Chak NO 43GB</t>
  </si>
  <si>
    <t>GPS CHAK 46/P</t>
  </si>
  <si>
    <t>Shah Ghar</t>
  </si>
  <si>
    <t>chak 46 p po 47 p tehsil ryk district ryk</t>
  </si>
  <si>
    <t>Chack 46 P</t>
  </si>
  <si>
    <t>GPS CHAK 461 GB SAMUNDRI</t>
  </si>
  <si>
    <t>Chak 438 GB</t>
  </si>
  <si>
    <t>chak no 461 gb</t>
  </si>
  <si>
    <t>Chak No 461 GB</t>
  </si>
  <si>
    <t>GPS CHAK 463 GB II SAMUNDRI</t>
  </si>
  <si>
    <t>CHAK NO. 463 GB II</t>
  </si>
  <si>
    <t>CHAK NO. 463 GB</t>
  </si>
  <si>
    <t>MUHAMMAD FAROOQ AMJAD</t>
  </si>
  <si>
    <t>GPS CHAK 467 JB</t>
  </si>
  <si>
    <t>467jb</t>
  </si>
  <si>
    <t>Chak No 467 JB Chak jhumra Faisalabad</t>
  </si>
  <si>
    <t>CHAK NO 467 JB</t>
  </si>
  <si>
    <t>Chak No 20 JB Khanky</t>
  </si>
  <si>
    <t>GPS CHAK 468 GB SAMUNDRI</t>
  </si>
  <si>
    <t>468GB</t>
  </si>
  <si>
    <t>Chak No468GB(ward no 11)</t>
  </si>
  <si>
    <t>GPS CHAK 469 JB</t>
  </si>
  <si>
    <t>Dadowana</t>
  </si>
  <si>
    <t>Chak number  469 JB</t>
  </si>
  <si>
    <t>469 JB</t>
  </si>
  <si>
    <t>388/JB</t>
  </si>
  <si>
    <t>Ghulam Rasul Gauhar</t>
  </si>
  <si>
    <t>GPS CHAK 47</t>
  </si>
  <si>
    <t>Chak 47</t>
  </si>
  <si>
    <t>village Chak 47</t>
  </si>
  <si>
    <t>Dhror Muslim</t>
  </si>
  <si>
    <t>GPS CHAK 47 GB III SAMUNDARI</t>
  </si>
  <si>
    <t>KHATRANWAN</t>
  </si>
  <si>
    <t>CHAK NO. 47 G.B. KHATRANWAN</t>
  </si>
  <si>
    <t>47 G.B</t>
  </si>
  <si>
    <t>43 G.B. KOHALI</t>
  </si>
  <si>
    <t>Masood Ali</t>
  </si>
  <si>
    <t>GPS CHAK 47 GB SAMUNDRI</t>
  </si>
  <si>
    <t>Sahnsra</t>
  </si>
  <si>
    <t>Chak no 47 Gb sahnsra new abadi Samundri</t>
  </si>
  <si>
    <t>47gb</t>
  </si>
  <si>
    <t>Chak 43 Gb</t>
  </si>
  <si>
    <t>GPS CHAK 47/F</t>
  </si>
  <si>
    <t>47/F</t>
  </si>
  <si>
    <t>GPS 47/F</t>
  </si>
  <si>
    <t>Shahid Rasheed</t>
  </si>
  <si>
    <t>GPS CHAK 470 GB I SAMUNDRI</t>
  </si>
  <si>
    <t>Chak No 470GB</t>
  </si>
  <si>
    <t>470GB</t>
  </si>
  <si>
    <t>M/c Samundri</t>
  </si>
  <si>
    <t>GPS CHAK 471 GB SAMUNDRI</t>
  </si>
  <si>
    <t>471 GB</t>
  </si>
  <si>
    <t>GPS 471 GB samundri</t>
  </si>
  <si>
    <t>GPS CHAK 48 2L</t>
  </si>
  <si>
    <t>CHAK NO 48/2L</t>
  </si>
  <si>
    <t>Chak no 48/2L teh&amp;Distt Okara</t>
  </si>
  <si>
    <t>Chak no 48/2L</t>
  </si>
  <si>
    <t>Chak no 32/2L</t>
  </si>
  <si>
    <t>Muhammad Nadim</t>
  </si>
  <si>
    <t>GPS CHAK 48 GB I SAMUNDRI</t>
  </si>
  <si>
    <t>48 GB I</t>
  </si>
  <si>
    <t>chak no 48 GB I</t>
  </si>
  <si>
    <t>Chak No 48 GB 1</t>
  </si>
  <si>
    <t>Chak no 45 GB</t>
  </si>
  <si>
    <t>GPS CHAK 48 GB II SAMUNDRI</t>
  </si>
  <si>
    <t>chak no 48 GB ll</t>
  </si>
  <si>
    <t>48Gb ll</t>
  </si>
  <si>
    <t>45 Gb</t>
  </si>
  <si>
    <t>GPS CHAK 48/WB</t>
  </si>
  <si>
    <t>chak no 48/wb tehsil and district vehari</t>
  </si>
  <si>
    <t>Chak No48/wb</t>
  </si>
  <si>
    <t>Chak No 24/wb</t>
  </si>
  <si>
    <t>GPS CHAK 49 GB SAMUNDRI</t>
  </si>
  <si>
    <t>CHAK 49 GB</t>
  </si>
  <si>
    <t>CHAK 49 GB TEHSIL SAMUNDRI DISTRICT FAISALABAD P/O SAME.</t>
  </si>
  <si>
    <t>CHAK 45 GB</t>
  </si>
  <si>
    <t>GPS CHAK 49/2L</t>
  </si>
  <si>
    <t>49/2l</t>
  </si>
  <si>
    <t>chak no. 49/2l</t>
  </si>
  <si>
    <t>Chak No 31/2l</t>
  </si>
  <si>
    <t>GPS CHAK 490 GB MAMUNKANJAN</t>
  </si>
  <si>
    <t>Chak No 490G.B Tehsil Tandlianwala Disstt Faisalabad</t>
  </si>
  <si>
    <t>Chak No 490 GB</t>
  </si>
  <si>
    <t>Chak 490GB</t>
  </si>
  <si>
    <t>Muhammad Ahsan Danish</t>
  </si>
  <si>
    <t>GPS CHAK 492 GB MAMUNKANJAN</t>
  </si>
  <si>
    <t>Konak Poora</t>
  </si>
  <si>
    <t>Chak No 492 GB Tehsile Tandlianwala District Faisalabad</t>
  </si>
  <si>
    <t>492 GB</t>
  </si>
  <si>
    <t>490 GB</t>
  </si>
  <si>
    <t>NADEEM NASIR</t>
  </si>
  <si>
    <t>GPS CHAK 493 GB MAMUNKANJAN</t>
  </si>
  <si>
    <t>Hussain Pure</t>
  </si>
  <si>
    <t>Chak 493 GB MAMUNKANJAN FSD</t>
  </si>
  <si>
    <t>Chak 493gb</t>
  </si>
  <si>
    <t>Chak 507gb</t>
  </si>
  <si>
    <t>GPS CHAK 496 GB TANDLIANWAA</t>
  </si>
  <si>
    <t>Chak no 496 GB PO m.knjn, teh. tandlianwala, District FSD</t>
  </si>
  <si>
    <t>Chak No 496 GB</t>
  </si>
  <si>
    <t>M Sadiq Shakir</t>
  </si>
  <si>
    <t>GPS CHAK 498 GB MAMUNKANJAN</t>
  </si>
  <si>
    <t>Noor Moqemana</t>
  </si>
  <si>
    <t>chak498 GB Mamunkanjan Fsd</t>
  </si>
  <si>
    <t>498GB</t>
  </si>
  <si>
    <t>Syed Zeshan Shabbir</t>
  </si>
  <si>
    <t>GPS CHAK 499 GB TANDLIANWALA</t>
  </si>
  <si>
    <t>499 Gb</t>
  </si>
  <si>
    <t>chak no 499gb ,Mamunkanjan tehsil tandlianwla fsd</t>
  </si>
  <si>
    <t>GPS CHAK 5/10 THAL</t>
  </si>
  <si>
    <t>colony no 5 chak 10 thal 18 hazari Jhang</t>
  </si>
  <si>
    <t>Colony no 5</t>
  </si>
  <si>
    <t>Och Gul Imam</t>
  </si>
  <si>
    <t>Aftab Khan</t>
  </si>
  <si>
    <t>GPS CHAK 50 GB SAMUNDRI</t>
  </si>
  <si>
    <t>Elestro</t>
  </si>
  <si>
    <t>chak 50 gb</t>
  </si>
  <si>
    <t>50 Gb</t>
  </si>
  <si>
    <t>228 Naradada</t>
  </si>
  <si>
    <t>Hamid Raza</t>
  </si>
  <si>
    <t>GPS CHAK 50 JB I SATHIALA</t>
  </si>
  <si>
    <t>chak no 50jb sathiala Faisalabad</t>
  </si>
  <si>
    <t>50jb sathiala</t>
  </si>
  <si>
    <t>50jb Borewal</t>
  </si>
  <si>
    <t>GPS CHAK 50/2-L</t>
  </si>
  <si>
    <t>50/2-L</t>
  </si>
  <si>
    <t>chak no. 50/2-L Okara</t>
  </si>
  <si>
    <t>52/2-L</t>
  </si>
  <si>
    <t>Muhammad Shahzad Ashraf</t>
  </si>
  <si>
    <t>GPS CHAK 50/F</t>
  </si>
  <si>
    <t>50/F</t>
  </si>
  <si>
    <t>Chak No. 50/F Tehsil Chishtian District Bahawalnagar</t>
  </si>
  <si>
    <t>Chak 54/F</t>
  </si>
  <si>
    <t>GPS CHAK 50/P</t>
  </si>
  <si>
    <t>50/p</t>
  </si>
  <si>
    <t>chak50/p P/O sunny pul Teh &amp;Dist Rahim Yar Khan</t>
  </si>
  <si>
    <t>Muhammad Naeem Akhtar</t>
  </si>
  <si>
    <t>GPS CHAK 500 GB I MAMUNKANJAN</t>
  </si>
  <si>
    <t>Jhoke Bahli</t>
  </si>
  <si>
    <t>Chak no 500/1 gb mamukanjan Tehsil Tandlianwala</t>
  </si>
  <si>
    <t>Chak No 500/1</t>
  </si>
  <si>
    <t>Chak 498</t>
  </si>
  <si>
    <t>GPS CHAK 500 GB II MAMUNKANJAN</t>
  </si>
  <si>
    <t>Rehman Wali</t>
  </si>
  <si>
    <t>chak No 500/2gb teh tandlian wala dist Faisalabad</t>
  </si>
  <si>
    <t>Chak No 500/2 Gb</t>
  </si>
  <si>
    <t>GPS CHAK 502 GB MAMUNKANJAN</t>
  </si>
  <si>
    <t>Baghdaran</t>
  </si>
  <si>
    <t>Chak no 502gb mamunkanjan</t>
  </si>
  <si>
    <t>Chak No 502gb</t>
  </si>
  <si>
    <t>Chak 558gb</t>
  </si>
  <si>
    <t>GPS CHAK 503 GB MAMUNKANJAN</t>
  </si>
  <si>
    <t>Chak No 503 Gb</t>
  </si>
  <si>
    <t>chak no 503 g.b p/o mamunkanjan tehsil tandlianwala distt Faisalabad.</t>
  </si>
  <si>
    <t>Chak No 498 Gb</t>
  </si>
  <si>
    <t>GPS CHAK 504 GB MAMUNKANJAN</t>
  </si>
  <si>
    <t>Chakno 504GB</t>
  </si>
  <si>
    <t>Chak No  504GB Tehsil Tandlianwalah  Faisal Abad</t>
  </si>
  <si>
    <t>504GB</t>
  </si>
  <si>
    <t>Ali Bahadar</t>
  </si>
  <si>
    <t>GPS CHAK 505 GB MAMUNKANJAN</t>
  </si>
  <si>
    <t>Chak No 505</t>
  </si>
  <si>
    <t>chak .no 505G.B Tehsil tandlianwala district faisalabad</t>
  </si>
  <si>
    <t>Chak No 505 GB</t>
  </si>
  <si>
    <t>Chak 498 GB</t>
  </si>
  <si>
    <t>Muhammad Azwan</t>
  </si>
  <si>
    <t>GPS CHAK 506 GB I MAMUNKANJAN</t>
  </si>
  <si>
    <t>Rajay Walay Ahatay</t>
  </si>
  <si>
    <t>GPS chak no 506/1 gb mkn tehsil tandla district fsd</t>
  </si>
  <si>
    <t>506/1</t>
  </si>
  <si>
    <t>Faiz ul Hassan Shah</t>
  </si>
  <si>
    <t>GPS CHAK 506 GB II MAMUNKANJAN</t>
  </si>
  <si>
    <t>Wansanwala</t>
  </si>
  <si>
    <t>Chak no 506/2 G.B P/O Mamukanjan Teh Tandlianwala Distt Faisalabad</t>
  </si>
  <si>
    <t>Chak 506/2 GB</t>
  </si>
  <si>
    <t>Syed Asim Raza Shah Bukhari</t>
  </si>
  <si>
    <t>GPS CHAK 509 GB II MAMUNKANJAN</t>
  </si>
  <si>
    <t>MAMUNKANJAN</t>
  </si>
  <si>
    <t>DARBAR MIAN AHMAD HASAN CHAK NO 509 GB TANDLIANWALA DISTT FAISALABAD</t>
  </si>
  <si>
    <t>Chak509GB</t>
  </si>
  <si>
    <t>Municipal Community Mamunkanjan</t>
  </si>
  <si>
    <t>Khalid Mehmood Anjum</t>
  </si>
  <si>
    <t>GPS CHAK 51/F</t>
  </si>
  <si>
    <t>Chak 51f</t>
  </si>
  <si>
    <t>chak 51f</t>
  </si>
  <si>
    <t>Imran Farooq Hashmi</t>
  </si>
  <si>
    <t>GPS CHAK 510 GB I MAMUNKANJAN</t>
  </si>
  <si>
    <t>Chak 510/1GB</t>
  </si>
  <si>
    <t>Chak 510/1GB MAMUNKANJAN FSD</t>
  </si>
  <si>
    <t>Chak510/1GB</t>
  </si>
  <si>
    <t>514GB</t>
  </si>
  <si>
    <t>Muhammad Ovais Yousaf</t>
  </si>
  <si>
    <t>GPS CHAK 510 GB II MAMUNKANJAN</t>
  </si>
  <si>
    <t>Abadi Sindhu</t>
  </si>
  <si>
    <t>Chak510/2GB MAMUNKANJAN Fsd</t>
  </si>
  <si>
    <t>510/2GB</t>
  </si>
  <si>
    <t>Chak 514 GB</t>
  </si>
  <si>
    <t>NASIR Ali Khan Abid</t>
  </si>
  <si>
    <t>GPS CHAK 511 GB I MAMUNKANJAN</t>
  </si>
  <si>
    <t>Jhok Jam Kurai</t>
  </si>
  <si>
    <t>Chak No 511 GB 1 Mamunkanjan FSD</t>
  </si>
  <si>
    <t>Chak  511/1 GB</t>
  </si>
  <si>
    <t>GPS 514 GB</t>
  </si>
  <si>
    <t>Javed Akhter</t>
  </si>
  <si>
    <t>GPS CHAK 511 GB II MAMUNKANJAN</t>
  </si>
  <si>
    <t>511/2GB</t>
  </si>
  <si>
    <t>Chak No 511/2 GB Mamunkanjan Tehsil Tandlianwala District Faisalabad</t>
  </si>
  <si>
    <t>Chak No 514 Gb</t>
  </si>
  <si>
    <t>GPS CHAK 512 GB</t>
  </si>
  <si>
    <t>Chak No512gb</t>
  </si>
  <si>
    <t>chakno512gb</t>
  </si>
  <si>
    <t>Omar Hayat</t>
  </si>
  <si>
    <t>GPS CHAK 513 GB THATTA CHANNER</t>
  </si>
  <si>
    <t>Jhoke Channar</t>
  </si>
  <si>
    <t>Chak no 513 GB thatha Channar</t>
  </si>
  <si>
    <t>GPS CHAK 515 GB</t>
  </si>
  <si>
    <t>gps515gb</t>
  </si>
  <si>
    <t>515gb</t>
  </si>
  <si>
    <t>Juma Khan Abid</t>
  </si>
  <si>
    <t>GPS CHAK 516 GB I MAMUNKANJAN</t>
  </si>
  <si>
    <t>516/1</t>
  </si>
  <si>
    <t>chak number 516/1 po mamookanjan tehsil tandlianwala district Faisalabad</t>
  </si>
  <si>
    <t>GPS CHAK 516 GB II MAMUNKANJAN</t>
  </si>
  <si>
    <t>Kurtana</t>
  </si>
  <si>
    <t>chak no 516/2 GB Mamunkanjan Tehsil Tandlianwala</t>
  </si>
  <si>
    <t>516/2 GB</t>
  </si>
  <si>
    <t>Muhammad Ahsen Naveed</t>
  </si>
  <si>
    <t>GPS CHAK 518 GB</t>
  </si>
  <si>
    <t>chak no.518  JB</t>
  </si>
  <si>
    <t>Chak No 518 JB</t>
  </si>
  <si>
    <t>Chak No 161 JB</t>
  </si>
  <si>
    <t>Delawar shahzad khan wattoo</t>
  </si>
  <si>
    <t>GPS CHAK 52/f</t>
  </si>
  <si>
    <t>52f</t>
  </si>
  <si>
    <t>52f Masood Abad</t>
  </si>
  <si>
    <t>GPS CHAK 520 GB</t>
  </si>
  <si>
    <t>CHAK NO  520GB GB</t>
  </si>
  <si>
    <t>CHAK NO 520 GB T T SINGH</t>
  </si>
  <si>
    <t>CHAK NO  520</t>
  </si>
  <si>
    <t>CHAK NO  521 GB</t>
  </si>
  <si>
    <t>Basharat Ali Anjum</t>
  </si>
  <si>
    <t>GPS CHAK 53 GB II</t>
  </si>
  <si>
    <t>chak#53gb jarsnwala</t>
  </si>
  <si>
    <t>Chak # 53gb</t>
  </si>
  <si>
    <t>Chak # 55gb</t>
  </si>
  <si>
    <t>GPS CHAK 53/3.R</t>
  </si>
  <si>
    <t>53 / 3R</t>
  </si>
  <si>
    <t>53/3R okara</t>
  </si>
  <si>
    <t>52 / 3R</t>
  </si>
  <si>
    <t>Bahawal Sher</t>
  </si>
  <si>
    <t>GPS CHAK 53/A</t>
  </si>
  <si>
    <t>Chak 53/A</t>
  </si>
  <si>
    <t>GPS Chak 53/A Teh, liaquat pur Distt. Rahim Yar khan</t>
  </si>
  <si>
    <t>GPS CHAK 531 GB SAMUNDRI</t>
  </si>
  <si>
    <t>531 GB</t>
  </si>
  <si>
    <t>chak 531 GB Dhilwan</t>
  </si>
  <si>
    <t>41 Jagday</t>
  </si>
  <si>
    <t>GPS CHAK 534 GB I</t>
  </si>
  <si>
    <t>534 GB I</t>
  </si>
  <si>
    <t>Abdul Razzaq Pervez</t>
  </si>
  <si>
    <t>GPS CHAK 534 GB II</t>
  </si>
  <si>
    <t>Kukar wali</t>
  </si>
  <si>
    <t>GPS 534 GB II</t>
  </si>
  <si>
    <t>648 Gb</t>
  </si>
  <si>
    <t>GPS CHAK 534 GB III</t>
  </si>
  <si>
    <t>Abadi Rehmy Ki</t>
  </si>
  <si>
    <t>chak no 534 gblll</t>
  </si>
  <si>
    <t>534 Gblll</t>
  </si>
  <si>
    <t>Chak No 648 Gb</t>
  </si>
  <si>
    <t>GPS CHAK 534/4 GB</t>
  </si>
  <si>
    <t>Jhangir Da Tubwell</t>
  </si>
  <si>
    <t>chak no 534 gb</t>
  </si>
  <si>
    <t>534gb</t>
  </si>
  <si>
    <t>Chak No648 Gb</t>
  </si>
  <si>
    <t>Tanweer Hussain</t>
  </si>
  <si>
    <t>GPS CHAK 536 GB</t>
  </si>
  <si>
    <t>536 GB NA</t>
  </si>
  <si>
    <t>CHAK NO  536 GB N.A</t>
  </si>
  <si>
    <t>CHAK NO 361 GB</t>
  </si>
  <si>
    <t>GPS CHAK 536 GB SOUTH</t>
  </si>
  <si>
    <t>536 Gb South</t>
  </si>
  <si>
    <t>GPS 536 GB south</t>
  </si>
  <si>
    <t>536 GB South</t>
  </si>
  <si>
    <t>GPS CHAK 54/4-R S</t>
  </si>
  <si>
    <t>54/4rs</t>
  </si>
  <si>
    <t>chak no.54/4r,s tehsil haroonabad</t>
  </si>
  <si>
    <t>Hafiz Ur Rehman</t>
  </si>
  <si>
    <t>GPS CHAK 541 EB</t>
  </si>
  <si>
    <t>541 EB</t>
  </si>
  <si>
    <t>chak no#541 E.B vehari</t>
  </si>
  <si>
    <t>541 EB Vehari</t>
  </si>
  <si>
    <t>537 EB</t>
  </si>
  <si>
    <t>Zubair Ahmed</t>
  </si>
  <si>
    <t>GPS CHAK 546 GB MAMUNKANJAN TANDLIANWALA</t>
  </si>
  <si>
    <t>546gb</t>
  </si>
  <si>
    <t>Muhammad Falak Sher</t>
  </si>
  <si>
    <t>GPS CHAK 55 GB JARANWALA FSD</t>
  </si>
  <si>
    <t>Khiowala</t>
  </si>
  <si>
    <t>CHAK NO 55 gb jaranwala faisalbad</t>
  </si>
  <si>
    <t>55 Gb</t>
  </si>
  <si>
    <t>CHAK 55 Gb</t>
  </si>
  <si>
    <t>Muhammad  Saqib Raaza</t>
  </si>
  <si>
    <t>GPS CHAK 55/2.L</t>
  </si>
  <si>
    <t>55/2L</t>
  </si>
  <si>
    <t>GPS 55/2L Okara</t>
  </si>
  <si>
    <t>GPS CHAK 55/A</t>
  </si>
  <si>
    <t>Chak 55A</t>
  </si>
  <si>
    <t>chak 55A liaquat pur</t>
  </si>
  <si>
    <t>Ikram Ali Nadeem</t>
  </si>
  <si>
    <t>GPS CHAK 55/P</t>
  </si>
  <si>
    <t>chak no.55p post office chak no. 56p</t>
  </si>
  <si>
    <t>Chak 55p</t>
  </si>
  <si>
    <t>MUHAMMAD  GULZAR</t>
  </si>
  <si>
    <t>GPS CHAK 551 GB MAMUNKANJAN TANDLIANWALA</t>
  </si>
  <si>
    <t>chak.551gb,  mamukanjin,  tehsil tandlianwala,  fsd</t>
  </si>
  <si>
    <t>Chak551</t>
  </si>
  <si>
    <t>Sajawal Khan</t>
  </si>
  <si>
    <t>GPS CHAK 554 GB TANDLIANWALA</t>
  </si>
  <si>
    <t>Mureedkkathea</t>
  </si>
  <si>
    <t>chak no 554gb,  tehsil tandlianwala,  fsd,.</t>
  </si>
  <si>
    <t>554gb</t>
  </si>
  <si>
    <t>Chak No 550 Gb</t>
  </si>
  <si>
    <t>GPS CHAK 556 GB MAMUANKANJAN</t>
  </si>
  <si>
    <t>Nalli Wala</t>
  </si>
  <si>
    <t>Chak # 556 GB Mamunkanjan Teh Tandlianwala Distt Fsd</t>
  </si>
  <si>
    <t>556 GB</t>
  </si>
  <si>
    <t>558 GB</t>
  </si>
  <si>
    <t>GPS CHAK 557 GB MAMUNKANJAN</t>
  </si>
  <si>
    <t>Bhoujoana</t>
  </si>
  <si>
    <t>chak no. 557 GB Tehsil Tandlianwala Distt Faisalabad</t>
  </si>
  <si>
    <t>557 GB</t>
  </si>
  <si>
    <t>Israr Hussain</t>
  </si>
  <si>
    <t>GPS CHAK 558/2 GB MAMUKANJAN</t>
  </si>
  <si>
    <t>558 Raja Dulo</t>
  </si>
  <si>
    <t>Chak No 558/2 GB Teh Tandlianwala Distt Faisalabad</t>
  </si>
  <si>
    <t>558/2 GB</t>
  </si>
  <si>
    <t>558GB</t>
  </si>
  <si>
    <t>GPS CHAK 56 GB PO SAME</t>
  </si>
  <si>
    <t>Chak 56 GB</t>
  </si>
  <si>
    <t>GPS 56 GB, Jaranwala</t>
  </si>
  <si>
    <t>GPS CHAK 56 RB I</t>
  </si>
  <si>
    <t>56 RB I SARHALI</t>
  </si>
  <si>
    <t>CHAK NO. 56 RB (I), SARHALI, TEHSIL JARANWALA, DISTRICT FAISALABAD.</t>
  </si>
  <si>
    <t>SHAFAT ALI ANJUM</t>
  </si>
  <si>
    <t>GPS CHAK 56 TUKRA</t>
  </si>
  <si>
    <t>56Tukra</t>
  </si>
  <si>
    <t>Chuk 56 Tukra Kamalia District T.T. Singh</t>
  </si>
  <si>
    <t>56 Tukra</t>
  </si>
  <si>
    <t>GPS CHAK 57 GB I</t>
  </si>
  <si>
    <t>57 Gb</t>
  </si>
  <si>
    <t>chak no 57 gb</t>
  </si>
  <si>
    <t>Muhammad Faqeer</t>
  </si>
  <si>
    <t>GPS CHAK 57/3 TUKRA</t>
  </si>
  <si>
    <t>57/3 TUKRA</t>
  </si>
  <si>
    <t>chak 57/3 TUKRA</t>
  </si>
  <si>
    <t>GPS CHAK 57/WB</t>
  </si>
  <si>
    <t>Chak 57 WB</t>
  </si>
  <si>
    <t>chak 57 WB</t>
  </si>
  <si>
    <t>TASWAR ALI</t>
  </si>
  <si>
    <t>GPS CHAK 570 GB II</t>
  </si>
  <si>
    <t>chak. no 570 gb ||</t>
  </si>
  <si>
    <t>570 GB</t>
  </si>
  <si>
    <t>644 GB</t>
  </si>
  <si>
    <t>GPS CHAK 571 GB P/O CHAK 565 GB</t>
  </si>
  <si>
    <t>Chak No 571 Gb</t>
  </si>
  <si>
    <t>Chak no 571 gb P/O Chak no 565 gb west</t>
  </si>
  <si>
    <t>Chak No 566 Gb</t>
  </si>
  <si>
    <t>GPS CHAK 58/2 TUKRA</t>
  </si>
  <si>
    <t>58/2 Tukra</t>
  </si>
  <si>
    <t>58/2Tukra kamalia District Toba Tek Singh</t>
  </si>
  <si>
    <t>58/2Tukra</t>
  </si>
  <si>
    <t>Chak No 737GB</t>
  </si>
  <si>
    <t>GPS CHAK 581 GB II</t>
  </si>
  <si>
    <t>Thatha Waince</t>
  </si>
  <si>
    <t>G.P.S 581 GB</t>
  </si>
  <si>
    <t>581GB</t>
  </si>
  <si>
    <t>GPS CHAK 582 GB</t>
  </si>
  <si>
    <t>CHAK no582gbjaranwala Faisal abad</t>
  </si>
  <si>
    <t>Chak582gb</t>
  </si>
  <si>
    <t>Dilmirjhok</t>
  </si>
  <si>
    <t>WALI MUHAMMAD</t>
  </si>
  <si>
    <t>GPS CHAK 584 GB</t>
  </si>
  <si>
    <t>GPS 584 GB teh jaranwala district faisalabad</t>
  </si>
  <si>
    <t>584 GB</t>
  </si>
  <si>
    <t>378 GB</t>
  </si>
  <si>
    <t>GPS CHAK 587 GB JARANWALA FSD</t>
  </si>
  <si>
    <t>Chak 587 GB</t>
  </si>
  <si>
    <t>Chak No 587 GB</t>
  </si>
  <si>
    <t>Chak 569 GB</t>
  </si>
  <si>
    <t>Muhammad javed Iqbal</t>
  </si>
  <si>
    <t>GPS CHAK 59 GB I</t>
  </si>
  <si>
    <t>59 G B</t>
  </si>
  <si>
    <t>chak no 59 g b</t>
  </si>
  <si>
    <t>Chak No 59 G B</t>
  </si>
  <si>
    <t>Chak No 61 G B</t>
  </si>
  <si>
    <t>Abdul Guhffar</t>
  </si>
  <si>
    <t>GPS CHAK 591 GB II</t>
  </si>
  <si>
    <t>591GB Ganga Pur</t>
  </si>
  <si>
    <t>chak no 591 gb 2</t>
  </si>
  <si>
    <t>Fakhrullah Khan</t>
  </si>
  <si>
    <t>GPS CHAK 6 UCC</t>
  </si>
  <si>
    <t>Haati</t>
  </si>
  <si>
    <t>chak no.6</t>
  </si>
  <si>
    <t>Chak No6</t>
  </si>
  <si>
    <t>Kurlkay</t>
  </si>
  <si>
    <t>Javaid Tanveer</t>
  </si>
  <si>
    <t>GPS CHAK 6/1-AL AKHTAR ABAD</t>
  </si>
  <si>
    <t>Chak No 6/1AL via Akhterabad Renalakhurd Okara</t>
  </si>
  <si>
    <t>Chak 6/1AL</t>
  </si>
  <si>
    <t>Mohammad Yaseen</t>
  </si>
  <si>
    <t>GPS CHAK 6/1-R</t>
  </si>
  <si>
    <t>Chak No 6/1R</t>
  </si>
  <si>
    <t>GPS CHAK 6/GD</t>
  </si>
  <si>
    <t>Chak 6/GD tehsil renala khurd district okara</t>
  </si>
  <si>
    <t>Chak 6/GD</t>
  </si>
  <si>
    <t>ASADULLAH SIAL</t>
  </si>
  <si>
    <t>GPS CHAK 60 GB</t>
  </si>
  <si>
    <t>60 GB</t>
  </si>
  <si>
    <t>chak 60 GB</t>
  </si>
  <si>
    <t>Chak 60 GB</t>
  </si>
  <si>
    <t>58 GB</t>
  </si>
  <si>
    <t>GPS CHAK 613 GB TANDLIANWALA</t>
  </si>
  <si>
    <t>chak No 613 GB</t>
  </si>
  <si>
    <t>Chalk No 613 GB</t>
  </si>
  <si>
    <t>Chalk No 617 GB</t>
  </si>
  <si>
    <t>Khalid Mahmood Shah</t>
  </si>
  <si>
    <t>GPS CHAK 614 GB TANDLIANWALA</t>
  </si>
  <si>
    <t>Chak No 614 Gb</t>
  </si>
  <si>
    <t>chak no. 614 gb</t>
  </si>
  <si>
    <t>Chak No 614 G B</t>
  </si>
  <si>
    <t>Chak No 615 Gb</t>
  </si>
  <si>
    <t>GPS CHAK 618 GB KHAN GARH TANDLIANWALA</t>
  </si>
  <si>
    <t>618 GB</t>
  </si>
  <si>
    <t>618 GB Tandilianawala</t>
  </si>
  <si>
    <t>Chak 617 GB</t>
  </si>
  <si>
    <t>Fakhar Hayat</t>
  </si>
  <si>
    <t>GPS CHAK 62 JB</t>
  </si>
  <si>
    <t>62jb</t>
  </si>
  <si>
    <t>chat # 62 jb  chananki Faisalabad</t>
  </si>
  <si>
    <t>62 jb chananki</t>
  </si>
  <si>
    <t>GPS CHAK 620 GB TANDLIANWALA</t>
  </si>
  <si>
    <t>chak no 620 gb</t>
  </si>
  <si>
    <t>Chak620 Gb</t>
  </si>
  <si>
    <t>GPS CHAK 622 GB TANDLIANWALA</t>
  </si>
  <si>
    <t>sherza</t>
  </si>
  <si>
    <t>chak no 622 gb, Tehsil Tandlianwala, District Faisalabad</t>
  </si>
  <si>
    <t>622 gB</t>
  </si>
  <si>
    <t>GPS CHAK 623 GB TANDLIANWALA</t>
  </si>
  <si>
    <t>Chak No 623 G.B TEHSIL Tandlianwala .Faisalabad</t>
  </si>
  <si>
    <t>Chak No623 GB</t>
  </si>
  <si>
    <t>Raouf Iqbal</t>
  </si>
  <si>
    <t>GPS CHAK 624 GB HARI PUR</t>
  </si>
  <si>
    <t>624GB</t>
  </si>
  <si>
    <t>CHAK NO 624 GB HARIPUR TEH JARANWALA</t>
  </si>
  <si>
    <t>624 GB HARIPUR</t>
  </si>
  <si>
    <t>569 GB</t>
  </si>
  <si>
    <t>Syed Rahat Javed</t>
  </si>
  <si>
    <t>GPS CHAK 625 GB II JAGATAN</t>
  </si>
  <si>
    <t>625GB JAGATAN</t>
  </si>
  <si>
    <t>GPS 625/2 JAGATAN</t>
  </si>
  <si>
    <t>CHAK #625/2 JAGATAN</t>
  </si>
  <si>
    <t>M SHAFIQ</t>
  </si>
  <si>
    <t>GPS CHAK 625 GB III</t>
  </si>
  <si>
    <t>GPS 625/3 GB jrw</t>
  </si>
  <si>
    <t>625/3</t>
  </si>
  <si>
    <t>Chak No235 Gb</t>
  </si>
  <si>
    <t>GPS CHAK 625 GB IV</t>
  </si>
  <si>
    <t>Abadi Raja Watto</t>
  </si>
  <si>
    <t>Chak no 625/4 G.B</t>
  </si>
  <si>
    <t>Chak No 625/4 GB</t>
  </si>
  <si>
    <t>GPS CHAK 626 GB</t>
  </si>
  <si>
    <t>Kot Fazal Dad</t>
  </si>
  <si>
    <t>chak No.626G.B.</t>
  </si>
  <si>
    <t>Chak No 626 Gb</t>
  </si>
  <si>
    <t>Chak No 650/1</t>
  </si>
  <si>
    <t>ZAHEER UD DIN BABAR</t>
  </si>
  <si>
    <t>GPS CHAK 629 GB</t>
  </si>
  <si>
    <t>Chak No 629 GB Waseeran, Jaranwala</t>
  </si>
  <si>
    <t>Chak No 629 GB Jaranwala</t>
  </si>
  <si>
    <t>GPS CHAK 63 GB WEST</t>
  </si>
  <si>
    <t>Chak No 63 G/b West</t>
  </si>
  <si>
    <t>Chak no.63 g/b west Jaranwala</t>
  </si>
  <si>
    <t>GPS CHAK 63/A</t>
  </si>
  <si>
    <t>chak 63/A</t>
  </si>
  <si>
    <t>chak 63/A liaquat pur</t>
  </si>
  <si>
    <t>chak 42/A</t>
  </si>
  <si>
    <t>GPS CHAK 64 JB</t>
  </si>
  <si>
    <t>64 Jb</t>
  </si>
  <si>
    <t>chak no 64 jb seetal mansoran tehsil sadar distt faisalabad</t>
  </si>
  <si>
    <t>GPS CHAK 648 GB I</t>
  </si>
  <si>
    <t>kot Ghulam Muhammad muhammad</t>
  </si>
  <si>
    <t>chak no 648 gb teh. jaranwala distt. faisalabad</t>
  </si>
  <si>
    <t>chak no 648 GB</t>
  </si>
  <si>
    <t>chak no 648 gb</t>
  </si>
  <si>
    <t>GPS CHAK 648 GB II</t>
  </si>
  <si>
    <t>648/GB</t>
  </si>
  <si>
    <t>gps648gb/2 jaranwala</t>
  </si>
  <si>
    <t>GPS CHAK 649 GB</t>
  </si>
  <si>
    <t>Chaku</t>
  </si>
  <si>
    <t>chack #649 G.B</t>
  </si>
  <si>
    <t>649 GB</t>
  </si>
  <si>
    <t>Alam Sher Tahir</t>
  </si>
  <si>
    <t>GPS CHAK 65 GB</t>
  </si>
  <si>
    <t>chak no 65 gb  jaranwala district  faisalabad</t>
  </si>
  <si>
    <t>Chak No 65 Gb</t>
  </si>
  <si>
    <t>GPS CHAK 65 JB SOUTH</t>
  </si>
  <si>
    <t>65 South</t>
  </si>
  <si>
    <t>Chak No 65 JB South</t>
  </si>
  <si>
    <t>Chak No 65 JB Sout</t>
  </si>
  <si>
    <t>Chak 64 JB</t>
  </si>
  <si>
    <t>Aamir Sarwar</t>
  </si>
  <si>
    <t>GPS CHAK 65 MB</t>
  </si>
  <si>
    <t>chalk 65MB</t>
  </si>
  <si>
    <t>Chak 65MB Tehsil &amp; District Khushab</t>
  </si>
  <si>
    <t>Chak 65MB</t>
  </si>
  <si>
    <t>Muhammad tayyab</t>
  </si>
  <si>
    <t>GPS CHAK 658/9 GB</t>
  </si>
  <si>
    <t>658/9gb</t>
  </si>
  <si>
    <t>M Asif Naveed</t>
  </si>
  <si>
    <t>GPS CHAK 659 GB I CHUGHAL PURA</t>
  </si>
  <si>
    <t>Chak no 659 GB I Chughallpura</t>
  </si>
  <si>
    <t>659 GBI chughallpura</t>
  </si>
  <si>
    <t>GPS CHAK 659 GB II FSD</t>
  </si>
  <si>
    <t>Kartarghar</t>
  </si>
  <si>
    <t>chak 527 g.b</t>
  </si>
  <si>
    <t>Pahru</t>
  </si>
  <si>
    <t>Chugalpura</t>
  </si>
  <si>
    <t>Abdul Quddus Shahid</t>
  </si>
  <si>
    <t>GPS CHAK 66 GB</t>
  </si>
  <si>
    <t>Chak 66 gb</t>
  </si>
  <si>
    <t>chak 66 gb</t>
  </si>
  <si>
    <t>Chak 66gb</t>
  </si>
  <si>
    <t>Mhammad Rafi Temori</t>
  </si>
  <si>
    <t>GPS CHAK 66 JB I</t>
  </si>
  <si>
    <t>66 J/B Dhandra</t>
  </si>
  <si>
    <t>Chak 66 J/B Dhandra Jhang Road Faisalabad</t>
  </si>
  <si>
    <t>M  Afzal</t>
  </si>
  <si>
    <t>GPS CHAK 66 JB III</t>
  </si>
  <si>
    <t>Chak No  66 JB</t>
  </si>
  <si>
    <t>Chak No  66 jb Islam pura faisalabad</t>
  </si>
  <si>
    <t>Chak No  66 JB  Islam Pura Faisalabad</t>
  </si>
  <si>
    <t>Chak No 66 JB DHANDRA</t>
  </si>
  <si>
    <t>Zulfiqar Ali Khawar</t>
  </si>
  <si>
    <t>GPS CHAK 66/A</t>
  </si>
  <si>
    <t>Chak 66/A</t>
  </si>
  <si>
    <t>tahsil liaquat pur</t>
  </si>
  <si>
    <t>Muhammad Zaheer Akram</t>
  </si>
  <si>
    <t>GPS CHAK 660/1 GB</t>
  </si>
  <si>
    <t>chak 660/1 GB Tehsil Kamalia</t>
  </si>
  <si>
    <t>Chak 660/1</t>
  </si>
  <si>
    <t>Chak 661/2</t>
  </si>
  <si>
    <t>Shahbaz Latif</t>
  </si>
  <si>
    <t>GPS CHAK 661/2 GB</t>
  </si>
  <si>
    <t>Adam  Pur</t>
  </si>
  <si>
    <t>GPS 661</t>
  </si>
  <si>
    <t>GPS CHAK 662/3 GB</t>
  </si>
  <si>
    <t>Chaka No 662/3 gb</t>
  </si>
  <si>
    <t>662/3 gb</t>
  </si>
  <si>
    <t>665/6 gb</t>
  </si>
  <si>
    <t>GPS CHAK 665/6 GB</t>
  </si>
  <si>
    <t>chak no 665/6 gb teh.pir mahal Distt.t t singh</t>
  </si>
  <si>
    <t>Chak No 665/6 Gb</t>
  </si>
  <si>
    <t>Chak 665</t>
  </si>
  <si>
    <t>Amin Gull</t>
  </si>
  <si>
    <t>GPS CHAK 666/7 GB</t>
  </si>
  <si>
    <t>GPS 666/7 GB</t>
  </si>
  <si>
    <t>Chak # 666/7 GB</t>
  </si>
  <si>
    <t>Chak # 666/7GB</t>
  </si>
  <si>
    <t>Chak# 665/6 GB</t>
  </si>
  <si>
    <t>GPS CHAK 67 A.M.L</t>
  </si>
  <si>
    <t>Chak No 67/AML Tehsil Renala Khurd District</t>
  </si>
  <si>
    <t>Chak No  67/AML</t>
  </si>
  <si>
    <t>L plot Fojian</t>
  </si>
  <si>
    <t>GPS CHAK 67 GB</t>
  </si>
  <si>
    <t>Gidarpindi</t>
  </si>
  <si>
    <t>chak no 67 gb tehsiel jararanwala district Faisalabad</t>
  </si>
  <si>
    <t>Chak no 67 Gb</t>
  </si>
  <si>
    <t>Chak No 67 Gb</t>
  </si>
  <si>
    <t>GPS CHAK 67 RB</t>
  </si>
  <si>
    <t>Malchak Klaaan</t>
  </si>
  <si>
    <t>chak no. 67 R.B  teh. jarranwala distt. Faisal abad</t>
  </si>
  <si>
    <t>Chak No 67 RB</t>
  </si>
  <si>
    <t>Chak No 68RB</t>
  </si>
  <si>
    <t>Jafar Husaain</t>
  </si>
  <si>
    <t>GPS CHAK 67 RB DERA GUJRAN</t>
  </si>
  <si>
    <t>67 Rb</t>
  </si>
  <si>
    <t>Chak no. 67 rb dera gujran tehsil jaranwala faisalabad</t>
  </si>
  <si>
    <t>67 Rb Dera Gujran</t>
  </si>
  <si>
    <t>GPS CHAK 67/A</t>
  </si>
  <si>
    <t>Chak No 67 /A</t>
  </si>
  <si>
    <t>P/O Feroza chak No 67/ A</t>
  </si>
  <si>
    <t>Chak No 67/ A</t>
  </si>
  <si>
    <t>Chak No 68/ A</t>
  </si>
  <si>
    <t>GPS CHAK 67/A QADEEM</t>
  </si>
  <si>
    <t>Chak no. 67/A Jadeed</t>
  </si>
  <si>
    <t>67/A Jadeed</t>
  </si>
  <si>
    <t>GPS CHAK 672/13 GB</t>
  </si>
  <si>
    <t>Chak No 672/13gb</t>
  </si>
  <si>
    <t>chak no 672/13 GB teh.pirmahal dist.TTSingh</t>
  </si>
  <si>
    <t>Chak No 674/15gb</t>
  </si>
  <si>
    <t>Muhammad Ashraf  zia</t>
  </si>
  <si>
    <t>GPS CHAK 675/16 GB</t>
  </si>
  <si>
    <t>Rajpoot Garh</t>
  </si>
  <si>
    <t>Chak no 675 /16 GB. Teh. PIRMAHAL</t>
  </si>
  <si>
    <t>675/16 GB</t>
  </si>
  <si>
    <t>674/15GB</t>
  </si>
  <si>
    <t>GPS CHAK 676/17 GB</t>
  </si>
  <si>
    <t>676/17</t>
  </si>
  <si>
    <t>676/17gb</t>
  </si>
  <si>
    <t>676/17Gb</t>
  </si>
  <si>
    <t>759Gb</t>
  </si>
  <si>
    <t>Muhammad Rafiq Tabassam</t>
  </si>
  <si>
    <t>GPS CHAK 678/19 GB</t>
  </si>
  <si>
    <t>Khair  Shah</t>
  </si>
  <si>
    <t>chak no 678/19 g.b</t>
  </si>
  <si>
    <t>678/19</t>
  </si>
  <si>
    <t>GPS CHAK 679/20 GB</t>
  </si>
  <si>
    <t>Chak No 679/20 GB tehsil Pirmahal T.T.Singh</t>
  </si>
  <si>
    <t>Chak no 679/20 GB</t>
  </si>
  <si>
    <t>chak no 670/11 gB</t>
  </si>
  <si>
    <t>HAFIZA WARDA RASHID</t>
  </si>
  <si>
    <t>GPS CHAK 680/21 GB I</t>
  </si>
  <si>
    <t>chak 680/21 GB</t>
  </si>
  <si>
    <t>chak no 680/21 GB</t>
  </si>
  <si>
    <t>Shakeel Ahmad Khan</t>
  </si>
  <si>
    <t>GPS CHAK 681/22 GB</t>
  </si>
  <si>
    <t>Chak No681/22 GB</t>
  </si>
  <si>
    <t>chak no.681/22</t>
  </si>
  <si>
    <t>GPS CHAK 682/23 GB</t>
  </si>
  <si>
    <t>Chak No 682/23 GB 682/23gb 682/23gb</t>
  </si>
  <si>
    <t>GPS Chak No. 682/23gb the.pirmahal .Dist. T T Singh</t>
  </si>
  <si>
    <t>Chak No 682/23gb</t>
  </si>
  <si>
    <t>Wasim Ahmed</t>
  </si>
  <si>
    <t>GPS CHAK 684/25 GB</t>
  </si>
  <si>
    <t>chak no 684/25 Gb</t>
  </si>
  <si>
    <t>684/25 Gb</t>
  </si>
  <si>
    <t>GPS CHAK 686/27 GB</t>
  </si>
  <si>
    <t>686/27 GB</t>
  </si>
  <si>
    <t>chak no 686/27 GB tehsil pirmahal district TOBA tel singh</t>
  </si>
  <si>
    <t>686/27gb</t>
  </si>
  <si>
    <t>khurasheed abad</t>
  </si>
  <si>
    <t>Muhammad saleem</t>
  </si>
  <si>
    <t>GPS CHAK 69 RB II</t>
  </si>
  <si>
    <t>Ghaseet pura</t>
  </si>
  <si>
    <t>chak no. 69 R.B II tehsil jarranwala faisalabad</t>
  </si>
  <si>
    <t>Chak No. 69 RB II</t>
  </si>
  <si>
    <t>Chak No. 70 gujjar wala</t>
  </si>
  <si>
    <t>Muhammad Azeem Mushtaq</t>
  </si>
  <si>
    <t>GPS CHAK 690/32 GB</t>
  </si>
  <si>
    <t>GRANTIAN WALI</t>
  </si>
  <si>
    <t>GPS 690/32 GB TEHSIL PIRMAHAL DISTRICT TOBA TEK SINGH</t>
  </si>
  <si>
    <t>690/32 GB</t>
  </si>
  <si>
    <t>ISLAM DIN</t>
  </si>
  <si>
    <t>GPS CHAK 691/33 GB</t>
  </si>
  <si>
    <t>Chak 691/33 GB</t>
  </si>
  <si>
    <t>chak no 691/33 gb tehsil pirmahal distt toba take singh</t>
  </si>
  <si>
    <t>Chak GB 691/33 GB</t>
  </si>
  <si>
    <t>CHAK NO 326GB</t>
  </si>
  <si>
    <t>GPS CHAK 692/34 GB</t>
  </si>
  <si>
    <t>692/34 GB</t>
  </si>
  <si>
    <t>chak no 692/34 GB</t>
  </si>
  <si>
    <t>M Mazhar Khan</t>
  </si>
  <si>
    <t>GPS CHAK 693/35 GB I</t>
  </si>
  <si>
    <t>Chak No 693/35 Gb-1</t>
  </si>
  <si>
    <t>chak 693/35gb1</t>
  </si>
  <si>
    <t>Chak 693/35gb1</t>
  </si>
  <si>
    <t>Chak 694/36gb</t>
  </si>
  <si>
    <t>Mehtab Ali</t>
  </si>
  <si>
    <t>GPS CHAK 693/35 GB II</t>
  </si>
  <si>
    <t>GPS 693/35 GB-2</t>
  </si>
  <si>
    <t>GPS 693/35 GB tehsil pirmahal district toba tek singh</t>
  </si>
  <si>
    <t>Gps 693/35 GB-2</t>
  </si>
  <si>
    <t>GPS CHAK 695/37 GB</t>
  </si>
  <si>
    <t>Chak Rajpootan</t>
  </si>
  <si>
    <t>chak 695/37 Teh Pirmahal Toba tek singh</t>
  </si>
  <si>
    <t>Chak 695/37 GB</t>
  </si>
  <si>
    <t>GPS CHAK 696/38 GB</t>
  </si>
  <si>
    <t>Hasan Abad</t>
  </si>
  <si>
    <t>GPS 696\38gb</t>
  </si>
  <si>
    <t>Chak 696/38gb</t>
  </si>
  <si>
    <t>Chak 694 Gb</t>
  </si>
  <si>
    <t>Asghar Ali Quyyum</t>
  </si>
  <si>
    <t>GPS CHAK 698/40 GB</t>
  </si>
  <si>
    <t>chak no 698/40 G.B Teh.Prmhal Dist.TTS</t>
  </si>
  <si>
    <t>Chak No 698/40 G B</t>
  </si>
  <si>
    <t>Chak No 694/36 G B</t>
  </si>
  <si>
    <t>GPS CHAK 6-A/4-L</t>
  </si>
  <si>
    <t>6A/4L</t>
  </si>
  <si>
    <t>chak No. 6A/4L</t>
  </si>
  <si>
    <t>Syed Ali Raza</t>
  </si>
  <si>
    <t>GPS CHAK 7/GD</t>
  </si>
  <si>
    <t>7gd</t>
  </si>
  <si>
    <t>Chak #7 gd tehsil Renala khurd Dist Okara</t>
  </si>
  <si>
    <t>7GD</t>
  </si>
  <si>
    <t>BamaBala</t>
  </si>
  <si>
    <t>Nasir Tufail</t>
  </si>
  <si>
    <t>GPS CHAK 70 JB FSD</t>
  </si>
  <si>
    <t>chak 70 JB</t>
  </si>
  <si>
    <t>Chak 70 JB</t>
  </si>
  <si>
    <t>GPS CHAK 70 RB I</t>
  </si>
  <si>
    <t>CHAK 70 RB - I . GUJJAR SINGH WALA.</t>
  </si>
  <si>
    <t>CHAK 70 RB - I , GUJJAR SINGH WALA, JARANWALA, FAISALABAD.</t>
  </si>
  <si>
    <t>CHAK 70 RB - I . GUJJAR SINGH WALA</t>
  </si>
  <si>
    <t>CHAK 70 RB - I . gUJJAR SINGH WALA.</t>
  </si>
  <si>
    <t>Mahboob Ali Jafri</t>
  </si>
  <si>
    <t>GPS CHAK 701/43 GB EAST</t>
  </si>
  <si>
    <t>Chak No 701/43</t>
  </si>
  <si>
    <t>chak no 701/43 g.b</t>
  </si>
  <si>
    <t>Chak No326</t>
  </si>
  <si>
    <t>GPS CHAK 703/45 GB I</t>
  </si>
  <si>
    <t>703 Gb</t>
  </si>
  <si>
    <t>govt PS 703/45 gb</t>
  </si>
  <si>
    <t>Chak No 703/45 Gb</t>
  </si>
  <si>
    <t>Chak No 703/26 Gb</t>
  </si>
  <si>
    <t>M Bukhsh Khalid</t>
  </si>
  <si>
    <t>GPS CHAK 708 GB</t>
  </si>
  <si>
    <t>708 GB</t>
  </si>
  <si>
    <t>CHAK NO. 708 GB TEHSIL KAMALIA DISTT. T.T.SINGH</t>
  </si>
  <si>
    <t>CHAK NO 708 GB</t>
  </si>
  <si>
    <t>BAIROON KAMALIA</t>
  </si>
  <si>
    <t>ABDUL REHMAN</t>
  </si>
  <si>
    <t>GPS CHAK 713 GB</t>
  </si>
  <si>
    <t>Chak 713 GB</t>
  </si>
  <si>
    <t>Chak No 713 GB, Kamalia</t>
  </si>
  <si>
    <t>Chak No 712 GB</t>
  </si>
  <si>
    <t>GPS CHAK 719 GB</t>
  </si>
  <si>
    <t>Chak 719gb</t>
  </si>
  <si>
    <t>GPS chak 719 Gb</t>
  </si>
  <si>
    <t>Chak719 Gb</t>
  </si>
  <si>
    <t>Muhammad Sarwar Ijaz</t>
  </si>
  <si>
    <t>GPS CHAK 72/NP BASTI KUMHARAN</t>
  </si>
  <si>
    <t>Noor E WALI</t>
  </si>
  <si>
    <t>Chak 72 Np Basti Kumharan Rahim Yar khan</t>
  </si>
  <si>
    <t>Chak 72 Np</t>
  </si>
  <si>
    <t>Rahim Yar Khan Deh</t>
  </si>
  <si>
    <t>Muhammad Farhan Azam</t>
  </si>
  <si>
    <t>purchasing filtered water</t>
  </si>
  <si>
    <t>GPS CHAK 73 JB I FSD</t>
  </si>
  <si>
    <t>73jb</t>
  </si>
  <si>
    <t>Ghulam murtaza</t>
  </si>
  <si>
    <t>GPS CHAK 73 RB I</t>
  </si>
  <si>
    <t>Karainawala</t>
  </si>
  <si>
    <t>chak#73rb karinwala</t>
  </si>
  <si>
    <t>73rb1</t>
  </si>
  <si>
    <t>76rb</t>
  </si>
  <si>
    <t>Filter Water</t>
  </si>
  <si>
    <t>GPS CHAK 73 RB II</t>
  </si>
  <si>
    <t>73RB</t>
  </si>
  <si>
    <t>Chak#73RB</t>
  </si>
  <si>
    <t>73RB TIBBI</t>
  </si>
  <si>
    <t>76RB</t>
  </si>
  <si>
    <t>GPS CHAK 73/M JALALPUR PIRWALA</t>
  </si>
  <si>
    <t>73 M</t>
  </si>
  <si>
    <t>chak 73 m</t>
  </si>
  <si>
    <t>73m</t>
  </si>
  <si>
    <t>GPS CHAK 731 GB</t>
  </si>
  <si>
    <t>Chak 731 GB</t>
  </si>
  <si>
    <t>GPS 731 GB, KAMALIA</t>
  </si>
  <si>
    <t>731 GB</t>
  </si>
  <si>
    <t>GPS CHAK 738 GB WEST BAGHIWALA</t>
  </si>
  <si>
    <t>Chak 738</t>
  </si>
  <si>
    <t>chak no 738 GB west Baghiwala teh kamalia Distt Toba Tek singh</t>
  </si>
  <si>
    <t>Chak No 738 GB West Baghiwala</t>
  </si>
  <si>
    <t>739 GB Jakhar</t>
  </si>
  <si>
    <t>GPS CHAK 739 GB GHULAM M.ABAD</t>
  </si>
  <si>
    <t>739 GB Ghulam Muhammad Abad Emissions code 33320177</t>
  </si>
  <si>
    <t>GPS CHAK 74 RB I</t>
  </si>
  <si>
    <t>74 RB Lohkey</t>
  </si>
  <si>
    <t>chak no 74 RB lohkey</t>
  </si>
  <si>
    <t>Chak No 76 RB Rasoolpura</t>
  </si>
  <si>
    <t>Kashfa Begum</t>
  </si>
  <si>
    <t>GPS CHAK 74/NP</t>
  </si>
  <si>
    <t>Gps 74 np</t>
  </si>
  <si>
    <t>sonak</t>
  </si>
  <si>
    <t>muhammad ilyas mushtaq</t>
  </si>
  <si>
    <t>GPS CHAK 740 GB</t>
  </si>
  <si>
    <t>Chak 740</t>
  </si>
  <si>
    <t>chak no 740 GB tehsil Kamalia distt Toba Tek singh</t>
  </si>
  <si>
    <t>Chak No 740 Gb</t>
  </si>
  <si>
    <t>Chak No 724 GB</t>
  </si>
  <si>
    <t>GPS CHAK 744 GB EAST</t>
  </si>
  <si>
    <t>Chak No 744GB East</t>
  </si>
  <si>
    <t>Chak No 744GB East Tehsil kamalia Dist T.T.Singh</t>
  </si>
  <si>
    <t>GPS CHAK 744 GB WEST</t>
  </si>
  <si>
    <t>744 Gb West</t>
  </si>
  <si>
    <t>744 GB west</t>
  </si>
  <si>
    <t>Zaheer Abbas Babar</t>
  </si>
  <si>
    <t>GPS CHAK 745 GB</t>
  </si>
  <si>
    <t>chack no 720 g.b</t>
  </si>
  <si>
    <t>745 G B</t>
  </si>
  <si>
    <t>760 Nasir Nagar</t>
  </si>
  <si>
    <t>GPS CHAK 748 GB</t>
  </si>
  <si>
    <t>chak no 748 GB</t>
  </si>
  <si>
    <t>Chak No 748GB</t>
  </si>
  <si>
    <t>Chak No 760GB</t>
  </si>
  <si>
    <t>GPS CHAK 749 GB</t>
  </si>
  <si>
    <t>Chak 749 GB</t>
  </si>
  <si>
    <t>Chak No 749GB</t>
  </si>
  <si>
    <t>Chak 760 GB Nasir Nagar</t>
  </si>
  <si>
    <t>GPS CHAK 75 JB SOHAL</t>
  </si>
  <si>
    <t>chak no 75jb sohal faisalabad</t>
  </si>
  <si>
    <t>75JB</t>
  </si>
  <si>
    <t>84jb Sarshameer</t>
  </si>
  <si>
    <t>GPS CHAK 75 RB</t>
  </si>
  <si>
    <t>CHAK 75 RB LOHKAY JARANWALA FAISALABAD</t>
  </si>
  <si>
    <t>Tajammal Hussain</t>
  </si>
  <si>
    <t>GPS CHAK 75 RB II</t>
  </si>
  <si>
    <t>CHAK 75 RB NEW ABADI JARANWALA FAISALABAD</t>
  </si>
  <si>
    <t>GPS CHAK 75/NP</t>
  </si>
  <si>
    <t>Chak 75NP</t>
  </si>
  <si>
    <t>GPS CHAK 75NP</t>
  </si>
  <si>
    <t>GPS CHAK 751 GB</t>
  </si>
  <si>
    <t>751 GB</t>
  </si>
  <si>
    <t>chak 751 gb</t>
  </si>
  <si>
    <t>Chak 751 GB</t>
  </si>
  <si>
    <t>GPS CHAK 752 GB</t>
  </si>
  <si>
    <t>Chak 752 Gb Teh:Pir Mahal Dist:Toba Tek Singh</t>
  </si>
  <si>
    <t>Muhammed Akbar</t>
  </si>
  <si>
    <t>GPS CHAK 753 GB</t>
  </si>
  <si>
    <t>chalk no 753gb</t>
  </si>
  <si>
    <t>Chalk No753gb</t>
  </si>
  <si>
    <t>GPS CHAK 754 GB</t>
  </si>
  <si>
    <t>754 GB</t>
  </si>
  <si>
    <t>chak no 754 p/o 755 teh peer ahal dist T T Singh</t>
  </si>
  <si>
    <t>Chak No 754 GB</t>
  </si>
  <si>
    <t>Chak No 694 G</t>
  </si>
  <si>
    <t>GPS CHAK 755 GB TIBBA SULTAN</t>
  </si>
  <si>
    <t>Tibba Sultan Chak 755 GB</t>
  </si>
  <si>
    <t>Chak No. 755 GB, Tibba Sultan, Tehsil Pir Mehal, District Toba Tek Singh</t>
  </si>
  <si>
    <t>Chak No 755 GB Tiba</t>
  </si>
  <si>
    <t>GPS CHAK 757 GB</t>
  </si>
  <si>
    <t>Chak 757 Gb</t>
  </si>
  <si>
    <t>chak 757 GB tehsil pirmahal,district toba tek Singh.</t>
  </si>
  <si>
    <t>GPS CHAK 759 GB</t>
  </si>
  <si>
    <t>759gb</t>
  </si>
  <si>
    <t>GPS CHAK 76 GB</t>
  </si>
  <si>
    <t>Santook Garh</t>
  </si>
  <si>
    <t>76GB Post Office Same Tes.Fsd Sadar Dist. Fsd</t>
  </si>
  <si>
    <t>76 GB</t>
  </si>
  <si>
    <t>237RB</t>
  </si>
  <si>
    <t>GPS CHAK 76 JB</t>
  </si>
  <si>
    <t>Johdan</t>
  </si>
  <si>
    <t>76/jb Johdan Fsd</t>
  </si>
  <si>
    <t>76/jb Johdan</t>
  </si>
  <si>
    <t>Hussain Ali</t>
  </si>
  <si>
    <t>GPS CHAK 76 RB I</t>
  </si>
  <si>
    <t>chak no. 76 rb. 1</t>
  </si>
  <si>
    <t>Shakil Ahmad Farooq</t>
  </si>
  <si>
    <t>Tank supply</t>
  </si>
  <si>
    <t>GPS CHAK 760 GB I NASIR NAGAR</t>
  </si>
  <si>
    <t>GPS CHAK 761 GB DHOTHRAN</t>
  </si>
  <si>
    <t>GPS Chak No. 761 GB Dhothran</t>
  </si>
  <si>
    <t>Chak No 761 GB</t>
  </si>
  <si>
    <t>GPS CHAK 764 GB</t>
  </si>
  <si>
    <t>Chak No 764 GB</t>
  </si>
  <si>
    <t>GPS 764 gb</t>
  </si>
  <si>
    <t>Chak No 762 GB</t>
  </si>
  <si>
    <t>GPS CHAK 769 GB</t>
  </si>
  <si>
    <t>Chak 769 Gb</t>
  </si>
  <si>
    <t>chak no 769 gb</t>
  </si>
  <si>
    <t>Chak 694/36 Gb</t>
  </si>
  <si>
    <t>GPS CHAK 771 GB</t>
  </si>
  <si>
    <t>CHAK NO 771 GB</t>
  </si>
  <si>
    <t>Chak no 771 gb</t>
  </si>
  <si>
    <t>Chak No 771 Gb</t>
  </si>
  <si>
    <t>Jusa</t>
  </si>
  <si>
    <t>Muhammad  Ahmad</t>
  </si>
  <si>
    <t>GPS CHAK 772 GB PANJUANA</t>
  </si>
  <si>
    <t>chak 772 GB Panjuana</t>
  </si>
  <si>
    <t>Chak 772 GB</t>
  </si>
  <si>
    <t>Mouza Jusa</t>
  </si>
  <si>
    <t>khuda bakhsh</t>
  </si>
  <si>
    <t>GPS CHAK 773 GB</t>
  </si>
  <si>
    <t>CHAK NO 773gb tehsil pirmahal district  t t singh</t>
  </si>
  <si>
    <t>Chak No773gb</t>
  </si>
  <si>
    <t>GPS CHAK 776 GB MAI SAPHROON</t>
  </si>
  <si>
    <t>Mai Saphooran</t>
  </si>
  <si>
    <t>Chak#776 GB P\O Mai Safoorain</t>
  </si>
  <si>
    <t>776 GB</t>
  </si>
  <si>
    <t>GPS CHAK 777 GB</t>
  </si>
  <si>
    <t>Chak 777 GB</t>
  </si>
  <si>
    <t>Chak no 777 GB,Tehsil Pirmahal,District TTS,</t>
  </si>
  <si>
    <t>Chak No 777 GB</t>
  </si>
  <si>
    <t>GPS CHAK 78 GB EAST FSD</t>
  </si>
  <si>
    <t>Chak 78GB EAST</t>
  </si>
  <si>
    <t>237 RB</t>
  </si>
  <si>
    <t>Ammara Sattar</t>
  </si>
  <si>
    <t>GPS CHAK 78 JB</t>
  </si>
  <si>
    <t>Chak # 78 jb</t>
  </si>
  <si>
    <t>Chak # 78 JB  Fsd</t>
  </si>
  <si>
    <t>Chak # 78 JB</t>
  </si>
  <si>
    <t>Abdul Rahim</t>
  </si>
  <si>
    <t>GPS CHAK 79 M P/S CHAK 79M JALAL PUR PIRWALA</t>
  </si>
  <si>
    <t>chak 79/m tehsil jalal pur pir wala</t>
  </si>
  <si>
    <t>Chak 79/m</t>
  </si>
  <si>
    <t>water supply through public sources</t>
  </si>
  <si>
    <t>GPS CHAK 79/NP</t>
  </si>
  <si>
    <t>manzar chak 79np Dari azeem khan Ryk</t>
  </si>
  <si>
    <t>Basti Sheer Muhammad Ronjha</t>
  </si>
  <si>
    <t>munir ahmed</t>
  </si>
  <si>
    <t>GPS CHAK 8/4L</t>
  </si>
  <si>
    <t>8/4L</t>
  </si>
  <si>
    <t>chak  no.8/4_L okara</t>
  </si>
  <si>
    <t>Raja Khuda Yar</t>
  </si>
  <si>
    <t>GPS CHAK 80/NP</t>
  </si>
  <si>
    <t>Chak 80np</t>
  </si>
  <si>
    <t>Chak80np p/o kotsamsba distt,&amp;teh Rahim Yar Khan</t>
  </si>
  <si>
    <t>GPS CHAK 81/A</t>
  </si>
  <si>
    <t>Chak No81/A</t>
  </si>
  <si>
    <t>Chak no.81/A tehsil liaquatpur district rahimyarkhan</t>
  </si>
  <si>
    <t>GPS CHAK 82 JB I</t>
  </si>
  <si>
    <t>Jaggutpur</t>
  </si>
  <si>
    <t>chak no 82 jb fsd</t>
  </si>
  <si>
    <t>Chak No 82 Jb</t>
  </si>
  <si>
    <t>GPS CHAK 82 JB II</t>
  </si>
  <si>
    <t>82 Jb Jaghatpur</t>
  </si>
  <si>
    <t>82 jb ii</t>
  </si>
  <si>
    <t>82 Jb Nourangabad</t>
  </si>
  <si>
    <t>GPS CHAK 82/M JALALPUR PIRWALA</t>
  </si>
  <si>
    <t>Post office Mir kot Jalal pur pir wala</t>
  </si>
  <si>
    <t>Jindu Wali</t>
  </si>
  <si>
    <t>GPS CHAK 83/A</t>
  </si>
  <si>
    <t>83/a</t>
  </si>
  <si>
    <t>chak 83/a tehseel liaquatpur dist rahim yar khan</t>
  </si>
  <si>
    <t>GPS CHAK 84/P</t>
  </si>
  <si>
    <t>Bagh War</t>
  </si>
  <si>
    <t>Chak 81P</t>
  </si>
  <si>
    <t>Chak81P</t>
  </si>
  <si>
    <t>Chak100P</t>
  </si>
  <si>
    <t>GPS CHAK 86 JB</t>
  </si>
  <si>
    <t>86 Jb</t>
  </si>
  <si>
    <t>chak no 86 jb fsd</t>
  </si>
  <si>
    <t>Dhol Majra</t>
  </si>
  <si>
    <t>Hassyana</t>
  </si>
  <si>
    <t>GPS CHAK 86/P</t>
  </si>
  <si>
    <t>Chak No 86p</t>
  </si>
  <si>
    <t>chak no. 86p</t>
  </si>
  <si>
    <t>Chak No 105p</t>
  </si>
  <si>
    <t>GPS CHAK 87/P</t>
  </si>
  <si>
    <t>Chak #87 /p</t>
  </si>
  <si>
    <t>Chak #87 /P</t>
  </si>
  <si>
    <t>Chak #87/P</t>
  </si>
  <si>
    <t>Chak #84/P</t>
  </si>
  <si>
    <t>GPS CHAK 88 GB I</t>
  </si>
  <si>
    <t>Chak No 88 Gb</t>
  </si>
  <si>
    <t>chak no 88 gb fsd</t>
  </si>
  <si>
    <t>Rora</t>
  </si>
  <si>
    <t>Chak No 258 Rb</t>
  </si>
  <si>
    <t>Ayesha Hanif</t>
  </si>
  <si>
    <t>GPS CHAK 88/A JADEED</t>
  </si>
  <si>
    <t>Chak 88A</t>
  </si>
  <si>
    <t>Chak no 88/A Jadeed</t>
  </si>
  <si>
    <t>Chak # 88/A</t>
  </si>
  <si>
    <t>42 A</t>
  </si>
  <si>
    <t>GPS CHAK 89 B FSD</t>
  </si>
  <si>
    <t>89 Jb</t>
  </si>
  <si>
    <t>chak no. 89 j.b rattan faisalabad</t>
  </si>
  <si>
    <t>Chak No 89 Jb</t>
  </si>
  <si>
    <t>Hassayana</t>
  </si>
  <si>
    <t>GPS CHAK 9/I.L</t>
  </si>
  <si>
    <t>chak no.9/1.L renala okara</t>
  </si>
  <si>
    <t>Chak No11/1L</t>
  </si>
  <si>
    <t>GPS CHAK 90 JB II</t>
  </si>
  <si>
    <t>KeroWall</t>
  </si>
  <si>
    <t>Chak no 90 J.B II</t>
  </si>
  <si>
    <t>Kerowall</t>
  </si>
  <si>
    <t>93 JB</t>
  </si>
  <si>
    <t>MUHAMMAD BILAL JAVED</t>
  </si>
  <si>
    <t>GPS CHAK 90 RB I</t>
  </si>
  <si>
    <t>gps 90 rb</t>
  </si>
  <si>
    <t>90 Chitti</t>
  </si>
  <si>
    <t>Dhannuana</t>
  </si>
  <si>
    <t>Amir Waseem</t>
  </si>
  <si>
    <t>electric coolar</t>
  </si>
  <si>
    <t>GPS CHAK 91/P</t>
  </si>
  <si>
    <t>Wah Attheta</t>
  </si>
  <si>
    <t>GPS CHAK 92 JB</t>
  </si>
  <si>
    <t>chak no 92 jb</t>
  </si>
  <si>
    <t>Gps 92 Jb</t>
  </si>
  <si>
    <t>Chak 281 Jb</t>
  </si>
  <si>
    <t>Amir Nadeem</t>
  </si>
  <si>
    <t>GPS CHAK 93 GB</t>
  </si>
  <si>
    <t>Sabir Ali</t>
  </si>
  <si>
    <t>GPS CHAK 93 JB I</t>
  </si>
  <si>
    <t>chak no 93 jb Gojra T.T.Singh</t>
  </si>
  <si>
    <t>Muhammad Yasin Tahir</t>
  </si>
  <si>
    <t>GPS CHAK 94 GB</t>
  </si>
  <si>
    <t>94/GB</t>
  </si>
  <si>
    <t>Chak # 94 GB Tehsil Jaranwala District Faisalabad</t>
  </si>
  <si>
    <t>Chak # 94/GB</t>
  </si>
  <si>
    <t>97 GB</t>
  </si>
  <si>
    <t>Majeed Ahmad</t>
  </si>
  <si>
    <t>GPS CHAK 95 JB II</t>
  </si>
  <si>
    <t>GPS 95/jb Gill</t>
  </si>
  <si>
    <t>95/ Jb Gill</t>
  </si>
  <si>
    <t>97/jb</t>
  </si>
  <si>
    <t>Wakeel Ahmad Khan  E S T</t>
  </si>
  <si>
    <t>GPS CHAK 97 RB II JOHAL</t>
  </si>
  <si>
    <t>Chak no 97 RB Johal. fsd</t>
  </si>
  <si>
    <t>ANIQA MOATTAR</t>
  </si>
  <si>
    <t>GPS CHAK 98 JB KOHALI</t>
  </si>
  <si>
    <t>98 jb Gojra</t>
  </si>
  <si>
    <t>98 Jb</t>
  </si>
  <si>
    <t>Chak 367 Jb</t>
  </si>
  <si>
    <t>GPS CHAK 98 RB</t>
  </si>
  <si>
    <t>98 R.B Bungy Faisalabaf</t>
  </si>
  <si>
    <t>MUHAMMAD ZOHAIB</t>
  </si>
  <si>
    <t>GPS CHAK 99 GB</t>
  </si>
  <si>
    <t>101GB</t>
  </si>
  <si>
    <t>chak no 99GB</t>
  </si>
  <si>
    <t>99GB</t>
  </si>
  <si>
    <t>GPS CHAK ABDUL REHMAN</t>
  </si>
  <si>
    <t>basti sukhey Wala mauza sultan khar</t>
  </si>
  <si>
    <t>Sukhey Wala</t>
  </si>
  <si>
    <t>GPS CHAK ABDULLAH</t>
  </si>
  <si>
    <t>Mari Shouk Shah</t>
  </si>
  <si>
    <t>Basti Dera Jamal  Chak Abdullah</t>
  </si>
  <si>
    <t>Basti Dera Jamal Khan</t>
  </si>
  <si>
    <t>GPS CHAK ABUL FATEH</t>
  </si>
  <si>
    <t>Kachi Saidu Khan</t>
  </si>
  <si>
    <t>Supper No 4 Kachi Saudu Khan</t>
  </si>
  <si>
    <t>Supper No 4</t>
  </si>
  <si>
    <t>That Qureishi</t>
  </si>
  <si>
    <t>GPS CHAK AHMAD YAR</t>
  </si>
  <si>
    <t>chak ahmad yar tehsil minchinabad district bahawalnagar</t>
  </si>
  <si>
    <t>Chak Ahmad yar</t>
  </si>
  <si>
    <t>Muhammad Irfan Nazir</t>
  </si>
  <si>
    <t>GPS CHAK AHMDANI</t>
  </si>
  <si>
    <t>Chak Ahmedani</t>
  </si>
  <si>
    <t>moza chak ahmedani fazil pur, tehsil &amp; district rajanpur</t>
  </si>
  <si>
    <t>Sher Saleem</t>
  </si>
  <si>
    <t>GPS CHAK ALA-UD-DIN</t>
  </si>
  <si>
    <t>Chak Alu Din</t>
  </si>
  <si>
    <t>GPS chak Alu din Teh kamoki District GUJRANWALA</t>
  </si>
  <si>
    <t>Ali Raza Khalid</t>
  </si>
  <si>
    <t>GPS CHAK AMEER KHAN</t>
  </si>
  <si>
    <t>Wahal Mochian</t>
  </si>
  <si>
    <t>GPS CHAK AZEEM</t>
  </si>
  <si>
    <t>Chak Azeem</t>
  </si>
  <si>
    <t>chak azeem</t>
  </si>
  <si>
    <t>Hafiz Noor Ahmad</t>
  </si>
  <si>
    <t>GPS CHAK BABUL</t>
  </si>
  <si>
    <t>Chak Babul</t>
  </si>
  <si>
    <t>chak babul</t>
  </si>
  <si>
    <t>Jhaan Pur</t>
  </si>
  <si>
    <t>GPS CHAK BADDO WAL</t>
  </si>
  <si>
    <t>Dubukra</t>
  </si>
  <si>
    <t>Po Warcha teh Quaid abad distribution. Khushab</t>
  </si>
  <si>
    <t>Hamid Sarfraz</t>
  </si>
  <si>
    <t>GPS CHAK BAGH WALA</t>
  </si>
  <si>
    <t>chak baghwala markaz Adda pull 13000 tehsil yazman bahawalpur</t>
  </si>
  <si>
    <t>Chack No 35/DNB</t>
  </si>
  <si>
    <t>MUHAMMAD AWAIS IQBAL</t>
  </si>
  <si>
    <t>GPS CHAK BAHRAM</t>
  </si>
  <si>
    <t>village chak behram and post office peroshah tehsil and district gujrat</t>
  </si>
  <si>
    <t>GPS CHAK BASSI PO ASHRAF SHAH</t>
  </si>
  <si>
    <t>Chak Bassi</t>
  </si>
  <si>
    <t>chak basi</t>
  </si>
  <si>
    <t>GPS CHAK BHADA</t>
  </si>
  <si>
    <t>ChAk Bhada</t>
  </si>
  <si>
    <t>dist sialkot teh sambrial.p.o Begowala village begowala tehsil sambrial</t>
  </si>
  <si>
    <t>GPS CHAK BHANOO</t>
  </si>
  <si>
    <t>GPS Chak  bhanoo markaz satluj tehsil vehari</t>
  </si>
  <si>
    <t>GPS CHAK BHARATH (BAO WALA)</t>
  </si>
  <si>
    <t>Boa Wala</t>
  </si>
  <si>
    <t>GPS Chack Bharath LHR</t>
  </si>
  <si>
    <t>Bao Wala</t>
  </si>
  <si>
    <t>L C B</t>
  </si>
  <si>
    <t>GPS CHAK BHOOLA</t>
  </si>
  <si>
    <t>chak bhoola</t>
  </si>
  <si>
    <t>Fazeela Iram</t>
  </si>
  <si>
    <t>GPS CHAK BODLLA</t>
  </si>
  <si>
    <t>Herdoban Bodla</t>
  </si>
  <si>
    <t>herdoban bodla</t>
  </si>
  <si>
    <t>GPS CHAK BUDHA</t>
  </si>
  <si>
    <t>Chak Buhda</t>
  </si>
  <si>
    <t>chakbudha p/o tanda teh/distt gujrat</t>
  </si>
  <si>
    <t>chakbudha</t>
  </si>
  <si>
    <t>GPS CHAK BUZDAR</t>
  </si>
  <si>
    <t>Chak Buzdar</t>
  </si>
  <si>
    <t>p/s chak buzdar basti Hajo buzdar p/o shahoo buzdar</t>
  </si>
  <si>
    <t>Basti Hajo Buzdar</t>
  </si>
  <si>
    <t>GPS CHAK BUZRAG</t>
  </si>
  <si>
    <t>chkbuzarag</t>
  </si>
  <si>
    <t>vlg chkbuzarag post office saggar</t>
  </si>
  <si>
    <t>chak bazurag</t>
  </si>
  <si>
    <t>barru</t>
  </si>
  <si>
    <t>Muhammad Naem Baig</t>
  </si>
  <si>
    <t>GPS CHAK CHAJOO</t>
  </si>
  <si>
    <t>Chak Chajoo</t>
  </si>
  <si>
    <t>chak chajoo</t>
  </si>
  <si>
    <t>GPS CHAK CHAN MERAN</t>
  </si>
  <si>
    <t>Chah Meeran</t>
  </si>
  <si>
    <t>Chak no 609gb Chah Meeran</t>
  </si>
  <si>
    <t>609 Gb Chah Meeran</t>
  </si>
  <si>
    <t>Thata Baig</t>
  </si>
  <si>
    <t>GPS CHAK CHAUDHARY</t>
  </si>
  <si>
    <t>VPO Chak Chaudhary Tehsil Noshera Virkan District Gujranwala</t>
  </si>
  <si>
    <t>Muhammad Ans Iqbal</t>
  </si>
  <si>
    <t>GPS CHAK CHHINA</t>
  </si>
  <si>
    <t>BASTI SHAFI SARI MAOZA SHAHANI</t>
  </si>
  <si>
    <t>BASTI SHAFI SARI</t>
  </si>
  <si>
    <t>GPS CHAK DADA</t>
  </si>
  <si>
    <t>Chak  Deda</t>
  </si>
  <si>
    <t>Chak Deda  P/O Raja Jung Teh. &amp; Distt. Kasur</t>
  </si>
  <si>
    <t>Baroon  Raja Jung</t>
  </si>
  <si>
    <t>GPS CHAK DADAN</t>
  </si>
  <si>
    <t>chak dada</t>
  </si>
  <si>
    <t>Nutt Klan</t>
  </si>
  <si>
    <t>Syed Shakeel Haider</t>
  </si>
  <si>
    <t>GPS CHAK DALA</t>
  </si>
  <si>
    <t>Chak dala</t>
  </si>
  <si>
    <t>village chak dala post office mano chak tehsil phalia district Mandi bahauddin</t>
  </si>
  <si>
    <t>GPS CHAK DAMOANA</t>
  </si>
  <si>
    <t>Damona</t>
  </si>
  <si>
    <t>Chak Damoana District sheikhupura</t>
  </si>
  <si>
    <t>Javen Pura</t>
  </si>
  <si>
    <t>Syed Munawar Hussain Shah</t>
  </si>
  <si>
    <t>GPS CHAK DANYAL</t>
  </si>
  <si>
    <t>Chak Danyal</t>
  </si>
  <si>
    <t>chak Danyal</t>
  </si>
  <si>
    <t>Shafqat Iqbal</t>
  </si>
  <si>
    <t>GPS CHAK DATT</t>
  </si>
  <si>
    <t>Chak Datt</t>
  </si>
  <si>
    <t>mouza chak datt dakkhana jindu shah</t>
  </si>
  <si>
    <t>GPS CHAK DAWANJ</t>
  </si>
  <si>
    <t>Basti Chak Dawanj Moza Januwala</t>
  </si>
  <si>
    <t>Chak Dawanj</t>
  </si>
  <si>
    <t>GPS CHAK DERIA</t>
  </si>
  <si>
    <t>Chak Daria</t>
  </si>
  <si>
    <t>Village Chak Daria po karariwala</t>
  </si>
  <si>
    <t>Imran Aslam</t>
  </si>
  <si>
    <t>GPS CHAK DERJOO</t>
  </si>
  <si>
    <t>Chak Derjoo</t>
  </si>
  <si>
    <t>chak derjoo</t>
  </si>
  <si>
    <t>Amru</t>
  </si>
  <si>
    <t>Sfarsh Ali</t>
  </si>
  <si>
    <t>GPS CHAK DHILLU NO.2</t>
  </si>
  <si>
    <t>Chak Dillu 2</t>
  </si>
  <si>
    <t>p.o box Dahrowall Tahsil and district gujraat</t>
  </si>
  <si>
    <t>Chack dillu 2</t>
  </si>
  <si>
    <t>Nosheen Ashraf</t>
  </si>
  <si>
    <t>GPS CHAK DHILU NO. 1</t>
  </si>
  <si>
    <t>Chak dhilu</t>
  </si>
  <si>
    <t>village chak dhilu no. I post office jheuranwali tehsil and District gujrat</t>
  </si>
  <si>
    <t>Chak Dhilu no I</t>
  </si>
  <si>
    <t>Maryyam Akram</t>
  </si>
  <si>
    <t>GPS CHAK DHUDIAN</t>
  </si>
  <si>
    <t>Chak Dhuddian mari shuk shah teh chishtian district Bwn</t>
  </si>
  <si>
    <t>Chak Dhuddian</t>
  </si>
  <si>
    <t>GPS CHAK DODARA</t>
  </si>
  <si>
    <t>Dodarra</t>
  </si>
  <si>
    <t>Head Zero u/c dodarra. kot chutta. dist d g khan.</t>
  </si>
  <si>
    <t>Basti Rahim Bux</t>
  </si>
  <si>
    <t>GPS CHAK DOSARI</t>
  </si>
  <si>
    <t>GPS Chack Dosari</t>
  </si>
  <si>
    <t>Chack Dosari</t>
  </si>
  <si>
    <t>Ali Hassnan Shah</t>
  </si>
  <si>
    <t>GPS CHAK DUDHU</t>
  </si>
  <si>
    <t>Chak Dudhu</t>
  </si>
  <si>
    <t>Chak Dudhu  Skg.</t>
  </si>
  <si>
    <t>GPS CHAK FATEH KHAN</t>
  </si>
  <si>
    <t>Chak Fateh Khan</t>
  </si>
  <si>
    <t>village chak fateh, post office gagan, tehsil fateh jang, distt, attock</t>
  </si>
  <si>
    <t>Badar Islam</t>
  </si>
  <si>
    <t>GPS CHAK GAGGOO MANDI</t>
  </si>
  <si>
    <t>187eb</t>
  </si>
  <si>
    <t>lahore road gaggoo</t>
  </si>
  <si>
    <t>Gaggoo  Mandi</t>
  </si>
  <si>
    <t>Mohammad Javed Tariq</t>
  </si>
  <si>
    <t>GPS CHAK GAGRA P/O JHOK VAINCE MOZA CHAK GAGRA MULTAN</t>
  </si>
  <si>
    <t>Chak Gagra</t>
  </si>
  <si>
    <t>moza chak gagra Matti tal post office jal wala</t>
  </si>
  <si>
    <t>GPS CHAK GHULAM MUHAMMAD-WEST</t>
  </si>
  <si>
    <t>mouza chak ghulam Muhammad kot ahmad year bahawalnagar</t>
  </si>
  <si>
    <t>GPS CHAK GILLAN GHARBI</t>
  </si>
  <si>
    <t>Chak Gillan Garbi</t>
  </si>
  <si>
    <t>G.P.S.Chak Gillan Gharbi</t>
  </si>
  <si>
    <t>Kanwan Late</t>
  </si>
  <si>
    <t>GPS CHAK GILLAN SHARQI</t>
  </si>
  <si>
    <t>chack Gillan sharqi</t>
  </si>
  <si>
    <t>Chack Gillan Sharqi</t>
  </si>
  <si>
    <t>GPS CHAK GODER</t>
  </si>
  <si>
    <t>Godar</t>
  </si>
  <si>
    <t>Gps chak godar</t>
  </si>
  <si>
    <t>Chak Goder</t>
  </si>
  <si>
    <t>Zulqarnain Haidar</t>
  </si>
  <si>
    <t>GPS CHAK GODHA</t>
  </si>
  <si>
    <t>basti fareed Pur monza wahi Imam Bux,  tehsile and district Lodhran .</t>
  </si>
  <si>
    <t>Fareed Pur</t>
  </si>
  <si>
    <t>Wali Imam Bux</t>
  </si>
  <si>
    <t>GPS CHAK GUJRAN KALAN</t>
  </si>
  <si>
    <t>Chak Gujran Kalan</t>
  </si>
  <si>
    <t>chak gujran kalan</t>
  </si>
  <si>
    <t>Mubeen Afzal</t>
  </si>
  <si>
    <t>GPS CHAK GURDAS</t>
  </si>
  <si>
    <t>Chak Gurdas</t>
  </si>
  <si>
    <t>Kurlke Minara</t>
  </si>
  <si>
    <t>GPS CHAK GUZRWANI</t>
  </si>
  <si>
    <t>Chak Garzwani</t>
  </si>
  <si>
    <t>Chah Kheyaray wala Mouza Chak Garzwani, D.G.KHAN</t>
  </si>
  <si>
    <t>Kheyaray Wala</t>
  </si>
  <si>
    <t>GPS CHAK HAJI JAHANGIR</t>
  </si>
  <si>
    <t>Chak Haji Jahangir</t>
  </si>
  <si>
    <t>GPS CHAK HAJI WALA</t>
  </si>
  <si>
    <t>Talai Chandrar Shrqi</t>
  </si>
  <si>
    <t>GPS Haji Wala Near Klasra Pull Noor Shah</t>
  </si>
  <si>
    <t>GPS CHAK HAKIM</t>
  </si>
  <si>
    <t>Chak Hakim</t>
  </si>
  <si>
    <t>Village Chak Hakim P/o Thekrian Monian Tehsil Kharian District Gujrat</t>
  </si>
  <si>
    <t>Jafar Hussain</t>
  </si>
  <si>
    <t>GPS CHAK HAMEED</t>
  </si>
  <si>
    <t>Chak Hamid</t>
  </si>
  <si>
    <t>GPS.chak hameed Tehsil Pind Dadan Khan District jhelum</t>
  </si>
  <si>
    <t>GPS CHAK HASSAIN</t>
  </si>
  <si>
    <t>Chak Hussain</t>
  </si>
  <si>
    <t>Chak Hussain p.o.Bagrianwala tehsil kharian district Gujrat</t>
  </si>
  <si>
    <t>Bagarian Wala</t>
  </si>
  <si>
    <t>GPS CHAK HASSAN ARRAIN</t>
  </si>
  <si>
    <t>Hassan Arian</t>
  </si>
  <si>
    <t>Chak Hassan Arian Arifwala</t>
  </si>
  <si>
    <t>GPS CHAK HATHIAR</t>
  </si>
  <si>
    <t>Chakriya</t>
  </si>
  <si>
    <t>Basti Jam chandi rojhan</t>
  </si>
  <si>
    <t>Basti Jam Chandi</t>
  </si>
  <si>
    <t>JAVED HUSSAIN</t>
  </si>
  <si>
    <t>GPS CHAK HINDA</t>
  </si>
  <si>
    <t>Chak HInda</t>
  </si>
  <si>
    <t>Village Chak Hinda</t>
  </si>
  <si>
    <t>Aamir Atta</t>
  </si>
  <si>
    <t>GPS CHAK HORA</t>
  </si>
  <si>
    <t>Chak Patiyay</t>
  </si>
  <si>
    <t>GP/S Chak Hora</t>
  </si>
  <si>
    <t>Chak Patiyat</t>
  </si>
  <si>
    <t>Farid Ahmad</t>
  </si>
  <si>
    <t>GPS CHAK HUSSAIN ALI SHAH</t>
  </si>
  <si>
    <t>Chak Hussain Ali Shah</t>
  </si>
  <si>
    <t>chak hussain ali shah, tehsil renala khurd district okara</t>
  </si>
  <si>
    <t>22/1-AL</t>
  </si>
  <si>
    <t>Hafiz Saif ur Rehman</t>
  </si>
  <si>
    <t>GPS CHAK ILYAS</t>
  </si>
  <si>
    <t>AHMED NAGAR</t>
  </si>
  <si>
    <t>GPS Chak Ilyas Ahmad Nagar Ladhu ka</t>
  </si>
  <si>
    <t>AHMED NAGAR LADHU KA</t>
  </si>
  <si>
    <t>M. Nagar</t>
  </si>
  <si>
    <t>Imdad Ahmad</t>
  </si>
  <si>
    <t>GPS CHAK JABOT</t>
  </si>
  <si>
    <t>Chak Jabot</t>
  </si>
  <si>
    <t>village chak jabot post office dial tehsil sohawa district Jhelum</t>
  </si>
  <si>
    <t>Chak  Jabot</t>
  </si>
  <si>
    <t>Rizwan Safdar</t>
  </si>
  <si>
    <t>GPS CHAK JAID</t>
  </si>
  <si>
    <t>Chak Jaid</t>
  </si>
  <si>
    <t>Chak jaid post office qila didar singh gujranwala</t>
  </si>
  <si>
    <t>Sultan Mehboob Khan</t>
  </si>
  <si>
    <t>GPS CHAK JAID 16 JAID</t>
  </si>
  <si>
    <t>Jaid  Chak</t>
  </si>
  <si>
    <t>jaid chak 16 safdarabad sheikhupura</t>
  </si>
  <si>
    <t>Dheuri</t>
  </si>
  <si>
    <t>GPS CHAK JALAL PUR</t>
  </si>
  <si>
    <t>Chack Jalal Pur</t>
  </si>
  <si>
    <t>chak jalal pur basti khorein wali tehsil and district  muzaffargarh</t>
  </si>
  <si>
    <t>Khorein Wali</t>
  </si>
  <si>
    <t>GPS CHAK JALALPUR  P/O JALAL PUR KHAKI</t>
  </si>
  <si>
    <t>Jalal Pur Khakhi</t>
  </si>
  <si>
    <t>Basti qasai chak jalal pur</t>
  </si>
  <si>
    <t>Basti Qasai</t>
  </si>
  <si>
    <t>GPS CHAK JANDO</t>
  </si>
  <si>
    <t>Chak Jando</t>
  </si>
  <si>
    <t>chak jando</t>
  </si>
  <si>
    <t>Chak Jado</t>
  </si>
  <si>
    <t>Basharat Ali Bhatti</t>
  </si>
  <si>
    <t>GPS CHAK JANI KHURD</t>
  </si>
  <si>
    <t>Chak Jani Khurd</t>
  </si>
  <si>
    <t>Village chak jani khurd p/o dhakranwali</t>
  </si>
  <si>
    <t>Chakori bhelowal</t>
  </si>
  <si>
    <t>GPS CHAK JEWAY KHAN</t>
  </si>
  <si>
    <t>chak jeway Khan okara</t>
  </si>
  <si>
    <t>Chak Jeway Khan</t>
  </si>
  <si>
    <t>GPS CHAK JHARRAY</t>
  </si>
  <si>
    <t>Chak Jharray</t>
  </si>
  <si>
    <t>VPO Chak Jharray  chakwal</t>
  </si>
  <si>
    <t>GPS CHAK KALROO</t>
  </si>
  <si>
    <t>Chak Kakroo</t>
  </si>
  <si>
    <t>mouza chak kalroo tehsil jatoi district muzaffargarh</t>
  </si>
  <si>
    <t>Chak Kalroo</t>
  </si>
  <si>
    <t>GPS CHAK KAMBOH PO PAKPATTAN</t>
  </si>
  <si>
    <t>Aabadi Ismailabad</t>
  </si>
  <si>
    <t>CHAK 40/sp post office 39/sp Pakpattan</t>
  </si>
  <si>
    <t>GPS CHAK KARYA</t>
  </si>
  <si>
    <t>Chak Mat No 2</t>
  </si>
  <si>
    <t>Basti mowalani, chak mat no 2</t>
  </si>
  <si>
    <t>Basti Mowalani</t>
  </si>
  <si>
    <t>Muhammad Adnan Sami</t>
  </si>
  <si>
    <t>GPS CHAK KEHAL</t>
  </si>
  <si>
    <t>Basti Azizullah Lashari</t>
  </si>
  <si>
    <t>Muhammad Mazhar Sattar</t>
  </si>
  <si>
    <t>GPS CHAK KHALIL</t>
  </si>
  <si>
    <t>GPS chak khalil</t>
  </si>
  <si>
    <t>M Ashiq</t>
  </si>
  <si>
    <t>GPS CHAK KHANA</t>
  </si>
  <si>
    <t>Chak Khana</t>
  </si>
  <si>
    <t>chak khana P/o lakseen district sargodha tehsil kotmomin</t>
  </si>
  <si>
    <t>GPS CHAK KHARAK SINGH</t>
  </si>
  <si>
    <t>Khark Singh</t>
  </si>
  <si>
    <t>Chak khark singh</t>
  </si>
  <si>
    <t>GPS CHAK KHAS</t>
  </si>
  <si>
    <t>village Chak khas P.O jawa</t>
  </si>
  <si>
    <t>Ghazala Irum Kayani</t>
  </si>
  <si>
    <t>GPS CHAK KHEENA</t>
  </si>
  <si>
    <t>,Ú†Ú© Ú©Ú¾ÛŒÙ†Û ÚˆØ§Ú©Ø®Ø§Ù†Û Ø¨Ú¾ÙˆÙ¾Ø§Ù„ÙˆØ§Ù„Û ØªØ­ØµÛŒÙ„ Ø³Ù…Ø¨Ú‘ÛŒØ§Ù„ Ø¶Ù„Ø¹ Ø³ÛŒØ§Ù„Ú©ÙˆÙ¹</t>
  </si>
  <si>
    <t>Pervaiz Masih</t>
  </si>
  <si>
    <t>GPS CHAK KHOJA</t>
  </si>
  <si>
    <t>Chak Khoja</t>
  </si>
  <si>
    <t>village chak khoja p o Phuklian Sialkot</t>
  </si>
  <si>
    <t>Shamas Din</t>
  </si>
  <si>
    <t>GPS CHAK KHUNDAA</t>
  </si>
  <si>
    <t>village chak khundaa markaz lawa</t>
  </si>
  <si>
    <t>Chak Khundaa</t>
  </si>
  <si>
    <t>GPS CHAK KHUSHHAL KHELAN WALA</t>
  </si>
  <si>
    <t>p/o jandanwala</t>
  </si>
  <si>
    <t>Khushal Khailanwala</t>
  </si>
  <si>
    <t>GPS CHAK KHUSHI</t>
  </si>
  <si>
    <t>Khandowa</t>
  </si>
  <si>
    <t>v/po chakkhushi tehsil kallarkahar chakwal</t>
  </si>
  <si>
    <t>Chakkhushi</t>
  </si>
  <si>
    <t>GPS CHAK KOKA</t>
  </si>
  <si>
    <t>village chak koka p/o dullah district/teh chakwal</t>
  </si>
  <si>
    <t>GPS CHAK KORA</t>
  </si>
  <si>
    <t>chah jamshair wala mouza chak jarwar</t>
  </si>
  <si>
    <t>Chah Jamshair Wala</t>
  </si>
  <si>
    <t>GPS CHAK KOT JAY RAM TANDLIANWALA</t>
  </si>
  <si>
    <t>Deghadi Mahshana</t>
  </si>
  <si>
    <t>abadi wangujjrain</t>
  </si>
  <si>
    <t>Van Gujjrain</t>
  </si>
  <si>
    <t>615gb</t>
  </si>
  <si>
    <t>Kashif Ayyub</t>
  </si>
  <si>
    <t>GPS CHAK KOTLA GAMOON</t>
  </si>
  <si>
    <t>Chak Kotla Gamoon</t>
  </si>
  <si>
    <t>Chowke Baitinala Moza Chak Kotla Gamoon</t>
  </si>
  <si>
    <t>Chowke  Baitinala</t>
  </si>
  <si>
    <t>GPS CHAK KOTLA KAHALWAN</t>
  </si>
  <si>
    <t>Chak Kotla Kahalwan</t>
  </si>
  <si>
    <t>vill chak kotla kahalwan post office Noorkot Teh Shakar Garh Distt Narowal</t>
  </si>
  <si>
    <t>Mellu Sellu</t>
  </si>
  <si>
    <t>GPS CHAK LAKHIA</t>
  </si>
  <si>
    <t>Chak Lakhia</t>
  </si>
  <si>
    <t>chak lakhia P.O. phalia tehsil phalia district m. b.din</t>
  </si>
  <si>
    <t>Kala Shadia</t>
  </si>
  <si>
    <t>Muhammad Abu Bakar</t>
  </si>
  <si>
    <t>GPS CHAK LAKHIA KALAN</t>
  </si>
  <si>
    <t>Chak Lakhia Kalan</t>
  </si>
  <si>
    <t>Rana Rizwan Ellahi</t>
  </si>
  <si>
    <t>GPS CHAK LAKHIA KHURD</t>
  </si>
  <si>
    <t>Chak Lakhia Khurd</t>
  </si>
  <si>
    <t>Mudassara Shafique</t>
  </si>
  <si>
    <t>GPS CHAK LALA</t>
  </si>
  <si>
    <t>chak lala</t>
  </si>
  <si>
    <t>chak lala post office chobara tehsil pasrur disst.sialkot</t>
  </si>
  <si>
    <t>Mohammad Aslam Zia</t>
  </si>
  <si>
    <t>GPS CHAK LASHKARI</t>
  </si>
  <si>
    <t>Chak Lashkari</t>
  </si>
  <si>
    <t>village chak lashkari p/o sehna teh kharian dist gujrat</t>
  </si>
  <si>
    <t>Muhammad Rizwan Ghani</t>
  </si>
  <si>
    <t>GPS CHAK LASSA</t>
  </si>
  <si>
    <t>railway colony fazilpur</t>
  </si>
  <si>
    <t>Kausarhussain</t>
  </si>
  <si>
    <t>GPS CHAK LIYAR</t>
  </si>
  <si>
    <t>Chakliar</t>
  </si>
  <si>
    <t>Mouza Chakliar p/o Mitru Tehsil Mailsi District Vehari</t>
  </si>
  <si>
    <t>Mouza Chakliar</t>
  </si>
  <si>
    <t>Muhammad Kashif</t>
  </si>
  <si>
    <t>GPS CHAK LUND</t>
  </si>
  <si>
    <t>jageer Gabol</t>
  </si>
  <si>
    <t>Basti sahi ,jageer gabol</t>
  </si>
  <si>
    <t>Basti Sahi</t>
  </si>
  <si>
    <t>GPS CHAK MACHI SINGH</t>
  </si>
  <si>
    <t>Chak Machi Singh p /o khas arifwala pakpattan</t>
  </si>
  <si>
    <t>Chak Machi Singh</t>
  </si>
  <si>
    <t>GPS CHAK MADINAH (DHUP SARRI)</t>
  </si>
  <si>
    <t>Village Chak Madinah P/O Sial Sharif Tehsil Sahiwal Distt.Sargodha</t>
  </si>
  <si>
    <t>Chak Madinah</t>
  </si>
  <si>
    <t>Shafqat Hayat</t>
  </si>
  <si>
    <t>GPS CHAK MAHNI</t>
  </si>
  <si>
    <t>vill chak mahni p/o chak mahni via suraj miani multan</t>
  </si>
  <si>
    <t>Muhammad Aftab Ali</t>
  </si>
  <si>
    <t>GPS CHAK MAKHDOOM</t>
  </si>
  <si>
    <t>Chak Norang</t>
  </si>
  <si>
    <t>Basti Chak Makhdoom Tehseel Ahmad Pur East District Bshawalpur.</t>
  </si>
  <si>
    <t>Chak Makhdoom</t>
  </si>
  <si>
    <t>Noshehra Jadeed</t>
  </si>
  <si>
    <t>SYED ZAFAR ABBAS</t>
  </si>
  <si>
    <t>GPS CHAK MALOKA</t>
  </si>
  <si>
    <t>chak Malooka</t>
  </si>
  <si>
    <t>GPS CHAK MEHMOOD</t>
  </si>
  <si>
    <t>VPO Chak Mehmood tehsil kharian district gujrat</t>
  </si>
  <si>
    <t>Zagham Anwar</t>
  </si>
  <si>
    <t>GPS CHAK MERO</t>
  </si>
  <si>
    <t>chak Mero</t>
  </si>
  <si>
    <t>gps chak mero</t>
  </si>
  <si>
    <t>Chak Mero</t>
  </si>
  <si>
    <t>Jamshaid Ashraf</t>
  </si>
  <si>
    <t>GPS CHAK MIAN</t>
  </si>
  <si>
    <t>Chak Mian</t>
  </si>
  <si>
    <t>Village Chak Mian PO Ghongawali Tehsil Phalia District M.B.Din</t>
  </si>
  <si>
    <t>Muhammad Fayyaz Hussain</t>
  </si>
  <si>
    <t>GPS CHAK MIANA</t>
  </si>
  <si>
    <t>CHAK Miana</t>
  </si>
  <si>
    <t>yasir Azeem</t>
  </si>
  <si>
    <t>GPS CHAK MIANA SHEIK SHARI</t>
  </si>
  <si>
    <t>Chak Miana Sheikh Shehari</t>
  </si>
  <si>
    <t>GPS Chak Miana Sheikh Shehari Teh Hadrian,Dist Gujrat</t>
  </si>
  <si>
    <t>Nazia Shafi</t>
  </si>
  <si>
    <t>GPS CHAK MIRAN</t>
  </si>
  <si>
    <t>chak miran</t>
  </si>
  <si>
    <t>Atteq Ur Rehmaan</t>
  </si>
  <si>
    <t>GPS CHAK MISRAN</t>
  </si>
  <si>
    <t>chak misran bhera sargodha</t>
  </si>
  <si>
    <t>GPS CHAK MISRI</t>
  </si>
  <si>
    <t>Gps chakmisri.teh kallar kahar distt chakwal</t>
  </si>
  <si>
    <t>GPS CHAK MITHA</t>
  </si>
  <si>
    <t>GPS chak mitha teh phalia disst m.b.din</t>
  </si>
  <si>
    <t>Rancyky</t>
  </si>
  <si>
    <t>GPS CHAK MITHAN</t>
  </si>
  <si>
    <t>chaha dhoray wala mouza Chak mithan muzaffarghar</t>
  </si>
  <si>
    <t>Muhammad  Amjad  Shahzad</t>
  </si>
  <si>
    <t>GPS CHAK MOLU</t>
  </si>
  <si>
    <t>Chak Mulo</t>
  </si>
  <si>
    <t>chak mulo</t>
  </si>
  <si>
    <t>GPS CHAK MOZIA BOSAL</t>
  </si>
  <si>
    <t>chak mozia bosal tehsil malikwal dist m b din</t>
  </si>
  <si>
    <t>Adil Abbas</t>
  </si>
  <si>
    <t>GPS CHAK MUGHLAN</t>
  </si>
  <si>
    <t>Chak Mughlan</t>
  </si>
  <si>
    <t>Village Chakmughlan post office kalagugran jhelum</t>
  </si>
  <si>
    <t>Kalagujran</t>
  </si>
  <si>
    <t>Ambreen Shahzadi</t>
  </si>
  <si>
    <t>GPS CHAK MUGHLOO</t>
  </si>
  <si>
    <t>Chak Mughloo</t>
  </si>
  <si>
    <t>chak Mughloo</t>
  </si>
  <si>
    <t>GPS CHAK MUHAMMAD KHAN</t>
  </si>
  <si>
    <t>Chak Muhammad  Khan</t>
  </si>
  <si>
    <t>Chak Muhammad Khan,. district sargodha</t>
  </si>
  <si>
    <t>GPS CHAK MUNDA</t>
  </si>
  <si>
    <t>615 Tda</t>
  </si>
  <si>
    <t>chak no 615 Tda kot addu district Muzaffargarh</t>
  </si>
  <si>
    <t>Muhammad Naeem Abbas</t>
  </si>
  <si>
    <t>GPS CHAK MURAD</t>
  </si>
  <si>
    <t>chak murad depalpur okara</t>
  </si>
  <si>
    <t>Atari</t>
  </si>
  <si>
    <t>GPS CHAK MUSIANA</t>
  </si>
  <si>
    <t>Chak Musiana</t>
  </si>
  <si>
    <t>village chak musiana  p/o malyar</t>
  </si>
  <si>
    <t>GPS CHAK N0. 433/EB</t>
  </si>
  <si>
    <t>chak no. 433 eb tehsil burewala distt. vehari</t>
  </si>
  <si>
    <t>433/e.b</t>
  </si>
  <si>
    <t>199 e.b</t>
  </si>
  <si>
    <t>BINYAMIN</t>
  </si>
  <si>
    <t>GPS CHAK N0.3 FAIZ P/O 4/F</t>
  </si>
  <si>
    <t>3 Faiz</t>
  </si>
  <si>
    <t>chak no 3/Faiz P/O Lar Tehsil &amp; District  Multan</t>
  </si>
  <si>
    <t>GPS CHAK NAHARA</t>
  </si>
  <si>
    <t>Chak Nahara</t>
  </si>
  <si>
    <t>Post office manawala Village chak nahara</t>
  </si>
  <si>
    <t>GPS CHAK NAHI</t>
  </si>
  <si>
    <t>Chak Nahi</t>
  </si>
  <si>
    <t>p/o wasanday wali mouza chak nahi Tah. &amp; Disst M. Garh</t>
  </si>
  <si>
    <t>Sarwar Hussain Zaffar</t>
  </si>
  <si>
    <t>GPS CHAK NANGAR</t>
  </si>
  <si>
    <t>basti cheel chak nangar choti bala tehsil kot chutta</t>
  </si>
  <si>
    <t>Basti Cheel</t>
  </si>
  <si>
    <t>GPS CHAK NAO</t>
  </si>
  <si>
    <t>village chack nao teh &amp; district Sialkot</t>
  </si>
  <si>
    <t>Ammar Rashid</t>
  </si>
  <si>
    <t>GPS CHAK NAURANG</t>
  </si>
  <si>
    <t>Manhdal</t>
  </si>
  <si>
    <t>Moza mandala basti juma Arina the silver Ahmed purple East</t>
  </si>
  <si>
    <t>Juma Arin</t>
  </si>
  <si>
    <t>No Shera Jadeed</t>
  </si>
  <si>
    <t>GPS CHAK NO  171/7-R N</t>
  </si>
  <si>
    <t>171/7R N</t>
  </si>
  <si>
    <t>chak no 171/7R north</t>
  </si>
  <si>
    <t>GPS CHAK NO 1 RAKH DALA</t>
  </si>
  <si>
    <t>gps chak 1 rakh dala p/o dullewala tehseel darya khan (bhakkar)</t>
  </si>
  <si>
    <t>Chak No1 Rakh Dala</t>
  </si>
  <si>
    <t>GPS CHAK NO 1/2-R GARH MAHRAJA</t>
  </si>
  <si>
    <t>chak no 1/2R moza sial kot  teh a.p . sial jhang</t>
  </si>
  <si>
    <t>Chak no 1/2R</t>
  </si>
  <si>
    <t>Ureed Abbas Khan</t>
  </si>
  <si>
    <t>GPS CHAK NO 1/3-R GARH MAHRAJA</t>
  </si>
  <si>
    <t>GPS Chak No. 1/3R</t>
  </si>
  <si>
    <t>Chak No1/3R</t>
  </si>
  <si>
    <t>SYED MUZAMMIL ABBAS SHAH</t>
  </si>
  <si>
    <t>GPS CHAK NO 1/NP</t>
  </si>
  <si>
    <t>CHAK 1NP BAHADUR Pur  Tehsil Sadiq Abad District Rahim Yar Khan</t>
  </si>
  <si>
    <t>Chak 1Np</t>
  </si>
  <si>
    <t>Ashiq  Hussain Soomro</t>
  </si>
  <si>
    <t>GPS CHAK NO 10 ML</t>
  </si>
  <si>
    <t>Chak No 10/ml</t>
  </si>
  <si>
    <t>chak no.10/ml.p o.same.tehsil.piplan.district mianwali.</t>
  </si>
  <si>
    <t>Chak No 10 /ml</t>
  </si>
  <si>
    <t>Mushtaq Gill</t>
  </si>
  <si>
    <t>GPS CHAK NO 10/1-R E</t>
  </si>
  <si>
    <t>Chak 10/1-R E</t>
  </si>
  <si>
    <t>chak no. 10/1-R E</t>
  </si>
  <si>
    <t>Chak No 10/1-R E</t>
  </si>
  <si>
    <t>M Shareef</t>
  </si>
  <si>
    <t>GPS CHAK NO 100-A TDA</t>
  </si>
  <si>
    <t>khokhar isra thal</t>
  </si>
  <si>
    <t>chak no.100a/tda p/o rajan shah teh karor dist layyah</t>
  </si>
  <si>
    <t>chak 100a /tda</t>
  </si>
  <si>
    <t>rajan shah</t>
  </si>
  <si>
    <t>Abbas Raza</t>
  </si>
  <si>
    <t>GPS CHAK NO 101 F</t>
  </si>
  <si>
    <t>101f</t>
  </si>
  <si>
    <t>Chak 101/F Chishtian</t>
  </si>
  <si>
    <t>Chak 101/F</t>
  </si>
  <si>
    <t>Chak 98/F</t>
  </si>
  <si>
    <t>GPS CHAK NO 101 TDA GARA</t>
  </si>
  <si>
    <t>Dagar sewag</t>
  </si>
  <si>
    <t>chak no 101 T D A Gara Tehsil karor District Layyah</t>
  </si>
  <si>
    <t>chak no 101 T D A Gara</t>
  </si>
  <si>
    <t>GPS CHAK NO 102 6R</t>
  </si>
  <si>
    <t>chak No. 102/6.R tehsil haroonabad</t>
  </si>
  <si>
    <t>Shehzad Sardar</t>
  </si>
  <si>
    <t>GPS CHAK NO 102 F</t>
  </si>
  <si>
    <t>Chakno 102/F</t>
  </si>
  <si>
    <t>chakno102/f</t>
  </si>
  <si>
    <t>Chakno102/F</t>
  </si>
  <si>
    <t>Chakno40/F</t>
  </si>
  <si>
    <t>GPS CHAK NO 103 ML</t>
  </si>
  <si>
    <t>Chak No 103 ML</t>
  </si>
  <si>
    <t>CHAK NO103 ML</t>
  </si>
  <si>
    <t>Chak No 103 M L</t>
  </si>
  <si>
    <t>GPS CHAK NO 104 TDA</t>
  </si>
  <si>
    <t>104TDA</t>
  </si>
  <si>
    <t>chak #104tda p/o 110/tda tehsil karor district layyah</t>
  </si>
  <si>
    <t>104/TDA</t>
  </si>
  <si>
    <t>Muhammad Abid Zubair</t>
  </si>
  <si>
    <t>GPS CHAK NO 104/6-R</t>
  </si>
  <si>
    <t>104/6r</t>
  </si>
  <si>
    <t>chak no. 104/6r</t>
  </si>
  <si>
    <t>Sakhi Muhammad</t>
  </si>
  <si>
    <t>GPS CHAK NO 105 6R AB</t>
  </si>
  <si>
    <t>105/6r</t>
  </si>
  <si>
    <t>105/6rab</t>
  </si>
  <si>
    <t>GPS CHAK NO 105 RB II</t>
  </si>
  <si>
    <t>105 RB ii</t>
  </si>
  <si>
    <t>Govt. primary school chak no 105 rb ii</t>
  </si>
  <si>
    <t>Chak No 105 ii</t>
  </si>
  <si>
    <t>Shahzada Tanvir Ahmad</t>
  </si>
  <si>
    <t>GPS CHAK NO 105 TDA</t>
  </si>
  <si>
    <t>Chak No 105TDA</t>
  </si>
  <si>
    <t>Chak No.105TDA.Tehsil Karpr District Layyah</t>
  </si>
  <si>
    <t>GPS CHAK NO 106 ML</t>
  </si>
  <si>
    <t>106ml</t>
  </si>
  <si>
    <t>Chak No.106ml Fateh Pur</t>
  </si>
  <si>
    <t>chak no.106ml fateh pur</t>
  </si>
  <si>
    <t>M C Fatehpur</t>
  </si>
  <si>
    <t>GPS CHAK NO 106 TDA</t>
  </si>
  <si>
    <t>Chak no 106/TDA  P/O Basti Sibani Tehsil Karor Distt. Layyah</t>
  </si>
  <si>
    <t>106 TDA</t>
  </si>
  <si>
    <t>GPS CHAK NO 106/6-R</t>
  </si>
  <si>
    <t>106/6r</t>
  </si>
  <si>
    <t>Chak no 106/6r</t>
  </si>
  <si>
    <t>Sana Mehwish</t>
  </si>
  <si>
    <t>GPS CHAK NO 107 ML</t>
  </si>
  <si>
    <t>Chak no.107ml</t>
  </si>
  <si>
    <t>Chak No.107ml  fateh pur</t>
  </si>
  <si>
    <t>Chak No.107ml</t>
  </si>
  <si>
    <t>GPS CHAK NO 107 NP</t>
  </si>
  <si>
    <t>Chak 107/NP</t>
  </si>
  <si>
    <t>Chak No 107/NP P/O Nawan kot tehsil KPR RYK</t>
  </si>
  <si>
    <t>Chak 107 NP</t>
  </si>
  <si>
    <t>GPS CHAK NO 107 TDA</t>
  </si>
  <si>
    <t>chak no 107/tda</t>
  </si>
  <si>
    <t>Chak No 107/tda</t>
  </si>
  <si>
    <t>HafizAhmad Ali</t>
  </si>
  <si>
    <t>GPS CHAK NO 108 F</t>
  </si>
  <si>
    <t>Chak no.108/f  p/o chak no. 109/f  tehsil chishtian district bahawalnagar</t>
  </si>
  <si>
    <t>Chak No108/F</t>
  </si>
  <si>
    <t>Chak No 35/F</t>
  </si>
  <si>
    <t>Muhammad Ashrif</t>
  </si>
  <si>
    <t>GPS CHAK NO 108 RB</t>
  </si>
  <si>
    <t>Chak no108 RB</t>
  </si>
  <si>
    <t>Government Primary School Chak 108 RB Choudharywala Jaranwala</t>
  </si>
  <si>
    <t>Ali Zurwan</t>
  </si>
  <si>
    <t>GPS CHAK NO 108/NP</t>
  </si>
  <si>
    <t>Chak 108/np</t>
  </si>
  <si>
    <t>chak no 108/NP ,tehsil khanpur distt rahim yar khan</t>
  </si>
  <si>
    <t>Chak No 108-NP</t>
  </si>
  <si>
    <t>GPS CHAK NO 109 JB</t>
  </si>
  <si>
    <t>Neellianwala</t>
  </si>
  <si>
    <t>GPS 109 JB</t>
  </si>
  <si>
    <t>Chak No 106 JB Khachian</t>
  </si>
  <si>
    <t>GPS CHAK NO 109 ML</t>
  </si>
  <si>
    <t>Mooj Garh</t>
  </si>
  <si>
    <t>CHAK NO 109 ML</t>
  </si>
  <si>
    <t>109ML</t>
  </si>
  <si>
    <t>GPS CHAK NO 109 TDA</t>
  </si>
  <si>
    <t>GPS chak 109/tda</t>
  </si>
  <si>
    <t>Chak 109/tda</t>
  </si>
  <si>
    <t>Chak 110/tda</t>
  </si>
  <si>
    <t>GPS CHAK NO 11 GB</t>
  </si>
  <si>
    <t>Chak NO 11GB</t>
  </si>
  <si>
    <t>Chak no 11 Massanda GB</t>
  </si>
  <si>
    <t>Chak NO 11 GB</t>
  </si>
  <si>
    <t>Chak No 13 Gb</t>
  </si>
  <si>
    <t>Muhammad Ayyub</t>
  </si>
  <si>
    <t>GPS CHAK NO 11 NP</t>
  </si>
  <si>
    <t>Chak no 11 np p/o 24 np</t>
  </si>
  <si>
    <t>chak 11 np</t>
  </si>
  <si>
    <t>GPS CHAK NO 11 TDA</t>
  </si>
  <si>
    <t>Chah Nawan Quraishian Wala</t>
  </si>
  <si>
    <t>chah Nawan Quraishian Wala Chak No 11 TDA</t>
  </si>
  <si>
    <t>Abadi Chak No 11 TDA</t>
  </si>
  <si>
    <t>Dagar Quraishi</t>
  </si>
  <si>
    <t>Aamir Saifullah</t>
  </si>
  <si>
    <t>GPS CHAK NO 11 THAL</t>
  </si>
  <si>
    <t>Uchgulimmam</t>
  </si>
  <si>
    <t>GPS chakno 11thall</t>
  </si>
  <si>
    <t>Chakno11thall</t>
  </si>
  <si>
    <t>GPS CHAK NO 11/1-R</t>
  </si>
  <si>
    <t>Chak 11/1-R</t>
  </si>
  <si>
    <t>chak no. 11/1-R</t>
  </si>
  <si>
    <t>11/1-R</t>
  </si>
  <si>
    <t>Chak 15/1-R</t>
  </si>
  <si>
    <t>GPS CHAK NO 110 FA</t>
  </si>
  <si>
    <t>Chak no 110/FA</t>
  </si>
  <si>
    <t>chack no 110 fateh. chishtian</t>
  </si>
  <si>
    <t>Chak 110/FA</t>
  </si>
  <si>
    <t>Abdullah Hafeez</t>
  </si>
  <si>
    <t>GPS CHAK NO 111 TDA</t>
  </si>
  <si>
    <t>111/tdq</t>
  </si>
  <si>
    <t>111/tda</t>
  </si>
  <si>
    <t>GPS CHAK NO 111/6-R</t>
  </si>
  <si>
    <t>Chak 111/6R</t>
  </si>
  <si>
    <t>chak 111/6,R Teh Haroon abad Bwn</t>
  </si>
  <si>
    <t>111/6R</t>
  </si>
  <si>
    <t>Chak 118/6r</t>
  </si>
  <si>
    <t>GPS CHAK NO 112 TDA</t>
  </si>
  <si>
    <t>GPS 112 TDA , Tehsil karor (LAYYAH)</t>
  </si>
  <si>
    <t>Chak No 112 TDA</t>
  </si>
  <si>
    <t>Chak No 110 TDA</t>
  </si>
  <si>
    <t>GPS CHAK NO 112/1-L</t>
  </si>
  <si>
    <t>Chak No. 112/1-L Khanpur</t>
  </si>
  <si>
    <t>Sarfraz Khan Sadozai</t>
  </si>
  <si>
    <t>GPS CHAK NO 113 NP</t>
  </si>
  <si>
    <t>Chak No 113NP</t>
  </si>
  <si>
    <t>Chak 113 NP</t>
  </si>
  <si>
    <t>GPS CHAK NO 113 TDA</t>
  </si>
  <si>
    <t>Chak No 113/TDA Teh Karor Distt Layyah</t>
  </si>
  <si>
    <t>chak no 113/tda</t>
  </si>
  <si>
    <t>Irfan Haider</t>
  </si>
  <si>
    <t>GPS CHAK NO 113/6-R</t>
  </si>
  <si>
    <t>Chak No 113/6R</t>
  </si>
  <si>
    <t>Asad Jalil</t>
  </si>
  <si>
    <t>GPS CHAK NO 114/6-R</t>
  </si>
  <si>
    <t>GPS CHAK NO 115 ML</t>
  </si>
  <si>
    <t>115Ml</t>
  </si>
  <si>
    <t>CHAK NO 115/ML</t>
  </si>
  <si>
    <t>CHAK NO 112/ML</t>
  </si>
  <si>
    <t>MUHAMMAD RASHID RASOOL</t>
  </si>
  <si>
    <t>GPS CHAK NO 115/6-R</t>
  </si>
  <si>
    <t>115/6r</t>
  </si>
  <si>
    <t>chak no. 115/r</t>
  </si>
  <si>
    <t>Ghulam  Farid-ud-din  Masood</t>
  </si>
  <si>
    <t>GPS CHAK NO 116/6-R</t>
  </si>
  <si>
    <t>chack no 116/6r</t>
  </si>
  <si>
    <t>chack no. 116/6r Teh. HND District BWN</t>
  </si>
  <si>
    <t>chack no 118/6r</t>
  </si>
  <si>
    <t>Mohammad Ashfaq</t>
  </si>
  <si>
    <t>GPS CHAK NO 117 ML</t>
  </si>
  <si>
    <t>Chak No.117/ML</t>
  </si>
  <si>
    <t>117/ML</t>
  </si>
  <si>
    <t>Sharan</t>
  </si>
  <si>
    <t>GPS CHAK NO 117 TDA</t>
  </si>
  <si>
    <t>chak #117/TDA</t>
  </si>
  <si>
    <t>GPS CHAK NO 117/6-R</t>
  </si>
  <si>
    <t>chak no.117/6.r</t>
  </si>
  <si>
    <t>117/6r</t>
  </si>
  <si>
    <t>GPS CHAK NO 118 ML</t>
  </si>
  <si>
    <t>chak no 118 ml</t>
  </si>
  <si>
    <t>Chak 118 ml</t>
  </si>
  <si>
    <t>aftab aziz</t>
  </si>
  <si>
    <t>GPS CHAK NO 118/P</t>
  </si>
  <si>
    <t>Kokari</t>
  </si>
  <si>
    <t>chak#118/p Rahim Yar Khan</t>
  </si>
  <si>
    <t>118/P</t>
  </si>
  <si>
    <t>GPS CHAK NO 119 GB</t>
  </si>
  <si>
    <t>Chak no 119 GB</t>
  </si>
  <si>
    <t>Chak no. 119 GB , Jaranwala</t>
  </si>
  <si>
    <t>Chak no. 119GB</t>
  </si>
  <si>
    <t>chak no 122 gb</t>
  </si>
  <si>
    <t>GPS CHAK NO 119 WB</t>
  </si>
  <si>
    <t>Chak No 119 W/B</t>
  </si>
  <si>
    <t>Chak No 119 W /B</t>
  </si>
  <si>
    <t>Kaleemullah</t>
  </si>
  <si>
    <t>GPS CHAK NO 11FW  JATAN WALA</t>
  </si>
  <si>
    <t>11fw</t>
  </si>
  <si>
    <t>chak no 11fw jattan wala</t>
  </si>
  <si>
    <t>11fw Jattanwala</t>
  </si>
  <si>
    <t>Umar Waqas</t>
  </si>
  <si>
    <t>GPS CHAK NO 12 NP</t>
  </si>
  <si>
    <t>Chak 12Np</t>
  </si>
  <si>
    <t>GPS CHAK NO 12/1-R</t>
  </si>
  <si>
    <t>Chak12/1R</t>
  </si>
  <si>
    <t>GOVT P/S12/1.R</t>
  </si>
  <si>
    <t>Chak No12/1R</t>
  </si>
  <si>
    <t>Chak No15/1R</t>
  </si>
  <si>
    <t>BARKAT ALI</t>
  </si>
  <si>
    <t>GPS CHAK NO 12/68 (W)</t>
  </si>
  <si>
    <t>Chak No 12/68 West</t>
  </si>
  <si>
    <t>Chak No. 12/68 west, tehsil and district nankana sahib</t>
  </si>
  <si>
    <t>GPS CHAK NO 120 MURAD</t>
  </si>
  <si>
    <t>Chak 120 M</t>
  </si>
  <si>
    <t>chak no. 120/M</t>
  </si>
  <si>
    <t>IRFAN-UL-HAQ</t>
  </si>
  <si>
    <t>GPS CHAK NO 120/6-R (E)</t>
  </si>
  <si>
    <t>Chak No 120/6-r</t>
  </si>
  <si>
    <t>Chak no 120/6-r AB Post office faqirwali tehsil Haroonabad district Bahawalnagar</t>
  </si>
  <si>
    <t>Chak No 120/6-r E</t>
  </si>
  <si>
    <t>Chak No 101/6-r</t>
  </si>
  <si>
    <t>GPS CHAK NO 120/6-R N</t>
  </si>
  <si>
    <t>Chak120/6R N</t>
  </si>
  <si>
    <t>chak120/6R North</t>
  </si>
  <si>
    <t>120/6R N</t>
  </si>
  <si>
    <t>Chak101/6R</t>
  </si>
  <si>
    <t>Muhammad   Akram</t>
  </si>
  <si>
    <t>GPS CHAK NO 122/M</t>
  </si>
  <si>
    <t>122/M</t>
  </si>
  <si>
    <t>Chak 122/M post office same tehsil chishtian</t>
  </si>
  <si>
    <t>Chak 122/M</t>
  </si>
  <si>
    <t>Chak 118/M</t>
  </si>
  <si>
    <t>Imran Ul Haq</t>
  </si>
  <si>
    <t>GPS CHAK NO 122-A TDA</t>
  </si>
  <si>
    <t>Chak No.122-A/TDA Jattay Wala</t>
  </si>
  <si>
    <t>Chak No122-A/TDA Jattay Wala</t>
  </si>
  <si>
    <t>Kotla Hagi Shah</t>
  </si>
  <si>
    <t>GPS CHAK NO 123/6-R (A-B)</t>
  </si>
  <si>
    <t>Chak no.123/6R Azafi Bastee post office Faqirwali Tehsil Haroonabad  District Bahawalnagar</t>
  </si>
  <si>
    <t>Chak No123/6R AB</t>
  </si>
  <si>
    <t>Muhammad Nadeem   Sarwar</t>
  </si>
  <si>
    <t>GPS CHAK NO 124/6-R E</t>
  </si>
  <si>
    <t>chak 124/6 R</t>
  </si>
  <si>
    <t>Chak 124/6R</t>
  </si>
  <si>
    <t>Faqirwali II</t>
  </si>
  <si>
    <t>SYED ZAINULABEDIN SAQIB</t>
  </si>
  <si>
    <t>GPS CHAK NO 125 ML</t>
  </si>
  <si>
    <t>chak no 125 ML Chau bara layyah</t>
  </si>
  <si>
    <t>Chak 125 ML</t>
  </si>
  <si>
    <t>GPS CHAK NO 125/6-R</t>
  </si>
  <si>
    <t>chak no. 125 6/R</t>
  </si>
  <si>
    <t>Chak 125 6/R</t>
  </si>
  <si>
    <t>Chak 133/6R</t>
  </si>
  <si>
    <t>GPS CHAK NO 125/M</t>
  </si>
  <si>
    <t>chak 125-M</t>
  </si>
  <si>
    <t>chak no125/M P.O. chak  no122/m</t>
  </si>
  <si>
    <t>chak  128-M  E</t>
  </si>
  <si>
    <t>GPS CHAK NO 126 JB NEKO KARAH</t>
  </si>
  <si>
    <t>nekokara</t>
  </si>
  <si>
    <t>chak 126 j.b nekokara tehsil &amp; district chiniot</t>
  </si>
  <si>
    <t>chak 126 j.b Nekokara</t>
  </si>
  <si>
    <t>Muzammil Khan</t>
  </si>
  <si>
    <t>GPS CHAK NO 126 ML</t>
  </si>
  <si>
    <t>Chak No 126 ML</t>
  </si>
  <si>
    <t>Chak 126 ML</t>
  </si>
  <si>
    <t>Allah Ditta Bhatti</t>
  </si>
  <si>
    <t>GPS CHAK NO 127 NP</t>
  </si>
  <si>
    <t>post office pacca laran teh liaqat pur distt Rahim yar khan</t>
  </si>
  <si>
    <t>Dandni Naich</t>
  </si>
  <si>
    <t>GPS CHAK NO 127/6-R W</t>
  </si>
  <si>
    <t>127/6r W</t>
  </si>
  <si>
    <t>127/6_r w</t>
  </si>
  <si>
    <t>Muhammad Asim Saeed</t>
  </si>
  <si>
    <t>GPS CHAK NO 128/6-R</t>
  </si>
  <si>
    <t>128/6R</t>
  </si>
  <si>
    <t>Chak no 128/6R</t>
  </si>
  <si>
    <t>GPS CHAK NO 128/M E</t>
  </si>
  <si>
    <t>Chak 128/M East Chishtian</t>
  </si>
  <si>
    <t>Chak 128/M E</t>
  </si>
  <si>
    <t>Chak 128/M</t>
  </si>
  <si>
    <t>Muhammad  Yousaf Liaquat</t>
  </si>
  <si>
    <t>GPS CHAK NO 128/NP</t>
  </si>
  <si>
    <t>Chak No 128/NP</t>
  </si>
  <si>
    <t>PS chak no 128/np UC Nalla musani p/o Pacca Laran Teh.Liaquat pur Dist. Rahim yar khan</t>
  </si>
  <si>
    <t>Dera Jam Abdul Ghafoor</t>
  </si>
  <si>
    <t>Nalla Musani</t>
  </si>
  <si>
    <t>Muhammad Iqbal Qureshi</t>
  </si>
  <si>
    <t>GPS CHAK NO 128/P</t>
  </si>
  <si>
    <t>chak no 128/p</t>
  </si>
  <si>
    <t>128/P</t>
  </si>
  <si>
    <t>CHAK NO 148P</t>
  </si>
  <si>
    <t>Khalid Rasool</t>
  </si>
  <si>
    <t>GPS CHAK NO 128-B TDA</t>
  </si>
  <si>
    <t>Noshaira Thal Jandi</t>
  </si>
  <si>
    <t>chak no 128B TDA Layyah</t>
  </si>
  <si>
    <t>128TDA</t>
  </si>
  <si>
    <t>Tailandus</t>
  </si>
  <si>
    <t>Muhammad Ramzaan bhatti</t>
  </si>
  <si>
    <t>GPS CHAK NO 129 NP</t>
  </si>
  <si>
    <t>Chak No 129NP</t>
  </si>
  <si>
    <t>chak no 129NP TEH.liaquatpur Dist. rahim yar khan</t>
  </si>
  <si>
    <t>Chak No129NP</t>
  </si>
  <si>
    <t>GPS CHAK NO 129/351 TDA</t>
  </si>
  <si>
    <t>Chak No351 Tda</t>
  </si>
  <si>
    <t>chak no.351 tda Tehsil choubara district Layyah</t>
  </si>
  <si>
    <t>Chak No 351 Tda</t>
  </si>
  <si>
    <t>GPS CHAK NO 13 DB P/O CHAK NO 15 DB</t>
  </si>
  <si>
    <t>Chak No13db</t>
  </si>
  <si>
    <t>GPS CHAK NO 13/1.AL</t>
  </si>
  <si>
    <t>13/1al</t>
  </si>
  <si>
    <t>GPS CHAK NO 13/1L</t>
  </si>
  <si>
    <t>13/1.L</t>
  </si>
  <si>
    <t>Adnan Asghar</t>
  </si>
  <si>
    <t>GPS CHAK NO 13/65</t>
  </si>
  <si>
    <t>Chak No13/65</t>
  </si>
  <si>
    <t>Chak  No.13/65</t>
  </si>
  <si>
    <t>Chak  No13/65</t>
  </si>
  <si>
    <t>Fridabad</t>
  </si>
  <si>
    <t>Saif-ur-rehman</t>
  </si>
  <si>
    <t>GPS CHAK NO 13/P</t>
  </si>
  <si>
    <t>Post Office Jetha Bhutta Tehsil Khanpur</t>
  </si>
  <si>
    <t>Chak 13/P</t>
  </si>
  <si>
    <t>GPS CHAK NO 130/6-R</t>
  </si>
  <si>
    <t>azafi basti 130/6r teh haroonabad</t>
  </si>
  <si>
    <t>130/6 R AB</t>
  </si>
  <si>
    <t>GPS CHAK NO 130/M</t>
  </si>
  <si>
    <t>Chak 130/M</t>
  </si>
  <si>
    <t>chak 130/m p/o 130/m tehsil chishtians district bahawal nagar</t>
  </si>
  <si>
    <t>130/M</t>
  </si>
  <si>
    <t>GPS CHAK NO 131/1-L</t>
  </si>
  <si>
    <t>chak 131/1L</t>
  </si>
  <si>
    <t>chak 131/1L khanpur</t>
  </si>
  <si>
    <t>bhatta shekhan</t>
  </si>
  <si>
    <t>GPS CHAK NO 132 P</t>
  </si>
  <si>
    <t>Chak 132p</t>
  </si>
  <si>
    <t>GPS 132p</t>
  </si>
  <si>
    <t>Chak132p</t>
  </si>
  <si>
    <t>Waqas Ahmed</t>
  </si>
  <si>
    <t>GPS CHAK NO 132 TDA</t>
  </si>
  <si>
    <t>chak no 132/TDA Layyah</t>
  </si>
  <si>
    <t>Chak No 132/TDA</t>
  </si>
  <si>
    <t>GPS CHAK NO 133 TDA</t>
  </si>
  <si>
    <t>Chak no 133/tda layyah</t>
  </si>
  <si>
    <t>Chak No 133/tda</t>
  </si>
  <si>
    <t>Iqbal Ahmad</t>
  </si>
  <si>
    <t>GPS CHAK NO 133/M</t>
  </si>
  <si>
    <t>ckak 133/m</t>
  </si>
  <si>
    <t>Hafiz Bashir Ahmad</t>
  </si>
  <si>
    <t>GPS CHAK NO 134 TDA</t>
  </si>
  <si>
    <t>chack #134/TDA</t>
  </si>
  <si>
    <t>Chack #134/TDa</t>
  </si>
  <si>
    <t>Mondi TOWN</t>
  </si>
  <si>
    <t>Muhammad Parvaiz Akhter</t>
  </si>
  <si>
    <t>GPS CHAK NO 134/M</t>
  </si>
  <si>
    <t>chak 134/m</t>
  </si>
  <si>
    <t>Muhammad Shan Akbar</t>
  </si>
  <si>
    <t>GPS CHAK NO 135 JB</t>
  </si>
  <si>
    <t>Chak No.135 JB Tehsil, District &amp; P/O Chiniot</t>
  </si>
  <si>
    <t>Chak No 135 JB</t>
  </si>
  <si>
    <t>Chak No 146 JB</t>
  </si>
  <si>
    <t>GPS CHAK NO 135 TDA</t>
  </si>
  <si>
    <t>chak no 135/tda layyah</t>
  </si>
  <si>
    <t>Chak No 135/tda</t>
  </si>
  <si>
    <t>GPS CHAK NO 135/6-R</t>
  </si>
  <si>
    <t>135/6R</t>
  </si>
  <si>
    <t>chak 135/6R</t>
  </si>
  <si>
    <t>GPS CHAK NO 136/1-L</t>
  </si>
  <si>
    <t>Chak No 136 /1L</t>
  </si>
  <si>
    <t>Govt p/s chak 136 /1L P/ O mud mangla Teh Khan pur</t>
  </si>
  <si>
    <t>GPS CHAK NO 136/6-R</t>
  </si>
  <si>
    <t>Chak no 136/6R</t>
  </si>
  <si>
    <t>GPS CHAK NO 136/M</t>
  </si>
  <si>
    <t>136M</t>
  </si>
  <si>
    <t>Chak No 136M PO Chak No 134M Tehsil Chishtian Distt Bahawalnagar</t>
  </si>
  <si>
    <t>Chak No 136M</t>
  </si>
  <si>
    <t>Chak No 134M</t>
  </si>
  <si>
    <t>GPS CHAK NO 137 M</t>
  </si>
  <si>
    <t>137/m</t>
  </si>
  <si>
    <t>chak no 137/m</t>
  </si>
  <si>
    <t>169/m</t>
  </si>
  <si>
    <t>GPS CHAK NO 138 JB</t>
  </si>
  <si>
    <t>chak no 153 jb chiniot</t>
  </si>
  <si>
    <t>Chak No 138 Haral</t>
  </si>
  <si>
    <t>Chak No 146 Jb</t>
  </si>
  <si>
    <t>Muhammad Younus Naeem</t>
  </si>
  <si>
    <t>GPS CHAK NO 138 M</t>
  </si>
  <si>
    <t>138/m</t>
  </si>
  <si>
    <t>GPS 138/m</t>
  </si>
  <si>
    <t>Mohammad Amjad</t>
  </si>
  <si>
    <t>GPS CHAK NO 14</t>
  </si>
  <si>
    <t>Chak No 14</t>
  </si>
  <si>
    <t>BHOE Asal</t>
  </si>
  <si>
    <t>Muhammad Aslam Qamar</t>
  </si>
  <si>
    <t>GPS CHAK NO 14 B TDA</t>
  </si>
  <si>
    <t>Dagger Wahghwara  Wahghwara Sharqi</t>
  </si>
  <si>
    <t>GPS  CHAK  No  14 B TDA</t>
  </si>
  <si>
    <t>Dagger Wahghwara</t>
  </si>
  <si>
    <t>Abdur Rasheed</t>
  </si>
  <si>
    <t>GPS CHAK NO 14 JB</t>
  </si>
  <si>
    <t>chak no 14 j.b</t>
  </si>
  <si>
    <t>GPS CHAK NO 14 JB KARLO</t>
  </si>
  <si>
    <t>chak no 14 j .b kalru tehsil and district Chiniot</t>
  </si>
  <si>
    <t>GPS CHAK NO 14 TDA</t>
  </si>
  <si>
    <t>Duggar Quraishi</t>
  </si>
  <si>
    <t>GPS Chak No 14TDA  thesil Darya Khan distt Bhakkar</t>
  </si>
  <si>
    <t>Chak No 14TDA</t>
  </si>
  <si>
    <t>Ishtiaq Ahmad Asim</t>
  </si>
  <si>
    <t>GPS CHAK NO 14/1L</t>
  </si>
  <si>
    <t>Chak No. 14/1L Teh. Renala Khurd District. Okara</t>
  </si>
  <si>
    <t>Nasir Javaid Farukh</t>
  </si>
  <si>
    <t>GPS CHAK NO 14/66</t>
  </si>
  <si>
    <t>14/66</t>
  </si>
  <si>
    <t>Chak No. 14/66 Post Office Same Tehsil and District Nankana Sahib</t>
  </si>
  <si>
    <t>CHAK NO 14/66</t>
  </si>
  <si>
    <t>Malka HAJI</t>
  </si>
  <si>
    <t>GPS CHAK NO 14/P</t>
  </si>
  <si>
    <t>Gulkana</t>
  </si>
  <si>
    <t>chak 14 p</t>
  </si>
  <si>
    <t>Jethabutha</t>
  </si>
  <si>
    <t>Hafiz Yasir Ali Zaki</t>
  </si>
  <si>
    <t>GPS CHAK NO 140 JB</t>
  </si>
  <si>
    <t>chak no 140 jb Haral</t>
  </si>
  <si>
    <t>Chak 140</t>
  </si>
  <si>
    <t>Syed  Kazim Ali Shah</t>
  </si>
  <si>
    <t>GPS CHAK NO 141 M</t>
  </si>
  <si>
    <t>141/M</t>
  </si>
  <si>
    <t>chak no 141 muraad tehsil chishitian disit. Bahawalnagar</t>
  </si>
  <si>
    <t>GPS CHAK NO 142 TDA</t>
  </si>
  <si>
    <t>chak no 142</t>
  </si>
  <si>
    <t>GPS CHAK NO 144 JB EAST</t>
  </si>
  <si>
    <t>Chak 144E</t>
  </si>
  <si>
    <t>GPS CHAK NO 146 JB</t>
  </si>
  <si>
    <t>chak no 146 jb</t>
  </si>
  <si>
    <t>GPS CHAK NO 146/P</t>
  </si>
  <si>
    <t>146/P</t>
  </si>
  <si>
    <t>chak no 146/p tehsil sadiq abad district rahim Yar khan</t>
  </si>
  <si>
    <t>148/P</t>
  </si>
  <si>
    <t>GPS CHAK NO 147/P</t>
  </si>
  <si>
    <t>chak no. 147/p sadiqabad</t>
  </si>
  <si>
    <t>147/p</t>
  </si>
  <si>
    <t>Faqir Muhammad</t>
  </si>
  <si>
    <t>GPS CHAK NO 14-D</t>
  </si>
  <si>
    <t>Chak 14/D</t>
  </si>
  <si>
    <t>chak 14/D</t>
  </si>
  <si>
    <t>Chak Bawa Bareet</t>
  </si>
  <si>
    <t>GPS CHAK NO 15</t>
  </si>
  <si>
    <t>Chak No 15</t>
  </si>
  <si>
    <t>chak no 15 teh chunian distt kasur</t>
  </si>
  <si>
    <t>GPS CHAK NO 15 KB</t>
  </si>
  <si>
    <t>15Kb</t>
  </si>
  <si>
    <t>GPS CHAK NO 15 SAHMSHA</t>
  </si>
  <si>
    <t>15gb</t>
  </si>
  <si>
    <t>chak no 15 gb tah&amp;diss nankana sahib</t>
  </si>
  <si>
    <t>CHAK No 13</t>
  </si>
  <si>
    <t>GPS CHAK NO 15 TDA</t>
  </si>
  <si>
    <t>chak No 15 tDA</t>
  </si>
  <si>
    <t>GPS Chak No 15 TDA, Tehsil Darya Khan District Bhakkar</t>
  </si>
  <si>
    <t>Chak No 15 TDA</t>
  </si>
  <si>
    <t>GPS CHAK NO 15/1-AL</t>
  </si>
  <si>
    <t>Chak No 15/1AL</t>
  </si>
  <si>
    <t>chack no 15/1.AL</t>
  </si>
  <si>
    <t>Check No 15/1AL</t>
  </si>
  <si>
    <t>Chak No 14/1AL</t>
  </si>
  <si>
    <t>Rizwan Ahmad</t>
  </si>
  <si>
    <t>GPS CHAK NO 151/2-L</t>
  </si>
  <si>
    <t>151/2L</t>
  </si>
  <si>
    <t>chak 151/2L teh haroonabad dist bahawalnagar</t>
  </si>
  <si>
    <t>kashif jamshaid</t>
  </si>
  <si>
    <t>GPS CHAK NO 153 JB</t>
  </si>
  <si>
    <t>Gatti Saidan</t>
  </si>
  <si>
    <t>chak no 153 post office 152 tehsil and dist chiniot</t>
  </si>
  <si>
    <t>Chak 153</t>
  </si>
  <si>
    <t>Muhammad Nawaz Shakir</t>
  </si>
  <si>
    <t>GPS CHAK NO 153 TDA</t>
  </si>
  <si>
    <t>Jandi</t>
  </si>
  <si>
    <t>post office 279 TDA Chak No 153 TDA Layyah</t>
  </si>
  <si>
    <t>Chak No 153 TDA</t>
  </si>
  <si>
    <t>GPS CHAK NO 154/P</t>
  </si>
  <si>
    <t>Chak No 154 P</t>
  </si>
  <si>
    <t>Goth Jungu</t>
  </si>
  <si>
    <t>Hafiz Mian Adil Tahseen Tahir</t>
  </si>
  <si>
    <t>GPS CHAK NO 155/P</t>
  </si>
  <si>
    <t>Tibba Qadar Abad</t>
  </si>
  <si>
    <t>Chak No 155p</t>
  </si>
  <si>
    <t>Qadar Uz Zaman</t>
  </si>
  <si>
    <t>GPS CHAK NO 16 BARKI</t>
  </si>
  <si>
    <t>Chak#16 Barki</t>
  </si>
  <si>
    <t>Chak#16 Barki Tehsil Chunian District Kasur</t>
  </si>
  <si>
    <t>Munday Ki</t>
  </si>
  <si>
    <t>Aqil Hussain</t>
  </si>
  <si>
    <t>GPS CHAK NO 16 ML THE &amp; DISST MIANWALI</t>
  </si>
  <si>
    <t>CHAK NO 16 ML</t>
  </si>
  <si>
    <t>CHAK NO 16ML PIPLAN MIANWALI</t>
  </si>
  <si>
    <t>CHAK NO 16ML</t>
  </si>
  <si>
    <t>Rustam Zaman</t>
  </si>
  <si>
    <t>GPS CHAK NO 16 TDA</t>
  </si>
  <si>
    <t>Dagar Wahghrwah</t>
  </si>
  <si>
    <t>GPS Chuck No.16/TDA</t>
  </si>
  <si>
    <t>Chak No16/TDA</t>
  </si>
  <si>
    <t>AHMAD NAWAZ KHAN</t>
  </si>
  <si>
    <t>GPS CHAK NO 16/1L</t>
  </si>
  <si>
    <t>Chak no 16 1L</t>
  </si>
  <si>
    <t>Chak no 16 1L Renala Khurd</t>
  </si>
  <si>
    <t>Chak no 13 1L</t>
  </si>
  <si>
    <t>Mehtab Iqbal</t>
  </si>
  <si>
    <t>GPS CHAK NO 16/69</t>
  </si>
  <si>
    <t>chak no. 16/69 p/o syedwala tehsil and distt nankana sahib</t>
  </si>
  <si>
    <t>GPS CHAK NO 16/G A</t>
  </si>
  <si>
    <t>16/G</t>
  </si>
  <si>
    <t>Chak no.16/GA Chishtian</t>
  </si>
  <si>
    <t>16/G A</t>
  </si>
  <si>
    <t>Chak 42/F</t>
  </si>
  <si>
    <t>GPS CHAK NO 160 C TDA</t>
  </si>
  <si>
    <t>Chak # 160 c Basti Vigg</t>
  </si>
  <si>
    <t>Basti Vigg</t>
  </si>
  <si>
    <t>Mohammed Ramzan</t>
  </si>
  <si>
    <t>GPS CHAK NO 160 JB NORTH</t>
  </si>
  <si>
    <t>chak no.160N JB</t>
  </si>
  <si>
    <t>Chak 160N JB</t>
  </si>
  <si>
    <t>Chak 159JB</t>
  </si>
  <si>
    <t>GPS CHAK NO 162 NP</t>
  </si>
  <si>
    <t>Chak No 162 NP</t>
  </si>
  <si>
    <t>chak no 162 NP</t>
  </si>
  <si>
    <t>GPS CHAK NO 163 JB</t>
  </si>
  <si>
    <t>Chak N0 163</t>
  </si>
  <si>
    <t>Chak No.163 J-B Teh @ District Jhang.</t>
  </si>
  <si>
    <t>Chak No163</t>
  </si>
  <si>
    <t>Chak No159</t>
  </si>
  <si>
    <t>GPS CHAK NO 163 TDA</t>
  </si>
  <si>
    <t>Sarishtathaljundi</t>
  </si>
  <si>
    <t>chak no.163/TDA Layyah</t>
  </si>
  <si>
    <t>Chak No163/TDA</t>
  </si>
  <si>
    <t>Chak No164A/TDA</t>
  </si>
  <si>
    <t>GPS CHAK NO 164/7-R WEST</t>
  </si>
  <si>
    <t>govt primary school 164/7r</t>
  </si>
  <si>
    <t>Ihsan Ullah Masood</t>
  </si>
  <si>
    <t>GPS CHAK NO 164/P</t>
  </si>
  <si>
    <t>GPS 164 p ....khatcha shahi road chak 164p</t>
  </si>
  <si>
    <t>Chak 164 P</t>
  </si>
  <si>
    <t>Adham Shaba</t>
  </si>
  <si>
    <t>SHAIR MUHAMMAD KHAN</t>
  </si>
  <si>
    <t>GPS CHAK NO 166 JB NIKA DAB</t>
  </si>
  <si>
    <t>chak#166jb nikkay dab tehsil and district jhang</t>
  </si>
  <si>
    <t>Chak#166jb Nikkay Dab</t>
  </si>
  <si>
    <t>Chak No169jb</t>
  </si>
  <si>
    <t>GPS CHAK NO 166 M</t>
  </si>
  <si>
    <t>166/m</t>
  </si>
  <si>
    <t>166/M</t>
  </si>
  <si>
    <t>Muhammad Ubaid</t>
  </si>
  <si>
    <t>GPS CHAK NO 167 TDA</t>
  </si>
  <si>
    <t>Chak no 167/Tda p/o ladhana tehsil &amp; District Layyah</t>
  </si>
  <si>
    <t>Chao No/167/tda</t>
  </si>
  <si>
    <t>164-A</t>
  </si>
  <si>
    <t>GPS CHAK NO 168 JB</t>
  </si>
  <si>
    <t>chak no 168 jb jhang</t>
  </si>
  <si>
    <t>GPS CHAK NO 168/M</t>
  </si>
  <si>
    <t>Chak 168/M</t>
  </si>
  <si>
    <t>CHAK 168/M TEHSIL CHISHTIAN DISTT BAHAWALNAGAR</t>
  </si>
  <si>
    <t>Mohammad Shahzad Siddique</t>
  </si>
  <si>
    <t>GPS CHAK NO 169 JB AOURA</t>
  </si>
  <si>
    <t>GPS chak No 169 j.b aoura</t>
  </si>
  <si>
    <t>Chak No 169 Jb Aora</t>
  </si>
  <si>
    <t>Chak No 169 Jb</t>
  </si>
  <si>
    <t>GPS CHAK NO 169/P</t>
  </si>
  <si>
    <t>chack no 169p</t>
  </si>
  <si>
    <t>Chak No 169/p</t>
  </si>
  <si>
    <t>Muhmmad Amjid</t>
  </si>
  <si>
    <t>water suplu</t>
  </si>
  <si>
    <t>GPS CHAK NO 17 GHAGH</t>
  </si>
  <si>
    <t>17 Ghagh</t>
  </si>
  <si>
    <t>chak no 17 ghagh, shorkot, jhang</t>
  </si>
  <si>
    <t>Chak 3 Ghagh</t>
  </si>
  <si>
    <t>GPS CHAK NO 17/P KHANPUR</t>
  </si>
  <si>
    <t>Havali Lal Chand</t>
  </si>
  <si>
    <t>chak 17/p</t>
  </si>
  <si>
    <t>17/p</t>
  </si>
  <si>
    <t>Imran saeed</t>
  </si>
  <si>
    <t>GPS CHAK NO 170 7R</t>
  </si>
  <si>
    <t>chak 170/7R  Teh. Fort Abbas Distt. Bahawal Nagar</t>
  </si>
  <si>
    <t>Imran Farid Akhtar</t>
  </si>
  <si>
    <t>GPS CHAK NO 171 JB DARBAR KARAM HUSSAIN</t>
  </si>
  <si>
    <t>Chack No 171</t>
  </si>
  <si>
    <t>Chack no 171 Darbar Karam Hussain</t>
  </si>
  <si>
    <t>Chack No 175</t>
  </si>
  <si>
    <t>GPS CHAK NO 171 JB MANGANI</t>
  </si>
  <si>
    <t>Chak No171</t>
  </si>
  <si>
    <t>gps 171 jb mangani</t>
  </si>
  <si>
    <t>Chak No175</t>
  </si>
  <si>
    <t>MUHAMMAD Arif</t>
  </si>
  <si>
    <t>GPS CHAK NO 172 JB</t>
  </si>
  <si>
    <t>Jhok Khushal</t>
  </si>
  <si>
    <t>chak No 172, p/o  chak No 175, tehsil and District Jhang.</t>
  </si>
  <si>
    <t>Chak No 172</t>
  </si>
  <si>
    <t>Ghulam Jelani</t>
  </si>
  <si>
    <t>GPS CHAK NO 172/M</t>
  </si>
  <si>
    <t>Chak no 172/m</t>
  </si>
  <si>
    <t>Chak no 172/m teh chishtian dist Bahawalnagar</t>
  </si>
  <si>
    <t>172/m</t>
  </si>
  <si>
    <t>GPS CHAK NO 172/P</t>
  </si>
  <si>
    <t>172/p</t>
  </si>
  <si>
    <t>chak 172/p</t>
  </si>
  <si>
    <t>GPS CHAK NO 173 EB</t>
  </si>
  <si>
    <t>Chak No173/EB</t>
  </si>
  <si>
    <t>Chak No 173/E.B Teh. Burewala Distt. Vehari</t>
  </si>
  <si>
    <t>GPS CHAK NO 175 7R SOUTH</t>
  </si>
  <si>
    <t>Chak No 175/7R S</t>
  </si>
  <si>
    <t>Chak No 175/7R south fortabass bahawalnager</t>
  </si>
  <si>
    <t>Chak No 176/7r</t>
  </si>
  <si>
    <t>Imran Liaqut</t>
  </si>
  <si>
    <t>GPS CHAK NO 175/7-R NORTH</t>
  </si>
  <si>
    <t>175/7R</t>
  </si>
  <si>
    <t>GPS CHAK NO 175/M</t>
  </si>
  <si>
    <t>175/ MURAD</t>
  </si>
  <si>
    <t>GPS Chak No 175/Murad</t>
  </si>
  <si>
    <t>175/Murad</t>
  </si>
  <si>
    <t>Chak No 167/Murad</t>
  </si>
  <si>
    <t>GPS CHAK NO 176 TDA</t>
  </si>
  <si>
    <t>Chak No 176 TDA</t>
  </si>
  <si>
    <t>Chak no 176 TDA</t>
  </si>
  <si>
    <t>Intezar Ahmad</t>
  </si>
  <si>
    <t>GPS CHAK NO 176/7-R</t>
  </si>
  <si>
    <t>chak no. 176/7r, fort abbas</t>
  </si>
  <si>
    <t>sadiq Hussain</t>
  </si>
  <si>
    <t>GPS CHAK NO 177 P</t>
  </si>
  <si>
    <t>Chak no 177p</t>
  </si>
  <si>
    <t>chak no 177p</t>
  </si>
  <si>
    <t>Muhammad Arif Rahi</t>
  </si>
  <si>
    <t>GPS CHAK NO 177/7-R</t>
  </si>
  <si>
    <t>Chak no 177-7-R</t>
  </si>
  <si>
    <t>chak no 177-7R</t>
  </si>
  <si>
    <t>Chak No 177-7-R</t>
  </si>
  <si>
    <t>176-7-R</t>
  </si>
  <si>
    <t>GPS CHAK NO 177/M</t>
  </si>
  <si>
    <t>CHAK 177/M TEHSIL CHISHTIAN DISTRICT BAHAWALNAGAR</t>
  </si>
  <si>
    <t>177/murad</t>
  </si>
  <si>
    <t>GPS CHAK NO 178/P</t>
  </si>
  <si>
    <t>Thair</t>
  </si>
  <si>
    <t>chak 178/P, Sadiqabad,  District. Rahim Yar Khan</t>
  </si>
  <si>
    <t>178/P</t>
  </si>
  <si>
    <t>Private supplier</t>
  </si>
  <si>
    <t>GPS CHAK NO 179 JB</t>
  </si>
  <si>
    <t>Chak no 179 jb post office 214 jb T/ D Jhang.</t>
  </si>
  <si>
    <t>Chak 179</t>
  </si>
  <si>
    <t>GPS CHAK NO 18/G</t>
  </si>
  <si>
    <t>Chak 18/g</t>
  </si>
  <si>
    <t>chak #18g tehsil chishtian district bahawalnagar</t>
  </si>
  <si>
    <t>water supplies</t>
  </si>
  <si>
    <t>GPS CHAK NO 180/7-R</t>
  </si>
  <si>
    <t>Chak No 180/7r</t>
  </si>
  <si>
    <t>chak no 180/7r P/O 227/9r Teh Fortabbas</t>
  </si>
  <si>
    <t>Chak 180/7 R</t>
  </si>
  <si>
    <t>Mohammad Fiaz</t>
  </si>
  <si>
    <t>GPS CHAK NO 180/P</t>
  </si>
  <si>
    <t>Chak 180p</t>
  </si>
  <si>
    <t>chak 180p sadiq abad</t>
  </si>
  <si>
    <t>Bindor Abbadian</t>
  </si>
  <si>
    <t>Faiz Nabi</t>
  </si>
  <si>
    <t>GPS CHAK NO 181 NP</t>
  </si>
  <si>
    <t>Chak no 181/NP Sadiqabad</t>
  </si>
  <si>
    <t>Umar Farooq Ahmad</t>
  </si>
  <si>
    <t>Filter Pump</t>
  </si>
  <si>
    <t>GPS CHAK NO 182 TDA</t>
  </si>
  <si>
    <t>Chah Nawain Segrha Daggar Aolakh</t>
  </si>
  <si>
    <t>Nawain Segrha</t>
  </si>
  <si>
    <t>GPS CHAK NO 183</t>
  </si>
  <si>
    <t>Chak No 183/p</t>
  </si>
  <si>
    <t>Chak No. 183/p P/O Bangla manthar Tehsil Sadiqabad District Rahim yar Khan</t>
  </si>
  <si>
    <t>Chak No 183/P</t>
  </si>
  <si>
    <t>Chak NO 160/p</t>
  </si>
  <si>
    <t>GPS CHAK NO 183 PB</t>
  </si>
  <si>
    <t>183PB</t>
  </si>
  <si>
    <t>183/P P/O BANGLA Manthar teh:SDK distt:RYK</t>
  </si>
  <si>
    <t>183/PB</t>
  </si>
  <si>
    <t>galons</t>
  </si>
  <si>
    <t>GPS CHAK NO 184 JB EAST</t>
  </si>
  <si>
    <t>chak no 184 jb east tehsil bhowana distt chiniot</t>
  </si>
  <si>
    <t>Chak No 184 Jb East</t>
  </si>
  <si>
    <t>Chak No 184jb West</t>
  </si>
  <si>
    <t>Saif ULLAH</t>
  </si>
  <si>
    <t>GPS CHAK NO 184 JB WEST</t>
  </si>
  <si>
    <t>chak no 184 west jadeed colony</t>
  </si>
  <si>
    <t>184 West Jadeed</t>
  </si>
  <si>
    <t>Chak No 184 Sial</t>
  </si>
  <si>
    <t>GPS CHAK NO 184/P</t>
  </si>
  <si>
    <t>Chak No. 184/p</t>
  </si>
  <si>
    <t>Chak No. 184/p P/o Bangla Manthar Tehsil Sadiqabad District Rahim yar Khan</t>
  </si>
  <si>
    <t>Chak No. 184/P</t>
  </si>
  <si>
    <t>Chak no. 186/p</t>
  </si>
  <si>
    <t>GPS CHAK NO 185/7-R S</t>
  </si>
  <si>
    <t>GPS 185/7R South P.O. khichiwala Tehsi FortAbbas</t>
  </si>
  <si>
    <t>Chak No 185/7R</t>
  </si>
  <si>
    <t>GPS CHAK NO 185/P</t>
  </si>
  <si>
    <t>Chak 185 P</t>
  </si>
  <si>
    <t>Chak 185.P,  Post Office Manthar</t>
  </si>
  <si>
    <t>Chak 160 P</t>
  </si>
  <si>
    <t>Iqbal mehmood</t>
  </si>
  <si>
    <t>GPS CHAK NO 186 TDA</t>
  </si>
  <si>
    <t>186 Tda</t>
  </si>
  <si>
    <t>chak no 186 tda</t>
  </si>
  <si>
    <t>GPS CHAK NO 187 JB</t>
  </si>
  <si>
    <t>Chak no.187 Jb the. Bhowana Distt Chiniot</t>
  </si>
  <si>
    <t>chak No187 Jb</t>
  </si>
  <si>
    <t>Chak No190 Jb</t>
  </si>
  <si>
    <t>GPS CHAK NO 187 WB P.O 187 WB</t>
  </si>
  <si>
    <t>P.O 187WB</t>
  </si>
  <si>
    <t>Muhammad Masood Akhtar</t>
  </si>
  <si>
    <t>GPS CHAK NO 189 7R(E)</t>
  </si>
  <si>
    <t>Chak 189/7R E</t>
  </si>
  <si>
    <t>chak 189/7R E</t>
  </si>
  <si>
    <t>ASHFAQ HUSSAIN</t>
  </si>
  <si>
    <t>GPS CHAK NO 19 TDA</t>
  </si>
  <si>
    <t>Kohawar Kalan Dagar</t>
  </si>
  <si>
    <t>Chak No 19/TDA</t>
  </si>
  <si>
    <t>Muhammad Minhal khan</t>
  </si>
  <si>
    <t>GPS CHAK NO 19 UCC</t>
  </si>
  <si>
    <t>Chak 19ucc PO 17ucc tehsil sharaqpur District sheikhupura</t>
  </si>
  <si>
    <t>19 Ucc</t>
  </si>
  <si>
    <t>Shajat Ali</t>
  </si>
  <si>
    <t>GPS CHAK NO 19/1L</t>
  </si>
  <si>
    <t>19/1-L</t>
  </si>
  <si>
    <t>chak no 19/1-L renala khurd</t>
  </si>
  <si>
    <t>6/1-L</t>
  </si>
  <si>
    <t>GPS CHAK NO 191 TDA</t>
  </si>
  <si>
    <t>dagar shada</t>
  </si>
  <si>
    <t>chak no 191/tda tehsil and district bhakkar p/o khsnsar</t>
  </si>
  <si>
    <t>chakno 191/tda</t>
  </si>
  <si>
    <t>GPS CHAK NO 192 JB NORTH</t>
  </si>
  <si>
    <t>chak#192 j. b to bhawana  dist  chiniot</t>
  </si>
  <si>
    <t>Chak #192</t>
  </si>
  <si>
    <t>Faseeh Ur Rehman</t>
  </si>
  <si>
    <t>GPS CHAK NO 193 JB ADIL WALA</t>
  </si>
  <si>
    <t>Chak No 193 Adil Wala</t>
  </si>
  <si>
    <t>Chak No.193 jb Adil Wala</t>
  </si>
  <si>
    <t>Adil Wala</t>
  </si>
  <si>
    <t>Chak 195 Jb</t>
  </si>
  <si>
    <t>Mudassir Nadeem</t>
  </si>
  <si>
    <t>GPS CHAK NO 193 JB AMEER WALA</t>
  </si>
  <si>
    <t>Nither Kay</t>
  </si>
  <si>
    <t>Chk # 193 Ameer Wala Mouza Nither Kay Teh Bhowana Dist Chiniot</t>
  </si>
  <si>
    <t>193 Ameer Wala</t>
  </si>
  <si>
    <t>GPS CHAK NO 194 JB KOT HARAL</t>
  </si>
  <si>
    <t>Chak No 194 Jb Kot Haral</t>
  </si>
  <si>
    <t>chak no 194 jb kot Haral</t>
  </si>
  <si>
    <t>Chak No 195 Bhalo</t>
  </si>
  <si>
    <t>GPS CHAK NO 195 EB DARAKHAN NEW</t>
  </si>
  <si>
    <t>195 EB</t>
  </si>
  <si>
    <t>chak no 195/E.B Dara wala</t>
  </si>
  <si>
    <t>GPS CHAK NO 195/PB</t>
  </si>
  <si>
    <t>195pb</t>
  </si>
  <si>
    <t>chak no 195/pb</t>
  </si>
  <si>
    <t>195/pb</t>
  </si>
  <si>
    <t>GPS CHAK NO 197 JB EAST</t>
  </si>
  <si>
    <t>Chak No.197 jb East Teshil Bhowana Disst Chiniot</t>
  </si>
  <si>
    <t>Chak No 197 JB East</t>
  </si>
  <si>
    <t>200 jb Nasrana</t>
  </si>
  <si>
    <t>GPS CHAK NO 197/P</t>
  </si>
  <si>
    <t>Chak 197/p</t>
  </si>
  <si>
    <t>Gbps Chak no. 197/p dak khana chak 199/p</t>
  </si>
  <si>
    <t>Bandoor Abssian</t>
  </si>
  <si>
    <t>GPS CHAK NO 199 JB</t>
  </si>
  <si>
    <t>Chak No199 JB Tehsil Bhawana Distt Chiniot</t>
  </si>
  <si>
    <t>Rehmoana</t>
  </si>
  <si>
    <t>Chak No 200 JB Nasrana</t>
  </si>
  <si>
    <t>Muhammad Subhan ullah Khan</t>
  </si>
  <si>
    <t>GPS CHAK NO 2 DB</t>
  </si>
  <si>
    <t>Chak No 2 Db</t>
  </si>
  <si>
    <t>chak no 2 db p 0 4 db Teh.piplan Distt.Mianwali</t>
  </si>
  <si>
    <t>Chak No  2 Db</t>
  </si>
  <si>
    <t>Chak No 4 Db</t>
  </si>
  <si>
    <t>GPS CHAK NO 20 GHAGH</t>
  </si>
  <si>
    <t>20 ghagh</t>
  </si>
  <si>
    <t>chak no 20 ghagh</t>
  </si>
  <si>
    <t>Chak No 20 Ghagh</t>
  </si>
  <si>
    <t>Kaki Nou Soaim</t>
  </si>
  <si>
    <t>GPS CHAK NO 20 RH</t>
  </si>
  <si>
    <t>R/h</t>
  </si>
  <si>
    <t>chak no 20 r/h</t>
  </si>
  <si>
    <t>Chak No 20 R/H</t>
  </si>
  <si>
    <t>Muzafar Iqbal</t>
  </si>
  <si>
    <t>GPS CHAK NO 200 JB JADEED</t>
  </si>
  <si>
    <t>Chak No 200 JB Nasrana Jadeed</t>
  </si>
  <si>
    <t>Hassan Mujtaba</t>
  </si>
  <si>
    <t>GPS CHAK NO 200 M</t>
  </si>
  <si>
    <t>Chak No 200/M</t>
  </si>
  <si>
    <t>Chak no.200/M Tehsil Chishtian.District.BahawalNagar</t>
  </si>
  <si>
    <t>Chak No 177/M</t>
  </si>
  <si>
    <t>GPS CHAK NO 200/P</t>
  </si>
  <si>
    <t>Chak no 200/p Sadiq abad</t>
  </si>
  <si>
    <t>GPS CHAK NO 202/M E</t>
  </si>
  <si>
    <t>202 M</t>
  </si>
  <si>
    <t>chak no 202 m (e) teh ctn</t>
  </si>
  <si>
    <t>202 M E</t>
  </si>
  <si>
    <t>Ali Asghar Zia</t>
  </si>
  <si>
    <t>GPS CHAK NO 202/P</t>
  </si>
  <si>
    <t>Chak 202/p</t>
  </si>
  <si>
    <t>chak no 202/p tehsil sadiqabad</t>
  </si>
  <si>
    <t>GPS CHAK NO 203 JB</t>
  </si>
  <si>
    <t>Chak No 203 JB Izaafi Abadi</t>
  </si>
  <si>
    <t>Chak No 203 JB</t>
  </si>
  <si>
    <t>Chak No 203 JB Baloana</t>
  </si>
  <si>
    <t>Iftikhar Ul Hasnain</t>
  </si>
  <si>
    <t>GPS CHAK NO 203/P</t>
  </si>
  <si>
    <t>203/P</t>
  </si>
  <si>
    <t>chak 203/p daak Khana 199/p</t>
  </si>
  <si>
    <t>Chak 203/P</t>
  </si>
  <si>
    <t>Munazzam Munir</t>
  </si>
  <si>
    <t>GPS CHAK NO 204/M W</t>
  </si>
  <si>
    <t>Chak no. 204/M W</t>
  </si>
  <si>
    <t>MOHAMMAD RAFIQ</t>
  </si>
  <si>
    <t>GPS CHAK NO 205 M</t>
  </si>
  <si>
    <t>Chak No 205/M</t>
  </si>
  <si>
    <t>Chak No. 205/M Teh.CTN Distt.BWN</t>
  </si>
  <si>
    <t>CHAK NO. 201/M</t>
  </si>
  <si>
    <t>GPS CHAK NO 205/P</t>
  </si>
  <si>
    <t>Chak No 205/P BANDHI</t>
  </si>
  <si>
    <t>GPS CHAK NO 206 JB WEST</t>
  </si>
  <si>
    <t>GPS Chak No. 206 JB West Tehsil Bhowana Distt. Chiniot.</t>
  </si>
  <si>
    <t>Chak No 206 W</t>
  </si>
  <si>
    <t>M Abdul Sattar</t>
  </si>
  <si>
    <t>GPS CHAK NO 207 M</t>
  </si>
  <si>
    <t>207m</t>
  </si>
  <si>
    <t>chak No 207m</t>
  </si>
  <si>
    <t>GPS CHAK NO 21 G</t>
  </si>
  <si>
    <t>chak no 21/ G p/o chak no 23/G Teh. chishtian district bahawalnagar</t>
  </si>
  <si>
    <t>Chak No21/G</t>
  </si>
  <si>
    <t>GPS CHAK NO 21/1-AL</t>
  </si>
  <si>
    <t>21/1-AL</t>
  </si>
  <si>
    <t>21/1-AL,Tehsil Renala Khurd, Distt. Okara</t>
  </si>
  <si>
    <t>GPS CHAK NO 21/NP</t>
  </si>
  <si>
    <t>Chak No 21 NP</t>
  </si>
  <si>
    <t>Gps chak no 21 n.p tehsil sadik abad district rahim yar khan</t>
  </si>
  <si>
    <t>Asif Rasheed</t>
  </si>
  <si>
    <t>GPS CHAK NO 210 P</t>
  </si>
  <si>
    <t>Chak 210 P</t>
  </si>
  <si>
    <t>chak 210 P</t>
  </si>
  <si>
    <t>Chak 264 P</t>
  </si>
  <si>
    <t>GPS CHAK NO 212 JB WEST</t>
  </si>
  <si>
    <t>Chak No 212 JB West Chiniot</t>
  </si>
  <si>
    <t>Chak No 212 JBn West Tehsil Bhowana Chiniot</t>
  </si>
  <si>
    <t>GPS CHAK NO 212 P</t>
  </si>
  <si>
    <t>chak no 212p</t>
  </si>
  <si>
    <t>Chak no 212p tillu road sadiq abad</t>
  </si>
  <si>
    <t>chak no 212</t>
  </si>
  <si>
    <t>chak 264</t>
  </si>
  <si>
    <t>GPS CHAK NO 213 WB</t>
  </si>
  <si>
    <t>Chak No 213/WB</t>
  </si>
  <si>
    <t>chak no. 213/WB</t>
  </si>
  <si>
    <t>Chak No213/WB</t>
  </si>
  <si>
    <t>Chak No 151/WB</t>
  </si>
  <si>
    <t>GPS CHAK NO 213/F</t>
  </si>
  <si>
    <t>Chak No 213/F</t>
  </si>
  <si>
    <t>chak no 213/F</t>
  </si>
  <si>
    <t>Chak No 95/F</t>
  </si>
  <si>
    <t>GPS CHAK NO 213/P</t>
  </si>
  <si>
    <t>chak 213/p</t>
  </si>
  <si>
    <t>GPS CHAK NO 214 ABADI JB GUJAR</t>
  </si>
  <si>
    <t>Abadi GUJJER</t>
  </si>
  <si>
    <t>GPS CHAK NO 214 ABADI GUJJER</t>
  </si>
  <si>
    <t>CHAK NO 214 ABADI GUJJER</t>
  </si>
  <si>
    <t>CHAK NO 182</t>
  </si>
  <si>
    <t>Sami Ullah Khan</t>
  </si>
  <si>
    <t>GPS CHAK NO 214 TDA</t>
  </si>
  <si>
    <t>214 Tda</t>
  </si>
  <si>
    <t>Chack n0 214 tda</t>
  </si>
  <si>
    <t>GPS CHAK NO 215 TDA</t>
  </si>
  <si>
    <t>Chack no 215Tda Teh.Mankera (Bk)..</t>
  </si>
  <si>
    <t>Chack No 215 Tda</t>
  </si>
  <si>
    <t>GPS CHAK NO 217 JB</t>
  </si>
  <si>
    <t>Chak 217 JB</t>
  </si>
  <si>
    <t>Chak no.217 jb tehsil &amp;distt. Jhang</t>
  </si>
  <si>
    <t>Chak 215 JB</t>
  </si>
  <si>
    <t>GPS CHAK NO 217/P</t>
  </si>
  <si>
    <t>217/p</t>
  </si>
  <si>
    <t>chak no 217/p</t>
  </si>
  <si>
    <t>Chak No 264/p</t>
  </si>
  <si>
    <t>GPS CHAK NO 219 JB SULKHANA</t>
  </si>
  <si>
    <t>Chak No219</t>
  </si>
  <si>
    <t>chak no 219 sulakhana</t>
  </si>
  <si>
    <t>Chak No219 Sulakhana</t>
  </si>
  <si>
    <t>Muhammad Umerdraz</t>
  </si>
  <si>
    <t>GPS CHAK NO 22/NP</t>
  </si>
  <si>
    <t>Chak N0 22/np</t>
  </si>
  <si>
    <t>chak no 22 n/p apl</t>
  </si>
  <si>
    <t>Chak No 22/ Np</t>
  </si>
  <si>
    <t>GPS CHAK NO 227 A TDA</t>
  </si>
  <si>
    <t>Chak no 228 TDA</t>
  </si>
  <si>
    <t>Chak no 228 TDA Post office Fatah Pur tehsil karor LAL e Eason District layyah</t>
  </si>
  <si>
    <t>Nasir Hussain shah</t>
  </si>
  <si>
    <t>GPS CHAK NO 228 A TDA</t>
  </si>
  <si>
    <t>Chak No 228A/TDA</t>
  </si>
  <si>
    <t>Chak No. 228A/TDA</t>
  </si>
  <si>
    <t>228A/TDA</t>
  </si>
  <si>
    <t>Rural Fateh Pur</t>
  </si>
  <si>
    <t>GPS CHAK NO 229 TDA</t>
  </si>
  <si>
    <t>Chak No 229 TDA</t>
  </si>
  <si>
    <t>Post office Fatah Pur Chak no 229 TDA Tehsil Karor Lal e Eason District Layyah.</t>
  </si>
  <si>
    <t>GPS CHAK NO 23 JB I</t>
  </si>
  <si>
    <t>Saidhan</t>
  </si>
  <si>
    <t>Chak No 23 JB Saidhan PO102 JB Burj mandi tehsil  chak jhumra distt fsd</t>
  </si>
  <si>
    <t>Chak 23 JB Saidhan</t>
  </si>
  <si>
    <t>Chak No 20  JB Khanky</t>
  </si>
  <si>
    <t>GPS CHAK NO 23/3-R</t>
  </si>
  <si>
    <t>Chak 23/3-R</t>
  </si>
  <si>
    <t>chack no.23/3-R Haroonabad District Bahawalnagar</t>
  </si>
  <si>
    <t>23/3-R</t>
  </si>
  <si>
    <t>23-24/3-R</t>
  </si>
  <si>
    <t>GPS CHAK NO 23/NP</t>
  </si>
  <si>
    <t>Chak No 23 NP</t>
  </si>
  <si>
    <t>Chak no 23 np Chak no 24 np</t>
  </si>
  <si>
    <t>Chak No 23 Np</t>
  </si>
  <si>
    <t>Drighrah</t>
  </si>
  <si>
    <t>GPS CHAK NO 230 JB</t>
  </si>
  <si>
    <t>Shikhana</t>
  </si>
  <si>
    <t>Chak No 230 jb jhang</t>
  </si>
  <si>
    <t>Wairh Sipra</t>
  </si>
  <si>
    <t>M Tauseef Ashfaq</t>
  </si>
  <si>
    <t>GPS CHAK NO 230 TDA</t>
  </si>
  <si>
    <t>CHAK NO. 230 TDA</t>
  </si>
  <si>
    <t>CHAK 230 TDA</t>
  </si>
  <si>
    <t>YASIR LATIF</t>
  </si>
  <si>
    <t>GPS CHAK NO 231 JB</t>
  </si>
  <si>
    <t>Kamoka</t>
  </si>
  <si>
    <t>chak no 231 post office chak no 232 jhang</t>
  </si>
  <si>
    <t>Chak No231</t>
  </si>
  <si>
    <t>Chak No 159/Sipra</t>
  </si>
  <si>
    <t>Almas Ali</t>
  </si>
  <si>
    <t>GPS CHAK NO 232 JB</t>
  </si>
  <si>
    <t>chak no 232 jb</t>
  </si>
  <si>
    <t>Chak No 159</t>
  </si>
  <si>
    <t>Iftikhar Azam</t>
  </si>
  <si>
    <t>GPS CHAK NO 232 JB FAROOQ ABAD</t>
  </si>
  <si>
    <t>Chak No. 232/JB, abadi Farooqabad, NaulanWala</t>
  </si>
  <si>
    <t>Naulanwala</t>
  </si>
  <si>
    <t>Verh Sipra</t>
  </si>
  <si>
    <t>GPS CHAK NO 234-P</t>
  </si>
  <si>
    <t>chak no 234p</t>
  </si>
  <si>
    <t>chak no 252p</t>
  </si>
  <si>
    <t>chak no 186p</t>
  </si>
  <si>
    <t>GPS CHAK NO 235 JB</t>
  </si>
  <si>
    <t>Chak no 235 jb</t>
  </si>
  <si>
    <t>Chak # 235 Jb</t>
  </si>
  <si>
    <t>Chak # 184</t>
  </si>
  <si>
    <t>Hafiz Tariq Ali Attari</t>
  </si>
  <si>
    <t>GPS CHAK NO 235-P</t>
  </si>
  <si>
    <t>Chak No 235p</t>
  </si>
  <si>
    <t>Chak no 235p</t>
  </si>
  <si>
    <t>Chak No 186p</t>
  </si>
  <si>
    <t>GPS CHAK NO 237/P MERH</t>
  </si>
  <si>
    <t>237/P Merh</t>
  </si>
  <si>
    <t>Chak no 237p Merh Sadiqabad</t>
  </si>
  <si>
    <t>Muhammad Iyoub</t>
  </si>
  <si>
    <t>GPS CHAK NO 237-P</t>
  </si>
  <si>
    <t>Chak 237/P</t>
  </si>
  <si>
    <t>GPS 237/P</t>
  </si>
  <si>
    <t>Chak 186/P</t>
  </si>
  <si>
    <t>GPS CHAK NO 238 JB EAST</t>
  </si>
  <si>
    <t>Chak No 238 JB East Tehsil Bhowana District Chiniot</t>
  </si>
  <si>
    <t>Chak No 238 JB EAST</t>
  </si>
  <si>
    <t>Chak No 208 JB Sahmal</t>
  </si>
  <si>
    <t>GPS CHAK NO 238-P</t>
  </si>
  <si>
    <t>chak 238p teh..sdk distt. ryk</t>
  </si>
  <si>
    <t>Chak 238p</t>
  </si>
  <si>
    <t>Chak 186p</t>
  </si>
  <si>
    <t>GPS CHAK NO 239 A TDA</t>
  </si>
  <si>
    <t>239A/TDA</t>
  </si>
  <si>
    <t>chak no 239A/tda  P/o 241 tahsil Katie distrc layyah</t>
  </si>
  <si>
    <t>239A/Tda</t>
  </si>
  <si>
    <t>GPS CHAK NO 239 HB</t>
  </si>
  <si>
    <t>Chak 239/HB</t>
  </si>
  <si>
    <t>chak no 239/hb post office 204/9.r tehsil fortabbas</t>
  </si>
  <si>
    <t>Chak No 239/HB</t>
  </si>
  <si>
    <t>GPS CHAK NO 239 P</t>
  </si>
  <si>
    <t>Basti Jendal</t>
  </si>
  <si>
    <t>Chak No. 214/ P P.O Box 214/P</t>
  </si>
  <si>
    <t>Chak # 214/P</t>
  </si>
  <si>
    <t>Chak # 264/P</t>
  </si>
  <si>
    <t>GPS CHAK NO 239-P</t>
  </si>
  <si>
    <t>chak no 239/P sdk</t>
  </si>
  <si>
    <t>Hafiz Muhammad Haris</t>
  </si>
  <si>
    <t>GPS CHAK NO 240 JB</t>
  </si>
  <si>
    <t>Chak No 240 JB East Malaka</t>
  </si>
  <si>
    <t>Chak No 208 JB  Sahmall</t>
  </si>
  <si>
    <t>GPS CHAK NO 240 JB MOCHIWALA</t>
  </si>
  <si>
    <t>Chak No 240 JB Mochiwala, Tehsil Bhowana</t>
  </si>
  <si>
    <t>Chak No 240 JB Mochiwala</t>
  </si>
  <si>
    <t>GPS CHAK NO 242 TDA</t>
  </si>
  <si>
    <t>Chak No 242 Tda</t>
  </si>
  <si>
    <t>chak no 242/tda</t>
  </si>
  <si>
    <t>chak No 242tda</t>
  </si>
  <si>
    <t>GPS CHAK NO 246 A TDA</t>
  </si>
  <si>
    <t>Chak No 246a/tda</t>
  </si>
  <si>
    <t>chak no.246a/tda, tehsil choubara, district layyah</t>
  </si>
  <si>
    <t>Chak No246a/tda</t>
  </si>
  <si>
    <t>Olakh Thal  Kakan</t>
  </si>
  <si>
    <t>GPS CHAK NO 247 TDA</t>
  </si>
  <si>
    <t>247/tda</t>
  </si>
  <si>
    <t>Chak # 247/TDA fateh pur tehsil karor district layyah</t>
  </si>
  <si>
    <t>Chak # 247/TDA</t>
  </si>
  <si>
    <t>Mc Fateh Pur</t>
  </si>
  <si>
    <t>GPS CHAK NO 248 JB</t>
  </si>
  <si>
    <t>Maloka</t>
  </si>
  <si>
    <t>Chak No. 248 JB Tehsil Bhowana District Chiniot</t>
  </si>
  <si>
    <t>Chak No 248 JB</t>
  </si>
  <si>
    <t>Mansabdar Sabir</t>
  </si>
  <si>
    <t>GPS CHAK NO 251 JB NORTH</t>
  </si>
  <si>
    <t>chak no. 251 (N) tahsil and district jhang</t>
  </si>
  <si>
    <t>Chak No 251 N</t>
  </si>
  <si>
    <t>GPS CHAK NO 252 JB</t>
  </si>
  <si>
    <t>252 JB</t>
  </si>
  <si>
    <t>chak no 252Jb PO chak 255 JB</t>
  </si>
  <si>
    <t>Chak NO 252 JB</t>
  </si>
  <si>
    <t>Chak NO 250 JB</t>
  </si>
  <si>
    <t>GPS CHAK NO 253/P</t>
  </si>
  <si>
    <t>chak no 253/p</t>
  </si>
  <si>
    <t>253/p</t>
  </si>
  <si>
    <t>M Yaqoob</t>
  </si>
  <si>
    <t>GPS CHAK NO 254/P</t>
  </si>
  <si>
    <t>chak no 254/p tehseel sadiq abad district rahim yar khan p/o bangla manthar</t>
  </si>
  <si>
    <t>254/P</t>
  </si>
  <si>
    <t>GPS CHAK NO 255 TDA</t>
  </si>
  <si>
    <t>255/TDA</t>
  </si>
  <si>
    <t>Chack No 255/TDA Teh. Karoor Lal Essan Dist. Layyah</t>
  </si>
  <si>
    <t>Chack no 110/ TDA</t>
  </si>
  <si>
    <t>INAYAT ULLAH QUMER</t>
  </si>
  <si>
    <t>GPS CHAK NO 256 JB NORTH</t>
  </si>
  <si>
    <t>Chak No.256 North Jhang</t>
  </si>
  <si>
    <t>256 North Jhang</t>
  </si>
  <si>
    <t>GPS CHAK NO 256 JB SOUTH</t>
  </si>
  <si>
    <t>256 Jb South</t>
  </si>
  <si>
    <t>chak no.256 jb south</t>
  </si>
  <si>
    <t>450 Jb</t>
  </si>
  <si>
    <t>GPS CHAK NO 257 JB ARAIAN WALA</t>
  </si>
  <si>
    <t>Chak No257</t>
  </si>
  <si>
    <t>Chak no 257 tehsil and district jhang</t>
  </si>
  <si>
    <t>Chak No 257</t>
  </si>
  <si>
    <t>Chak No 259 Jb</t>
  </si>
  <si>
    <t>Nadeem Zulfiqar</t>
  </si>
  <si>
    <t>GPS CHAK NO 257/P</t>
  </si>
  <si>
    <t>Chak No 257p</t>
  </si>
  <si>
    <t>chak no 257p</t>
  </si>
  <si>
    <t>Chak No 186</t>
  </si>
  <si>
    <t>GPS CHAK NO 259 HL</t>
  </si>
  <si>
    <t>259/HL</t>
  </si>
  <si>
    <t>Chak#259/HL, Tehsil Fort Abbas, District Bahawal Nagar</t>
  </si>
  <si>
    <t>GPS CHAK NO 259 JB PATUANA</t>
  </si>
  <si>
    <t>Patuana</t>
  </si>
  <si>
    <t>chak no 259 patuana</t>
  </si>
  <si>
    <t>Chak No 259</t>
  </si>
  <si>
    <t>Sultan Pakrah</t>
  </si>
  <si>
    <t>Wajid Ali Khan</t>
  </si>
  <si>
    <t>GPS CHAK NO 259/P</t>
  </si>
  <si>
    <t>Chak # 259/P</t>
  </si>
  <si>
    <t>Chak # 259/p Teh. Sadiqabad Dist. Rahim yar khan</t>
  </si>
  <si>
    <t>Chak # 186/P</t>
  </si>
  <si>
    <t>Allah Wadhaya</t>
  </si>
  <si>
    <t>GPS CHAK NO 26 TDA</t>
  </si>
  <si>
    <t>chak NO.  26 TDA</t>
  </si>
  <si>
    <t>Chah Bhatta</t>
  </si>
  <si>
    <t>GPS CHAK NO 26 WB</t>
  </si>
  <si>
    <t>26/wb</t>
  </si>
  <si>
    <t>Chak no 26/wb</t>
  </si>
  <si>
    <t>Dilshad Ahmed</t>
  </si>
  <si>
    <t>GPS CHAK NO 26/3-R W</t>
  </si>
  <si>
    <t>26 3r</t>
  </si>
  <si>
    <t>Chak No 26. 3r</t>
  </si>
  <si>
    <t>30 3r</t>
  </si>
  <si>
    <t>M Boota</t>
  </si>
  <si>
    <t>GPS CHAK NO 260 TDA</t>
  </si>
  <si>
    <t>Noshehra Thal Kalan</t>
  </si>
  <si>
    <t>chak no 260tda tehsil karror district Layyah</t>
  </si>
  <si>
    <t>Chak No 110tda</t>
  </si>
  <si>
    <t>Muhammad Arif Abbasi</t>
  </si>
  <si>
    <t>GPS CHAK NO 261 HR</t>
  </si>
  <si>
    <t>261-HR</t>
  </si>
  <si>
    <t>Chak no. 261/HR Tehsil Fort Abbas Dist. Bahawal Nagar</t>
  </si>
  <si>
    <t>Chak 261/H -R</t>
  </si>
  <si>
    <t>260/H-R E</t>
  </si>
  <si>
    <t>GPS CHAK NO 261 JB MURAD WALA</t>
  </si>
  <si>
    <t>Chak No261 Murad wala</t>
  </si>
  <si>
    <t>Chak No.261 murad wala</t>
  </si>
  <si>
    <t>261 murad wala</t>
  </si>
  <si>
    <t>Mokhiana</t>
  </si>
  <si>
    <t>Ghulam Hur</t>
  </si>
  <si>
    <t>GPS CHAK NO 261-P</t>
  </si>
  <si>
    <t>Chak NO 261/P</t>
  </si>
  <si>
    <t>Chak No 261/p bangla manthae tehsil sdk</t>
  </si>
  <si>
    <t>Chak No 261/p</t>
  </si>
  <si>
    <t>Chak No 186/p</t>
  </si>
  <si>
    <t>Saleh Muhammad</t>
  </si>
  <si>
    <t>GPS CHAK NO 262 HR</t>
  </si>
  <si>
    <t>262 HR</t>
  </si>
  <si>
    <t>Chak # 262 HR Tehsil Fort Abbas, District.  Bahawalnagar</t>
  </si>
  <si>
    <t>Abeeda Iftikhar</t>
  </si>
  <si>
    <t>GPS CHAK NO 262 JB SOUTH</t>
  </si>
  <si>
    <t>Chak No 262 South</t>
  </si>
  <si>
    <t>chak no262 south</t>
  </si>
  <si>
    <t>GPS CHAK NO 264 JB</t>
  </si>
  <si>
    <t>Chak No 264/JB Jhang</t>
  </si>
  <si>
    <t>Chak No 264/JB , Jhang</t>
  </si>
  <si>
    <t>Chak No 264/ Jhang</t>
  </si>
  <si>
    <t>Chak No 265/JB Jhang</t>
  </si>
  <si>
    <t>GPS CHAK NO 264 TDA</t>
  </si>
  <si>
    <t>264 TDA</t>
  </si>
  <si>
    <t>Chak  264 TDA  Tehsil Karor District Layyah</t>
  </si>
  <si>
    <t>264TDA</t>
  </si>
  <si>
    <t>GPS CHAK NO 265 JB</t>
  </si>
  <si>
    <t>Chak No.265</t>
  </si>
  <si>
    <t>Ajaz Hussain</t>
  </si>
  <si>
    <t>GPS CHAK NO 265 TDA</t>
  </si>
  <si>
    <t>noshera thal kalan</t>
  </si>
  <si>
    <t>chak no 265 tda layyah</t>
  </si>
  <si>
    <t>265tda</t>
  </si>
  <si>
    <t>chak 306 tda</t>
  </si>
  <si>
    <t>Sarfarz</t>
  </si>
  <si>
    <t>GPS CHAK NO 266 AMIREY WALA</t>
  </si>
  <si>
    <t>Chak 266</t>
  </si>
  <si>
    <t>Chak no 266 amerey wala</t>
  </si>
  <si>
    <t>Chak No 266 Ameray Wala</t>
  </si>
  <si>
    <t>Chak No 265 Gowansan Wala</t>
  </si>
  <si>
    <t>Khadim Hussain Anwar</t>
  </si>
  <si>
    <t>GPS CHAK NO 267 JB CHONDRA</t>
  </si>
  <si>
    <t>Choundra</t>
  </si>
  <si>
    <t>chak no 267 choundra tehsil jhang</t>
  </si>
  <si>
    <t>Chak No 267 Choundra</t>
  </si>
  <si>
    <t>GPS CHAK NO 268 TDA</t>
  </si>
  <si>
    <t>268/TDA</t>
  </si>
  <si>
    <t>chak NO 268/TDA</t>
  </si>
  <si>
    <t>GPS CHAK NO 269 HR</t>
  </si>
  <si>
    <t>264/hr fortabbas</t>
  </si>
  <si>
    <t>269/hr</t>
  </si>
  <si>
    <t>GPS CHAK NO 27 -28 ML</t>
  </si>
  <si>
    <t>chak 28 Ml tehsil kallur kot district Bhakkar</t>
  </si>
  <si>
    <t>Chak 28 ML</t>
  </si>
  <si>
    <t>Muhammad Usman Shakir</t>
  </si>
  <si>
    <t>GPS CHAK NO 27/1.AL</t>
  </si>
  <si>
    <t>27/1AL</t>
  </si>
  <si>
    <t>Chak No .27.1.A.L</t>
  </si>
  <si>
    <t>27/ 1AL</t>
  </si>
  <si>
    <t>Abid Farooq</t>
  </si>
  <si>
    <t>GPS CHAK NO 270 JB NORTH</t>
  </si>
  <si>
    <t>Chak No 270 JB North</t>
  </si>
  <si>
    <t>GPS CHAK NO 270 JB SOUTH</t>
  </si>
  <si>
    <t>Chak No 270 south</t>
  </si>
  <si>
    <t>Chak  No 270 South</t>
  </si>
  <si>
    <t>dildar</t>
  </si>
  <si>
    <t>GPS CHAK NO 271 TDA</t>
  </si>
  <si>
    <t>Noshehra Thal k Kalan</t>
  </si>
  <si>
    <t>271 TDA</t>
  </si>
  <si>
    <t>271 Tda</t>
  </si>
  <si>
    <t>110 Tda</t>
  </si>
  <si>
    <t>GPS CHAK NO 277 JB</t>
  </si>
  <si>
    <t>277jb Buddi Pind</t>
  </si>
  <si>
    <t>GPS 277-jb 1 buddi pind</t>
  </si>
  <si>
    <t>277-jb- Buddi Pind</t>
  </si>
  <si>
    <t>278-jb-usmankot</t>
  </si>
  <si>
    <t>GPS CHAK NO 278 HR W</t>
  </si>
  <si>
    <t>Chak 278-HR W</t>
  </si>
  <si>
    <t>Chak 281-HR</t>
  </si>
  <si>
    <t>muhammad javed akhter</t>
  </si>
  <si>
    <t>GPS CHAK NO 28 SB</t>
  </si>
  <si>
    <t>28 SB</t>
  </si>
  <si>
    <t>CHAK. NO.  28. SB. SARGODHA</t>
  </si>
  <si>
    <t>Fakhar Ali</t>
  </si>
  <si>
    <t>GPS CHAK NO 28/NP</t>
  </si>
  <si>
    <t>CHAK NO 28 Np</t>
  </si>
  <si>
    <t>Chak no 28 Np</t>
  </si>
  <si>
    <t>Chak No 28 Np</t>
  </si>
  <si>
    <t>Abdul Malik Solangi</t>
  </si>
  <si>
    <t>GPS CHAK NO 280 HR</t>
  </si>
  <si>
    <t>chak no 281/hr, tehsil fortabbas, District Bahawalnagar</t>
  </si>
  <si>
    <t>GPS CHAK NO 282 TDA</t>
  </si>
  <si>
    <t>Chak 282 TDA</t>
  </si>
  <si>
    <t>chak  282TDA</t>
  </si>
  <si>
    <t>Chak 282</t>
  </si>
  <si>
    <t>Layyah Thal Kalain</t>
  </si>
  <si>
    <t>GPS CHAK NO 284 HR</t>
  </si>
  <si>
    <t>Gps 284.H.R fort abbas bahawalnagar</t>
  </si>
  <si>
    <t>284 H R</t>
  </si>
  <si>
    <t>296 H R</t>
  </si>
  <si>
    <t>GPS CHAK NO 285 HR</t>
  </si>
  <si>
    <t>Chak No 285/hr</t>
  </si>
  <si>
    <t>chak no 285/hr, dist. bhawalnagar, teh. Fortabbas</t>
  </si>
  <si>
    <t>Chak No 296/hr</t>
  </si>
  <si>
    <t>GPS CHAK NO 285 TDA</t>
  </si>
  <si>
    <t>285TDA</t>
  </si>
  <si>
    <t>GPS CHAK NO 285 TDA TEHSIL AND DISTRICT LAYYAH</t>
  </si>
  <si>
    <t>CHAK NO 285 TDA</t>
  </si>
  <si>
    <t>Ateeq-Ur-Rehman</t>
  </si>
  <si>
    <t>GPS CHAK NO 286 HR</t>
  </si>
  <si>
    <t>Chak 286HR</t>
  </si>
  <si>
    <t>chak no 286hr p/o chak no 281hr tehsil fortabbas,bwn</t>
  </si>
  <si>
    <t>Chak No 286HR</t>
  </si>
  <si>
    <t>Qamar Zaman Khan</t>
  </si>
  <si>
    <t>GPS CHAK NO 286 TDA</t>
  </si>
  <si>
    <t>Chak No 286 TDA</t>
  </si>
  <si>
    <t>Chak No.286 TDA Tehsil &amp; District  Layyah</t>
  </si>
  <si>
    <t>Muhammad Aslam Javed</t>
  </si>
  <si>
    <t>GPS CHAK NO 288 TDA</t>
  </si>
  <si>
    <t>chak No.288 /TDA Tehsil &amp; District Layyah</t>
  </si>
  <si>
    <t>339 layyah Thal Kalan</t>
  </si>
  <si>
    <t>Safdar Riaz</t>
  </si>
  <si>
    <t>GPS CHAK NO 289 HR</t>
  </si>
  <si>
    <t>Chak No . 289.HR</t>
  </si>
  <si>
    <t>Chak No 289HR</t>
  </si>
  <si>
    <t>Qila Mir Garh</t>
  </si>
  <si>
    <t>Shahid Khan Maher</t>
  </si>
  <si>
    <t>GPS CHAK NO 28-A/4L</t>
  </si>
  <si>
    <t>Chao No28A/4L</t>
  </si>
  <si>
    <t>chak no.28A/4l</t>
  </si>
  <si>
    <t>WAZIR ALI</t>
  </si>
  <si>
    <t>GPS CHAK NO 29 MB</t>
  </si>
  <si>
    <t>Chak No29mb</t>
  </si>
  <si>
    <t>gps ck no 29mb tehsil noor pur thal district khushab</t>
  </si>
  <si>
    <t>GPS CHAK NO 290 TDA</t>
  </si>
  <si>
    <t>QAZI ABAD MALE</t>
  </si>
  <si>
    <t>290/TDA TEH.Karor Distt.Layyah</t>
  </si>
  <si>
    <t>290/TDA</t>
  </si>
  <si>
    <t>Muhammad Zubair Nawaz</t>
  </si>
  <si>
    <t>GPS CHAK NO 291 TDA</t>
  </si>
  <si>
    <t>Noshera Thal Kalan</t>
  </si>
  <si>
    <t>Chak no 291/tda tehsil karor district layyah</t>
  </si>
  <si>
    <t>Chak 291</t>
  </si>
  <si>
    <t>Chak 306</t>
  </si>
  <si>
    <t>GPS CHAK NO 292 TDA</t>
  </si>
  <si>
    <t>292tda</t>
  </si>
  <si>
    <t>chak no 292tda markz qaziaabad tehsil karor dist layyah</t>
  </si>
  <si>
    <t>306 Tda</t>
  </si>
  <si>
    <t>GPS CHAK NO 293 TDA</t>
  </si>
  <si>
    <t>CHAK NO 293/TDA PO CHAK NO 306/TDA</t>
  </si>
  <si>
    <t>CHAK NO 293 TDA</t>
  </si>
  <si>
    <t>Adnan Munawar</t>
  </si>
  <si>
    <t>GPS CHAK NO 294 HR</t>
  </si>
  <si>
    <t>Chak No 294 HR</t>
  </si>
  <si>
    <t>chak No 294 HR</t>
  </si>
  <si>
    <t>Chak No 296HR</t>
  </si>
  <si>
    <t>GPS CHAK NO 294 TDA</t>
  </si>
  <si>
    <t>Chak No 294/TDA</t>
  </si>
  <si>
    <t>Chak no 294/TDA</t>
  </si>
  <si>
    <t>Chak 294/TDA</t>
  </si>
  <si>
    <t>Tahir Farooq</t>
  </si>
  <si>
    <t>GPS CHAK NO 295 HR</t>
  </si>
  <si>
    <t>295/HR</t>
  </si>
  <si>
    <t>Chak 295/HR tehsil fort abbas</t>
  </si>
  <si>
    <t>GPS CHAK NO 297 TDA</t>
  </si>
  <si>
    <t>chak no 297 tda</t>
  </si>
  <si>
    <t>Chak No 297TDA</t>
  </si>
  <si>
    <t>Noshera thal Klan</t>
  </si>
  <si>
    <t>GPS CHAK NO 298 TDA</t>
  </si>
  <si>
    <t>chak no 298/TDA</t>
  </si>
  <si>
    <t>Chak No 298/TDA</t>
  </si>
  <si>
    <t>Muhammad Rafiq Azhar</t>
  </si>
  <si>
    <t>GPS CHAK NO 299 HR</t>
  </si>
  <si>
    <t>chak 299/HR fort abbas, bahawalnagar</t>
  </si>
  <si>
    <t>299/HR</t>
  </si>
  <si>
    <t>GPS CHAK NO 299 TDA</t>
  </si>
  <si>
    <t>chak no. 299/t.d.a tehsil choubara district layyah</t>
  </si>
  <si>
    <t>Chak No 299/tda</t>
  </si>
  <si>
    <t>GPS CHAK NO 3 GB</t>
  </si>
  <si>
    <t>Chak No 3GB</t>
  </si>
  <si>
    <t>chak no 3 GB Itanwali tehsil and district nankana sahib</t>
  </si>
  <si>
    <t>Ittanwali</t>
  </si>
  <si>
    <t>Ghulam Faried</t>
  </si>
  <si>
    <t>GPS CHAK NO 3 GHAGH</t>
  </si>
  <si>
    <t>chak no 3 Ghagh</t>
  </si>
  <si>
    <t>Raja Sultan Sikander</t>
  </si>
  <si>
    <t>GPS CHAK NO 3 HAINS NO:2 KOT MELA RAM MULTAN</t>
  </si>
  <si>
    <t>3 Hans</t>
  </si>
  <si>
    <t>chak no 3 hans post office kot abbas shaheed tehsil multan sadar district multan</t>
  </si>
  <si>
    <t>GPS CHAK NO 3 TDA</t>
  </si>
  <si>
    <t>3TDA</t>
  </si>
  <si>
    <t>gps 3tda</t>
  </si>
  <si>
    <t>Chak 3 TDA</t>
  </si>
  <si>
    <t>GPS CHAK NO 3/2 L</t>
  </si>
  <si>
    <t>Post Office Garh Maharaja Tehsil Ahmad Pur Sial Distt. Jhang</t>
  </si>
  <si>
    <t>Chak 3/2 L</t>
  </si>
  <si>
    <t>MUHAMMAD Yaseen</t>
  </si>
  <si>
    <t>GPS CHAK NO 3/4 L</t>
  </si>
  <si>
    <t>Chak No 3/4L</t>
  </si>
  <si>
    <t>Chak No 3/4 L</t>
  </si>
  <si>
    <t>GPS CHAK NO 30/1.AL</t>
  </si>
  <si>
    <t>Chak no 30/1.AL tehsil Renala khurd District Okara</t>
  </si>
  <si>
    <t>GPS CHAK NO 30/NP</t>
  </si>
  <si>
    <t>Chak 30 Np</t>
  </si>
  <si>
    <t>chak 30 np apl</t>
  </si>
  <si>
    <t>Wallana</t>
  </si>
  <si>
    <t>GPS CHAK NO 300 HR</t>
  </si>
  <si>
    <t>Govt Primary School 300/HR p/o Chak no 302/HR</t>
  </si>
  <si>
    <t>chak No 300/HR</t>
  </si>
  <si>
    <t>chak no 304/HR</t>
  </si>
  <si>
    <t>GPS CHAK NO 300 TDA</t>
  </si>
  <si>
    <t>chak no 300 TDA tehsil chobara disst layyah</t>
  </si>
  <si>
    <t>Chak No 300 TDA</t>
  </si>
  <si>
    <t>Olakh Than Kalan</t>
  </si>
  <si>
    <t>GPS CHAK NO 301 HR</t>
  </si>
  <si>
    <t>chak no 301/HR No301No301 HR</t>
  </si>
  <si>
    <t>chak 301HR fort Abbas, bahawalnagar</t>
  </si>
  <si>
    <t>Chak 301HR</t>
  </si>
  <si>
    <t>304HR</t>
  </si>
  <si>
    <t>Javeed Iqbal Shahid</t>
  </si>
  <si>
    <t>GPS CHAK NO 303 HR</t>
  </si>
  <si>
    <t>CHAK No. 303/HR (s), Tehsil: Fortabbas, Distt: Bahawalnagar</t>
  </si>
  <si>
    <t>CHAK No 303/HR</t>
  </si>
  <si>
    <t>CHAK No 304/HR</t>
  </si>
  <si>
    <t>GPS CHAK NO 303 TDA</t>
  </si>
  <si>
    <t>Olkah Thal Kalan</t>
  </si>
  <si>
    <t>Chak no 303/tda</t>
  </si>
  <si>
    <t>Chak No303/TDA</t>
  </si>
  <si>
    <t>GPS CHAK NO 304 TDA</t>
  </si>
  <si>
    <t>chakno304/tda</t>
  </si>
  <si>
    <t>Maqsod Nagar</t>
  </si>
  <si>
    <t>Chakno306/Tda</t>
  </si>
  <si>
    <t>GPS CHAK NO 305 HR</t>
  </si>
  <si>
    <t>305/HR</t>
  </si>
  <si>
    <t>chak 305/H.R Tehsil Fort Abbas</t>
  </si>
  <si>
    <t>Tahir Mukhtar</t>
  </si>
  <si>
    <t>GPS CHAK NO 305 TDA</t>
  </si>
  <si>
    <t>305tda</t>
  </si>
  <si>
    <t>chak no 305tda p/o 306tda tehsil kror. district layyah</t>
  </si>
  <si>
    <t>Chak No 306tda</t>
  </si>
  <si>
    <t>Saifullah shahid</t>
  </si>
  <si>
    <t>GPS CHAK NO 308 TDA</t>
  </si>
  <si>
    <t>308/TDA</t>
  </si>
  <si>
    <t>Chak no. 308/TDA Post Office 306/TDA tehsil Karore Distt Layyah</t>
  </si>
  <si>
    <t>GPS CHAK NO 309 HR</t>
  </si>
  <si>
    <t>309/Hr</t>
  </si>
  <si>
    <t>chak no 309/hr</t>
  </si>
  <si>
    <t>Chak No 309/Hr</t>
  </si>
  <si>
    <t>GPS CHAK NO 31/GD</t>
  </si>
  <si>
    <t>31GD</t>
  </si>
  <si>
    <t>31 GD</t>
  </si>
  <si>
    <t>GPS CHAK NO 312/P</t>
  </si>
  <si>
    <t>Basti Molvi Allah Bux Machka</t>
  </si>
  <si>
    <t>GPS CHAK NO 313 HR COLONY</t>
  </si>
  <si>
    <t>Dhagaan Pura</t>
  </si>
  <si>
    <t>Chak 313/HR Colony</t>
  </si>
  <si>
    <t>Faiz Ul Hassan Shah</t>
  </si>
  <si>
    <t>GPS CHAK NO 313 TDA</t>
  </si>
  <si>
    <t>Thind Klan</t>
  </si>
  <si>
    <t>Chak No 313/TDA Tehsil choubara district Layyah</t>
  </si>
  <si>
    <t>313/TDA</t>
  </si>
  <si>
    <t>GPS CHAK NO 314 TDA</t>
  </si>
  <si>
    <t>chak no314/tda tehsil choubara distric layyah</t>
  </si>
  <si>
    <t>Chak No 314/Tda</t>
  </si>
  <si>
    <t>Azhar Abass Khan</t>
  </si>
  <si>
    <t>GPS CHAK NO 319/HR</t>
  </si>
  <si>
    <t>GPS 319/hr tanzeem chak no 319/hr teh Fort abbas</t>
  </si>
  <si>
    <t>Chak NO 319HR</t>
  </si>
  <si>
    <t>ChakNO 319HR</t>
  </si>
  <si>
    <t>Irshad Mustfa</t>
  </si>
  <si>
    <t>GPS CHAK NO 32</t>
  </si>
  <si>
    <t>chak no32</t>
  </si>
  <si>
    <t>Govt p/s chak no32 teh.pattoki disst.kasur</t>
  </si>
  <si>
    <t>chak no 32</t>
  </si>
  <si>
    <t>phullyani</t>
  </si>
  <si>
    <t>GPS CHAK NO 326 TDA</t>
  </si>
  <si>
    <t>326 Tda</t>
  </si>
  <si>
    <t>chak no 326/tda</t>
  </si>
  <si>
    <t>Chak No 326/tda</t>
  </si>
  <si>
    <t>GPS CHAK NO 327/HR</t>
  </si>
  <si>
    <t>chak 327/HR Teh fortabbas dist. Bahawalnagar</t>
  </si>
  <si>
    <t>Muhammad Asrar Hussain</t>
  </si>
  <si>
    <t>GPS CHAK NO 329 TDA</t>
  </si>
  <si>
    <t>329/TDA</t>
  </si>
  <si>
    <t>Chak No 329/ TDA</t>
  </si>
  <si>
    <t>Chak No 329/TDA</t>
  </si>
  <si>
    <t>M Shoaib Akhtar</t>
  </si>
  <si>
    <t>GPS CHAK NO 33</t>
  </si>
  <si>
    <t>post office chnga manga pattoki kasur Chak 33</t>
  </si>
  <si>
    <t>Chak 33</t>
  </si>
  <si>
    <t>Amer Ali</t>
  </si>
  <si>
    <t>GPS CHAK NO 33 NP</t>
  </si>
  <si>
    <t>basti kot paracha</t>
  </si>
  <si>
    <t>Kot Sanjer Khan</t>
  </si>
  <si>
    <t>MUHAMMAD AKBAR WASIM</t>
  </si>
  <si>
    <t>GPS CHAK NO 33/M</t>
  </si>
  <si>
    <t>Chak33/m</t>
  </si>
  <si>
    <t>Chak no:33/M</t>
  </si>
  <si>
    <t>33/m</t>
  </si>
  <si>
    <t>GPS CHAK NO 331 TDA</t>
  </si>
  <si>
    <t>Chak no 331 TDA tehsil choubara District Layyah</t>
  </si>
  <si>
    <t>331 TDA</t>
  </si>
  <si>
    <t>GPS CHAK NO 333 TDA</t>
  </si>
  <si>
    <t>333/tda</t>
  </si>
  <si>
    <t>chak no 333/Tda tehsil o  district layyah</t>
  </si>
  <si>
    <t>Chak No 333/tda</t>
  </si>
  <si>
    <t>Layyah Thal Khlan</t>
  </si>
  <si>
    <t>Kashif Hussain</t>
  </si>
  <si>
    <t>GPS CHAK NO 334 TDA</t>
  </si>
  <si>
    <t>chak no 334/tda</t>
  </si>
  <si>
    <t>GPS 334/Tda</t>
  </si>
  <si>
    <t>GPS CHAK NO 335 TDA</t>
  </si>
  <si>
    <t>chak. no.335 tda</t>
  </si>
  <si>
    <t>Chak No335</t>
  </si>
  <si>
    <t>Zareef Khan</t>
  </si>
  <si>
    <t>GPS CHAK NO 335/HR</t>
  </si>
  <si>
    <t>Chak NO 335 HR</t>
  </si>
  <si>
    <t>chak NO 335 HR</t>
  </si>
  <si>
    <t>GPS CHAK NO 336 TDA</t>
  </si>
  <si>
    <t>Chak No 336 TDA</t>
  </si>
  <si>
    <t>chak no 336/tda</t>
  </si>
  <si>
    <t>Chak No 336/Tda</t>
  </si>
  <si>
    <t>GPS CHAK NO 337 TDA</t>
  </si>
  <si>
    <t>337/TDA</t>
  </si>
  <si>
    <t>chak No.337/TDA</t>
  </si>
  <si>
    <t>337TDA</t>
  </si>
  <si>
    <t>GPS CHAK NO 338 TDA</t>
  </si>
  <si>
    <t>338/tda</t>
  </si>
  <si>
    <t>chak no 338/tda</t>
  </si>
  <si>
    <t>Chak No 338/tda</t>
  </si>
  <si>
    <t>Layyah That Klan</t>
  </si>
  <si>
    <t>Raza MUHAMMAD</t>
  </si>
  <si>
    <t>GPS CHAK NO 339 TDA</t>
  </si>
  <si>
    <t>chak no 339/tda</t>
  </si>
  <si>
    <t>Chak No 339/Tda</t>
  </si>
  <si>
    <t>GPS CHAK NO 34 SB</t>
  </si>
  <si>
    <t>Chak No34 SB</t>
  </si>
  <si>
    <t>Chak No. 34 SB Sargodha</t>
  </si>
  <si>
    <t>Irfan Victor</t>
  </si>
  <si>
    <t>GPS CHAK NO 34 TDA</t>
  </si>
  <si>
    <t>Chak 34 TDA</t>
  </si>
  <si>
    <t>Chak 34 TDA BKR</t>
  </si>
  <si>
    <t>34 TDA</t>
  </si>
  <si>
    <t>GPS CHAK NO 34/F</t>
  </si>
  <si>
    <t>34/F</t>
  </si>
  <si>
    <t>chak no.34/f p/o same tehsil chishtian district bahawalnagar</t>
  </si>
  <si>
    <t>Chak 34/F</t>
  </si>
  <si>
    <t>Kashif Khalil</t>
  </si>
  <si>
    <t>GPS CHAK NO 341 TDA</t>
  </si>
  <si>
    <t>341TDA</t>
  </si>
  <si>
    <t>Chak No 341 Tda Tehsil and District Layyah</t>
  </si>
  <si>
    <t>Chak No 341</t>
  </si>
  <si>
    <t>GPS CHAK NO 344 TDA</t>
  </si>
  <si>
    <t>344 TDA Tehsil CHoubara</t>
  </si>
  <si>
    <t>344 TDA</t>
  </si>
  <si>
    <t>GPS CHAK NO 345 TDA</t>
  </si>
  <si>
    <t>Chak no 345 TDA</t>
  </si>
  <si>
    <t>345 Tda</t>
  </si>
  <si>
    <t>Mohammad Sharif Tahir</t>
  </si>
  <si>
    <t>GPS CHAK NO 347 TDA</t>
  </si>
  <si>
    <t>347 A Tda</t>
  </si>
  <si>
    <t>chak no 347 a /tda tehsil chaubara dist layyah</t>
  </si>
  <si>
    <t>347a/tda</t>
  </si>
  <si>
    <t>GPS CHAK NO 348 TDA</t>
  </si>
  <si>
    <t>Chak No 348</t>
  </si>
  <si>
    <t>Chak No. 348 TDA</t>
  </si>
  <si>
    <t>Habib ur REHMAN</t>
  </si>
  <si>
    <t>GPS CHAK NO 35 NP</t>
  </si>
  <si>
    <t>Kot Mitha</t>
  </si>
  <si>
    <t>kot mitha, sadiqabad</t>
  </si>
  <si>
    <t>GPS CHAK NO 35 TDA</t>
  </si>
  <si>
    <t>35 TDA</t>
  </si>
  <si>
    <t>chak no.35 TDA</t>
  </si>
  <si>
    <t>GPS CHAK NO 357 JB</t>
  </si>
  <si>
    <t>Kalodi</t>
  </si>
  <si>
    <t>chak no 357jb</t>
  </si>
  <si>
    <t>423/JB</t>
  </si>
  <si>
    <t>Zeshan Aslam</t>
  </si>
  <si>
    <t>GPS CHAK NO 359 EB</t>
  </si>
  <si>
    <t>359 / EB</t>
  </si>
  <si>
    <t>chak No 359 /EB</t>
  </si>
  <si>
    <t>359/ EB</t>
  </si>
  <si>
    <t>Muhammad Shoib Shahzad</t>
  </si>
  <si>
    <t>GPS CHAK NO 36/F/24/G</t>
  </si>
  <si>
    <t>CHAK NO 24/G JW</t>
  </si>
  <si>
    <t>CHAK NO 35/F</t>
  </si>
  <si>
    <t>AIMEN HABIB</t>
  </si>
  <si>
    <t>GPS CHAK NO 364 TDA</t>
  </si>
  <si>
    <t>364/TDA</t>
  </si>
  <si>
    <t>Chak no 364/tda</t>
  </si>
  <si>
    <t>GPS CHAK NO 365 TDA</t>
  </si>
  <si>
    <t>365/TDA</t>
  </si>
  <si>
    <t>Chak no. 365/TDA</t>
  </si>
  <si>
    <t>GPS CHAK NO 366 TDA</t>
  </si>
  <si>
    <t>Chak No. 366/TDA</t>
  </si>
  <si>
    <t>Sayyed  Fida Hussain</t>
  </si>
  <si>
    <t>GPS CHAK NO 368 TDA</t>
  </si>
  <si>
    <t>368 Tda</t>
  </si>
  <si>
    <t>chak # 368 TDA</t>
  </si>
  <si>
    <t>368 TDA</t>
  </si>
  <si>
    <t>Sohail Abbas</t>
  </si>
  <si>
    <t>GPS CHAK NO 369 TDA</t>
  </si>
  <si>
    <t>Chk No 369 Tda</t>
  </si>
  <si>
    <t>Chak No 369TDA</t>
  </si>
  <si>
    <t>GPS CHAK NO 37 ML</t>
  </si>
  <si>
    <t>chak # 37 ML</t>
  </si>
  <si>
    <t>CHAK# 37 ML</t>
  </si>
  <si>
    <t>Chak # 40 ML</t>
  </si>
  <si>
    <t>GPS CHAK NO 370 PARKAR ABAD</t>
  </si>
  <si>
    <t>370 Parkarabad</t>
  </si>
  <si>
    <t>Parkarabad</t>
  </si>
  <si>
    <t>GPS CHAK NO 376 TDA</t>
  </si>
  <si>
    <t>376/TDA</t>
  </si>
  <si>
    <t>Chak No. 376</t>
  </si>
  <si>
    <t>Chak 376</t>
  </si>
  <si>
    <t>GPS CHAK NO 377 TDA</t>
  </si>
  <si>
    <t>Chak 377/TDA</t>
  </si>
  <si>
    <t>GPS CHAK NO 379 TDA</t>
  </si>
  <si>
    <t>379 Tda</t>
  </si>
  <si>
    <t>GPS 379 Chak no 379 TDA</t>
  </si>
  <si>
    <t>379 TDA</t>
  </si>
  <si>
    <t>Qalib abbas</t>
  </si>
  <si>
    <t>GPS CHAK NO 38 JB</t>
  </si>
  <si>
    <t>38JB</t>
  </si>
  <si>
    <t>Chak no 38 JB Dabora</t>
  </si>
  <si>
    <t>38JB Dagora</t>
  </si>
  <si>
    <t>38 JB</t>
  </si>
  <si>
    <t>GPS CHAK NO 380 TDA</t>
  </si>
  <si>
    <t>380/Tda</t>
  </si>
  <si>
    <t>chak no 380/tda tesh choubara dist lya</t>
  </si>
  <si>
    <t>380/tda</t>
  </si>
  <si>
    <t>rafqbdbad</t>
  </si>
  <si>
    <t>GPS CHAK NO 4 GB</t>
  </si>
  <si>
    <t>Chak No 4 GB</t>
  </si>
  <si>
    <t>chak no. 4 GB bhaghwan pura</t>
  </si>
  <si>
    <t>hammad raza</t>
  </si>
  <si>
    <t>GPS CHAK NO 4/P</t>
  </si>
  <si>
    <t>JETHA Bhutta</t>
  </si>
  <si>
    <t>Govt.Boys primary school chak No.4/p khan pur</t>
  </si>
  <si>
    <t>Chak No 4/p</t>
  </si>
  <si>
    <t>Jehta Bhutta</t>
  </si>
  <si>
    <t>Muhammad Akhtar Hashmi</t>
  </si>
  <si>
    <t>GPS CHAK NO 40</t>
  </si>
  <si>
    <t>aadiya road chak no 40</t>
  </si>
  <si>
    <t>Shuakat Hayat</t>
  </si>
  <si>
    <t>GPS CHAK NO 40 M.L</t>
  </si>
  <si>
    <t>chak no 40 ml</t>
  </si>
  <si>
    <t>Rafique Ullah Khan</t>
  </si>
  <si>
    <t>GPS CHAK NO 405 TDA</t>
  </si>
  <si>
    <t>chak No. 405/TDA</t>
  </si>
  <si>
    <t>405/TDA</t>
  </si>
  <si>
    <t>Ashfaq Alam</t>
  </si>
  <si>
    <t>GPS CHAK NO 408 TDA</t>
  </si>
  <si>
    <t>CHAK NO. 449/TDA MALE</t>
  </si>
  <si>
    <t>408/Tda</t>
  </si>
  <si>
    <t>chak no. 408 tda</t>
  </si>
  <si>
    <t>Chak No 408 Tda</t>
  </si>
  <si>
    <t>GPS CHAK NO 41</t>
  </si>
  <si>
    <t>Chak 41 UCC, Teh. Ferozewala, Distt. Sheikhupura</t>
  </si>
  <si>
    <t>GPS CHAK NO 41/GD</t>
  </si>
  <si>
    <t>41 GD</t>
  </si>
  <si>
    <t>chak no 41 GD</t>
  </si>
  <si>
    <t>M Abbas</t>
  </si>
  <si>
    <t>GPS CHAK NO 412 JB</t>
  </si>
  <si>
    <t>Chak#412jb</t>
  </si>
  <si>
    <t>chak#412jb  P/O Shorkot Cantt TEH Shorkot District Jhang</t>
  </si>
  <si>
    <t>Chak #412jb</t>
  </si>
  <si>
    <t>Chak#497jb</t>
  </si>
  <si>
    <t>GPS CHAK NO 412 TDA</t>
  </si>
  <si>
    <t>Chak No.412 choubara Layyah</t>
  </si>
  <si>
    <t>Chak N 412</t>
  </si>
  <si>
    <t>Saharan Chak No 452/TDA</t>
  </si>
  <si>
    <t>Javid Iqbal Zahid</t>
  </si>
  <si>
    <t>GPS CHAK NO 413 TDA</t>
  </si>
  <si>
    <t>chak no 413 tda</t>
  </si>
  <si>
    <t>413tda</t>
  </si>
  <si>
    <t>Saharan43</t>
  </si>
  <si>
    <t>GPS CHAK NO 418 TDA</t>
  </si>
  <si>
    <t>chack no. 418/tda tehsil and district layyah</t>
  </si>
  <si>
    <t>Chack No 418</t>
  </si>
  <si>
    <t>Chack 393 TDA</t>
  </si>
  <si>
    <t>GPS CHAK NO 42</t>
  </si>
  <si>
    <t>Chack 42</t>
  </si>
  <si>
    <t>chack no 42 tehsil ferozwala district sheikhupura</t>
  </si>
  <si>
    <t>Chack No 42</t>
  </si>
  <si>
    <t>GPS CHAK NO 42/F</t>
  </si>
  <si>
    <t>Chak No 42/F PO 43/F Tehsil Chishtian</t>
  </si>
  <si>
    <t>GPS CHAK NO 420/TDA</t>
  </si>
  <si>
    <t>chak no420/tda</t>
  </si>
  <si>
    <t>420/tda</t>
  </si>
  <si>
    <t>ishfaq ahmad</t>
  </si>
  <si>
    <t>GPS CHAK NO 421 GB I</t>
  </si>
  <si>
    <t>Johk Dara</t>
  </si>
  <si>
    <t>chak no 421gb south</t>
  </si>
  <si>
    <t>Chak No 421gb South</t>
  </si>
  <si>
    <t>Chak No 422</t>
  </si>
  <si>
    <t>Haroon Ur Riaz</t>
  </si>
  <si>
    <t>GPS CHAK NO 421 GB II</t>
  </si>
  <si>
    <t>Chak Dara</t>
  </si>
  <si>
    <t>chak no 421 GB/2 tehsil Tandlianwala</t>
  </si>
  <si>
    <t>Chak No 421GB / N</t>
  </si>
  <si>
    <t>Muhammad iqbal javed</t>
  </si>
  <si>
    <t>GPS CHAK NO 422 GB</t>
  </si>
  <si>
    <t>422gb</t>
  </si>
  <si>
    <t>Chak no 422 Gb tehsil tandlianwala Faisalabad</t>
  </si>
  <si>
    <t>Chak No 422 Gb</t>
  </si>
  <si>
    <t>muhammad zaman shad</t>
  </si>
  <si>
    <t>GPS CHAK NO 42-2L</t>
  </si>
  <si>
    <t>42/2 L</t>
  </si>
  <si>
    <t>chak no 42/2L okara</t>
  </si>
  <si>
    <t>GPS CHAK NO 425 G</t>
  </si>
  <si>
    <t>Aqil Ke</t>
  </si>
  <si>
    <t>chak no 425 gb /s</t>
  </si>
  <si>
    <t>Chak No 425/s</t>
  </si>
  <si>
    <t>GPS CHAK NO 425 GB N</t>
  </si>
  <si>
    <t>Chak No 425gbn</t>
  </si>
  <si>
    <t>chak no 425 gb n tehsil tandlianwala district Faisalabad</t>
  </si>
  <si>
    <t>Chak No 422GB</t>
  </si>
  <si>
    <t>Rizwan Aslam Khan</t>
  </si>
  <si>
    <t>GPS CHAK NO 425/6-R</t>
  </si>
  <si>
    <t>Chak no 425</t>
  </si>
  <si>
    <t>chak 425/6R Teh haroonabad district bahwalnagar post office fqirwali</t>
  </si>
  <si>
    <t>Chak 425</t>
  </si>
  <si>
    <t>GPS CHAK NO 426 B TDA</t>
  </si>
  <si>
    <t>chak No  426B /TDA Tehsil Layyah</t>
  </si>
  <si>
    <t>426B/ TDA</t>
  </si>
  <si>
    <t>GPS CHAK NO 426 GB N</t>
  </si>
  <si>
    <t>Rajkay</t>
  </si>
  <si>
    <t>GPS CHAK NO 426 GB SOUTH</t>
  </si>
  <si>
    <t>RajKay</t>
  </si>
  <si>
    <t>Chak no 426GB Tandlianwala</t>
  </si>
  <si>
    <t>Chak No 426 GB Tandlianwala</t>
  </si>
  <si>
    <t>Chak No 429GB</t>
  </si>
  <si>
    <t>GPS CHAK NO 426/6-R</t>
  </si>
  <si>
    <t>chak No 426/6r tehsil Haroonabad Dist BWN</t>
  </si>
  <si>
    <t>GPS CHAK NO 427 GB</t>
  </si>
  <si>
    <t>427gb</t>
  </si>
  <si>
    <t>GPS Chak No 427 GB tehsil tandlianwala district Faisalabad</t>
  </si>
  <si>
    <t>Chak No 427 GB</t>
  </si>
  <si>
    <t>GPS CHAK NO 427/6-R W</t>
  </si>
  <si>
    <t>chak 427/6,r west teh haroon abad</t>
  </si>
  <si>
    <t>427/6R W</t>
  </si>
  <si>
    <t>Chak109</t>
  </si>
  <si>
    <t>GPS CHAK NO 429 TDA / 495 TDA</t>
  </si>
  <si>
    <t>chak no. 495/TDA</t>
  </si>
  <si>
    <t>495/TDA</t>
  </si>
  <si>
    <t>GPS CHAK NO 429/6-R E</t>
  </si>
  <si>
    <t>chak no 429 6r east</t>
  </si>
  <si>
    <t>Muhammad Tayyab Tahir</t>
  </si>
  <si>
    <t>GPS CHAK NO 43 P</t>
  </si>
  <si>
    <t>GBPS 43/p</t>
  </si>
  <si>
    <t>GPS CHAK NO 43/P BASTI KHALIL</t>
  </si>
  <si>
    <t>Moni Thal</t>
  </si>
  <si>
    <t>basti Dr Nawaz Chak 4/P moza moni thal KHANPUR DISTRICT RAHIMYARKHAN</t>
  </si>
  <si>
    <t>Basti Dr Nawaz 4/P</t>
  </si>
  <si>
    <t>Chak 1/P</t>
  </si>
  <si>
    <t>GPS CHAK NO 430 GB</t>
  </si>
  <si>
    <t>dewray</t>
  </si>
  <si>
    <t>cjak no 430 gb</t>
  </si>
  <si>
    <t>430 gb</t>
  </si>
  <si>
    <t>429 gb</t>
  </si>
  <si>
    <t>GPS CHAK NO 430/6-R SOUTH</t>
  </si>
  <si>
    <t>430/6R-S</t>
  </si>
  <si>
    <t>chak 430/6.R(s) tehsil haroonabad district  bahawalnagar</t>
  </si>
  <si>
    <t>chak 430/6R-S</t>
  </si>
  <si>
    <t>432/6R-W</t>
  </si>
  <si>
    <t>GPS CHAK NO 431 GBS</t>
  </si>
  <si>
    <t>Burala Sharif</t>
  </si>
  <si>
    <t>chak no 431gb s</t>
  </si>
  <si>
    <t>Chak No 431GB S</t>
  </si>
  <si>
    <t>Chak No 429 Gb</t>
  </si>
  <si>
    <t>GPS CHAK NO 431/6-R</t>
  </si>
  <si>
    <t>431/6R</t>
  </si>
  <si>
    <t>Chak No 431/6R P/O same,Teh Haroonabad,Dist Bahawalnagar</t>
  </si>
  <si>
    <t>GPS CHAK NO 432 TDA</t>
  </si>
  <si>
    <t>432tda</t>
  </si>
  <si>
    <t>GPS CHAK NO 432/6-R W</t>
  </si>
  <si>
    <t>432/6-R West</t>
  </si>
  <si>
    <t>Chak No. 432/6-R West,Tehsil:Haroonabd,District: Bahawalnagar.</t>
  </si>
  <si>
    <t>GPS CHAK NO 434/6-R</t>
  </si>
  <si>
    <t>Chak no 434/6.r p/o 433/6.r</t>
  </si>
  <si>
    <t>Chak No438/6R</t>
  </si>
  <si>
    <t>GPS CHAK NO 435/6-R</t>
  </si>
  <si>
    <t>435/6-R</t>
  </si>
  <si>
    <t>Chak No.435/6-R Post Office Chak No.433/6-R Tehsil Haroonabad District Bahawalnagar</t>
  </si>
  <si>
    <t>GPS CHAK NO 437 TDA</t>
  </si>
  <si>
    <t>chak no 437 TDA teh &amp; dist layyah</t>
  </si>
  <si>
    <t>Chak No  437/ TDA</t>
  </si>
  <si>
    <t>GPS CHAK NO 437/6-R</t>
  </si>
  <si>
    <t>Chak No 437/6R</t>
  </si>
  <si>
    <t>Chak No. 437/6R P-O Chak No. 438/6R Tehsil Haroonabad Distt: Bahawalnagar</t>
  </si>
  <si>
    <t>Tariq Imran</t>
  </si>
  <si>
    <t>GPS CHAK NO 438 TDA</t>
  </si>
  <si>
    <t>chak no 438 tda</t>
  </si>
  <si>
    <t>Chak No 438/TDA</t>
  </si>
  <si>
    <t>GPS CHAK NO 438/6-R WEST NO. 2</t>
  </si>
  <si>
    <t>438/6r W</t>
  </si>
  <si>
    <t>438/6r tehsile haroonabad distt bahawalnagar</t>
  </si>
  <si>
    <t>GPS CHAK NO 44 MB</t>
  </si>
  <si>
    <t>44 Mb</t>
  </si>
  <si>
    <t>chak no 44 mb</t>
  </si>
  <si>
    <t>Chak No 44 Mb</t>
  </si>
  <si>
    <t>GPS CHAK NO 440 6R ( WEST )</t>
  </si>
  <si>
    <t>GPS CHAK NO 441 JB</t>
  </si>
  <si>
    <t>Chak 441</t>
  </si>
  <si>
    <t>Chak no 441</t>
  </si>
  <si>
    <t>Chak No 441</t>
  </si>
  <si>
    <t>GPS CHAK NO 442 CHAH CHAMBAY WALA</t>
  </si>
  <si>
    <t>Chak 442 Chah Chambay Wala Tehsil and District Chiniot</t>
  </si>
  <si>
    <t>Chah Chambay Wala</t>
  </si>
  <si>
    <t>Setellite Town</t>
  </si>
  <si>
    <t>Muhammad Ataullah Khalid</t>
  </si>
  <si>
    <t>GPS CHAK NO 442/6-R</t>
  </si>
  <si>
    <t>442/6R</t>
  </si>
  <si>
    <t>442/6R Tehsil Haroonabad District Bahawalnagar</t>
  </si>
  <si>
    <t>438/6R West</t>
  </si>
  <si>
    <t>GPS CHAK NO 444 TDA (MANJHI WALA)</t>
  </si>
  <si>
    <t>Chah majhi wala, moza Nawankot Tehsil Choubara Layyah</t>
  </si>
  <si>
    <t>GPS CHAK NO 445 GB II</t>
  </si>
  <si>
    <t>Chak No 445 GB  2nd Thagawali</t>
  </si>
  <si>
    <t>Chak no 445 GB</t>
  </si>
  <si>
    <t>445 GB -2</t>
  </si>
  <si>
    <t>M Ashfaq Ahmad</t>
  </si>
  <si>
    <t>GPS CHAK NO 445 JB</t>
  </si>
  <si>
    <t>chak445</t>
  </si>
  <si>
    <t>chak.no 445</t>
  </si>
  <si>
    <t>adah khio chak446</t>
  </si>
  <si>
    <t>GPS CHAK NO 447 TDA</t>
  </si>
  <si>
    <t>Chak No 447</t>
  </si>
  <si>
    <t>Chak no 447tda</t>
  </si>
  <si>
    <t>447 Tda</t>
  </si>
  <si>
    <t>mc Choubara</t>
  </si>
  <si>
    <t>Zargham Abbsas</t>
  </si>
  <si>
    <t>GPS CHAK NO 448 TDA</t>
  </si>
  <si>
    <t>448/TDA</t>
  </si>
  <si>
    <t>Chak No 448/TDA Tehsil chaubara district Layyah</t>
  </si>
  <si>
    <t>Chak No 448/TDA</t>
  </si>
  <si>
    <t>GPS CHAK NO 449 JB</t>
  </si>
  <si>
    <t>chak no 449 district jhang</t>
  </si>
  <si>
    <t>Chak 449 Jb</t>
  </si>
  <si>
    <t>Chak 450 Jb</t>
  </si>
  <si>
    <t>Waqas Sajid</t>
  </si>
  <si>
    <t>GPS CHAK NO 449 TDA</t>
  </si>
  <si>
    <t>449/tda</t>
  </si>
  <si>
    <t>Chak No 449</t>
  </si>
  <si>
    <t>GPS CHAK NO 45</t>
  </si>
  <si>
    <t>Chak No.45,Tensile Ferozewala,District Sheikhupura.</t>
  </si>
  <si>
    <t>GPS CHAK NO 45 MB</t>
  </si>
  <si>
    <t>Chak no 45mb</t>
  </si>
  <si>
    <t>GPS CHAK NO 45 TDA</t>
  </si>
  <si>
    <t>Chak No 45 TDA P.O.BOX CHAK 47 TDA BHAKKAR</t>
  </si>
  <si>
    <t>Khuda Bukhsh</t>
  </si>
  <si>
    <t>GPS CHAK NO 450 TDA</t>
  </si>
  <si>
    <t>MC Chubara</t>
  </si>
  <si>
    <t>GPS CHAK NO 455 JB NORTH</t>
  </si>
  <si>
    <t>GPS Chak no 455 N</t>
  </si>
  <si>
    <t>Chak No 455</t>
  </si>
  <si>
    <t>Azhar Hassan</t>
  </si>
  <si>
    <t>GPS CHAK NO 456 TDA</t>
  </si>
  <si>
    <t>Chak no.456/TDA Tehsil &amp; District Layyah</t>
  </si>
  <si>
    <t>Chak No 456/TDA</t>
  </si>
  <si>
    <t>Amjad Pervez</t>
  </si>
  <si>
    <t>GPS CHAK NO 457 EB</t>
  </si>
  <si>
    <t>Chak No 457EB</t>
  </si>
  <si>
    <t>Chak No 457 EB Burewala</t>
  </si>
  <si>
    <t>GPS CHAK NO 458 JB</t>
  </si>
  <si>
    <t>chak.458</t>
  </si>
  <si>
    <t>Ahata Bahader Khan</t>
  </si>
  <si>
    <t>Adah Khio</t>
  </si>
  <si>
    <t>Mehdi Abbas Shah</t>
  </si>
  <si>
    <t>GPS CHAK NO 458 TDA</t>
  </si>
  <si>
    <t>chak no 458 Tda layyah</t>
  </si>
  <si>
    <t>458 TDA</t>
  </si>
  <si>
    <t>Naeem Shahbaz</t>
  </si>
  <si>
    <t>GPS CHAK NO 459 TDA</t>
  </si>
  <si>
    <t>chak no 459</t>
  </si>
  <si>
    <t>Chak No 459</t>
  </si>
  <si>
    <t>GPS CHAK NO 46</t>
  </si>
  <si>
    <t>Chak no 46 ferozewala</t>
  </si>
  <si>
    <t>Shabeer Hussain</t>
  </si>
  <si>
    <t>GPS CHAK NO 46 M L</t>
  </si>
  <si>
    <t>46ML</t>
  </si>
  <si>
    <t>Chak No 46 ML P/O Ameer Abad</t>
  </si>
  <si>
    <t>GPS CHAK NO 46 TDA</t>
  </si>
  <si>
    <t>46 TDA</t>
  </si>
  <si>
    <t>Chak no 46 TDA</t>
  </si>
  <si>
    <t>45 TDA</t>
  </si>
  <si>
    <t>GPS CHAK NO 461 JB</t>
  </si>
  <si>
    <t>chak no.461 murad shah jhang</t>
  </si>
  <si>
    <t>Murad Shah</t>
  </si>
  <si>
    <t>GPS CHAK NO 464 JB MEHRAN WALA</t>
  </si>
  <si>
    <t>Chack No 464</t>
  </si>
  <si>
    <t>GP/S Mehranwala Chack No 464 Jhang</t>
  </si>
  <si>
    <t>Hakim Ali Asi</t>
  </si>
  <si>
    <t>GPS CHAK NO 465 JB</t>
  </si>
  <si>
    <t>chak no 465 jb Chiniot</t>
  </si>
  <si>
    <t>Chak No 465 jb</t>
  </si>
  <si>
    <t>Chak 13  Sarwala</t>
  </si>
  <si>
    <t>GPS CHAK NO 466 JB DEPUTY WALA</t>
  </si>
  <si>
    <t>Ch 466JB</t>
  </si>
  <si>
    <t>Deputy Wala Teh. Bhowana Chiniot</t>
  </si>
  <si>
    <t>Deputy Wala</t>
  </si>
  <si>
    <t>Samandar</t>
  </si>
  <si>
    <t>Sammar Abbas</t>
  </si>
  <si>
    <t>GPS CHAK NO 466 JB NORTH</t>
  </si>
  <si>
    <t>Khnawana</t>
  </si>
  <si>
    <t>chak no 466 north</t>
  </si>
  <si>
    <t>Khanwana</t>
  </si>
  <si>
    <t>Summandr</t>
  </si>
  <si>
    <t>GPS CHAK NO 466 TDA</t>
  </si>
  <si>
    <t>chack no.466/T.D.A.</t>
  </si>
  <si>
    <t>Sajid Mahmood Alvi</t>
  </si>
  <si>
    <t>GPS CHAK NO 47 3R AB</t>
  </si>
  <si>
    <t>Chak No 47/3-R AB</t>
  </si>
  <si>
    <t>chak no. 47/3-R AB</t>
  </si>
  <si>
    <t>47/3-R  AB</t>
  </si>
  <si>
    <t>20/3-R</t>
  </si>
  <si>
    <t>GPS CHAK NO 470 TDA</t>
  </si>
  <si>
    <t>Chak no. 470/TDA</t>
  </si>
  <si>
    <t>470/TDA</t>
  </si>
  <si>
    <t>GPS CHAK NO 474 TDA</t>
  </si>
  <si>
    <t>474 tda tehsil choubara dist layyah</t>
  </si>
  <si>
    <t>452 saharan</t>
  </si>
  <si>
    <t>parvaiz akhtar khazi</t>
  </si>
  <si>
    <t>GPS CHAK NO 475 JB</t>
  </si>
  <si>
    <t>SYED WALA</t>
  </si>
  <si>
    <t>GOVT PRIMARY SCHOOL chak no 475jb</t>
  </si>
  <si>
    <t>CHAK NO 475</t>
  </si>
  <si>
    <t>CHAK NO 463</t>
  </si>
  <si>
    <t>GPS CHAK NO 476 JB</t>
  </si>
  <si>
    <t>chak no 476jb</t>
  </si>
  <si>
    <t>476jb</t>
  </si>
  <si>
    <t>GPS CHAK NO 479 JB</t>
  </si>
  <si>
    <t>Chak No479</t>
  </si>
  <si>
    <t>chak no 479 jb</t>
  </si>
  <si>
    <t>zafar ali zafar</t>
  </si>
  <si>
    <t>GPS CHAK NO 479 JB KASHMIRIAN</t>
  </si>
  <si>
    <t>Chak No 479 Jb</t>
  </si>
  <si>
    <t>Chak 479 JB Kashmirian</t>
  </si>
  <si>
    <t>GPS CHAK NO 479 TDA</t>
  </si>
  <si>
    <t>chak no 479/tda</t>
  </si>
  <si>
    <t>Chak No 479/tda</t>
  </si>
  <si>
    <t>Mc Choubara</t>
  </si>
  <si>
    <t>GPS CHAK NO 48 MB</t>
  </si>
  <si>
    <t>48 M B</t>
  </si>
  <si>
    <t>Chak No 48 MB</t>
  </si>
  <si>
    <t>48 MB</t>
  </si>
  <si>
    <t>51 M B</t>
  </si>
  <si>
    <t>GPS CHAK NO 48 MURIDKE</t>
  </si>
  <si>
    <t>chak no.48</t>
  </si>
  <si>
    <t>Chak No 48</t>
  </si>
  <si>
    <t>Muhammad Ejaz Ahmad</t>
  </si>
  <si>
    <t>GPS CHAK NO 48 TDA</t>
  </si>
  <si>
    <t>Chak no 48tda</t>
  </si>
  <si>
    <t>govt primary school chak no 48tda</t>
  </si>
  <si>
    <t>Chak no 45 Tda</t>
  </si>
  <si>
    <t>Abdul Majeed Nadeem</t>
  </si>
  <si>
    <t>GPS CHAK NO 48/F</t>
  </si>
  <si>
    <t>CHAK NO 5/FW MOCHI PURA BASTI</t>
  </si>
  <si>
    <t>MOCHIPURA</t>
  </si>
  <si>
    <t>CHAK NO 5/FW</t>
  </si>
  <si>
    <t>GPS CHAK NO 480</t>
  </si>
  <si>
    <t>Chak No 480 JB</t>
  </si>
  <si>
    <t>CHAK NO 480J.B TEHSILE SHORKOT DISTRICT JHANG</t>
  </si>
  <si>
    <t>Chak No 480 J.B</t>
  </si>
  <si>
    <t>CHAK NO 478J.B</t>
  </si>
  <si>
    <t>Muhammad Bukhsh</t>
  </si>
  <si>
    <t>GPS CHAK NO 481 KHAS</t>
  </si>
  <si>
    <t>Chak No 481</t>
  </si>
  <si>
    <t>chak no 481 jb teh shorkot jhang</t>
  </si>
  <si>
    <t>GPS CHAK NO 481 NORTH</t>
  </si>
  <si>
    <t>Chak 481</t>
  </si>
  <si>
    <t>GPS Chak no 481 In  North The short Dusty Jhang</t>
  </si>
  <si>
    <t>Chak 481jb</t>
  </si>
  <si>
    <t>GPS CHAK NO 482 JB</t>
  </si>
  <si>
    <t>Chak no 482 jb tehsil shorkot district jhang</t>
  </si>
  <si>
    <t>GPS CHAK NO 482 NORTH</t>
  </si>
  <si>
    <t>Chak No 482</t>
  </si>
  <si>
    <t>Ashfaq Hussain Khan</t>
  </si>
  <si>
    <t>GPS CHAK NO 483 B TDA (GHOUSIA DARBAR)</t>
  </si>
  <si>
    <t>Chak 393tda</t>
  </si>
  <si>
    <t>GPS CHAK NO 483 JB NORTH</t>
  </si>
  <si>
    <t>Chak No 483 Jb</t>
  </si>
  <si>
    <t>chak no 483 jb Teh. Shorkot distance jhang</t>
  </si>
  <si>
    <t>Chak No 483</t>
  </si>
  <si>
    <t>GPS CHAK NO 483 JB SOUTH KHAS</t>
  </si>
  <si>
    <t>483 JB</t>
  </si>
  <si>
    <t>chak no 483 JB</t>
  </si>
  <si>
    <t>478 JB</t>
  </si>
  <si>
    <t>GPS CHAK NO 483 TDA</t>
  </si>
  <si>
    <t>Chak No 483TDA</t>
  </si>
  <si>
    <t>Chak No 483 TDA</t>
  </si>
  <si>
    <t>GPS CHAK NO 484 JB SOUTH</t>
  </si>
  <si>
    <t>chak no 484 jb south</t>
  </si>
  <si>
    <t>Chak No 484 South</t>
  </si>
  <si>
    <t>GPS CHAK NO 486 TDA</t>
  </si>
  <si>
    <t>chak no 486/tda tehsil choubara,district layyah</t>
  </si>
  <si>
    <t>Chak No 486/Tda</t>
  </si>
  <si>
    <t>Muhammad Zohaib Azhar</t>
  </si>
  <si>
    <t>GPS CHAK NO 487 JB</t>
  </si>
  <si>
    <t>chak no 487 jb</t>
  </si>
  <si>
    <t>Chak No 487 JB</t>
  </si>
  <si>
    <t>GPS CHAK NO 49 DB</t>
  </si>
  <si>
    <t>Chak No 49 DB</t>
  </si>
  <si>
    <t>Chak No 49 D B</t>
  </si>
  <si>
    <t>GPS CHAK NO 49 MB</t>
  </si>
  <si>
    <t>Chak No 49 MB</t>
  </si>
  <si>
    <t>GPS chak No.49 m b</t>
  </si>
  <si>
    <t>GPS CHAK NO 49/3-R</t>
  </si>
  <si>
    <t>49/3r</t>
  </si>
  <si>
    <t>Dera Mehr Bahadur Haroonabad</t>
  </si>
  <si>
    <t>GPS CHAK NO 490 JB NORTH</t>
  </si>
  <si>
    <t>490 North</t>
  </si>
  <si>
    <t>chak 490 north</t>
  </si>
  <si>
    <t>Chak 490 North</t>
  </si>
  <si>
    <t>GPS CHAK NO 490 JB SOUTH</t>
  </si>
  <si>
    <t>chak no 490 south</t>
  </si>
  <si>
    <t>490 South</t>
  </si>
  <si>
    <t>Muneer Hussain</t>
  </si>
  <si>
    <t>GPS CHAK NO 491 JB CHADHAR</t>
  </si>
  <si>
    <t>491 Abadi Chadhar</t>
  </si>
  <si>
    <t>chak no 491 Abadi chadhar Tehsil shorkot District Jhang</t>
  </si>
  <si>
    <t>GPS CHAK NO 491 TDA</t>
  </si>
  <si>
    <t>CHAK NO. 491 TDA TEHSIL CHOUBARA DISTRICT LAYYAH</t>
  </si>
  <si>
    <t>CHAK NO 491/TDA</t>
  </si>
  <si>
    <t>Sharjeel Abbas Zaidi</t>
  </si>
  <si>
    <t>GPS CHAK NO 492 TDA</t>
  </si>
  <si>
    <t>492tda</t>
  </si>
  <si>
    <t>492 TDA</t>
  </si>
  <si>
    <t>Khalid Mahmood Arif</t>
  </si>
  <si>
    <t>GPS CHAK NO 494 JB</t>
  </si>
  <si>
    <t>Chak No 494 Jb</t>
  </si>
  <si>
    <t>Chak no 494 Jb</t>
  </si>
  <si>
    <t>Chak  No 494 Jb</t>
  </si>
  <si>
    <t>Muhammad Farooq Iqbal</t>
  </si>
  <si>
    <t>GPS CHAK NO 495 JB</t>
  </si>
  <si>
    <t>495 jb</t>
  </si>
  <si>
    <t>Chak No. 495 JB P/O Kallu wala Tehsil Shorkot District Jhang</t>
  </si>
  <si>
    <t>Chak No 495 JB</t>
  </si>
  <si>
    <t>Ghulam kazim</t>
  </si>
  <si>
    <t>GPS CHAK NO 497 JB</t>
  </si>
  <si>
    <t>Chak No497</t>
  </si>
  <si>
    <t>chak  497 Teh Shorkot(Jhang)</t>
  </si>
  <si>
    <t>Hafiz Akhtar Abbas</t>
  </si>
  <si>
    <t>GPS CHAK NO 5 GHAGH</t>
  </si>
  <si>
    <t>GPS chak no 5 ghagh</t>
  </si>
  <si>
    <t>Chak No 5 Ghagh</t>
  </si>
  <si>
    <t>GPS CHAK NO 5/3 L</t>
  </si>
  <si>
    <t>cHAK 5/3L</t>
  </si>
  <si>
    <t>CHAK 5/3L P/O Chak no.5/3l MARKAZ BANGLA YASMEEN TEH A.P.S JHANG</t>
  </si>
  <si>
    <t>CHAK 5/3L</t>
  </si>
  <si>
    <t>Muhammad Tahir Abbas</t>
  </si>
  <si>
    <t>GPS CHAK NO 5/61</t>
  </si>
  <si>
    <t>Chak No 5/61</t>
  </si>
  <si>
    <t>Chak no 5/61 p/o bara gar teh &amp; distt Nankana Sahib</t>
  </si>
  <si>
    <t>AZAM ALI SAIFI</t>
  </si>
  <si>
    <t>GPS CHAK NO 5/GD</t>
  </si>
  <si>
    <t>chak no 5/G.D tehsil renala khurd district okara</t>
  </si>
  <si>
    <t>5/ GD</t>
  </si>
  <si>
    <t>GPS CHAK NO 50 MB</t>
  </si>
  <si>
    <t>Chak No 50 Mb</t>
  </si>
  <si>
    <t>chak no 50 mb</t>
  </si>
  <si>
    <t>electric water motor with fittings</t>
  </si>
  <si>
    <t>GPS CHAK NO 50/4-R NO  2</t>
  </si>
  <si>
    <t>Chak No 50/4-R South</t>
  </si>
  <si>
    <t>MC Haroonabad</t>
  </si>
  <si>
    <t>Ahmed Riaz</t>
  </si>
  <si>
    <t>GPS CHAK NO 50/4-R NO 1(N)</t>
  </si>
  <si>
    <t>Chak No 50/4R   N</t>
  </si>
  <si>
    <t>Chak No 50/4R (N) Teh.Haroonabad District Bahawalnagar</t>
  </si>
  <si>
    <t>Zia-ullah Waseem</t>
  </si>
  <si>
    <t>GPS CHAK NO 501 JB</t>
  </si>
  <si>
    <t>Chak No 501</t>
  </si>
  <si>
    <t>chak no 501 p/o same Teh Shorkot Disst Jha ng</t>
  </si>
  <si>
    <t>Chak  No 501</t>
  </si>
  <si>
    <t>GPS CHAK NO 501 TDA</t>
  </si>
  <si>
    <t>chak no 501/TDA</t>
  </si>
  <si>
    <t>Chak No 501/TDA</t>
  </si>
  <si>
    <t>Hand pump and water cooler</t>
  </si>
  <si>
    <t>GPS CHAK NO 506 JB</t>
  </si>
  <si>
    <t>Chak No 506/jb Jhang</t>
  </si>
  <si>
    <t>basti Islam a bad toba road jhang</t>
  </si>
  <si>
    <t>Basti Islam A bad Toba Road Jhang</t>
  </si>
  <si>
    <t>GPS CHAK NO 51 MB</t>
  </si>
  <si>
    <t>Abdul wahid malik</t>
  </si>
  <si>
    <t>GPS CHAK NO 52 MB</t>
  </si>
  <si>
    <t>52 Mb</t>
  </si>
  <si>
    <t>Chak no 52mb</t>
  </si>
  <si>
    <t>GPS CHAK NO 529/EB</t>
  </si>
  <si>
    <t>Chack No 529/EB</t>
  </si>
  <si>
    <t>Chack No 529/EB Burewala</t>
  </si>
  <si>
    <t>Chack No 521/EB</t>
  </si>
  <si>
    <t>Muhammad Nadeem Shan</t>
  </si>
  <si>
    <t>GPS CHAK NO 53 MB</t>
  </si>
  <si>
    <t>CHAK #53MB</t>
  </si>
  <si>
    <t>G.P/S.53MB.Po.Box 53MB Distt Khushab</t>
  </si>
  <si>
    <t>Chak#53MB</t>
  </si>
  <si>
    <t>Chak No 51MB</t>
  </si>
  <si>
    <t>MUHAMMAD MOHSIN</t>
  </si>
  <si>
    <t>GPS CHAK NO 53 ML</t>
  </si>
  <si>
    <t>chuk no 53 ml</t>
  </si>
  <si>
    <t>GPS CHAK NO 54 ML</t>
  </si>
  <si>
    <t>54ml</t>
  </si>
  <si>
    <t>chak no 54ml tehsil darya khan bhakkar</t>
  </si>
  <si>
    <t>Chak 54ml</t>
  </si>
  <si>
    <t>Aamir Iqbal</t>
  </si>
  <si>
    <t>GPS CHAK NO 55/29</t>
  </si>
  <si>
    <t>Chak 55/29</t>
  </si>
  <si>
    <t>Chak No 55/29 P/o Bucheki Tehsil and District Nankana Sahib</t>
  </si>
  <si>
    <t>Chak No 55/29</t>
  </si>
  <si>
    <t>GPS CHAK NO 55/4R</t>
  </si>
  <si>
    <t>ChaK 55/4r</t>
  </si>
  <si>
    <t>chak no 55/4r,Haroonabad</t>
  </si>
  <si>
    <t>Chak 55/4r</t>
  </si>
  <si>
    <t>Alhashim Colony</t>
  </si>
  <si>
    <t>GPS CHAK NO 55/4-R</t>
  </si>
  <si>
    <t>Chak No 55/4R Dera Jaat</t>
  </si>
  <si>
    <t>Chak no 55/4R</t>
  </si>
  <si>
    <t>55/4R</t>
  </si>
  <si>
    <t>Al Hashim Colony</t>
  </si>
  <si>
    <t>GPS CHAK NO 56/4-R (A &amp; T)</t>
  </si>
  <si>
    <t>Chak No 56/4R DK</t>
  </si>
  <si>
    <t>Chak No 56/4R DK  haroonabad</t>
  </si>
  <si>
    <t>Chak No 58/4R</t>
  </si>
  <si>
    <t>GPS CHAK NO 5-6ML PIPLAN MIANWALI</t>
  </si>
  <si>
    <t>P/ O &amp; Village Chak No. 5-6 ML Tehsil Piplan District Mianwali</t>
  </si>
  <si>
    <t>Chak No 5-6 ML</t>
  </si>
  <si>
    <t>Amjad Nasim</t>
  </si>
  <si>
    <t>GPS CHAK NO 57 MB</t>
  </si>
  <si>
    <t>57MB</t>
  </si>
  <si>
    <t>GPS CHAK NO 58 / WB</t>
  </si>
  <si>
    <t>Chak no 58/wb Vehari</t>
  </si>
  <si>
    <t>GPS CHAK NO 58 A SB</t>
  </si>
  <si>
    <t>58 A Sb</t>
  </si>
  <si>
    <t>chak no 58 a sb dogranwala sargodha</t>
  </si>
  <si>
    <t>Chat 58 A Sb</t>
  </si>
  <si>
    <t>58 Sb</t>
  </si>
  <si>
    <t>GPS CHAK NO 59/4-R E</t>
  </si>
  <si>
    <t>Chak No 59/4R E</t>
  </si>
  <si>
    <t>Chak No 59/4R E...</t>
  </si>
  <si>
    <t>GPS CHAK NO 59/4-R W</t>
  </si>
  <si>
    <t>CHAK 59/4R</t>
  </si>
  <si>
    <t>Chak No. 59/4R West Tehsil Haroonabad District Bahawalnagar</t>
  </si>
  <si>
    <t>Chak 59/4R WEST</t>
  </si>
  <si>
    <t>CHAK 58/4R</t>
  </si>
  <si>
    <t>GPS CHAK NO 592 GB</t>
  </si>
  <si>
    <t>592gb</t>
  </si>
  <si>
    <t>Chak No 592 GB</t>
  </si>
  <si>
    <t>592 GB</t>
  </si>
  <si>
    <t>599GB</t>
  </si>
  <si>
    <t>Irfan Bashir</t>
  </si>
  <si>
    <t>GPS CHAK NO 595 GB</t>
  </si>
  <si>
    <t>Chak No 595 GBJhok Devat tehsil tandlianwala district Faisalabad</t>
  </si>
  <si>
    <t>595 GB</t>
  </si>
  <si>
    <t>Asim Saleem</t>
  </si>
  <si>
    <t>GPS CHAK NO 596 GB</t>
  </si>
  <si>
    <t>Jhok Rehman</t>
  </si>
  <si>
    <t>chak no 596 gb</t>
  </si>
  <si>
    <t>Chak No 596 Gb</t>
  </si>
  <si>
    <t>Iftikhar Ahmed Bazmi</t>
  </si>
  <si>
    <t>GPS CHAK NO 597GB</t>
  </si>
  <si>
    <t>Chak No 597 GB Tandlianwala Faisalabad</t>
  </si>
  <si>
    <t>GPS CHAK NO 599 GB</t>
  </si>
  <si>
    <t>Chak no 599 GB</t>
  </si>
  <si>
    <t>Jhok Mutali</t>
  </si>
  <si>
    <t>ALI AQDAS HUSANY</t>
  </si>
  <si>
    <t>GPS CHAK NO 6/DB 1 PO CHAK NO 3 DB MIANWALI</t>
  </si>
  <si>
    <t>chak no 6 db</t>
  </si>
  <si>
    <t>GPS Chak no 6 db</t>
  </si>
  <si>
    <t>Chak no 6 db</t>
  </si>
  <si>
    <t>Chak no 4 db</t>
  </si>
  <si>
    <t>Atta ullah khan</t>
  </si>
  <si>
    <t>GPS CHAK NO 60 61 TDA</t>
  </si>
  <si>
    <t>CHAK 60-61 TDA</t>
  </si>
  <si>
    <t>Chak No. 60-61 TDA Tehsil &amp; Disst. Bhakkar</t>
  </si>
  <si>
    <t>60-61 ML</t>
  </si>
  <si>
    <t>Muhammad Mazhar Farooq Saeed</t>
  </si>
  <si>
    <t>GPS CHAK NO 605 GB</t>
  </si>
  <si>
    <t>605 Gb Kamboo Kaa</t>
  </si>
  <si>
    <t>Chak No. 605 GB.</t>
  </si>
  <si>
    <t>605 GB</t>
  </si>
  <si>
    <t>GPS CHAK NO 608 GB</t>
  </si>
  <si>
    <t>Sattar Wala</t>
  </si>
  <si>
    <t>chak no.608gb</t>
  </si>
  <si>
    <t>Thetha Baig</t>
  </si>
  <si>
    <t>Asif Ahmad Raza</t>
  </si>
  <si>
    <t>GPS CHAK NO 609 GB</t>
  </si>
  <si>
    <t>chak no 609 G.B</t>
  </si>
  <si>
    <t>609GB</t>
  </si>
  <si>
    <t>GPS CHAK NO 62 MB</t>
  </si>
  <si>
    <t>Chak 62 Mb</t>
  </si>
  <si>
    <t>chak 62 mb</t>
  </si>
  <si>
    <t>63 MB</t>
  </si>
  <si>
    <t>GPS CHAK NO 62 P</t>
  </si>
  <si>
    <t>Chack 62/P</t>
  </si>
  <si>
    <t>GBPS chack 62 / P</t>
  </si>
  <si>
    <t>Sehjah</t>
  </si>
  <si>
    <t>Muzzafar Iqbal</t>
  </si>
  <si>
    <t>GPS CHAK NO 62 TDA</t>
  </si>
  <si>
    <t>60 61 ML</t>
  </si>
  <si>
    <t>Gps 62 TDA</t>
  </si>
  <si>
    <t>62 TDA</t>
  </si>
  <si>
    <t>GPS CHAK NO 63 DB</t>
  </si>
  <si>
    <t>Chak no 63/db tehsil Kallur kot district Bhakkar</t>
  </si>
  <si>
    <t>GPS CHAK NO 64 P</t>
  </si>
  <si>
    <t>Chak No. 64/P</t>
  </si>
  <si>
    <t>Sehjja</t>
  </si>
  <si>
    <t>MUHAMMAD KHALID ABBASI</t>
  </si>
  <si>
    <t>GPS CHAK NO 641 GB</t>
  </si>
  <si>
    <t>Chak No 641 GB</t>
  </si>
  <si>
    <t>Zaheer Ud Din Babar</t>
  </si>
  <si>
    <t>GPS CHAK NO 65 P</t>
  </si>
  <si>
    <t>Chak 65/P</t>
  </si>
  <si>
    <t>CHAK 65/P</t>
  </si>
  <si>
    <t>GPS CHAK NO 66 KB</t>
  </si>
  <si>
    <t>66kb</t>
  </si>
  <si>
    <t>Muhammad Luqman Shahid</t>
  </si>
  <si>
    <t>GPS CHAK NO 67 TDA</t>
  </si>
  <si>
    <t>67/tda</t>
  </si>
  <si>
    <t>chak no.67/tda,tehseel and district bhakkar</t>
  </si>
  <si>
    <t>Chak 67/tda</t>
  </si>
  <si>
    <t>57/tda</t>
  </si>
  <si>
    <t>Muhammad Rizwan Khan</t>
  </si>
  <si>
    <t>GPS CHAK NO 68 P</t>
  </si>
  <si>
    <t>68/p</t>
  </si>
  <si>
    <t>GPS Chak #68/P</t>
  </si>
  <si>
    <t>Latki Male</t>
  </si>
  <si>
    <t>GPS CHAK NO 68 TDA</t>
  </si>
  <si>
    <t>Chak 67 a tda</t>
  </si>
  <si>
    <t>Chak No 68 TDA Bhakkar</t>
  </si>
  <si>
    <t>Chak no 68 tda</t>
  </si>
  <si>
    <t>Chak No 57 tda</t>
  </si>
  <si>
    <t>GPS CHAK NO 69 P</t>
  </si>
  <si>
    <t>Chak 69 P PO BOX KOT SAMABA</t>
  </si>
  <si>
    <t>Nisar Ul Haq Saddique</t>
  </si>
  <si>
    <t>GPS CHAK NO 7 RH</t>
  </si>
  <si>
    <t>chak no 7 rh p/o haider abad tehsil mankera dist bhakkar</t>
  </si>
  <si>
    <t>Chak No 7 Rh</t>
  </si>
  <si>
    <t>GPS CHAK NO 7/59 SHARQI</t>
  </si>
  <si>
    <t>chak no 7/59 east</t>
  </si>
  <si>
    <t>chak no 7/59 east p/o chak no 8/60 teh/distt nankana sahib</t>
  </si>
  <si>
    <t>Chak Hayder abad</t>
  </si>
  <si>
    <t>GPS CHAK NO 7/NP</t>
  </si>
  <si>
    <t>7NP</t>
  </si>
  <si>
    <t>7NP P/O LAKAR WALI SADIQ ABAD</t>
  </si>
  <si>
    <t>ROSHAN BHIAT</t>
  </si>
  <si>
    <t>Muhammad Ibrahim Naseem</t>
  </si>
  <si>
    <t>GPS CHAK NO 70 KB</t>
  </si>
  <si>
    <t>70KB</t>
  </si>
  <si>
    <t>GPS 70 kb</t>
  </si>
  <si>
    <t>70 KB</t>
  </si>
  <si>
    <t>M Shahbaz Badar</t>
  </si>
  <si>
    <t>GPS CHAK NO 70 ML</t>
  </si>
  <si>
    <t>73/ML</t>
  </si>
  <si>
    <t>Chak No 70/ML Teh Mankera Dist Bhakkar</t>
  </si>
  <si>
    <t>Chak No 70/ML</t>
  </si>
  <si>
    <t>GPS CHAK NO 70/4-R</t>
  </si>
  <si>
    <t>GPS 70/4.R</t>
  </si>
  <si>
    <t>Muhammd Iqbal</t>
  </si>
  <si>
    <t>GPS CHAK NO 706 GB</t>
  </si>
  <si>
    <t>Chak No 706</t>
  </si>
  <si>
    <t>GPS 706 GB Kamalia</t>
  </si>
  <si>
    <t>Chak No 706 GB</t>
  </si>
  <si>
    <t>Chak No 661/2 GB</t>
  </si>
  <si>
    <t>GPS CHAK NO 707 GB</t>
  </si>
  <si>
    <t>Chak No. 707 GB, Kamalia</t>
  </si>
  <si>
    <t>Chak No 707 GB</t>
  </si>
  <si>
    <t>GPS CHAK NO 70-M</t>
  </si>
  <si>
    <t>Chak 70/m</t>
  </si>
  <si>
    <t>chak 70/M</t>
  </si>
  <si>
    <t>Naeem Akram</t>
  </si>
  <si>
    <t>GPS CHAK NO 71 RB</t>
  </si>
  <si>
    <t>Chak no. 71 RB, Tehsil Jaranwala Faisalabad</t>
  </si>
  <si>
    <t>Chak 71 RB</t>
  </si>
  <si>
    <t>GPS CHAK NO 72 TDA</t>
  </si>
  <si>
    <t>72 TDA</t>
  </si>
  <si>
    <t>Chak no 72 TDA</t>
  </si>
  <si>
    <t>78 Ml</t>
  </si>
  <si>
    <t>Abdul Ghaffor</t>
  </si>
  <si>
    <t>GPS CHAK NO 73/4-R</t>
  </si>
  <si>
    <t>GPS CHAK NO 73/A</t>
  </si>
  <si>
    <t>CHAK 73/A</t>
  </si>
  <si>
    <t>CHAK no.73/A</t>
  </si>
  <si>
    <t>AMEER PUR</t>
  </si>
  <si>
    <t>GPS CHAK NO 74 ML</t>
  </si>
  <si>
    <t>74 ML</t>
  </si>
  <si>
    <t>Chak no 74ml teh mankera distt bhakkar</t>
  </si>
  <si>
    <t>Chak No 74ml</t>
  </si>
  <si>
    <t>67Ml</t>
  </si>
  <si>
    <t>GPS CHAK NO 75 M</t>
  </si>
  <si>
    <t>75/M</t>
  </si>
  <si>
    <t>GPS Chak No.75/M,Moza75/M, Markaz, Nazik Nagar,Tehsil:Jalal Pur Pir Wala,Distt.Multan.</t>
  </si>
  <si>
    <t>Chak No 75/M</t>
  </si>
  <si>
    <t>GPS CHAK NO 76/4-R</t>
  </si>
  <si>
    <t>76/4r</t>
  </si>
  <si>
    <t>76/4.r</t>
  </si>
  <si>
    <t>Raees Ahmed</t>
  </si>
  <si>
    <t>GPS CHAK NO 76/4-R AB</t>
  </si>
  <si>
    <t>76 4r</t>
  </si>
  <si>
    <t>76 4r Ab</t>
  </si>
  <si>
    <t>Muhammad Yousaf Ashrafi</t>
  </si>
  <si>
    <t>GPS CHAK NO 79 ML</t>
  </si>
  <si>
    <t>79ml79ml</t>
  </si>
  <si>
    <t>chak no 79.ml p/o behal bhakkar</t>
  </si>
  <si>
    <t>79ml</t>
  </si>
  <si>
    <t>78/ML</t>
  </si>
  <si>
    <t>MUHAMMAD RASHID</t>
  </si>
  <si>
    <t>GPS CHAK NO 8 GB Anadh Garah</t>
  </si>
  <si>
    <t>8 Chak</t>
  </si>
  <si>
    <t>CHAK NO 8GB TEH&amp;DISTT.NANKANA</t>
  </si>
  <si>
    <t>Chak NO 8 GB</t>
  </si>
  <si>
    <t>Chak No 13Gb</t>
  </si>
  <si>
    <t>HINA MUNEER</t>
  </si>
  <si>
    <t>GPS CHAK NO 8 GHAGH</t>
  </si>
  <si>
    <t>8 ghagh</t>
  </si>
  <si>
    <t>GPS Chak no.8 Ghagh</t>
  </si>
  <si>
    <t>8 Ghagh</t>
  </si>
  <si>
    <t>GPS CHAK NO 8 NP</t>
  </si>
  <si>
    <t>Chak 8 Np</t>
  </si>
  <si>
    <t>chak no 8 np jamal din wali road sadiq abad</t>
  </si>
  <si>
    <t>Chak 8np</t>
  </si>
  <si>
    <t>Asghar ali</t>
  </si>
  <si>
    <t>GPS CHAK NO 8 TDA</t>
  </si>
  <si>
    <t>Chak no 8 tda</t>
  </si>
  <si>
    <t>Chak no 8 tda tehsile Darya khan disst: Bhakkar</t>
  </si>
  <si>
    <t>Chak no 8 TDA</t>
  </si>
  <si>
    <t>Chak no 06</t>
  </si>
  <si>
    <t>GPS CHAK NO 8/1-RA</t>
  </si>
  <si>
    <t>Chak NO 8/1R</t>
  </si>
  <si>
    <t>Chak No 8/1R</t>
  </si>
  <si>
    <t>7/1R Fojian Wala</t>
  </si>
  <si>
    <t>GPS CHAK NO 80/1-L (A)</t>
  </si>
  <si>
    <t>80/1l A</t>
  </si>
  <si>
    <t>80/1l</t>
  </si>
  <si>
    <t>80/1 L A</t>
  </si>
  <si>
    <t>Muhammad Saleem Shahid</t>
  </si>
  <si>
    <t>GPS CHAK NO 81/1-L</t>
  </si>
  <si>
    <t>81-1L</t>
  </si>
  <si>
    <t>GPS CHAK NO 83/5-R</t>
  </si>
  <si>
    <t>83-5R</t>
  </si>
  <si>
    <t>GPS 83-5R</t>
  </si>
  <si>
    <t>86-5R</t>
  </si>
  <si>
    <t>Rana Imtiaz Ahmad</t>
  </si>
  <si>
    <t>GPS CHAK NO 84/5-R</t>
  </si>
  <si>
    <t>84/5 r</t>
  </si>
  <si>
    <t>chak no 84/5 r</t>
  </si>
  <si>
    <t>Muhammd Waseem Shahid</t>
  </si>
  <si>
    <t>GPS CHAK NO 85/5-R (E)</t>
  </si>
  <si>
    <t>chak no.86/5R Allama iqbal nagar</t>
  </si>
  <si>
    <t>86/5R Allama Iqbal  Nagar</t>
  </si>
  <si>
    <t>GPS CHAK NO 85/5-R (W)</t>
  </si>
  <si>
    <t>85/5R</t>
  </si>
  <si>
    <t>Chak No. 85/5R, Tehsil Haroonabad District Bahawalnagar</t>
  </si>
  <si>
    <t>GPS CHAK NO 86/5-R</t>
  </si>
  <si>
    <t>Chak No86/5r</t>
  </si>
  <si>
    <t>Chak no 86/5r Allama Iqbal nagar HND</t>
  </si>
  <si>
    <t>Chak No 86/5r Allama Iqbal Nagar HND</t>
  </si>
  <si>
    <t>Chak No86/5r Allama Iqbal Nagar</t>
  </si>
  <si>
    <t>GPS CHAK NO 87/5-R</t>
  </si>
  <si>
    <t>87 5r</t>
  </si>
  <si>
    <t>Chak # 87.5r</t>
  </si>
  <si>
    <t>86 5r Tibba</t>
  </si>
  <si>
    <t>GPS CHAK NO 88/5-R</t>
  </si>
  <si>
    <t>Chao 88/5r</t>
  </si>
  <si>
    <t>Chak 88/5r</t>
  </si>
  <si>
    <t>GPS CHAK NO 89/5-R</t>
  </si>
  <si>
    <t>Chak No 89/5R</t>
  </si>
  <si>
    <t>chak no 89/5.R</t>
  </si>
  <si>
    <t>Rukhshanda Noreen</t>
  </si>
  <si>
    <t>GPS CHAK NO 9 GB NANKANA SAHIB</t>
  </si>
  <si>
    <t>Chak # 9</t>
  </si>
  <si>
    <t>chak # 9</t>
  </si>
  <si>
    <t>Chak # 13</t>
  </si>
  <si>
    <t>Muhammad Namaish</t>
  </si>
  <si>
    <t>GPS CHAK NO 9 TDA</t>
  </si>
  <si>
    <t>9-TDA</t>
  </si>
  <si>
    <t>Chak # 9-TDA</t>
  </si>
  <si>
    <t>6-TDA</t>
  </si>
  <si>
    <t>Zahid Ul Haq Saleemi</t>
  </si>
  <si>
    <t>GPS CHAK NO 9/3-R</t>
  </si>
  <si>
    <t>Chak 9/3-R</t>
  </si>
  <si>
    <t>chak no. 9/3-R</t>
  </si>
  <si>
    <t>Chak 30/3-R</t>
  </si>
  <si>
    <t>GPS CHAK NO 9/4L</t>
  </si>
  <si>
    <t>chak no 9/4L okara</t>
  </si>
  <si>
    <t>Muhammad Hasan Akhtar</t>
  </si>
  <si>
    <t>GPS CHAK NO 90/5-R NO. 1</t>
  </si>
  <si>
    <t>change # 90 5r</t>
  </si>
  <si>
    <t>150 2L</t>
  </si>
  <si>
    <t>Abdulsattar Ansari</t>
  </si>
  <si>
    <t>GPS CHAK NO 91 JB</t>
  </si>
  <si>
    <t>Chak No  91Jb</t>
  </si>
  <si>
    <t>Chak No 91jb</t>
  </si>
  <si>
    <t>Abrar Ul Haq</t>
  </si>
  <si>
    <t>GPS CHAK NO 92 P</t>
  </si>
  <si>
    <t>GBPS 92/P</t>
  </si>
  <si>
    <t>GPS CHAK NO 93/F</t>
  </si>
  <si>
    <t>93/F</t>
  </si>
  <si>
    <t>Chak no 93/F Post office 95/F Tehsil Chishtian</t>
  </si>
  <si>
    <t>Atta ur Rahman</t>
  </si>
  <si>
    <t>GPS CHAK NO 94 JB</t>
  </si>
  <si>
    <t>94 JB GOJRA</t>
  </si>
  <si>
    <t>94 JB TEH. GOJRA</t>
  </si>
  <si>
    <t>CHAK NO 94 JB</t>
  </si>
  <si>
    <t>KASHIF MAHMOOD</t>
  </si>
  <si>
    <t>GPS CHAK NO 95 RB</t>
  </si>
  <si>
    <t>Dosanj</t>
  </si>
  <si>
    <t>95RB</t>
  </si>
  <si>
    <t>GPS CHAK NO 95/F</t>
  </si>
  <si>
    <t>95fA</t>
  </si>
  <si>
    <t>chak  95/f</t>
  </si>
  <si>
    <t>95/FA</t>
  </si>
  <si>
    <t>GPS CHAK NO 96/F</t>
  </si>
  <si>
    <t>Chak No 96/f</t>
  </si>
  <si>
    <t>G.p/s chak No 96/f</t>
  </si>
  <si>
    <t>GPS CHAK NO 97 ANP</t>
  </si>
  <si>
    <t>Chak 97A/NP</t>
  </si>
  <si>
    <t>Basti solangi nagar chak no 97A/NP</t>
  </si>
  <si>
    <t>Basti Solangi Chak No97 A/NP</t>
  </si>
  <si>
    <t>GPS CHAK NO 98 TDA</t>
  </si>
  <si>
    <t>chak 98 tda</t>
  </si>
  <si>
    <t>Chak 98 Tda</t>
  </si>
  <si>
    <t>GPS CHAK NO 99-A TDA</t>
  </si>
  <si>
    <t>Dagar Siwag</t>
  </si>
  <si>
    <t>Chak no. 99-A/TDA Tehsil Karor Lal eson District Layyah</t>
  </si>
  <si>
    <t>Chak 99- A/TDA</t>
  </si>
  <si>
    <t>GPS CHAK NO 9ML THE PIPLAN MWI</t>
  </si>
  <si>
    <t>Post office chak no 9ml gps chak no 9ml tehsil piplan mianwali</t>
  </si>
  <si>
    <t>CHAK NO 9ML</t>
  </si>
  <si>
    <t>GPS CHAK NO,189 EB P/O GAGGO</t>
  </si>
  <si>
    <t>189/EB</t>
  </si>
  <si>
    <t>Chak no189/EB</t>
  </si>
  <si>
    <t>GPS CHAK NO. 1 FAIZ SOUTH</t>
  </si>
  <si>
    <t>1/faiz</t>
  </si>
  <si>
    <t>Chak No.1/Faiz  South p/of Lar Tehsil and district Multan</t>
  </si>
  <si>
    <t>Chak No 1/Faiz South</t>
  </si>
  <si>
    <t>1/Faiz</t>
  </si>
  <si>
    <t>GPS CHAK NO. 1 GB MEHMOOD PURA</t>
  </si>
  <si>
    <t>Chak No 1 Mehmood Pura</t>
  </si>
  <si>
    <t>mehmood Pura  chak no. 1. nankana sahib</t>
  </si>
  <si>
    <t>GPS CHAK NO. 1 PINDI BHATTIAN</t>
  </si>
  <si>
    <t>Chak 01</t>
  </si>
  <si>
    <t>Farrukh Ahmad</t>
  </si>
  <si>
    <t>GPS CHAK NO. 1 RH</t>
  </si>
  <si>
    <t>1/RH</t>
  </si>
  <si>
    <t>Majid Ali Kazmi</t>
  </si>
  <si>
    <t>GPS CHAK NO. 1/8-AR TULAMBA</t>
  </si>
  <si>
    <t>1/8-AR</t>
  </si>
  <si>
    <t>chak no 1/8-AR markaz mohsinwal mian channu</t>
  </si>
  <si>
    <t>3/8-AR</t>
  </si>
  <si>
    <t>GPS CHAK NO. 10 MB</t>
  </si>
  <si>
    <t>Chak No 10MB</t>
  </si>
  <si>
    <t>Chak No 10MB Tehsil Quaidabad Distt khushab</t>
  </si>
  <si>
    <t>GPS CHAK NO. 10 T MULTAN</t>
  </si>
  <si>
    <t>10/T</t>
  </si>
  <si>
    <t>chak 10/T p/o budhla sant Multan</t>
  </si>
  <si>
    <t>Kotlanmaharan</t>
  </si>
  <si>
    <t>AKHTAR ALI QAMAR</t>
  </si>
  <si>
    <t>GPS CHAK NO. 10/1-R</t>
  </si>
  <si>
    <t>Chak No 10/1R</t>
  </si>
  <si>
    <t>4 /GD</t>
  </si>
  <si>
    <t>Muhammad Akber</t>
  </si>
  <si>
    <t>GPS CHAK NO. 100/1-L</t>
  </si>
  <si>
    <t>Same</t>
  </si>
  <si>
    <t>Gps 100/1-L .chak 100/1-L Markaz 45/p Tehsil khan pur District Rahim yar khan</t>
  </si>
  <si>
    <t>Chak 100/1-L</t>
  </si>
  <si>
    <t>Chak No 045/p</t>
  </si>
  <si>
    <t>GPS CHAK NO. 100/6-R</t>
  </si>
  <si>
    <t>chak No.100,/6R  Ab</t>
  </si>
  <si>
    <t>100/6r AB</t>
  </si>
  <si>
    <t>Chak NO 101/6R</t>
  </si>
  <si>
    <t>Muhammad Aftab Hussain</t>
  </si>
  <si>
    <t>GPS CHAK NO. 100/TDA</t>
  </si>
  <si>
    <t>chack no 100/tda</t>
  </si>
  <si>
    <t>Chack No 100/tda</t>
  </si>
  <si>
    <t>GPS CHAK NO. 100-B TDA</t>
  </si>
  <si>
    <t>Chak sahu wala tehsil karor district Layyah</t>
  </si>
  <si>
    <t>GPS CHAK NO. 101 MONIAWALA</t>
  </si>
  <si>
    <t>Chak No 101 J B</t>
  </si>
  <si>
    <t>chak no 101 jb monianwala chiniot</t>
  </si>
  <si>
    <t>GPS CHAK NO. 101 TDA CHABE-WALA</t>
  </si>
  <si>
    <t>peer siwag</t>
  </si>
  <si>
    <t>chak no101 tda chabbay wala</t>
  </si>
  <si>
    <t>chak no 101 tda chabbay wala</t>
  </si>
  <si>
    <t>Gharay wala</t>
  </si>
  <si>
    <t>Munawwar Abbas</t>
  </si>
  <si>
    <t>GPS CHAK NO. 101/6-R</t>
  </si>
  <si>
    <t>chak no.101/6.r p/o 100/6.r tech haroonabad dist. bahawalnagar</t>
  </si>
  <si>
    <t>kashif ali zahid</t>
  </si>
  <si>
    <t>GPS CHAK NO. 103 D</t>
  </si>
  <si>
    <t>103D</t>
  </si>
  <si>
    <t>Chak 103D</t>
  </si>
  <si>
    <t>96D</t>
  </si>
  <si>
    <t>Muhammad Jafar Majaz</t>
  </si>
  <si>
    <t>GPS CHAK NO. 104/ML</t>
  </si>
  <si>
    <t>Juney Wala</t>
  </si>
  <si>
    <t>chak no 104/ml p/o103/ml teh karor distt layyah.</t>
  </si>
  <si>
    <t>Chak 104/ml Dera Maken</t>
  </si>
  <si>
    <t>Muhammad Ansar</t>
  </si>
  <si>
    <t>GPS CHAK NO. 104/P</t>
  </si>
  <si>
    <t>Chak no. 104/P, R.Y.K</t>
  </si>
  <si>
    <t>104/P</t>
  </si>
  <si>
    <t>GPS CHAK NO. 105/6-R</t>
  </si>
  <si>
    <t>Iffat Rehana</t>
  </si>
  <si>
    <t>GPS CHAK NO. 105/NP</t>
  </si>
  <si>
    <t>chak105/NP</t>
  </si>
  <si>
    <t>105/ NP</t>
  </si>
  <si>
    <t>Muhammad Salim Akhtar</t>
  </si>
  <si>
    <t>GPS CHAK NO. 106/F</t>
  </si>
  <si>
    <t>Chak No 106/F</t>
  </si>
  <si>
    <t>chak no106 /F tehsil chishtian bahawalnagar</t>
  </si>
  <si>
    <t>Chak No 106 /F</t>
  </si>
  <si>
    <t>Chak no 40/F</t>
  </si>
  <si>
    <t>GPS CHAK NO. 107 /D</t>
  </si>
  <si>
    <t>Chak No. 107/D Tehsil &amp; District Pakpattan Sharif</t>
  </si>
  <si>
    <t>Chak No. 107/D (Kothiyan)</t>
  </si>
  <si>
    <t>Chak No. 96/D</t>
  </si>
  <si>
    <t>Ghulam Subhani</t>
  </si>
  <si>
    <t>GPS CHAK NO. 107/1-L</t>
  </si>
  <si>
    <t>Chak 107/1L</t>
  </si>
  <si>
    <t>chak no.107/1L</t>
  </si>
  <si>
    <t>Manzoor Ahmad Mohsin</t>
  </si>
  <si>
    <t>GPS CHAK NO. 10-FAIZ P/O TARAGARH</t>
  </si>
  <si>
    <t>Tarragarh</t>
  </si>
  <si>
    <t>chak no 10/faiz</t>
  </si>
  <si>
    <t>Chak No 10/Faiz</t>
  </si>
  <si>
    <t>Shahdat Hussain</t>
  </si>
  <si>
    <t>GPS CHAK NO. 11 MB</t>
  </si>
  <si>
    <t>Chak No 11 Mb</t>
  </si>
  <si>
    <t>11 mb p/o 12 mb quaidabad</t>
  </si>
  <si>
    <t>Chak No 14 Mb</t>
  </si>
  <si>
    <t>GPS CHAK NO. 11/GD BUDHA WALA</t>
  </si>
  <si>
    <t>11/gd Budhay Wala</t>
  </si>
  <si>
    <t>chack 11/GD BW Okara</t>
  </si>
  <si>
    <t>11/GD BW</t>
  </si>
  <si>
    <t>14 GD</t>
  </si>
  <si>
    <t>GPS CHAK NO. 112/WB</t>
  </si>
  <si>
    <t>112/wb</t>
  </si>
  <si>
    <t>chak no 112/wb p/o box 110/wn</t>
  </si>
  <si>
    <t>Uc 124/wb</t>
  </si>
  <si>
    <t>Abbas Ali Shah</t>
  </si>
  <si>
    <t>GPS CHAK NO. 113 GB</t>
  </si>
  <si>
    <t>Gobind Pora</t>
  </si>
  <si>
    <t>chak no 113gb east tehsile jaranawala distric faisalabad</t>
  </si>
  <si>
    <t>Chak113gb east</t>
  </si>
  <si>
    <t>Chak No 112GB</t>
  </si>
  <si>
    <t>GPS CHAK NO. 113/P</t>
  </si>
  <si>
    <t>113/P</t>
  </si>
  <si>
    <t>chak# 113/p Rahim yar khan</t>
  </si>
  <si>
    <t>Zahid Rafiq</t>
  </si>
  <si>
    <t>GPS CHAK NO. 114 M</t>
  </si>
  <si>
    <t>114m</t>
  </si>
  <si>
    <t>Chak114m chishtian bwn</t>
  </si>
  <si>
    <t>Chak114m</t>
  </si>
  <si>
    <t>Chak112m</t>
  </si>
  <si>
    <t>Muhammad Abu Baker</t>
  </si>
  <si>
    <t>GPS CHAK NO. 114/1-L</t>
  </si>
  <si>
    <t>Chak No 114/1 L, Tehsil: Khan Pur</t>
  </si>
  <si>
    <t>Chak No 114/1 L</t>
  </si>
  <si>
    <t>AZHAR UL HAQ</t>
  </si>
  <si>
    <t>GPS CHAK NO. 114/NP</t>
  </si>
  <si>
    <t>Chak No 114/np</t>
  </si>
  <si>
    <t>chak no.114/np khanpur</t>
  </si>
  <si>
    <t>Muhammad Azam Abbasi</t>
  </si>
  <si>
    <t>GPS CHAK NO. 114-A TDA</t>
  </si>
  <si>
    <t>Chak no.114A/TDA Layyah</t>
  </si>
  <si>
    <t>Chak No114A/TDA</t>
  </si>
  <si>
    <t>GPS CHAK NO. 115/TDA</t>
  </si>
  <si>
    <t>aolakh Thal Jandi</t>
  </si>
  <si>
    <t>CHAK NO 115/TDA, P/O SHAHPUR, TEHSIL KAROR, DISTRICT LAYYAH</t>
  </si>
  <si>
    <t>Gps 115/TDA</t>
  </si>
  <si>
    <t>GPS CHAK NO. 115-A TDA</t>
  </si>
  <si>
    <t>gps chk no 115a/tda p/o rajan shah station</t>
  </si>
  <si>
    <t>Chk No 115a/tda</t>
  </si>
  <si>
    <t>Karar Hussain</t>
  </si>
  <si>
    <t>GPS CHAK NO. 115-B TDA  (MANZOOR WALA)</t>
  </si>
  <si>
    <t>Bait Bakhshinda</t>
  </si>
  <si>
    <t>Basti bahi bait bakhshinda tehsil karor district layyah</t>
  </si>
  <si>
    <t>BAIT Bakhshinda</t>
  </si>
  <si>
    <t>MUHAMMAD SHAH NAWAZ ANJUM</t>
  </si>
  <si>
    <t>GPS CHAK NO. 115-B/TDA</t>
  </si>
  <si>
    <t>Chak No.115.B/T.D.A</t>
  </si>
  <si>
    <t>Muhammad Baqir</t>
  </si>
  <si>
    <t>GPS CHAK NO. 116/M</t>
  </si>
  <si>
    <t>116/M</t>
  </si>
  <si>
    <t>chak no. 116/M chishtian markaz 2</t>
  </si>
  <si>
    <t>Muhammad Iqbal Arif</t>
  </si>
  <si>
    <t>GPS CHAK NO. 117/M</t>
  </si>
  <si>
    <t>CHAK NO. 117 MURAD</t>
  </si>
  <si>
    <t>CHAK NO. 112 MURAD</t>
  </si>
  <si>
    <t>GPS CHAK NO. 118 MURAD</t>
  </si>
  <si>
    <t>Chak No 118/m</t>
  </si>
  <si>
    <t>CHAK NO. 118 MURAD</t>
  </si>
  <si>
    <t>CHAK NO. 118/m MURAD</t>
  </si>
  <si>
    <t>CHAK NO. 118 /M</t>
  </si>
  <si>
    <t>GPS CHAK NO. 118 TDA</t>
  </si>
  <si>
    <t>Noshra That Kalan</t>
  </si>
  <si>
    <t>chak 118 tda</t>
  </si>
  <si>
    <t>Chak 118tda</t>
  </si>
  <si>
    <t>GPS CHAK NO. 118/1-L</t>
  </si>
  <si>
    <t>121/1-L</t>
  </si>
  <si>
    <t>Chak No. 118/1-L Tehsil Khan Pur District Rahim year khan</t>
  </si>
  <si>
    <t>118/-L</t>
  </si>
  <si>
    <t>Muhammad Sajid Amin</t>
  </si>
  <si>
    <t>GPS CHAK NO. 119 ML</t>
  </si>
  <si>
    <t>chak# 119/ML Distt. Layyah, The.Chobara</t>
  </si>
  <si>
    <t>Chak# 119/ML</t>
  </si>
  <si>
    <t>GPS CHAK NO. 119/DNB</t>
  </si>
  <si>
    <t>119/dnb</t>
  </si>
  <si>
    <t>Chak no.119/dnb  p/o 111/dnb</t>
  </si>
  <si>
    <t>Shakeela yasmin</t>
  </si>
  <si>
    <t>GPS CHAK NO. 119/M</t>
  </si>
  <si>
    <t>119/m</t>
  </si>
  <si>
    <t>Govt p/S 119/M chak no 119/m tehsil chishtian District bahawalnager</t>
  </si>
  <si>
    <t>119/muraad</t>
  </si>
  <si>
    <t>118/muraad</t>
  </si>
  <si>
    <t>GPS CHAK NO. 12</t>
  </si>
  <si>
    <t>Chak No 12 mandi bahauddin</t>
  </si>
  <si>
    <t>Syed Naeem Haider</t>
  </si>
  <si>
    <t>GPS CHAK NO. 12 JB SAYDHAN</t>
  </si>
  <si>
    <t>CHAK NO 12 JB SAYDHANAN WALA,TEHSILE &amp; DISTRICT CHINIOT.</t>
  </si>
  <si>
    <t>SAYDHANAN WALA</t>
  </si>
  <si>
    <t>CHAK NO 13 Sarwala</t>
  </si>
  <si>
    <t>GPS CHAK NO. 12 KB</t>
  </si>
  <si>
    <t>12 Kb</t>
  </si>
  <si>
    <t>chak no 12 kb</t>
  </si>
  <si>
    <t>15 Kb</t>
  </si>
  <si>
    <t>RIAZ UL HAQ</t>
  </si>
  <si>
    <t>GPS CHAK NO. 12 MB</t>
  </si>
  <si>
    <t>village &amp; p/o 12 Mb quaidabad</t>
  </si>
  <si>
    <t>Chak No 12 Mb</t>
  </si>
  <si>
    <t>GPS CHAK NO. 120 TDA DARBAR</t>
  </si>
  <si>
    <t>Chak No 120TDA</t>
  </si>
  <si>
    <t>120 TDA</t>
  </si>
  <si>
    <t>GPS CHAK NO. 120-A TDA (DERA GHULMA MUHAMMAD)</t>
  </si>
  <si>
    <t>Chak No 120-A/TDA Dera Ghulam Muhammad</t>
  </si>
  <si>
    <t>Chak No 120-A/TDA</t>
  </si>
  <si>
    <t>GPS CHAK NO. 120-A/TDA DANAY WALA</t>
  </si>
  <si>
    <t>chak no 118/TDA layyah</t>
  </si>
  <si>
    <t>Chak No 120/TDa</t>
  </si>
  <si>
    <t>GPS CHAK NO. 121 TDA  SAKHANI WALA</t>
  </si>
  <si>
    <t>GPS 121/TDA SAKHANI WALA</t>
  </si>
  <si>
    <t>SAKHANI WALA</t>
  </si>
  <si>
    <t>GPS CHAK NO. 122 ML</t>
  </si>
  <si>
    <t>chak number 122ML  choubara</t>
  </si>
  <si>
    <t>Chak No 122/ML</t>
  </si>
  <si>
    <t>GPS CHAK NO. 122 TDA</t>
  </si>
  <si>
    <t>Chak No 122A/TDA</t>
  </si>
  <si>
    <t>chak no 122 tda layyah</t>
  </si>
  <si>
    <t>Chak No 122a/TDA</t>
  </si>
  <si>
    <t>GPS CHAK NO. 122/1-L</t>
  </si>
  <si>
    <t>GBPS Chak no 122 1.L</t>
  </si>
  <si>
    <t>122 1L</t>
  </si>
  <si>
    <t>Bagh-o-Bahar</t>
  </si>
  <si>
    <t>GPS CHAK NO. 122/P</t>
  </si>
  <si>
    <t>Chak #122p</t>
  </si>
  <si>
    <t>Chak no 122/p post office chak no 118/p tehsil &amp; district Rahim Yar Khan</t>
  </si>
  <si>
    <t>Chak No 122/p</t>
  </si>
  <si>
    <t>Chak # 114</t>
  </si>
  <si>
    <t>GPS CHAK NO. 123 ML CHAK NO 487 TDA</t>
  </si>
  <si>
    <t>Chak no 487tda</t>
  </si>
  <si>
    <t>487tda</t>
  </si>
  <si>
    <t>GPS CHAK NO. 123 TDA</t>
  </si>
  <si>
    <t>Chak No 123/TDA</t>
  </si>
  <si>
    <t>Chak No. 123/TDA Near Layyah Karor road LAYYAH</t>
  </si>
  <si>
    <t>Chak No 123/TTDA</t>
  </si>
  <si>
    <t>GPS CHAK NO. 123/DRB</t>
  </si>
  <si>
    <t>123/DRB</t>
  </si>
  <si>
    <t>Chak No 123/DRB Tehsil Yazman</t>
  </si>
  <si>
    <t>GPS CHAK NO. 124 ML</t>
  </si>
  <si>
    <t>Shair Ghar</t>
  </si>
  <si>
    <t>chak no 124ml choubara layyah</t>
  </si>
  <si>
    <t>Chak No124ML</t>
  </si>
  <si>
    <t>Shair Ghsr</t>
  </si>
  <si>
    <t>GPS CHAK NO. 124 TDA</t>
  </si>
  <si>
    <t>Chak 124/tda</t>
  </si>
  <si>
    <t>chak124 TDA</t>
  </si>
  <si>
    <t>124 TDA</t>
  </si>
  <si>
    <t>Rab Nawaz Sajid</t>
  </si>
  <si>
    <t>GPS CHAK NO. 124/1-L</t>
  </si>
  <si>
    <t>Chak No 124/1L</t>
  </si>
  <si>
    <t>Chak no 124/1L</t>
  </si>
  <si>
    <t>Bagh o Bahar</t>
  </si>
  <si>
    <t>Ghulam Rasool Khan</t>
  </si>
  <si>
    <t>GPS CHAK NO. 124/P</t>
  </si>
  <si>
    <t>chak number 124p, post office 125p RYK</t>
  </si>
  <si>
    <t>Chak 124p</t>
  </si>
  <si>
    <t>Farasat Riaz</t>
  </si>
  <si>
    <t>GPS CHAK NO. 125 TDA</t>
  </si>
  <si>
    <t>Chak No. 125/TDA Layyah.</t>
  </si>
  <si>
    <t>chak 125</t>
  </si>
  <si>
    <t>Mondi Town Layyah</t>
  </si>
  <si>
    <t>GPS CHAK NO. 125-A/TDA</t>
  </si>
  <si>
    <t>chak no 125 a TDA Layyah</t>
  </si>
  <si>
    <t>Chak No 125a Tda</t>
  </si>
  <si>
    <t>GPS CHAK NO. 126 TDA</t>
  </si>
  <si>
    <t>Chak No 126 TDA LAYYAH</t>
  </si>
  <si>
    <t>Muhammad Manan Haider</t>
  </si>
  <si>
    <t>GPS CHAK NO. 126/P</t>
  </si>
  <si>
    <t>chak no.126p, post office 125p ryk</t>
  </si>
  <si>
    <t>Chak NO126P</t>
  </si>
  <si>
    <t>Fazal shaheed</t>
  </si>
  <si>
    <t>GPS CHAK NO. 128 JB DHUP</t>
  </si>
  <si>
    <t>Thethian</t>
  </si>
  <si>
    <t>Chak No. 128 Dhup Tehsil and district Chiniot.</t>
  </si>
  <si>
    <t>GPS CHAK NO. 128 JB EAST</t>
  </si>
  <si>
    <t>Chak127 Jb</t>
  </si>
  <si>
    <t>Chak 127</t>
  </si>
  <si>
    <t>Ahmad Jawad Zafar</t>
  </si>
  <si>
    <t>GPS CHAK NO. 128 ML</t>
  </si>
  <si>
    <t>chak No 128 mL</t>
  </si>
  <si>
    <t>Chak No 128 ML</t>
  </si>
  <si>
    <t>Muhammad Ashique</t>
  </si>
  <si>
    <t>GPS CHAK NO. 129 TDA</t>
  </si>
  <si>
    <t>SUMRA Thal Jandi</t>
  </si>
  <si>
    <t>Chak 129/tda</t>
  </si>
  <si>
    <t>Chak No 129/tda</t>
  </si>
  <si>
    <t>Rural Chowk Azam</t>
  </si>
  <si>
    <t>GPS CHAK NO. 129/ML</t>
  </si>
  <si>
    <t>Patal Munda</t>
  </si>
  <si>
    <t>Chak No.129/ML</t>
  </si>
  <si>
    <t>Chak 129/ ML</t>
  </si>
  <si>
    <t>Farooq Anwar</t>
  </si>
  <si>
    <t>GPS CHAK NO. 129/P</t>
  </si>
  <si>
    <t>Chak 129p</t>
  </si>
  <si>
    <t>chak 129p</t>
  </si>
  <si>
    <t>129p</t>
  </si>
  <si>
    <t>Ali Raza Ashraf</t>
  </si>
  <si>
    <t>GPS CHAK NO. 13</t>
  </si>
  <si>
    <t>vpo Chak no13</t>
  </si>
  <si>
    <t>Chak No40</t>
  </si>
  <si>
    <t>GPS CHAK NO. 13/A</t>
  </si>
  <si>
    <t>CHAK NO. 13/A</t>
  </si>
  <si>
    <t>CHAK NO. 13/A TEHSIL LIAQUAT PUR</t>
  </si>
  <si>
    <t>CHAK NO. 25/A</t>
  </si>
  <si>
    <t>SHAFIQ UR REHMAN</t>
  </si>
  <si>
    <t>GPS CHAK NO. 130 JB QAMAR ABAD</t>
  </si>
  <si>
    <t>Chak 130jb Qamarbad</t>
  </si>
  <si>
    <t>GPS chak no130 Qamarabad</t>
  </si>
  <si>
    <t>Chak 130 Qamar Abad Qamarabad</t>
  </si>
  <si>
    <t>Aurang Zeb Danish</t>
  </si>
  <si>
    <t>GPS CHAK NO. 134 JB</t>
  </si>
  <si>
    <t>Chak No 134 J B</t>
  </si>
  <si>
    <t>Chak no 134 j b</t>
  </si>
  <si>
    <t>Loonay</t>
  </si>
  <si>
    <t>Chak 128 J B</t>
  </si>
  <si>
    <t>Muhammad Qayum</t>
  </si>
  <si>
    <t>GPS CHAK NO. 134/1-L</t>
  </si>
  <si>
    <t>chak No. 134/1L Tehsil Khanpur Disst Rahim Yar Khan</t>
  </si>
  <si>
    <t>134/1-L</t>
  </si>
  <si>
    <t>Bhattah Shaikhan</t>
  </si>
  <si>
    <t>GPS CHAK NO. 134/ML</t>
  </si>
  <si>
    <t>Putal Munda</t>
  </si>
  <si>
    <t>gps chak no 134/m.l</t>
  </si>
  <si>
    <t>134/ml</t>
  </si>
  <si>
    <t>GPS CHAK NO. 135/1-L</t>
  </si>
  <si>
    <t>135/1L</t>
  </si>
  <si>
    <t>GPS 135/1L CHAK 135/1L KHAN PUR DISTRICT. RAHIM YAR KHAN</t>
  </si>
  <si>
    <t>Chak 135/1L</t>
  </si>
  <si>
    <t>BHATTA SHEIKHAN</t>
  </si>
  <si>
    <t>GPS CHAK NO. 135/ML</t>
  </si>
  <si>
    <t>Aziza abad</t>
  </si>
  <si>
    <t>chak no 135/ Ml</t>
  </si>
  <si>
    <t>Chak No 135/Ml</t>
  </si>
  <si>
    <t>Pervaz Akhtar</t>
  </si>
  <si>
    <t>GPS CHAK NO. 136/ML</t>
  </si>
  <si>
    <t>Chak No 136 ML, post office Rangpur,Tehsil Kot Addu, District MUZAFFERGARH</t>
  </si>
  <si>
    <t>Chak No 136 ML</t>
  </si>
  <si>
    <t>GPS CHAK NO. 137</t>
  </si>
  <si>
    <t>Chak No 137 Jb</t>
  </si>
  <si>
    <t>chak no 137 jb</t>
  </si>
  <si>
    <t>Munawer Hayat</t>
  </si>
  <si>
    <t>GPS CHAK NO. 137/ML</t>
  </si>
  <si>
    <t>Chack no 137/ML</t>
  </si>
  <si>
    <t>Chack no 137ML</t>
  </si>
  <si>
    <t>Azmatullah</t>
  </si>
  <si>
    <t>GPS CHAK NO. 137/P</t>
  </si>
  <si>
    <t>chak #137/p</t>
  </si>
  <si>
    <t>137/p RYK</t>
  </si>
  <si>
    <t>Chak #139/p</t>
  </si>
  <si>
    <t>Jafar Ali</t>
  </si>
  <si>
    <t>GPS CHAK NO. 138/ML</t>
  </si>
  <si>
    <t>chak no 138ml pathan hotel teh kotaddu districtmuzaffergarh</t>
  </si>
  <si>
    <t>Chak No 138ml</t>
  </si>
  <si>
    <t>GPS CHAK NO. 138/P NORTH</t>
  </si>
  <si>
    <t>138/p</t>
  </si>
  <si>
    <t>Chak no 138/p p/0136/p RYK</t>
  </si>
  <si>
    <t>GPS CHAK NO. 138/P SOUTH</t>
  </si>
  <si>
    <t>138/p Janubi</t>
  </si>
  <si>
    <t>chak No 138/p p.o. chak No 136/p r.y.k</t>
  </si>
  <si>
    <t>Chak No 138/p South</t>
  </si>
  <si>
    <t>Hashim ALI</t>
  </si>
  <si>
    <t>GPS CHAK NO. 139 TDA</t>
  </si>
  <si>
    <t>chak no 139 layyah</t>
  </si>
  <si>
    <t>Chak No 139</t>
  </si>
  <si>
    <t>GPS CHAK NO. 13-A/MB</t>
  </si>
  <si>
    <t>Chak 13AMB</t>
  </si>
  <si>
    <t>GPS 13 AMb Tehsil Noorpur Distt Khushab</t>
  </si>
  <si>
    <t>Chak NO13 AMB</t>
  </si>
  <si>
    <t>GPS CHAK NO. 14 GB</t>
  </si>
  <si>
    <t>CHAK NO 14 GB</t>
  </si>
  <si>
    <t>CHAK NO 14 GB tEHSIL &amp; DISTRICT NANKANA SAHIB</t>
  </si>
  <si>
    <t>CHAK NO 13 GB</t>
  </si>
  <si>
    <t>GPS CHAK NO. 14 MB</t>
  </si>
  <si>
    <t>Chak 14 MB</t>
  </si>
  <si>
    <t>chak no 14 MB tehsil  Quaidabad district khushab</t>
  </si>
  <si>
    <t>Tariq Javed Khan</t>
  </si>
  <si>
    <t>GPS CHAK NO. 14/1-AL</t>
  </si>
  <si>
    <t>CHAK NO 14/1AL</t>
  </si>
  <si>
    <t>CHAK NO 14/1AL Renala khurd distt okara</t>
  </si>
  <si>
    <t>Anwar Ali Asim</t>
  </si>
  <si>
    <t>GPS CHAK NO. 14/1-R</t>
  </si>
  <si>
    <t>Chak 14/1R</t>
  </si>
  <si>
    <t>Chak no 14/1.r</t>
  </si>
  <si>
    <t>Chak No 14/1r</t>
  </si>
  <si>
    <t>Chak No15/1r</t>
  </si>
  <si>
    <t>Muhammad Asif Haneef</t>
  </si>
  <si>
    <t>GPS CHAK NO. 14/1-RB</t>
  </si>
  <si>
    <t>14A/1R Hazel Pur</t>
  </si>
  <si>
    <t>14A/1R Hazel pur</t>
  </si>
  <si>
    <t>Ch Muhammad Sarwar Saqib</t>
  </si>
  <si>
    <t>GPS CHAK NO. 141/M TOBA</t>
  </si>
  <si>
    <t>chak  141/m</t>
  </si>
  <si>
    <t>141/m</t>
  </si>
  <si>
    <t>GPS CHAK NO. 142/P</t>
  </si>
  <si>
    <t>gps142/p Manthar  RYK</t>
  </si>
  <si>
    <t>Chak No 142/p</t>
  </si>
  <si>
    <t>GPS CHAK NO. 144/6-R</t>
  </si>
  <si>
    <t>144/6r</t>
  </si>
  <si>
    <t>144/6.r tehsil haroonabad distt bahawalnagar</t>
  </si>
  <si>
    <t>No 98/6r</t>
  </si>
  <si>
    <t>GPS CHAK NO. 145/6-R</t>
  </si>
  <si>
    <t>chak no 145/6.r</t>
  </si>
  <si>
    <t>145/6R</t>
  </si>
  <si>
    <t>GPS CHAK NO. 145-A / TDA</t>
  </si>
  <si>
    <t>Chak No.145-A/TDA Layyah</t>
  </si>
  <si>
    <t>chak no.145-A/TDA Layyah</t>
  </si>
  <si>
    <t>Layyah Thal Jandi</t>
  </si>
  <si>
    <t>GPS CHAK NO. 147/6-R</t>
  </si>
  <si>
    <t>Chack No 147/6 r</t>
  </si>
  <si>
    <t>chack no 147/6Teh Haroonabad District BWN</t>
  </si>
  <si>
    <t>Chack No 98/6 r</t>
  </si>
  <si>
    <t>GPS CHAK NO. 148-B TDA</t>
  </si>
  <si>
    <t>Darboli</t>
  </si>
  <si>
    <t>chak 148 b tda</t>
  </si>
  <si>
    <t>Chak 148 B</t>
  </si>
  <si>
    <t>GPS CHAK NO. 149/ML (FAZIL WALA)</t>
  </si>
  <si>
    <t>Talai Chandhar Sharqi</t>
  </si>
  <si>
    <t>Basti Fazil Wala Mouza Talai Chandhar Sharqi Tehsil Kot Adu District Muzaffargarh</t>
  </si>
  <si>
    <t>GPS CHAK NO. 15 GD</t>
  </si>
  <si>
    <t>GPS15/GD</t>
  </si>
  <si>
    <t>Chak15/gd</t>
  </si>
  <si>
    <t>Merak</t>
  </si>
  <si>
    <t>Shafqat Tanveer</t>
  </si>
  <si>
    <t>GPS CHAK NO. 15 MB</t>
  </si>
  <si>
    <t>Chak No 15mbchak</t>
  </si>
  <si>
    <t>p/o BITTA TEHSIL QUAID ABAD DISTRICT KHUSHAB</t>
  </si>
  <si>
    <t>Chak No 15 Mb</t>
  </si>
  <si>
    <t>14/MB</t>
  </si>
  <si>
    <t>GPS CHAK NO. 15/1-L</t>
  </si>
  <si>
    <t>chak num 15/1L</t>
  </si>
  <si>
    <t>chak num 13/1L</t>
  </si>
  <si>
    <t>GPS CHAK NO. 15/1-R</t>
  </si>
  <si>
    <t>15/1R OKARA</t>
  </si>
  <si>
    <t>GPS CHAK NO. 150 NB</t>
  </si>
  <si>
    <t>150nb</t>
  </si>
  <si>
    <t>chak no 150 N.B</t>
  </si>
  <si>
    <t>Chak 150 NB</t>
  </si>
  <si>
    <t>Lakhuwana</t>
  </si>
  <si>
    <t>Asmat Ullah Khan</t>
  </si>
  <si>
    <t>GPS CHAK NO. 150 TDA</t>
  </si>
  <si>
    <t>Chak 150</t>
  </si>
  <si>
    <t>Wazifi</t>
  </si>
  <si>
    <t>Jamanshah</t>
  </si>
  <si>
    <t>GPS CHAK NO. 150-A TDA</t>
  </si>
  <si>
    <t>Chalk No' 150/A TDA Layyah</t>
  </si>
  <si>
    <t>Chak No 150/A TDA</t>
  </si>
  <si>
    <t>GPS CHAK NO. 150-B TDA</t>
  </si>
  <si>
    <t>Chak no 150-B/TDA P/O jamman shah</t>
  </si>
  <si>
    <t>Chor Wala</t>
  </si>
  <si>
    <t>Mohammad Aslam Bhatti</t>
  </si>
  <si>
    <t>GPS CHAK NO. 151 ML (JINNAH COLONY)</t>
  </si>
  <si>
    <t>CHAK NO 151 /ML</t>
  </si>
  <si>
    <t>Chak NO 151 /ML Jinnah abadi</t>
  </si>
  <si>
    <t>Chak NO 151/ML Jina ah Abadi</t>
  </si>
  <si>
    <t>Fakhr-e-Alam</t>
  </si>
  <si>
    <t>GPS CHAK NO. 151/ML</t>
  </si>
  <si>
    <t>151 Ml</t>
  </si>
  <si>
    <t>chak no 151 ml kot adu</t>
  </si>
  <si>
    <t>Chak No 151 Ml</t>
  </si>
  <si>
    <t>GPS CHAK NO. 151-A TDA</t>
  </si>
  <si>
    <t>Kunal Thal Jandi</t>
  </si>
  <si>
    <t>chak #151/A TDA Mandi wala</t>
  </si>
  <si>
    <t>Chak # 151/A TDA</t>
  </si>
  <si>
    <t>Hafiz Nasrullah</t>
  </si>
  <si>
    <t>GPS CHAK NO. 152/2-L</t>
  </si>
  <si>
    <t>GPS CHAK NO. 153/ML</t>
  </si>
  <si>
    <t>Chak NO 153/ML</t>
  </si>
  <si>
    <t>chak no 153/Ml Tehsil Kot addu</t>
  </si>
  <si>
    <t>Chak no 153/ML</t>
  </si>
  <si>
    <t>GPS CHAK NO. 154 TDA</t>
  </si>
  <si>
    <t>muhmmad arif</t>
  </si>
  <si>
    <t>GPS CHAK NO. 155/ WB  MORE RAB RAKHA</t>
  </si>
  <si>
    <t>155.W.B More Rab Rakha vehari</t>
  </si>
  <si>
    <t>155WB</t>
  </si>
  <si>
    <t>Muhammad Yaqub Zahid</t>
  </si>
  <si>
    <t>GPS CHAK NO. 156 JB KHOKHAR</t>
  </si>
  <si>
    <t>Chak No 156jb</t>
  </si>
  <si>
    <t>gps CHAK NO.156 JB KHOKHAR</t>
  </si>
  <si>
    <t>CHAK NO. 156 JB KHOKHAR</t>
  </si>
  <si>
    <t>CHAK.NO.158 JB</t>
  </si>
  <si>
    <t>Shaugfta Zakir</t>
  </si>
  <si>
    <t>GPS CHAK NO. 158/HB</t>
  </si>
  <si>
    <t>chak no. 158/7R</t>
  </si>
  <si>
    <t>GPS CHAK NO. 16/17-MB</t>
  </si>
  <si>
    <t>Chak No 16 Mb</t>
  </si>
  <si>
    <t>govt primary school chak no 16.17,mb</t>
  </si>
  <si>
    <t>Danish Iqbal</t>
  </si>
  <si>
    <t>GPS CHAK NO. 16/1-R</t>
  </si>
  <si>
    <t>Chak 16/1R</t>
  </si>
  <si>
    <t>chak.no. 16/1R</t>
  </si>
  <si>
    <t>sana ullah</t>
  </si>
  <si>
    <t>GPS CHAK NO. 161/P</t>
  </si>
  <si>
    <t>chak no 161/ p</t>
  </si>
  <si>
    <t>Chak 161/p</t>
  </si>
  <si>
    <t>GPS CHAK NO. 164-A/TDA</t>
  </si>
  <si>
    <t>Sarashta Darmiani</t>
  </si>
  <si>
    <t>CHAK#164A/TDA</t>
  </si>
  <si>
    <t>CHAK # 164A/TDA</t>
  </si>
  <si>
    <t>164A/TDA</t>
  </si>
  <si>
    <t>GPS CHAK NO. 165/JB</t>
  </si>
  <si>
    <t>GPS chak number 165 rasoolpur</t>
  </si>
  <si>
    <t>GPS CHAK NO. 169/TDA</t>
  </si>
  <si>
    <t>Thai Jandi Sharqi</t>
  </si>
  <si>
    <t>chak no 169tda layyah</t>
  </si>
  <si>
    <t>Chak No 169tda</t>
  </si>
  <si>
    <t>GPS CHAK NO. 17 KB</t>
  </si>
  <si>
    <t>17/KB</t>
  </si>
  <si>
    <t>chak 17/KB p/o Mari Hazara Teh.Arifwala Distt.Pakpattan</t>
  </si>
  <si>
    <t>chak 18/KB</t>
  </si>
  <si>
    <t>GPS CHAK NO. 17/1-R</t>
  </si>
  <si>
    <t>GPS17/1-R okara</t>
  </si>
  <si>
    <t>17/1-R</t>
  </si>
  <si>
    <t>Satghara 20</t>
  </si>
  <si>
    <t>Taiba Asif</t>
  </si>
  <si>
    <t>GPS CHAK NO. 17/M</t>
  </si>
  <si>
    <t>17/M</t>
  </si>
  <si>
    <t>chak no 17/M</t>
  </si>
  <si>
    <t>GPS CHAK NO. 17/MB</t>
  </si>
  <si>
    <t>Chak no 17-mb</t>
  </si>
  <si>
    <t>Chak no. 17-mb</t>
  </si>
  <si>
    <t>Chak no17-mb</t>
  </si>
  <si>
    <t>Adhi kot</t>
  </si>
  <si>
    <t>Aziz ur rehman</t>
  </si>
  <si>
    <t>GPS CHAK NO. 170/M</t>
  </si>
  <si>
    <t>Chak No.170m Dahranwala</t>
  </si>
  <si>
    <t>GPS CHAK NO. 171/7-R SOUTH</t>
  </si>
  <si>
    <t>171/7R S</t>
  </si>
  <si>
    <t>CHAK NO  171/7R S</t>
  </si>
  <si>
    <t>GPS CHAK NO. 172/EB</t>
  </si>
  <si>
    <t>172 EB</t>
  </si>
  <si>
    <t>Chak 172/E b vehari</t>
  </si>
  <si>
    <t>172/eb</t>
  </si>
  <si>
    <t>GPS CHAK NO. 172/M</t>
  </si>
  <si>
    <t>172/M</t>
  </si>
  <si>
    <t>chak no. 172/mc</t>
  </si>
  <si>
    <t>GPS CHAK NO. 173-A TDA</t>
  </si>
  <si>
    <t>Chak No 173-A TDA</t>
  </si>
  <si>
    <t>Chak No. 173-A TDA layyah</t>
  </si>
  <si>
    <t>GPS CHAK NO. 176/EB</t>
  </si>
  <si>
    <t>Chak No 176/EB</t>
  </si>
  <si>
    <t>chak 176/E.B</t>
  </si>
  <si>
    <t>Chak 176/EB</t>
  </si>
  <si>
    <t>GPS CHAK NO. 176/WB BASHIR ABAD</t>
  </si>
  <si>
    <t>GPS 176wb Bashir Abad p/o 88wb mailsi vehari</t>
  </si>
  <si>
    <t>shoukat ali</t>
  </si>
  <si>
    <t>GPS CHAK NO. 17-D</t>
  </si>
  <si>
    <t>17/D</t>
  </si>
  <si>
    <t>chakadian no. 17/D tehsil Depal pur</t>
  </si>
  <si>
    <t>GPS CHAK NO. 18 KB</t>
  </si>
  <si>
    <t>Chak 18 kb   p/o Qaboola Tehsil Arifwala District Pakpattan</t>
  </si>
  <si>
    <t>Chak 18 Kb</t>
  </si>
  <si>
    <t>GPS CHAK NO. 18/1-R</t>
  </si>
  <si>
    <t>18/1R</t>
  </si>
  <si>
    <t>Chak no 18/1R Tehsil and District Okara</t>
  </si>
  <si>
    <t>Muhammad Shafique Noor</t>
  </si>
  <si>
    <t>GPS CHAK NO. 18/MB</t>
  </si>
  <si>
    <t>18 Mb</t>
  </si>
  <si>
    <t>chak No18mb tehsil noor pur district khushab</t>
  </si>
  <si>
    <t>Chak No18mb</t>
  </si>
  <si>
    <t>GPS CHAK NO. 185/EB</t>
  </si>
  <si>
    <t>185/eb</t>
  </si>
  <si>
    <t>p.o  gaggoo tehsil burewala</t>
  </si>
  <si>
    <t>Mazhar Hayat</t>
  </si>
  <si>
    <t>GPS CHAK NO. 186/EB</t>
  </si>
  <si>
    <t>Basti Dhadran</t>
  </si>
  <si>
    <t>Chak No 186/E.B Basti Dhadran</t>
  </si>
  <si>
    <t>186/EB</t>
  </si>
  <si>
    <t>GPS CHAK NO. 187 NB</t>
  </si>
  <si>
    <t>chak no 187nb sargodha</t>
  </si>
  <si>
    <t>Chak 187nb</t>
  </si>
  <si>
    <t>Shanza Perveen</t>
  </si>
  <si>
    <t>GPS CHAK NO. 188 JB</t>
  </si>
  <si>
    <t>Musalpur</t>
  </si>
  <si>
    <t>chak no. 188jb</t>
  </si>
  <si>
    <t>Chak No188jb</t>
  </si>
  <si>
    <t>GPS CHAK NO. 19 KB</t>
  </si>
  <si>
    <t>19kb</t>
  </si>
  <si>
    <t>Muhammad  Yar</t>
  </si>
  <si>
    <t>GPS CHAK NO. 19 MB</t>
  </si>
  <si>
    <t>Chak No 19MB</t>
  </si>
  <si>
    <t>V.Chak No.19MB P/O Chak No 28MB Tehsil Noor Pur Thal District Khushab</t>
  </si>
  <si>
    <t>Adhi sargal</t>
  </si>
  <si>
    <t>Riaz Hussain Baghoor</t>
  </si>
  <si>
    <t>GPS CHAK NO. 19/1-AL</t>
  </si>
  <si>
    <t>19/1- AL</t>
  </si>
  <si>
    <t>chak no 19 1-AL</t>
  </si>
  <si>
    <t>19/1-AL</t>
  </si>
  <si>
    <t>14/1-AL</t>
  </si>
  <si>
    <t>GPS CHAK NO. 19/1-R</t>
  </si>
  <si>
    <t>GPS 19/1-R, Tehsil Haroonabad, District Bahawalnagar</t>
  </si>
  <si>
    <t>Inayat Hussain</t>
  </si>
  <si>
    <t>GPS CHAK NO. 190 JB</t>
  </si>
  <si>
    <t>chak no 190</t>
  </si>
  <si>
    <t>Mehdi Imran</t>
  </si>
  <si>
    <t>GPS CHAK NO. 194 JB</t>
  </si>
  <si>
    <t>Chak No. 194 JB</t>
  </si>
  <si>
    <t>chak 194 jb sial wala</t>
  </si>
  <si>
    <t>Chak 194jb</t>
  </si>
  <si>
    <t>MEHMAND KHAN</t>
  </si>
  <si>
    <t>GPS CHAK NO. 197 HB NO. 1 (A&amp;T)</t>
  </si>
  <si>
    <t>197/hb</t>
  </si>
  <si>
    <t>Chak no 197/hb Teh.fortabasa Distt. bwn</t>
  </si>
  <si>
    <t>Chak No 204/9r</t>
  </si>
  <si>
    <t>GPS CHAK NO. 197 JB</t>
  </si>
  <si>
    <t>Chak 197 JB</t>
  </si>
  <si>
    <t>Chak No. 197 JB West Tehail Bhowana</t>
  </si>
  <si>
    <t>Chak No 197 JB</t>
  </si>
  <si>
    <t>Chak No 200 Jb Nasrana</t>
  </si>
  <si>
    <t>GPS CHAK NO. 198 JB</t>
  </si>
  <si>
    <t>Chak.No.198 JB Teh.Bhowana Distt Chiniot</t>
  </si>
  <si>
    <t>Chak No 198 JB</t>
  </si>
  <si>
    <t>Doulat Khan Urf Dawood Khan</t>
  </si>
  <si>
    <t>GPS CHAK NO. 199/EB</t>
  </si>
  <si>
    <t>199/eb teh. burewala dist .vehari</t>
  </si>
  <si>
    <t>199/eb</t>
  </si>
  <si>
    <t>Arif Aleem</t>
  </si>
  <si>
    <t>GPS CHAK NO. 2 NORTH</t>
  </si>
  <si>
    <t>Chak North</t>
  </si>
  <si>
    <t>chak no 2 north</t>
  </si>
  <si>
    <t>Chak No 2north</t>
  </si>
  <si>
    <t>GPS CHAK NO. 2 RM</t>
  </si>
  <si>
    <t>shafi colony mankera</t>
  </si>
  <si>
    <t>GPS CHAK NO. 2 UCC</t>
  </si>
  <si>
    <t>Chak no 2 Ucc</t>
  </si>
  <si>
    <t>chak no 2 ucc . PO. Mandi Faizabad. NNS</t>
  </si>
  <si>
    <t>GPS CHAK NO. 2/1-R</t>
  </si>
  <si>
    <t>chak no. 2/1.R</t>
  </si>
  <si>
    <t>2/1R</t>
  </si>
  <si>
    <t>Anwar Ul Islam Naeem</t>
  </si>
  <si>
    <t>GPS CHAK NO. 2/FW (JADEED)</t>
  </si>
  <si>
    <t>2/fw</t>
  </si>
  <si>
    <t>basti shareef mahar chak 2/fw chishtian district bahawalnagar</t>
  </si>
  <si>
    <t>Basti Shareef Mahar 2/fw</t>
  </si>
  <si>
    <t>Chak 3/fw</t>
  </si>
  <si>
    <t>GPS CHAK NO. 20/3-R NO. 1</t>
  </si>
  <si>
    <t>chak 20/3R</t>
  </si>
  <si>
    <t>GPS CHAK NO. 202/M (W)</t>
  </si>
  <si>
    <t>chak no 202 m. w teh. chistian dist. bahawalnagar</t>
  </si>
  <si>
    <t>202 M-w</t>
  </si>
  <si>
    <t>201 M</t>
  </si>
  <si>
    <t>Muhammad Shafiq Zahid</t>
  </si>
  <si>
    <t>GPS CHAK NO. 207/TDA</t>
  </si>
  <si>
    <t>chak no 207/t.d.a teh &amp; distt Bhakkar.</t>
  </si>
  <si>
    <t>Chak No 207/TDA</t>
  </si>
  <si>
    <t>GPS CHAK NO. 208/9-R SOUTH</t>
  </si>
  <si>
    <t>GPS 208 9.r s</t>
  </si>
  <si>
    <t>208 9/r S</t>
  </si>
  <si>
    <t>209 9/r</t>
  </si>
  <si>
    <t>GPS CHAK NO. 208/TDA</t>
  </si>
  <si>
    <t>chak 208 tda p/0 saraye muhajir bhakkar</t>
  </si>
  <si>
    <t>208 Tda</t>
  </si>
  <si>
    <t>GPS CHAK NO. 209 JB</t>
  </si>
  <si>
    <t>Chak No 209 JB</t>
  </si>
  <si>
    <t>Chak No 209 JB Tehsil Bhowana District Chiniot</t>
  </si>
  <si>
    <t>GPS CHAK NO. 209/9-R SHARQI</t>
  </si>
  <si>
    <t>209 9r East</t>
  </si>
  <si>
    <t>Chak no 209 9.r east</t>
  </si>
  <si>
    <t>outside handpump</t>
  </si>
  <si>
    <t>GPS CHAK NO. 21 KB</t>
  </si>
  <si>
    <t>21/kb</t>
  </si>
  <si>
    <t>check no 21/KB the.Arifwala district pakpattan</t>
  </si>
  <si>
    <t>Zahid Aslam</t>
  </si>
  <si>
    <t>GPS CHAK NO. 21 TDA</t>
  </si>
  <si>
    <t>21TDA</t>
  </si>
  <si>
    <t>chak no. 21 TDA</t>
  </si>
  <si>
    <t>Muhammad Kamran Qasim</t>
  </si>
  <si>
    <t>GPS CHAK NO. 21 WB</t>
  </si>
  <si>
    <t>Kusam Sar</t>
  </si>
  <si>
    <t>post office khas chak no 21\wb</t>
  </si>
  <si>
    <t>KASHIF LATIF</t>
  </si>
  <si>
    <t>GPS CHAK NO. 21/1-RB</t>
  </si>
  <si>
    <t>chak#21/1-RB Kalan Renala Khurd okara</t>
  </si>
  <si>
    <t>21/1-RB</t>
  </si>
  <si>
    <t>Chak#5/1RA</t>
  </si>
  <si>
    <t>GPS CHAK NO. 21/3-R</t>
  </si>
  <si>
    <t>Chak No 21/3R</t>
  </si>
  <si>
    <t>Chak No. 21/3.R Haroonabad</t>
  </si>
  <si>
    <t>Muhammad Faran</t>
  </si>
  <si>
    <t>GPS CHAK NO. 21/4-L</t>
  </si>
  <si>
    <t>Chak 21/4L</t>
  </si>
  <si>
    <t>chak 21/4L Okara cantt.</t>
  </si>
  <si>
    <t>Nasir khan</t>
  </si>
  <si>
    <t>GPS CHAK NO. 21/DNB</t>
  </si>
  <si>
    <t>21/DNB</t>
  </si>
  <si>
    <t>Chak No.21/DNB. P/O Chak No.22/DNB. Tehsil Yazman. District Bahawal Pur.</t>
  </si>
  <si>
    <t>GPS CHAK NO. 215/EB</t>
  </si>
  <si>
    <t>chak no 215eb</t>
  </si>
  <si>
    <t>GPS CHAK NO. 217/9-R</t>
  </si>
  <si>
    <t>217/9R</t>
  </si>
  <si>
    <t>chak no.217/9R Fortabbas</t>
  </si>
  <si>
    <t>GPS CHAK NO. 218 JB</t>
  </si>
  <si>
    <t>Chak No 218 Jb</t>
  </si>
  <si>
    <t>chak no 218 Jb Jhang</t>
  </si>
  <si>
    <t>Chak No 218 Jb Jhang</t>
  </si>
  <si>
    <t>Chak no 215 Jb</t>
  </si>
  <si>
    <t>GPS CHAK NO. 219/JB MIRJANA</t>
  </si>
  <si>
    <t>Abbadi Mirjana</t>
  </si>
  <si>
    <t>chak 219/jb mirjana fsd road jhang</t>
  </si>
  <si>
    <t>Chak 219</t>
  </si>
  <si>
    <t>Chak 265 Gwans</t>
  </si>
  <si>
    <t>GPS CHAK NO. 219/WB</t>
  </si>
  <si>
    <t>Chak # 219</t>
  </si>
  <si>
    <t>chak # 219 wb</t>
  </si>
  <si>
    <t>219 Wb</t>
  </si>
  <si>
    <t>Chak # 231 Wb</t>
  </si>
  <si>
    <t>GPS CHAK NO. 22 DB</t>
  </si>
  <si>
    <t>Chak No 22 DB</t>
  </si>
  <si>
    <t>Government primary school chak no 22db</t>
  </si>
  <si>
    <t>22 DB</t>
  </si>
  <si>
    <t>Muzafar Pur Janobi</t>
  </si>
  <si>
    <t>Muhammad Ashfaq Khan</t>
  </si>
  <si>
    <t>GPS CHAK NO. 22 QAZIAN</t>
  </si>
  <si>
    <t>chak 22 qazian</t>
  </si>
  <si>
    <t>Chak 22 Qazian</t>
  </si>
  <si>
    <t>GPS CHAK NO. 220 / TDA</t>
  </si>
  <si>
    <t>Chak no 220/TDA P/O 219/TDA Karor Layyah</t>
  </si>
  <si>
    <t>Chak No 220/TDA</t>
  </si>
  <si>
    <t>Ashar Monawar</t>
  </si>
  <si>
    <t>GPS CHAK NO. 222/EB</t>
  </si>
  <si>
    <t>222/EB</t>
  </si>
  <si>
    <t>chak no 222/EB</t>
  </si>
  <si>
    <t>Chak222</t>
  </si>
  <si>
    <t>GPS CHAK NO. 223/ TDA</t>
  </si>
  <si>
    <t>chak no 223/TDA</t>
  </si>
  <si>
    <t>chak no 223</t>
  </si>
  <si>
    <t>shaukat abad</t>
  </si>
  <si>
    <t>GPS CHAK NO. 223/WB</t>
  </si>
  <si>
    <t>Chak Number 223 Wb</t>
  </si>
  <si>
    <t>chak number 223wb</t>
  </si>
  <si>
    <t>GPS CHAK NO. 224/P</t>
  </si>
  <si>
    <t>chak no 224 p/o chak no 140 ryk</t>
  </si>
  <si>
    <t>chak no 224</t>
  </si>
  <si>
    <t>Azher Bashir</t>
  </si>
  <si>
    <t>GPS CHAK NO. 225-26/P</t>
  </si>
  <si>
    <t>Chaman</t>
  </si>
  <si>
    <t>ChakNo 225-26 P</t>
  </si>
  <si>
    <t>Chak 225-26p</t>
  </si>
  <si>
    <t>93P</t>
  </si>
  <si>
    <t>Shah Zaman</t>
  </si>
  <si>
    <t>GPS CHAK NO. 227/P</t>
  </si>
  <si>
    <t>227/P</t>
  </si>
  <si>
    <t>Chak No. 227/P</t>
  </si>
  <si>
    <t>GPS CHAK NO. 23 KB</t>
  </si>
  <si>
    <t>23kb</t>
  </si>
  <si>
    <t>Chak No 23kb</t>
  </si>
  <si>
    <t>Jamu Budla</t>
  </si>
  <si>
    <t>Muhammad Ashraf Abid</t>
  </si>
  <si>
    <t>GPS CHAK NO. 23/1-AL</t>
  </si>
  <si>
    <t>chak no. 23/1AL RENALA KHURD OKARA</t>
  </si>
  <si>
    <t>Chak No 23/1AL</t>
  </si>
  <si>
    <t>Kadim Ali</t>
  </si>
  <si>
    <t>GPS CHAK NO. 23/1-RB</t>
  </si>
  <si>
    <t>GPS 23/1RB</t>
  </si>
  <si>
    <t>Gps 23/1rb</t>
  </si>
  <si>
    <t>GPS CHAK NO. 231 TDA</t>
  </si>
  <si>
    <t>Chak No.231/TDA Fatehpur Tehsil Karor District Layyah</t>
  </si>
  <si>
    <t>Chak No 231/TDA</t>
  </si>
  <si>
    <t>GPS CHAK NO. 231/WB</t>
  </si>
  <si>
    <t>chak no 231/wb tehsil dunyapur district lodhran</t>
  </si>
  <si>
    <t>GPS CHAK NO. 235/WB</t>
  </si>
  <si>
    <t>Chak#235wb</t>
  </si>
  <si>
    <t>237wb</t>
  </si>
  <si>
    <t>Irshad Hussain Tahir</t>
  </si>
  <si>
    <t>GPS CHAK NO. 236/P</t>
  </si>
  <si>
    <t>Chak N0 236/p</t>
  </si>
  <si>
    <t>Chak No 236/p Bangla Manthar Tehsil Sadiqabad</t>
  </si>
  <si>
    <t>Chak No 236/p</t>
  </si>
  <si>
    <t>Chak No186/p</t>
  </si>
  <si>
    <t>GPS CHAK NO. 237 JB (WEST)</t>
  </si>
  <si>
    <t>Chak No 237 JB West</t>
  </si>
  <si>
    <t>Chak No.237 JB West Tehsil Bhowana Distt Chiniot</t>
  </si>
  <si>
    <t>Chak No  237 JB West</t>
  </si>
  <si>
    <t>Chak No 184 JB Sial</t>
  </si>
  <si>
    <t>Muhammad Javaid Haral</t>
  </si>
  <si>
    <t>GPS CHAK NO. 237/9-R NORTH</t>
  </si>
  <si>
    <t>237/9r</t>
  </si>
  <si>
    <t>chak 237/9R tehsil fort abbas</t>
  </si>
  <si>
    <t>Chak 237/9R N</t>
  </si>
  <si>
    <t>GPS CHAK NO. 23-A/GD</t>
  </si>
  <si>
    <t>23A/GD</t>
  </si>
  <si>
    <t>23A/ G.D</t>
  </si>
  <si>
    <t>23A/ GD</t>
  </si>
  <si>
    <t>Young Pur</t>
  </si>
  <si>
    <t>GPS CHAK NO. 24</t>
  </si>
  <si>
    <t>Havely Rana Bashir</t>
  </si>
  <si>
    <t>Grah Qaim</t>
  </si>
  <si>
    <t>Rana Muhammad Afzal</t>
  </si>
  <si>
    <t>GPS CHAK NO. 24 KHURD</t>
  </si>
  <si>
    <t>Chak 24 Khurd</t>
  </si>
  <si>
    <t>Chak 24 khurd p/o Barnala Teh.Hyderabad Dist.Skp</t>
  </si>
  <si>
    <t>Talat Ijaz</t>
  </si>
  <si>
    <t>GPS CHAK NO. 24 MB</t>
  </si>
  <si>
    <t>Chak No 24 Mb</t>
  </si>
  <si>
    <t>24 mb p/o 24 mb quaidabad khushab</t>
  </si>
  <si>
    <t>MUHAMMAD Akbar</t>
  </si>
  <si>
    <t>GPS CHAK NO. 24/2-L</t>
  </si>
  <si>
    <t>GPS CHAK NO. 24/2-R</t>
  </si>
  <si>
    <t>chack no 24/2r</t>
  </si>
  <si>
    <t>24/2r</t>
  </si>
  <si>
    <t>GPS CHAK NO. 24/SP</t>
  </si>
  <si>
    <t>24/sp</t>
  </si>
  <si>
    <t>tawana klah</t>
  </si>
  <si>
    <t>m sarwar</t>
  </si>
  <si>
    <t>GPS CHAK NO. 240GB III</t>
  </si>
  <si>
    <t>BASTI ODAN</t>
  </si>
  <si>
    <t>Govt Primary School 240 GB III BASTI ODAN JARANWALA</t>
  </si>
  <si>
    <t>CHAK NO 240 GB III</t>
  </si>
  <si>
    <t>CHaK NO 240 GB</t>
  </si>
  <si>
    <t>Muhammad Numan Anwar</t>
  </si>
  <si>
    <t>GPS CHAK NO. 241/HL</t>
  </si>
  <si>
    <t>241-HL</t>
  </si>
  <si>
    <t>Chak no 241-HL Tehsil Fortabbas District Bahawalnagar</t>
  </si>
  <si>
    <t>Chak no 241-HL</t>
  </si>
  <si>
    <t>GPS CHAK NO. 243 JB (EAST)</t>
  </si>
  <si>
    <t>Saboana</t>
  </si>
  <si>
    <t>Chak No 243 Jb East Saboana</t>
  </si>
  <si>
    <t>Chak No 241 JB Mangoana</t>
  </si>
  <si>
    <t>Ghulam Murtza</t>
  </si>
  <si>
    <t>GPS CHAK NO. 243 JB (WEST)</t>
  </si>
  <si>
    <t>Chak No 243 W Distt Chiniot</t>
  </si>
  <si>
    <t>Chak No 243 JB West</t>
  </si>
  <si>
    <t>GPS CHAK NO. 243/TDA</t>
  </si>
  <si>
    <t>Chakra No 243 A/TDA</t>
  </si>
  <si>
    <t>Chakra No. 243 A /TDA Fathepur tehsil karor district layyah</t>
  </si>
  <si>
    <t>Chak No 243A Tda</t>
  </si>
  <si>
    <t>Qumer Zaman</t>
  </si>
  <si>
    <t>GPS CHAK NO. 243/WB</t>
  </si>
  <si>
    <t>Chsk No 243/wb</t>
  </si>
  <si>
    <t>chak no 243/wb Tehsil dunyapur Dist Lodhran.</t>
  </si>
  <si>
    <t>Chak No 243/wb</t>
  </si>
  <si>
    <t>Chsk No 237/wb</t>
  </si>
  <si>
    <t>GPS CHAK NO. 245 TDA</t>
  </si>
  <si>
    <t>CHAK NO. 245TDA</t>
  </si>
  <si>
    <t>Chak no 245TDA</t>
  </si>
  <si>
    <t>MC FATEHPUR</t>
  </si>
  <si>
    <t>muhammad sami ullah</t>
  </si>
  <si>
    <t>GPS CHAK NO. 249/EB</t>
  </si>
  <si>
    <t>Chakno 249 EB</t>
  </si>
  <si>
    <t>CHAK NO 249 E B TEH:BURE WALA DIST:VEHARI</t>
  </si>
  <si>
    <t>Chak No 249 E B</t>
  </si>
  <si>
    <t>247 E B</t>
  </si>
  <si>
    <t>GPS CHAK NO. 25 MB</t>
  </si>
  <si>
    <t>23 MB</t>
  </si>
  <si>
    <t>chak No 25 MB Khushab</t>
  </si>
  <si>
    <t>25 MB</t>
  </si>
  <si>
    <t>GPS CHAK NO. 25/2-R DHOLAN SHAH</t>
  </si>
  <si>
    <t>chak no.38/2r</t>
  </si>
  <si>
    <t>25/2r Dholan Shah</t>
  </si>
  <si>
    <t>Muhammad Abass</t>
  </si>
  <si>
    <t>GPS CHAK NO. 25/D</t>
  </si>
  <si>
    <t>Chak No 25 /D</t>
  </si>
  <si>
    <t>Chak no 25/D p/o Shergarh teh Depalpur okara</t>
  </si>
  <si>
    <t>Chak No 25D</t>
  </si>
  <si>
    <t>Mazhar Muhammad</t>
  </si>
  <si>
    <t>GPS CHAK NO. 251 JB SOUTH</t>
  </si>
  <si>
    <t>Govt p/s chak no. 251s teh/distt. jhang</t>
  </si>
  <si>
    <t>Chak No 251 S</t>
  </si>
  <si>
    <t>Chak No 250 Jb</t>
  </si>
  <si>
    <t>GPS CHAK NO. 254/TDA</t>
  </si>
  <si>
    <t>254/tda</t>
  </si>
  <si>
    <t>chak no. 254/tda</t>
  </si>
  <si>
    <t>GPS CHAK NO. 257 TDA</t>
  </si>
  <si>
    <t>Olakh Chak No 257 TDA</t>
  </si>
  <si>
    <t>chak no 257 TDA p/o 111 TDA</t>
  </si>
  <si>
    <t>257 TDA</t>
  </si>
  <si>
    <t>Chak no 110</t>
  </si>
  <si>
    <t>GPS CHAK NO. 258 TDA</t>
  </si>
  <si>
    <t>Chak No 258/TDA Teh karor Distt. Layyah</t>
  </si>
  <si>
    <t>Chak No 258/TDA</t>
  </si>
  <si>
    <t>GPS CHAK NO. 259 TDA NO. 1</t>
  </si>
  <si>
    <t>Chak No259tda</t>
  </si>
  <si>
    <t>Chak No 259TDA post office 270TDA Tehsil Karror District Layyah</t>
  </si>
  <si>
    <t>Chak No 259TDA</t>
  </si>
  <si>
    <t>Chak No 110TDA</t>
  </si>
  <si>
    <t>GPS CHAK NO. 26 M GHARBI</t>
  </si>
  <si>
    <t>Chak 26M</t>
  </si>
  <si>
    <t>26M west tehsil duniyapur district lodhran</t>
  </si>
  <si>
    <t>26M</t>
  </si>
  <si>
    <t>Muhammad Dilshad</t>
  </si>
  <si>
    <t>GPS CHAK NO. 261/P (MACHAIN)</t>
  </si>
  <si>
    <t>Chak No 238p</t>
  </si>
  <si>
    <t>GBPS 261p machian chak no.238p machian</t>
  </si>
  <si>
    <t>Qari Muhammad Abdullah</t>
  </si>
  <si>
    <t>GPS CHAK NO. 262 TDA NO. 1</t>
  </si>
  <si>
    <t>chak no 262/tda</t>
  </si>
  <si>
    <t>262/tda</t>
  </si>
  <si>
    <t>Jamshed Bhatti</t>
  </si>
  <si>
    <t>GPS CHAK NO. 262/250 TDA</t>
  </si>
  <si>
    <t>250 Tda</t>
  </si>
  <si>
    <t>GPS 262/250 TDA</t>
  </si>
  <si>
    <t>MC Fateh Pur</t>
  </si>
  <si>
    <t>IHSAN Ullah</t>
  </si>
  <si>
    <t>GPS CHAK NO. 266 JB</t>
  </si>
  <si>
    <t>CHAK NO 266 JB</t>
  </si>
  <si>
    <t>CHAK NO 265 JB</t>
  </si>
  <si>
    <t>GPS CHAK NO. 267 JB DARS-E-MADINA</t>
  </si>
  <si>
    <t>chak no 265</t>
  </si>
  <si>
    <t>chakno267</t>
  </si>
  <si>
    <t>Chak No267</t>
  </si>
  <si>
    <t>Muhammad Tariq Javaid</t>
  </si>
  <si>
    <t>GPS CHAK NO. 267/P</t>
  </si>
  <si>
    <t>Chak 267 P</t>
  </si>
  <si>
    <t>Government Primary school chak no 267 p</t>
  </si>
  <si>
    <t>267 P</t>
  </si>
  <si>
    <t>186 P</t>
  </si>
  <si>
    <t>GPS CHAK NO. 269/WB</t>
  </si>
  <si>
    <t>Chak No 269/wb</t>
  </si>
  <si>
    <t>Chak No    269/W.B Tehsil Dunyapur  District Lodhran</t>
  </si>
  <si>
    <t>GPS CHAK NO. 27 EB</t>
  </si>
  <si>
    <t>27eb</t>
  </si>
  <si>
    <t>chak no 27eb p/o 25eb Teh arifwala dist pakpattan</t>
  </si>
  <si>
    <t>Chak no 27eb</t>
  </si>
  <si>
    <t>Hafeez Ahmed</t>
  </si>
  <si>
    <t>GPS CHAK NO. 27 KB P.O QABOOLA</t>
  </si>
  <si>
    <t>27KB</t>
  </si>
  <si>
    <t>Chak No 27-KB  Posts Office  QABULA  Tehsil Arifwala District Pakpattan</t>
  </si>
  <si>
    <t>GPS CHAK NO. 27 MB</t>
  </si>
  <si>
    <t>22 mb</t>
  </si>
  <si>
    <t>chak no 27 mb</t>
  </si>
  <si>
    <t>Mohammed Rashad Mahmood</t>
  </si>
  <si>
    <t>GPS CHAK NO. 271/HR EAST</t>
  </si>
  <si>
    <t>CHAK NO.271/HR</t>
  </si>
  <si>
    <t>CHAK NO. 271/HR (E)</t>
  </si>
  <si>
    <t>CHAK NO. 264/HR</t>
  </si>
  <si>
    <t>GPS CHAK NO. 271/WB</t>
  </si>
  <si>
    <t>jHANDEERWAH</t>
  </si>
  <si>
    <t>GOVT. PRIMARY SCHOOL  CHAK NO. 271/WB</t>
  </si>
  <si>
    <t>CHAK NO. 271/WB</t>
  </si>
  <si>
    <t>JHANDEERWAH</t>
  </si>
  <si>
    <t>GPS CHAK NO. 273 TDA NO. 1</t>
  </si>
  <si>
    <t>Chsk 273 TDA</t>
  </si>
  <si>
    <t>Chak No 273TDA Tehsil Karor Disst Layyah</t>
  </si>
  <si>
    <t>Chak No 273 TDA</t>
  </si>
  <si>
    <t>GPS CHAK NO. 273 TDA NO. 2</t>
  </si>
  <si>
    <t>Chak No 273/TDA</t>
  </si>
  <si>
    <t>Chak no 112/TDA</t>
  </si>
  <si>
    <t>GPS CHAK NO. 273 TDA NO. 3 JAMAL NAGAR</t>
  </si>
  <si>
    <t>chak no 293 tda</t>
  </si>
  <si>
    <t>GPS CHAK NO. 277 TDA</t>
  </si>
  <si>
    <t>277 TDA</t>
  </si>
  <si>
    <t>Chak No 277/TDA Tehsil &amp; District Layyah.</t>
  </si>
  <si>
    <t>Chak No 277</t>
  </si>
  <si>
    <t>GPS CHAK NO. 278 TDA</t>
  </si>
  <si>
    <t>Chak No 278</t>
  </si>
  <si>
    <t>chak no. 278/TDA Layyah</t>
  </si>
  <si>
    <t>278/TDA</t>
  </si>
  <si>
    <t>Rizwana Sultan</t>
  </si>
  <si>
    <t>GPS CHAK NO. 278-A/TDA</t>
  </si>
  <si>
    <t>Chak No 278a</t>
  </si>
  <si>
    <t>chak no 278a /tda layyah</t>
  </si>
  <si>
    <t>muhammad sohanara</t>
  </si>
  <si>
    <t>GPS CHAK NO. 279 TDA</t>
  </si>
  <si>
    <t>Chack No 279/tda</t>
  </si>
  <si>
    <t>chack no 279/tda</t>
  </si>
  <si>
    <t>Mian Sajid Mahmood Gillani</t>
  </si>
  <si>
    <t>GPS CHAK NO. 279 TDA HASSAN WALA</t>
  </si>
  <si>
    <t>CHAK NO.357A TDA</t>
  </si>
  <si>
    <t>393 Gola Adda</t>
  </si>
  <si>
    <t>GPS CHAK NO. 28 KB</t>
  </si>
  <si>
    <t>28/kb</t>
  </si>
  <si>
    <t>chak no 28kb Teh.Arifwala Disst.Pakpattan</t>
  </si>
  <si>
    <t>Jamubodla</t>
  </si>
  <si>
    <t>Muhammad Ayub Khan</t>
  </si>
  <si>
    <t>GPS CHAK NO. 28 MB</t>
  </si>
  <si>
    <t>Chak 28mb</t>
  </si>
  <si>
    <t>chak no 28mb</t>
  </si>
  <si>
    <t>Chak 14 Mb</t>
  </si>
  <si>
    <t>GPS CHAK NO. 28/2-R</t>
  </si>
  <si>
    <t>28/2-R</t>
  </si>
  <si>
    <t>28/2-R okara</t>
  </si>
  <si>
    <t>25/2-R</t>
  </si>
  <si>
    <t>GPS CHAK NO. 289/WB</t>
  </si>
  <si>
    <t>289/WB</t>
  </si>
  <si>
    <t>chak no 289/wb p/o Noor Garh Teh Dunya Pur (Lodhran)</t>
  </si>
  <si>
    <t>Chak No 289/wb</t>
  </si>
  <si>
    <t>AbdulGhani</t>
  </si>
  <si>
    <t>GPS CHAK NO. 29 / 2-R</t>
  </si>
  <si>
    <t>29/2r</t>
  </si>
  <si>
    <t>Chak no. 29_2R</t>
  </si>
  <si>
    <t>Mohammad Khalid</t>
  </si>
  <si>
    <t>GPS CHAK NO. 29 DB</t>
  </si>
  <si>
    <t>Chak No29db</t>
  </si>
  <si>
    <t>chak no.29 db</t>
  </si>
  <si>
    <t>Abd Ul Ghani</t>
  </si>
  <si>
    <t>GPS CHAK NO. 29/NP</t>
  </si>
  <si>
    <t>29 N/p</t>
  </si>
  <si>
    <t>Govt. primary school,chak no. 29 n/p,sadiqabad</t>
  </si>
  <si>
    <t>Sultan Mehmood Khokhar</t>
  </si>
  <si>
    <t>GPS CHAK NO. 295 TDA</t>
  </si>
  <si>
    <t>Thalklan</t>
  </si>
  <si>
    <t>chak 295/TDA district layyah</t>
  </si>
  <si>
    <t>295/TDA</t>
  </si>
  <si>
    <t>Muhammad Adeel Javed</t>
  </si>
  <si>
    <t>GPS CHAK NO. 299/310 TDA</t>
  </si>
  <si>
    <t>chak no 310tda</t>
  </si>
  <si>
    <t>Chak No 310 Tda</t>
  </si>
  <si>
    <t>Aolakh Thal Kalan</t>
  </si>
  <si>
    <t>Muhammad Irfan Mudasir</t>
  </si>
  <si>
    <t>GPS CHAK NO. 3/1-R</t>
  </si>
  <si>
    <t>chak no 3/1-R Haroonabad</t>
  </si>
  <si>
    <t>Chak No 3/1-R</t>
  </si>
  <si>
    <t>GPS CHAK NO. 3/DRB (NORTH)</t>
  </si>
  <si>
    <t>Chak No 3 DRB</t>
  </si>
  <si>
    <t>chak No 3 DRB N</t>
  </si>
  <si>
    <t>Chak No 3 DRB N</t>
  </si>
  <si>
    <t>Channan peer</t>
  </si>
  <si>
    <t>Anjum Shahbaz</t>
  </si>
  <si>
    <t>GPS CHAK NO. 3/FW - M</t>
  </si>
  <si>
    <t>chak no 3fw manzoor wala</t>
  </si>
  <si>
    <t>3fw Manzoor Wala</t>
  </si>
  <si>
    <t>Muhammad ZAfar</t>
  </si>
  <si>
    <t>GPS CHAK NO. 3/FW DOLAT</t>
  </si>
  <si>
    <t>3 / F Wah Dolat Ali</t>
  </si>
  <si>
    <t>g.p.s.3fwah Dolat Ali Tehran CHISHTIAN district bahawalnagar</t>
  </si>
  <si>
    <t>3/F W Dolat Ali</t>
  </si>
  <si>
    <t>3/F Wah</t>
  </si>
  <si>
    <t>Hafiz Muhammad Saeed Ahmed</t>
  </si>
  <si>
    <t>GPS CHAK NO. 3/FW SUDAGAR WALA</t>
  </si>
  <si>
    <t>chak 3fw sodagar wala chishtian</t>
  </si>
  <si>
    <t>3/Fw Sodagar Wala</t>
  </si>
  <si>
    <t>3Fw</t>
  </si>
  <si>
    <t>GPS CHAK NO. 3/WB OLD</t>
  </si>
  <si>
    <t>3wb</t>
  </si>
  <si>
    <t>chak 3 WB old</t>
  </si>
  <si>
    <t>Ali Abdullah</t>
  </si>
  <si>
    <t>GPS CHAK NO. 30 DB</t>
  </si>
  <si>
    <t>Chak 30DB</t>
  </si>
  <si>
    <t>Chak No.30 DB</t>
  </si>
  <si>
    <t>Chak 30 DB</t>
  </si>
  <si>
    <t>Wan Bachran 2</t>
  </si>
  <si>
    <t>GPS CHAK NO. 30 MB</t>
  </si>
  <si>
    <t>Cak No 30MB</t>
  </si>
  <si>
    <t>Chak  No30mb</t>
  </si>
  <si>
    <t>GPS CHAK NO. 30 SP</t>
  </si>
  <si>
    <t>Chak No. 30/sp Pakpattan</t>
  </si>
  <si>
    <t>30sp</t>
  </si>
  <si>
    <t>Muhammad Amir Shakir</t>
  </si>
  <si>
    <t>GPS CHAK NO. 30/2-R</t>
  </si>
  <si>
    <t>30/2R</t>
  </si>
  <si>
    <t>chak number 30/2R</t>
  </si>
  <si>
    <t>BIBI PUR</t>
  </si>
  <si>
    <t>GPS CHAK NO. 301 TDA</t>
  </si>
  <si>
    <t>Chak Number 301/TDA P/O Peer Baroo Sharif Tehsil Choubara dist Layyah</t>
  </si>
  <si>
    <t>301/TDA</t>
  </si>
  <si>
    <t>GPS CHAK NO. 302 HR SALAH BASTI</t>
  </si>
  <si>
    <t>Sillah Basti</t>
  </si>
  <si>
    <t>chak  302/hr fort Abbas, bahawalagar</t>
  </si>
  <si>
    <t>Chak 302/HR</t>
  </si>
  <si>
    <t>GPS CHAK NO. 302 TDA</t>
  </si>
  <si>
    <t>chak no 302 tda</t>
  </si>
  <si>
    <t>Chak No 302 Tda</t>
  </si>
  <si>
    <t>Imam Din</t>
  </si>
  <si>
    <t>GPS CHAK NO. 307 TDA</t>
  </si>
  <si>
    <t>govt. primary school chak no. 307/TDA ada qazi abad</t>
  </si>
  <si>
    <t>307/TDA</t>
  </si>
  <si>
    <t>Muhammad Ahsan Razzaq</t>
  </si>
  <si>
    <t>GPS CHAK NO. 309 TDA</t>
  </si>
  <si>
    <t>Chak no. 309/TDA Teh. Choubara Distt. Layyah</t>
  </si>
  <si>
    <t>CHAK NO 309/TDA</t>
  </si>
  <si>
    <t>Oulakh Thal Kalan</t>
  </si>
  <si>
    <t>GPS CHAK NO. 31</t>
  </si>
  <si>
    <t>Chak 31</t>
  </si>
  <si>
    <t>village Chak 31 Tehsil Malakwal District M.B.Din</t>
  </si>
  <si>
    <t>Chak  31</t>
  </si>
  <si>
    <t>Qasim Abbas</t>
  </si>
  <si>
    <t>GPS CHAK NO. 31 EB</t>
  </si>
  <si>
    <t>Chak No 31/eb</t>
  </si>
  <si>
    <t>Gps 31/EB</t>
  </si>
  <si>
    <t>Peer Sadar Din</t>
  </si>
  <si>
    <t>Faqair Muhammad</t>
  </si>
  <si>
    <t>GPS CHAK NO. 31 JB II</t>
  </si>
  <si>
    <t>Chak No 31 Jb //</t>
  </si>
  <si>
    <t>Aminpur Banglow chak no 31 JB District Faisalabad</t>
  </si>
  <si>
    <t>Chak no 31 JB  //</t>
  </si>
  <si>
    <t>Chak no 30 JB</t>
  </si>
  <si>
    <t>GPS CHAK NO. 31 KB</t>
  </si>
  <si>
    <t>Chak No 31/kb</t>
  </si>
  <si>
    <t>chak no 31/kb</t>
  </si>
  <si>
    <t>31/kb</t>
  </si>
  <si>
    <t>Nadeem Tariq</t>
  </si>
  <si>
    <t>GPS CHAK NO. 31 MB</t>
  </si>
  <si>
    <t>Chak No 31mb</t>
  </si>
  <si>
    <t>chak No 31mb P/O chak No 26mb Teh. Quaidabad Distt Khushab</t>
  </si>
  <si>
    <t>Chak No 14mb</t>
  </si>
  <si>
    <t>GPS CHAK NO. 31 TDA</t>
  </si>
  <si>
    <t>DAGGAR AULAKH</t>
  </si>
  <si>
    <t>CHAK NO. 31/TAD TEH &amp; DISTT BHAKKAR</t>
  </si>
  <si>
    <t>CHAK NO 31/TDA</t>
  </si>
  <si>
    <t>HABIB ULLAH</t>
  </si>
  <si>
    <t>GPS CHAK NO. 31/2-L</t>
  </si>
  <si>
    <t>Chak No 31/2 L</t>
  </si>
  <si>
    <t>Chak No 31/2 L Tehsil &amp; District Okara</t>
  </si>
  <si>
    <t>GPS CHAK NO. 31/P. P.O. BAGHO BEHAR</t>
  </si>
  <si>
    <t>Chak 31P</t>
  </si>
  <si>
    <t>Chak no.31p PO  Bagho Bahar</t>
  </si>
  <si>
    <t>Chak NO 31P</t>
  </si>
  <si>
    <t>MuhammadAmir Jan</t>
  </si>
  <si>
    <t>GPS CHAK NO. 310/HR DERA ALLAH YAR</t>
  </si>
  <si>
    <t>310/ hr</t>
  </si>
  <si>
    <t>Chak no310</t>
  </si>
  <si>
    <t>GPS CHAK NO. 316 TDA</t>
  </si>
  <si>
    <t>chak no 316 tda tehsile  choubara district layyah</t>
  </si>
  <si>
    <t>Chak No 316TDA</t>
  </si>
  <si>
    <t>GPS CHAK NO. 317 TDA</t>
  </si>
  <si>
    <t>Noshera Thalklan</t>
  </si>
  <si>
    <t>chak no 317/TDA Tehsil Karor District Layyah</t>
  </si>
  <si>
    <t>Chak No 317/TDA</t>
  </si>
  <si>
    <t>Chak NO 306/TDA</t>
  </si>
  <si>
    <t>Muhammad Sikandar Hayat</t>
  </si>
  <si>
    <t>GPS CHAK NO. 318 TDA</t>
  </si>
  <si>
    <t>GPS Chak No.318 TDA</t>
  </si>
  <si>
    <t>Chak No 318 TdA</t>
  </si>
  <si>
    <t>Muhammad Hussain Bajwa</t>
  </si>
  <si>
    <t>GPS CHAK NO. 319 TDA</t>
  </si>
  <si>
    <t>CHAK NO 319/TDA</t>
  </si>
  <si>
    <t>tehsil choubara dist layyah</t>
  </si>
  <si>
    <t>M FAROOQ ZAFAR</t>
  </si>
  <si>
    <t>GPS CHAK NO. 32 WEST</t>
  </si>
  <si>
    <t>ROSHAN CHOUHAN</t>
  </si>
  <si>
    <t>GPS CHAK NO. 325 TDA</t>
  </si>
  <si>
    <t>Chak No 325</t>
  </si>
  <si>
    <t>chak no 325 dist layyah tehsil choubara</t>
  </si>
  <si>
    <t>Chak No 325TDA</t>
  </si>
  <si>
    <t>Aamar  Mushtaq</t>
  </si>
  <si>
    <t>GPS CHAK NO. 33/DB</t>
  </si>
  <si>
    <t>33DB</t>
  </si>
  <si>
    <t>33DB Tehsil Quaidabad abad DISTRICT Khushab</t>
  </si>
  <si>
    <t>GPS CHAK NO. 330 TDA</t>
  </si>
  <si>
    <t>Sumra thal</t>
  </si>
  <si>
    <t>chak no 330/tda tehsil choubra distt layyah</t>
  </si>
  <si>
    <t>330/tda</t>
  </si>
  <si>
    <t>Jamal chapri</t>
  </si>
  <si>
    <t>GPS CHAK NO. 34 MB</t>
  </si>
  <si>
    <t>Chak No 34 Mb</t>
  </si>
  <si>
    <t>chak no 34 mb tehsil noor pur</t>
  </si>
  <si>
    <t>GPS CHAK NO. 3-4 RAKH DULLE WALA</t>
  </si>
  <si>
    <t>Rakh Dullewala</t>
  </si>
  <si>
    <t>Gps chak no 3-4 rakh dullewala</t>
  </si>
  <si>
    <t>Muhammad Shehzad</t>
  </si>
  <si>
    <t>GPS CHAK NO. 34 SP</t>
  </si>
  <si>
    <t>34/Sp</t>
  </si>
  <si>
    <t>34/sp Pakpattan</t>
  </si>
  <si>
    <t>GPS CHAK NO. 34/ 2-RA</t>
  </si>
  <si>
    <t>Satgara</t>
  </si>
  <si>
    <t>GPS 34/2RA OKARA</t>
  </si>
  <si>
    <t>34/2RA</t>
  </si>
  <si>
    <t>Kunwar Liaqat Ali</t>
  </si>
  <si>
    <t>GPS CHAK NO. 34/4-L</t>
  </si>
  <si>
    <t>Chak No 34/4l</t>
  </si>
  <si>
    <t>gps 34/4l tehsil and district okara</t>
  </si>
  <si>
    <t>Chak #/34/4-L</t>
  </si>
  <si>
    <t>GPS CHAK NO. 34/DB</t>
  </si>
  <si>
    <t>34 DB</t>
  </si>
  <si>
    <t>chak no 34 D.B tehsil Quaidabad District  khushab</t>
  </si>
  <si>
    <t>Chak 34 DB</t>
  </si>
  <si>
    <t>GPS CHAK NO. 34/P</t>
  </si>
  <si>
    <t>Chak 34/P</t>
  </si>
  <si>
    <t>Govt. p/s chak no.34p p.o bagh o bahar tehsil khan pur district rahim yar khan</t>
  </si>
  <si>
    <t>Chak 34/p</t>
  </si>
  <si>
    <t>GPS CHAK NO. 347-A TDA</t>
  </si>
  <si>
    <t>Chak No347/tda</t>
  </si>
  <si>
    <t>gps.347/tda choubara layyah</t>
  </si>
  <si>
    <t>Tahir Javed</t>
  </si>
  <si>
    <t>GPS CHAK NO. 35/P</t>
  </si>
  <si>
    <t>Dera Faiz Ahmed chak 35p P/o Bagho Bahar</t>
  </si>
  <si>
    <t>35/P</t>
  </si>
  <si>
    <t>Muhammad Tayub Anwar</t>
  </si>
  <si>
    <t>GPS CHAK NO. 357/EB</t>
  </si>
  <si>
    <t>chak no 357/EB</t>
  </si>
  <si>
    <t>chak no.357/E.B tehsil burewala distt. vehari</t>
  </si>
  <si>
    <t>chak no175/EB</t>
  </si>
  <si>
    <t>muhammad sarwar tahir</t>
  </si>
  <si>
    <t>GPS CHAK NO. 357-A /TDA</t>
  </si>
  <si>
    <t>Chak No 357-A/TDA</t>
  </si>
  <si>
    <t>chak no 357-A/TDA Distt Layyah</t>
  </si>
  <si>
    <t>357-A/TDA</t>
  </si>
  <si>
    <t>Maqbool Ahsan</t>
  </si>
  <si>
    <t>GPS CHAK NO. 36 MB</t>
  </si>
  <si>
    <t>Chak No 36 Mb</t>
  </si>
  <si>
    <t>chak no 36mb</t>
  </si>
  <si>
    <t>GPS CHAK NO. 36 SP KALAN</t>
  </si>
  <si>
    <t>36/SP KALAN</t>
  </si>
  <si>
    <t>36SP KALAN</t>
  </si>
  <si>
    <t>AYYAZ MEHMOOD</t>
  </si>
  <si>
    <t>GPS CHAK NO. 36/SP KHURD</t>
  </si>
  <si>
    <t>36sp KHURD</t>
  </si>
  <si>
    <t>G.P.S.36Sp khurd pakpattan</t>
  </si>
  <si>
    <t>36sp KHURD PAKPATTAN</t>
  </si>
  <si>
    <t>AFTAB  AHMAD</t>
  </si>
  <si>
    <t>GPS CHAK NO. 363 TDA</t>
  </si>
  <si>
    <t>Govt Boys P/S chak no 363/TDA Choubara</t>
  </si>
  <si>
    <t>Chak No 363/TDA</t>
  </si>
  <si>
    <t>Allah Dad</t>
  </si>
  <si>
    <t>GPS CHAK NO. 37 FEROZWALA</t>
  </si>
  <si>
    <t>Chak  37</t>
  </si>
  <si>
    <t>Chak 37 Tehsil Ferozwala</t>
  </si>
  <si>
    <t>Shahzad  Ahmad  ButtButtButtButt</t>
  </si>
  <si>
    <t>GPS CHAK NO. 37/D</t>
  </si>
  <si>
    <t>37/d</t>
  </si>
  <si>
    <t>38/d KALLAN</t>
  </si>
  <si>
    <t>GPS CHAK NO. 370/A TDA</t>
  </si>
  <si>
    <t>Chak No 370a</t>
  </si>
  <si>
    <t>chak no.370a teh. choubara district layyah</t>
  </si>
  <si>
    <t>GPS CHAK NO. 370/TDA</t>
  </si>
  <si>
    <t>Chak No370.TDA</t>
  </si>
  <si>
    <t>Chak No 370TDA</t>
  </si>
  <si>
    <t>Jamal Chspree</t>
  </si>
  <si>
    <t>Hameed Anwar</t>
  </si>
  <si>
    <t>GPS CHAK NO. 372/WB</t>
  </si>
  <si>
    <t>372/WB</t>
  </si>
  <si>
    <t>Chak no 372/WB tensile dunyapur district Lodhran</t>
  </si>
  <si>
    <t>372/Wb</t>
  </si>
  <si>
    <t>386/Wb</t>
  </si>
  <si>
    <t>Muhammad Faiz</t>
  </si>
  <si>
    <t>GPS CHAK NO. 374 TDA</t>
  </si>
  <si>
    <t>374/tda choubara</t>
  </si>
  <si>
    <t>Munir Nasir</t>
  </si>
  <si>
    <t>GPS CHAK NO. 379 TDA</t>
  </si>
  <si>
    <t>396/tda gola ada layyah</t>
  </si>
  <si>
    <t>396/tda</t>
  </si>
  <si>
    <t>393/tda</t>
  </si>
  <si>
    <t>Muahid Hussain</t>
  </si>
  <si>
    <t>GPS CHAK NO. 38</t>
  </si>
  <si>
    <t>CHAk 38</t>
  </si>
  <si>
    <t>CHAk 38 Teh Pattoki DISTT Kasur</t>
  </si>
  <si>
    <t>Awan CHAK 39</t>
  </si>
  <si>
    <t>HAMID SHAKOOR RASHID</t>
  </si>
  <si>
    <t>GPS CHAK NO. 38 EAST</t>
  </si>
  <si>
    <t>Chak 38 East</t>
  </si>
  <si>
    <t>chak no 38 east</t>
  </si>
  <si>
    <t>GPS CHAK NO. 38 FEROZWALA</t>
  </si>
  <si>
    <t>Chak38</t>
  </si>
  <si>
    <t>CHAK 38</t>
  </si>
  <si>
    <t>GPS CHAK NO. 38 TDA</t>
  </si>
  <si>
    <t>Jakhar Daggar Sharqi</t>
  </si>
  <si>
    <t>Chak No. 38 TDA</t>
  </si>
  <si>
    <t>Chak No 38 TDA</t>
  </si>
  <si>
    <t>GPS CHAK NO. 380/WB</t>
  </si>
  <si>
    <t>CHAK NO. 380/WB</t>
  </si>
  <si>
    <t>GOVT. PRIMARY SCHOOL CHAK NO. 380/WB TEHSIL DUNYAPUR DISTRICT LODHRAN</t>
  </si>
  <si>
    <t>CHAK NO. 384/WB</t>
  </si>
  <si>
    <t>KHURRAM SHAHZAD</t>
  </si>
  <si>
    <t>GPS CHAK NO. 386/WB</t>
  </si>
  <si>
    <t>Chak # 386/WB</t>
  </si>
  <si>
    <t>Chak # 386/WB Markaz Makhdoom Aali Tehsil Dunyapur District Lodhran</t>
  </si>
  <si>
    <t>Muhammad Muddasar Saeed</t>
  </si>
  <si>
    <t>GPS CHAK NO. 389 TDA</t>
  </si>
  <si>
    <t>Chak No 389/TDA</t>
  </si>
  <si>
    <t>chak no 389/tda</t>
  </si>
  <si>
    <t>Chak No 389/Tda</t>
  </si>
  <si>
    <t>Chak No 164 A/Tda</t>
  </si>
  <si>
    <t>GPS CHAK NO. 39</t>
  </si>
  <si>
    <t>Chak no 39 UCC Tehsil Ferozwala District Skp</t>
  </si>
  <si>
    <t>GPS CHAK NO. 39 / 3-R</t>
  </si>
  <si>
    <t>39/3r okara</t>
  </si>
  <si>
    <t>chak no 39/3r okara</t>
  </si>
  <si>
    <t>Chak no 39/3r</t>
  </si>
  <si>
    <t>Mohammad Rafique</t>
  </si>
  <si>
    <t>GPS CHAK NO. 39 TDA</t>
  </si>
  <si>
    <t>Chak No 39 TDA Bhakkar</t>
  </si>
  <si>
    <t>Chak No 39 TDA</t>
  </si>
  <si>
    <t>GPS CHAK NO. 39/M</t>
  </si>
  <si>
    <t>chak no 39/M</t>
  </si>
  <si>
    <t>chk no 39.m tehsil dunyapur district lodhran</t>
  </si>
  <si>
    <t>39/M</t>
  </si>
  <si>
    <t>Siraj wala</t>
  </si>
  <si>
    <t>Muhammad Arslan Ibrahim</t>
  </si>
  <si>
    <t>GPS CHAK NO. 39/P</t>
  </si>
  <si>
    <t>Chak no.39/p</t>
  </si>
  <si>
    <t>Chak No 39/P</t>
  </si>
  <si>
    <t>GPS CHAK NO. 398 TDA</t>
  </si>
  <si>
    <t>398 Chak</t>
  </si>
  <si>
    <t>chak no 398/tda</t>
  </si>
  <si>
    <t>GPS CHAK NO. 4 KM</t>
  </si>
  <si>
    <t>chak no 4/km p.o. Akhtar abad Tehsil Renala khurd District  okara</t>
  </si>
  <si>
    <t>4/KM</t>
  </si>
  <si>
    <t>GPS CHAK NO. 4 RDW</t>
  </si>
  <si>
    <t>chak no 4 rakh dullewala</t>
  </si>
  <si>
    <t>Ghulam Mustafa Muntazir</t>
  </si>
  <si>
    <t>GPS CHAK NO. 4 RMG</t>
  </si>
  <si>
    <t>Rakh Mouj Garh</t>
  </si>
  <si>
    <t>p/o 71ml chak no.4rmg tehsil Mankera district Bhakkar</t>
  </si>
  <si>
    <t>4rmg</t>
  </si>
  <si>
    <t>Muhammad Habibullah</t>
  </si>
  <si>
    <t>GPS CHAK NO. 4/4 R</t>
  </si>
  <si>
    <t>6/4r</t>
  </si>
  <si>
    <t>p/o rang pur 6/4r</t>
  </si>
  <si>
    <t>GPS CHAK NO. 4/4-L</t>
  </si>
  <si>
    <t>Chak No4/4L</t>
  </si>
  <si>
    <t>Chak no. 4/4_L</t>
  </si>
  <si>
    <t>Chak No 4/4L</t>
  </si>
  <si>
    <t>GPS CHAK NO. 4/M</t>
  </si>
  <si>
    <t>Chack No 4/m</t>
  </si>
  <si>
    <t>chack number 4/m teshil Dunya pur district lodhran</t>
  </si>
  <si>
    <t>GPS CHAK NO. 4/M MIAN WALI</t>
  </si>
  <si>
    <t>4/M Mian Wali</t>
  </si>
  <si>
    <t>Chak no 4/M,Dunyapur</t>
  </si>
  <si>
    <t>Ghulam Mujtaba Shakir</t>
  </si>
  <si>
    <t>GPS CHAK NO. 4/NP</t>
  </si>
  <si>
    <t>Chak 4NP</t>
  </si>
  <si>
    <t>Chak 4NP sadiqabad distt rahim Yar Khan</t>
  </si>
  <si>
    <t>GPS CHAK NO. 40/3-R</t>
  </si>
  <si>
    <t>GPS CHAK NO. 40/KB</t>
  </si>
  <si>
    <t>40 KB burewala</t>
  </si>
  <si>
    <t>Saldera Ithar</t>
  </si>
  <si>
    <t>GPS CHAK NO. 400 TDA</t>
  </si>
  <si>
    <t>Lohnch Thalklan</t>
  </si>
  <si>
    <t>Chak No 400/tda</t>
  </si>
  <si>
    <t>Chak No 393 Tda</t>
  </si>
  <si>
    <t>Muhammad Aslam Dullu</t>
  </si>
  <si>
    <t>GPS CHAK NO. 402 TDA</t>
  </si>
  <si>
    <t>Chak No 402/tda</t>
  </si>
  <si>
    <t>chak no 402/tda teh choubara distt layyah</t>
  </si>
  <si>
    <t>GPS CHAK NO. 407 TDA</t>
  </si>
  <si>
    <t>Chak no 407 tda tehsial choubara district Layyah</t>
  </si>
  <si>
    <t>407TDA</t>
  </si>
  <si>
    <t>GPS CHAK NO. 41</t>
  </si>
  <si>
    <t>Chak No 41</t>
  </si>
  <si>
    <t>Chak no.41 Dist/The M.b.
din</t>
  </si>
  <si>
    <t>GPS CHAK NO. 41 / 3-R</t>
  </si>
  <si>
    <t>chak #41/3R okara</t>
  </si>
  <si>
    <t>40/3R</t>
  </si>
  <si>
    <t>GPS CHAK NO. 41 EB</t>
  </si>
  <si>
    <t>41/EB</t>
  </si>
  <si>
    <t>41/EB P/O &amp; tehsil: Arifwala District: pakpattan</t>
  </si>
  <si>
    <t>GPS CHAK NO. 41 MB</t>
  </si>
  <si>
    <t>41 MB</t>
  </si>
  <si>
    <t>chak No.41M.B</t>
  </si>
  <si>
    <t>Chak No 41MB</t>
  </si>
  <si>
    <t>GPS CHAK NO. 41/DB (W)</t>
  </si>
  <si>
    <t>Chak No 41 DB W</t>
  </si>
  <si>
    <t>Chak No. 41/DB(W)</t>
  </si>
  <si>
    <t>Chak No 41 DB</t>
  </si>
  <si>
    <t>Chak No 44 DB</t>
  </si>
  <si>
    <t>Khursheed   Ahmad</t>
  </si>
  <si>
    <t>GPS CHAK NO. 411 TDA</t>
  </si>
  <si>
    <t>chak no 411/tda</t>
  </si>
  <si>
    <t>Chak No 411/TDA</t>
  </si>
  <si>
    <t>GPS CHAK NO. 411/EB</t>
  </si>
  <si>
    <t>Chak No 411 EB</t>
  </si>
  <si>
    <t>chak no.411 E.B</t>
  </si>
  <si>
    <t>Chak No 403 EB</t>
  </si>
  <si>
    <t>Rukhsana Shaaban</t>
  </si>
  <si>
    <t>GPS CHAK NO. 419 TDA</t>
  </si>
  <si>
    <t>CHAK NO 419</t>
  </si>
  <si>
    <t>CHAK NO 419 TDA</t>
  </si>
  <si>
    <t>CHAK NO 393 TDA</t>
  </si>
  <si>
    <t>GPS CHAK NO. 42 / 3-R MANOLIAN</t>
  </si>
  <si>
    <t>42-3R Manolian</t>
  </si>
  <si>
    <t>42-3R manolian</t>
  </si>
  <si>
    <t>42-3R Sachanwala</t>
  </si>
  <si>
    <t>Mian Zafar Iqbal</t>
  </si>
  <si>
    <t>GPS CHAK NO. 42 MB</t>
  </si>
  <si>
    <t>CHAK NO 42 MB</t>
  </si>
  <si>
    <t>Chak No. 42 MB tehsil&amp;district khushab</t>
  </si>
  <si>
    <t>Chak No 42MB</t>
  </si>
  <si>
    <t>GPS CHAK NO. 42 NP</t>
  </si>
  <si>
    <t>Govt.ps chak 42 np basti haji gull Muhammad</t>
  </si>
  <si>
    <t>Basti Haji Gull Muhammad</t>
  </si>
  <si>
    <t>Muhammad Humair</t>
  </si>
  <si>
    <t>GPS CHAK NO. 42/DB</t>
  </si>
  <si>
    <t>Chakok</t>
  </si>
  <si>
    <t>Chak no 42db teh noopur. dist khushab punjab</t>
  </si>
  <si>
    <t>Chak No 42db</t>
  </si>
  <si>
    <t>Rangpur Bagur</t>
  </si>
  <si>
    <t>GPS CHAK NO. 422 TDA</t>
  </si>
  <si>
    <t>GPS 422 TDA Tehsil Disst layyah</t>
  </si>
  <si>
    <t>Gps 422tda</t>
  </si>
  <si>
    <t>GPS CHAK NO. 424-B TDA</t>
  </si>
  <si>
    <t>Sarishta Thal Sarishta Than Jandi</t>
  </si>
  <si>
    <t>Chak no 424B/TDA Layyah</t>
  </si>
  <si>
    <t>Chak No 424B/TDA</t>
  </si>
  <si>
    <t>Chak No 164/TDA</t>
  </si>
  <si>
    <t>Hafiz Syed Abbas Raza Shah</t>
  </si>
  <si>
    <t>GPS CHAK NO. 426 TDA</t>
  </si>
  <si>
    <t>Teh &amp; Distt Layyah P/O dhori adda chak 426/TDA Niazi wala</t>
  </si>
  <si>
    <t>Chak 426/TDA</t>
  </si>
  <si>
    <t>Peer juggi</t>
  </si>
  <si>
    <t>Muhammad Idrees Ahmad</t>
  </si>
  <si>
    <t>GPS CHAK NO. 426-A TDA YASEEN ABAD</t>
  </si>
  <si>
    <t>Chak No.426A /TDA Basti Yaseen Abad Layyah</t>
  </si>
  <si>
    <t>Basti Yaseen Abad</t>
  </si>
  <si>
    <t>Peer Jugee</t>
  </si>
  <si>
    <t>GPS CHAK NO. 427/TDA</t>
  </si>
  <si>
    <t>chak no 427 TDA</t>
  </si>
  <si>
    <t>Chak No 427TDA</t>
  </si>
  <si>
    <t>Peer Juggi</t>
  </si>
  <si>
    <t>Zatoon Bibi</t>
  </si>
  <si>
    <t>GPS CHAK NO. 43 MB</t>
  </si>
  <si>
    <t>Chak No 43 MB</t>
  </si>
  <si>
    <t>Chak No. 43 MB Tehsil&amp; District Khushab</t>
  </si>
  <si>
    <t>GPS CHAK NO. 43/ 3-R</t>
  </si>
  <si>
    <t>43/3r</t>
  </si>
  <si>
    <t>chak no 43.3r</t>
  </si>
  <si>
    <t>Sachan Wala</t>
  </si>
  <si>
    <t>GPS CHAK NO. 43/3-R KARAM PUR</t>
  </si>
  <si>
    <t>43/3 R Km</t>
  </si>
  <si>
    <t>43/3.r KARAM PUR</t>
  </si>
  <si>
    <t>42/3 R</t>
  </si>
  <si>
    <t>GPS CHAK NO. 43/DB</t>
  </si>
  <si>
    <t>43db</t>
  </si>
  <si>
    <t>Chak no. 43DB Tehsil Noor Pur Thal Dist, Khushab</t>
  </si>
  <si>
    <t>Chak 43/DB</t>
  </si>
  <si>
    <t>Najaf Abbas</t>
  </si>
  <si>
    <t>GPS CHAK NO. 43/M</t>
  </si>
  <si>
    <t>43/M</t>
  </si>
  <si>
    <t>CHAK NO. 43/M</t>
  </si>
  <si>
    <t>37/M</t>
  </si>
  <si>
    <t>Muhammad ajmal Asif</t>
  </si>
  <si>
    <t>GPS CHAK NO. 430 TDA</t>
  </si>
  <si>
    <t>chak 430</t>
  </si>
  <si>
    <t>GPS CHAK NO. 431 TDA</t>
  </si>
  <si>
    <t>chak No 431</t>
  </si>
  <si>
    <t>GPS CHAK NO. 435 TDA</t>
  </si>
  <si>
    <t>CHAK NO 435 TDA</t>
  </si>
  <si>
    <t>435 TDA</t>
  </si>
  <si>
    <t>GPS CHAK NO. 437 EB</t>
  </si>
  <si>
    <t>Bhutto Colony 437/EB Burewala</t>
  </si>
  <si>
    <t>Muncipl Commetti</t>
  </si>
  <si>
    <t>Saeed Anwar</t>
  </si>
  <si>
    <t>GPS CHAK NO. 439 TDA</t>
  </si>
  <si>
    <t>439/TDA</t>
  </si>
  <si>
    <t>chack 439 tda</t>
  </si>
  <si>
    <t>Chack No 439 tdas</t>
  </si>
  <si>
    <t>Saharan452tda</t>
  </si>
  <si>
    <t>Muhammad Azam Shahzad</t>
  </si>
  <si>
    <t>GPS CHAK NO. 44 NP</t>
  </si>
  <si>
    <t>Chak NO44NP</t>
  </si>
  <si>
    <t>P/S Chak NO.44NP Markaz Sanjarpur Teh Sadiq Abad</t>
  </si>
  <si>
    <t>GPS CHAK NO. 441/6-R</t>
  </si>
  <si>
    <t>Chak 441/6R</t>
  </si>
  <si>
    <t>Chak 441/6R Tehsil Haroonabbad</t>
  </si>
  <si>
    <t>MOHAMMAD HANIF  DILSHAD</t>
  </si>
  <si>
    <t>GPS CHAK NO. 442 JB SOUTH</t>
  </si>
  <si>
    <t>gps 442 south</t>
  </si>
  <si>
    <t>442 South</t>
  </si>
  <si>
    <t>Ahmad Hassan Raza</t>
  </si>
  <si>
    <t>GPS CHAK NO. 445 TDA</t>
  </si>
  <si>
    <t>445 Tda</t>
  </si>
  <si>
    <t>GPS 445 TDA tehsil choubara district layyah</t>
  </si>
  <si>
    <t>445 TDA</t>
  </si>
  <si>
    <t>Abdul sattar</t>
  </si>
  <si>
    <t>GPS CHAK NO. 446 TDA</t>
  </si>
  <si>
    <t>chack no 446 tda</t>
  </si>
  <si>
    <t>Chack No 446 Tda</t>
  </si>
  <si>
    <t>GPS CHAK NO. 45/DB</t>
  </si>
  <si>
    <t>45 DB</t>
  </si>
  <si>
    <t>Chak no 45 db</t>
  </si>
  <si>
    <t>muhammad khan</t>
  </si>
  <si>
    <t>GPS CHAK NO. 45/P</t>
  </si>
  <si>
    <t>Chak45p Teh. kpr.distt.ryk</t>
  </si>
  <si>
    <t>Chak45p</t>
  </si>
  <si>
    <t>Chak45</t>
  </si>
  <si>
    <t>GPS CHAK NO. 453/EB</t>
  </si>
  <si>
    <t>chak 453/EB</t>
  </si>
  <si>
    <t>453/EB</t>
  </si>
  <si>
    <t>GPS CHAK NO. 457 TDA</t>
  </si>
  <si>
    <t>chak 457 tda layyah</t>
  </si>
  <si>
    <t>GPS CHAK NO. 46 NP</t>
  </si>
  <si>
    <t>Chak 46NP</t>
  </si>
  <si>
    <t>MUSLIMABAD</t>
  </si>
  <si>
    <t>Muhammad Rafique Ghauri</t>
  </si>
  <si>
    <t>GPS CHAK NO. 46/3-R</t>
  </si>
  <si>
    <t>chak no 46/3R Tehsil and District Okara</t>
  </si>
  <si>
    <t>Hafiz Asim Javid</t>
  </si>
  <si>
    <t>GPS CHAK NO. 460 TDA</t>
  </si>
  <si>
    <t>chack no 460/TDA LAYYAH</t>
  </si>
  <si>
    <t>Chack No 460/TDA</t>
  </si>
  <si>
    <t>Muhammad Anayatullah</t>
  </si>
  <si>
    <t>GPS CHAK NO. 463 TDA</t>
  </si>
  <si>
    <t>Chak no 463/TDA</t>
  </si>
  <si>
    <t>463/TDA</t>
  </si>
  <si>
    <t>GPS CHAK NO. 464 JB JAURI WALA</t>
  </si>
  <si>
    <t>Chak No  464</t>
  </si>
  <si>
    <t>Chak No..464</t>
  </si>
  <si>
    <t>Chak No 464</t>
  </si>
  <si>
    <t>Chak No259</t>
  </si>
  <si>
    <t>GPS CHAK NO. 469 TDA</t>
  </si>
  <si>
    <t>GPS CHAK NO. 469/TDA TEHSIL CHOUBARA DISTT. LAYYAH</t>
  </si>
  <si>
    <t>CHAK NO 469/TDA</t>
  </si>
  <si>
    <t>GPS CHAK NO. 47</t>
  </si>
  <si>
    <t>chak 47</t>
  </si>
  <si>
    <t>Syed Mohsin Raza</t>
  </si>
  <si>
    <t>GPS CHAK NO. 47 DB</t>
  </si>
  <si>
    <t>Chak No 47 Db</t>
  </si>
  <si>
    <t>chak no 47 db p/o 47 db tehsil kallur kot Bhakkar</t>
  </si>
  <si>
    <t>Rana Muhammad Imran</t>
  </si>
  <si>
    <t>GPS CHAK NO. 47/ 3-R</t>
  </si>
  <si>
    <t>47/3r</t>
  </si>
  <si>
    <t>chak no.47/3r</t>
  </si>
  <si>
    <t>GPS CHAK NO. 474</t>
  </si>
  <si>
    <t>New Babyam</t>
  </si>
  <si>
    <t>chak 474</t>
  </si>
  <si>
    <t>GPS CHAK NO. 478 TDA</t>
  </si>
  <si>
    <t>Chak no. 478</t>
  </si>
  <si>
    <t>GPS CHAK NO. 480 TDA</t>
  </si>
  <si>
    <t>chak no 480 t.d.a.</t>
  </si>
  <si>
    <t>Chak No480 Tda</t>
  </si>
  <si>
    <t>GPS CHAK NO. 485/EB BASTI GHOREWALA</t>
  </si>
  <si>
    <t>Chak No 485/EB</t>
  </si>
  <si>
    <t>GPS Chak No. 485/E.B. Basti Ghorewala</t>
  </si>
  <si>
    <t>Chak  No 485/EB</t>
  </si>
  <si>
    <t>NISAR AHMED</t>
  </si>
  <si>
    <t>GPS CHAK NO. 488 JB</t>
  </si>
  <si>
    <t>chak 488 jb tehsil shorkot district jhang</t>
  </si>
  <si>
    <t>Chak 488 jb</t>
  </si>
  <si>
    <t>Chak 493 jb</t>
  </si>
  <si>
    <t>GPS CHAK NO. 489 TDA</t>
  </si>
  <si>
    <t>Chak no. 489/tda tehsile choubara</t>
  </si>
  <si>
    <t>Chak  No 489/tda</t>
  </si>
  <si>
    <t>GPS CHAK NO. 49/NP GUJAR PANUH</t>
  </si>
  <si>
    <t>GBPS 49/ NP Gujjar panuh markaz Taj Garh p/o Iqbsl Abad RYK</t>
  </si>
  <si>
    <t>Basti Gujjar Panuh</t>
  </si>
  <si>
    <t>GPS CHAK NO. 49/SP</t>
  </si>
  <si>
    <t>49sp</t>
  </si>
  <si>
    <t>Abdul Basit Gill</t>
  </si>
  <si>
    <t>GPS CHAK NO. 496 TDA</t>
  </si>
  <si>
    <t>Sher gerh</t>
  </si>
  <si>
    <t>496 TDA</t>
  </si>
  <si>
    <t>Sher Gerh</t>
  </si>
  <si>
    <t>GPS CHAK NO. 499/EB</t>
  </si>
  <si>
    <t>chak no 499/e.b burewala</t>
  </si>
  <si>
    <t>GPS CHAK NO. 5 KALAN</t>
  </si>
  <si>
    <t>Chak No 5 Kalan GB</t>
  </si>
  <si>
    <t>Chak No 5 Kalan GB Tehsil &amp; District Nankana Sahib</t>
  </si>
  <si>
    <t>muhammad younas khan</t>
  </si>
  <si>
    <t>GPS CHAK NO. 5 NP</t>
  </si>
  <si>
    <t>Chak 5/NP</t>
  </si>
  <si>
    <t>Chak no.5/NP P/O lakar wali</t>
  </si>
  <si>
    <t>Mohammad Anees Akhtar</t>
  </si>
  <si>
    <t>GPS CHAK NO. 5 RH</t>
  </si>
  <si>
    <t>Chak No 5th</t>
  </si>
  <si>
    <t>chak no 5rh post office chak no 32ml tehsil kallur kot district Bhakkar</t>
  </si>
  <si>
    <t>Chak No 5rh</t>
  </si>
  <si>
    <t>GPS CHAK NO. 5/1-L</t>
  </si>
  <si>
    <t>chak  no  51L</t>
  </si>
  <si>
    <t>Chak  5/1L</t>
  </si>
  <si>
    <t>101L</t>
  </si>
  <si>
    <t>Rana Rashid Iqbal</t>
  </si>
  <si>
    <t>GPS CHAK NO. 50 / 3-R</t>
  </si>
  <si>
    <t>Chak 50-3R</t>
  </si>
  <si>
    <t>50/3R</t>
  </si>
  <si>
    <t>45GD</t>
  </si>
  <si>
    <t>GPS CHAK NO. 50/DB</t>
  </si>
  <si>
    <t>Chak no 50DB</t>
  </si>
  <si>
    <t>chak no 50DB Tehsil Noor Pur Thal District Khushab</t>
  </si>
  <si>
    <t>GPS CHAK NO. 50/WB CHOWK JOYIA</t>
  </si>
  <si>
    <t>50/wb Chowk Joyia</t>
  </si>
  <si>
    <t>chak no 50/wb chowk joyia</t>
  </si>
  <si>
    <t>Chak No 50/wb</t>
  </si>
  <si>
    <t>GPS CHAK NO. 500 TDA</t>
  </si>
  <si>
    <t>sher garh-MALE</t>
  </si>
  <si>
    <t>500/tda</t>
  </si>
  <si>
    <t>sher garh</t>
  </si>
  <si>
    <t>GPS CHAK NO. 504 TDA</t>
  </si>
  <si>
    <t>Chack No 504/tda</t>
  </si>
  <si>
    <t>Chak no. 504/tda tech. Kot Addu dist. Muzaffar Garh</t>
  </si>
  <si>
    <t>GPS CHAK NO. 505 JB (De-merged)</t>
  </si>
  <si>
    <t>chak no 505 j.b</t>
  </si>
  <si>
    <t>Chak No 505 Jb</t>
  </si>
  <si>
    <t>GPS CHAK NO. 505 TDA</t>
  </si>
  <si>
    <t>CHAK 505TDA</t>
  </si>
  <si>
    <t>Gps chak no 505TDA</t>
  </si>
  <si>
    <t>CHAK  505TDA</t>
  </si>
  <si>
    <t>GPS CHAK NO. 506 TDA</t>
  </si>
  <si>
    <t>Chak no 506 tda post office rung purr tehsil kot adu district m garh</t>
  </si>
  <si>
    <t>Chak No 506tda</t>
  </si>
  <si>
    <t>Aziz Abad 33</t>
  </si>
  <si>
    <t>GPS CHAK NO. 508 TDA</t>
  </si>
  <si>
    <t>Pattal Mnda</t>
  </si>
  <si>
    <t>chak no 508</t>
  </si>
  <si>
    <t>Chak No 508/tda</t>
  </si>
  <si>
    <t>GPS CHAK NO. 50-D NEW</t>
  </si>
  <si>
    <t>GPS 50/D NEW</t>
  </si>
  <si>
    <t>chak No 49 D</t>
  </si>
  <si>
    <t>Chak No 49 D</t>
  </si>
  <si>
    <t>Manzoor Ahmad Khan</t>
  </si>
  <si>
    <t>GPS CHAK NO. 515/TDA (NEW)</t>
  </si>
  <si>
    <t>Chak No 515/TDA</t>
  </si>
  <si>
    <t>chak no 515/TDA</t>
  </si>
  <si>
    <t>Chan No 515/TDA</t>
  </si>
  <si>
    <t>GPS CHAK NO. 51-D</t>
  </si>
  <si>
    <t>51/D</t>
  </si>
  <si>
    <t>chak no 51 D Union council no 74 pipli pahar tehsil depalpur district okara</t>
  </si>
  <si>
    <t>Chak No 51 D</t>
  </si>
  <si>
    <t>Ahsan Iqbal</t>
  </si>
  <si>
    <t>GPS CHAK NO. 52/F</t>
  </si>
  <si>
    <t>52/F</t>
  </si>
  <si>
    <t>GPS.52.F  CTN</t>
  </si>
  <si>
    <t>GPS CHAK NO. 52/TDA</t>
  </si>
  <si>
    <t>CHAK NO 52 TDA</t>
  </si>
  <si>
    <t>CHAK NO 52/TDA</t>
  </si>
  <si>
    <t>CHAK NO 57 TDA</t>
  </si>
  <si>
    <t>Muhammad ibrahim</t>
  </si>
  <si>
    <t>GPS CHAK NO. 523 EB</t>
  </si>
  <si>
    <t>523/eb</t>
  </si>
  <si>
    <t>chak no 523/eb</t>
  </si>
  <si>
    <t>GPS CHAK NO. 525/EB</t>
  </si>
  <si>
    <t>Chak No 525/ EB</t>
  </si>
  <si>
    <t>Chak No. 525/ EB</t>
  </si>
  <si>
    <t>Chak No 525/EB</t>
  </si>
  <si>
    <t>Chak No 521 EB</t>
  </si>
  <si>
    <t>GPS CHAK NO. 529/TDA</t>
  </si>
  <si>
    <t>Chk#529 TDA</t>
  </si>
  <si>
    <t>chk#529 TDA</t>
  </si>
  <si>
    <t>Muhammad Yaquib</t>
  </si>
  <si>
    <t>GPS CHAK NO. 53 EB A</t>
  </si>
  <si>
    <t>KOT GULLAM MUHAMMAD</t>
  </si>
  <si>
    <t>Chack No 53/EB Kot Gullam MUHAMMADTesil Arifwala District Pakpattan</t>
  </si>
  <si>
    <t>53/EB</t>
  </si>
  <si>
    <t>Shah Sawar</t>
  </si>
  <si>
    <t>GPS CHAK NO. 53 NP</t>
  </si>
  <si>
    <t>53/NP</t>
  </si>
  <si>
    <t>CHAK NO 53/NP POST OFFICE CHOWK BAHADURPUR RYK</t>
  </si>
  <si>
    <t>Muhammad Masood Iqbal</t>
  </si>
  <si>
    <t>GPS CHAK NO. 533/EB</t>
  </si>
  <si>
    <t>533/Eb</t>
  </si>
  <si>
    <t>Chak no. 533/ eb vehari</t>
  </si>
  <si>
    <t>533/Eb Vehari</t>
  </si>
  <si>
    <t>557/Eb Machiwal</t>
  </si>
  <si>
    <t>GPS CHAK NO. 534/TDA</t>
  </si>
  <si>
    <t>Vehni val</t>
  </si>
  <si>
    <t>Chak no 534/tda p/o riazabad tehsil kot adu</t>
  </si>
  <si>
    <t>Chak no 534</t>
  </si>
  <si>
    <t>GPS CHAK NO. 54 MB</t>
  </si>
  <si>
    <t>Chak No 54 Mb</t>
  </si>
  <si>
    <t>GPS 54 Mb District and Tehsil Khushab</t>
  </si>
  <si>
    <t>GPS CHAK NO. 543 EB</t>
  </si>
  <si>
    <t>chak no 543/EB , Vehari</t>
  </si>
  <si>
    <t>Chak 543/EB Vehari</t>
  </si>
  <si>
    <t>Chak 537/EB</t>
  </si>
  <si>
    <t>GPS CHAK NO. 549/TDA</t>
  </si>
  <si>
    <t>Chak No 549 TDA</t>
  </si>
  <si>
    <t>chak no 549/TDA chowk sarwar shaheed</t>
  </si>
  <si>
    <t>Chak No 549/TDA</t>
  </si>
  <si>
    <t>Nasir Masih</t>
  </si>
  <si>
    <t>GPS CHAK NO. 55 DB</t>
  </si>
  <si>
    <t>Chak No 55 D B</t>
  </si>
  <si>
    <t>Chak No 55DB P/O KHAS tehsil kaloor kot distt. Bhakkar</t>
  </si>
  <si>
    <t>Sadar Khan</t>
  </si>
  <si>
    <t>GPS CHAK NO. 55 SP</t>
  </si>
  <si>
    <t>55/sp</t>
  </si>
  <si>
    <t>chak no 55/sp po dhapai pakpatan</t>
  </si>
  <si>
    <t>GPS CHAK NO. 55/DB COLONY</t>
  </si>
  <si>
    <t>chak no 55/db colony</t>
  </si>
  <si>
    <t>chak no 54/db tehsil yazman district bahawalpur</t>
  </si>
  <si>
    <t>chak 55/db</t>
  </si>
  <si>
    <t>chak 50/db</t>
  </si>
  <si>
    <t>GPS CHAK NO. 55/WB</t>
  </si>
  <si>
    <t>55/wb</t>
  </si>
  <si>
    <t>chack no. 55/wb vehari</t>
  </si>
  <si>
    <t>GPS CHAK NO. 55-56 ML</t>
  </si>
  <si>
    <t>Chak No 55ml p/o Sarai muhajir Tehsiel and dist Bhakkar</t>
  </si>
  <si>
    <t>Chak No 55ml</t>
  </si>
  <si>
    <t>Chak No 205 TDA Sarai Muhajir</t>
  </si>
  <si>
    <t>GPS CHAK NO. 558/TDA</t>
  </si>
  <si>
    <t>Chak No 558</t>
  </si>
  <si>
    <t>chak no 558 tda</t>
  </si>
  <si>
    <t>Chak No 558 Tda</t>
  </si>
  <si>
    <t>GPS CHAK NO. 56 SP</t>
  </si>
  <si>
    <t>56 S</t>
  </si>
  <si>
    <t>want bodla 56 sp</t>
  </si>
  <si>
    <t>56 SP</t>
  </si>
  <si>
    <t>Mohammad Zafar Iqbal Shahid</t>
  </si>
  <si>
    <t>GPS CHAK NO. 56/D (NEW)</t>
  </si>
  <si>
    <t>56/d New</t>
  </si>
  <si>
    <t>chak no 56/d New P/O chak badi tehsil and district PAKPATTAN</t>
  </si>
  <si>
    <t>Hellah Wattowan</t>
  </si>
  <si>
    <t>Maqsoom Hayder</t>
  </si>
  <si>
    <t>GPS CHAK NO. 57/DB</t>
  </si>
  <si>
    <t>57 Db</t>
  </si>
  <si>
    <t>gps chak no 57 db</t>
  </si>
  <si>
    <t>Muhammad Ejaz Cheema</t>
  </si>
  <si>
    <t>GPS CHAK NO. 57-58 ML</t>
  </si>
  <si>
    <t>Khan pur Shumali</t>
  </si>
  <si>
    <t>Chak No.57- 58ML Bhakkar</t>
  </si>
  <si>
    <t>57-58 ML</t>
  </si>
  <si>
    <t>Mansoor Ahmad</t>
  </si>
  <si>
    <t>GPS CHAK NO. 579 TDA</t>
  </si>
  <si>
    <t>Chak No 579/tda</t>
  </si>
  <si>
    <t>chak no 579/tda</t>
  </si>
  <si>
    <t>Muhammad Saifullah</t>
  </si>
  <si>
    <t>GPS CHAK NO. 57-B/15-L</t>
  </si>
  <si>
    <t>Basti Budhra</t>
  </si>
  <si>
    <t>57b/15.L</t>
  </si>
  <si>
    <t>57B/15L</t>
  </si>
  <si>
    <t>Shahzad Qaisar</t>
  </si>
  <si>
    <t>GPS CHAK NO. 58 MB</t>
  </si>
  <si>
    <t>58 MB</t>
  </si>
  <si>
    <t>Mehnaz Khanam</t>
  </si>
  <si>
    <t>GPS CHAK NO. 583 TDA</t>
  </si>
  <si>
    <t>Chak No 583TDA</t>
  </si>
  <si>
    <t>chak  no 583TDA</t>
  </si>
  <si>
    <t>Chak No 583 Tda</t>
  </si>
  <si>
    <t>GPS CHAK NO. 59 / SP</t>
  </si>
  <si>
    <t>chak 59/s.p</t>
  </si>
  <si>
    <t>Zafar Iqbal Tahir</t>
  </si>
  <si>
    <t>GPS CHAK NO. 59 NP</t>
  </si>
  <si>
    <t>Chak 59 / NP</t>
  </si>
  <si>
    <t>Basti Rind Chak no 59/NP</t>
  </si>
  <si>
    <t>Basti Rind</t>
  </si>
  <si>
    <t>GPS CHAK NO. 59-60</t>
  </si>
  <si>
    <t>Chak  59/60</t>
  </si>
  <si>
    <t>KRK Kasur</t>
  </si>
  <si>
    <t>Chak 59/60</t>
  </si>
  <si>
    <t>Zafarkey</t>
  </si>
  <si>
    <t>Nadeem Nasir</t>
  </si>
  <si>
    <t>GPS CHAK NO. 598 TDA</t>
  </si>
  <si>
    <t>Chah hassan wala Wandher Gharbi</t>
  </si>
  <si>
    <t>chak 598 tda Multan Road Chowk sarwar shaheed</t>
  </si>
  <si>
    <t>598 Tda</t>
  </si>
  <si>
    <t>GPS CHAK NO. 6/1-L</t>
  </si>
  <si>
    <t>chak 6/1L tehsil renala khurd,okara</t>
  </si>
  <si>
    <t>GPS CHAK NO. 6/4 L</t>
  </si>
  <si>
    <t>Chak#6/4L Jawana Bangla</t>
  </si>
  <si>
    <t>Hafiz Muhammad Asad Rashid</t>
  </si>
  <si>
    <t>GPS CHAK NO. 6/DNB JINNAH ABADI</t>
  </si>
  <si>
    <t>chak no 6 dnb jinah abadi</t>
  </si>
  <si>
    <t>Chak No 6 Dnb Jinah Abadi</t>
  </si>
  <si>
    <t>Chak No 6 Dnb</t>
  </si>
  <si>
    <t>Muhammad Waaeem</t>
  </si>
  <si>
    <t>GPS CHAK NO. 6/FW kharlanwala</t>
  </si>
  <si>
    <t>4fw</t>
  </si>
  <si>
    <t>Hafiz Abad 4fw</t>
  </si>
  <si>
    <t>Muhammad Akhtar Rahmani</t>
  </si>
  <si>
    <t>GPS CHAK NO. 6/M</t>
  </si>
  <si>
    <t>Chak no 6m</t>
  </si>
  <si>
    <t>chak no 6m post office ada choki masti Khan tehsil dunyapur district lodhran</t>
  </si>
  <si>
    <t>Chak no 11m</t>
  </si>
  <si>
    <t>Sikandar Abbas</t>
  </si>
  <si>
    <t>GPS CHAK NO. 6/WB</t>
  </si>
  <si>
    <t>GPS CHAK NO. 60 NP</t>
  </si>
  <si>
    <t>mouza kotla Hayat Muhammad post office sardar garh Rahim Yar khan</t>
  </si>
  <si>
    <t>Chak 60 /NP</t>
  </si>
  <si>
    <t>Mianwali Shekhan</t>
  </si>
  <si>
    <t>GPS CHAK NO. 600/TDA</t>
  </si>
  <si>
    <t>Chak No 600 tda</t>
  </si>
  <si>
    <t>p/o wander tehsil kotadu district muzaffargarh</t>
  </si>
  <si>
    <t>Chak no 600tda</t>
  </si>
  <si>
    <t>GPS CHAK NO. 605/TDA</t>
  </si>
  <si>
    <t>Wandher</t>
  </si>
  <si>
    <t>chak 605</t>
  </si>
  <si>
    <t>Chak 605</t>
  </si>
  <si>
    <t>Hussain Ahmad</t>
  </si>
  <si>
    <t>GPS CHAK NO. 611/TDA</t>
  </si>
  <si>
    <t>Chak No 611</t>
  </si>
  <si>
    <t>chak no 611 tda tehsil kot adu disst Muzaffargarh</t>
  </si>
  <si>
    <t>Chak No 611/tda</t>
  </si>
  <si>
    <t>GPS CHAK NO. 615 TDA</t>
  </si>
  <si>
    <t>Pati Sultan Mehmood</t>
  </si>
  <si>
    <t>chak no 615/tda maoza pati sultan mehmood zulfikarabad sultan colony</t>
  </si>
  <si>
    <t>Chak No 615/tda</t>
  </si>
  <si>
    <t>Zulfikarabad</t>
  </si>
  <si>
    <t>Ghulam Mursalin</t>
  </si>
  <si>
    <t>GPS CHAK NO. 616/TDA</t>
  </si>
  <si>
    <t>Chak No 616tda</t>
  </si>
  <si>
    <t>Chak No 616tda kotadu</t>
  </si>
  <si>
    <t>GPS CHAK NO. 618 TDA</t>
  </si>
  <si>
    <t>Chak No 618/TDA</t>
  </si>
  <si>
    <t>Chak NO 618/tda tehsil kot addu district muzafargarh</t>
  </si>
  <si>
    <t>Chak no 618/TDA</t>
  </si>
  <si>
    <t>UC RIAZ ABAD</t>
  </si>
  <si>
    <t>zahid khan</t>
  </si>
  <si>
    <t>GPS CHAK NO. 62 SB</t>
  </si>
  <si>
    <t>62 SB</t>
  </si>
  <si>
    <t>chak no.62 sb</t>
  </si>
  <si>
    <t>Chak No 62 Sb</t>
  </si>
  <si>
    <t>Sumar Abbas</t>
  </si>
  <si>
    <t>GPS CHAK NO. 620/TDA</t>
  </si>
  <si>
    <t>Chak # 620/TDA</t>
  </si>
  <si>
    <t>chak no 620 T.DA</t>
  </si>
  <si>
    <t>Chak #620/TDA</t>
  </si>
  <si>
    <t>Muhammad Tahir Khan</t>
  </si>
  <si>
    <t>GPS CHAK NO. 629/TDA</t>
  </si>
  <si>
    <t>Chak No 629/tda</t>
  </si>
  <si>
    <t>chak no 629/tda tehsil kot addu</t>
  </si>
  <si>
    <t>Muhammad Ibrahim Khan</t>
  </si>
  <si>
    <t>GPS CHAK NO. 63 SP</t>
  </si>
  <si>
    <t>63/SP</t>
  </si>
  <si>
    <t>CHAK NO. 63/SP, TEHSIL ARIFWALA, DISTRICT PAKPATTAN</t>
  </si>
  <si>
    <t>Shafi</t>
  </si>
  <si>
    <t>WARIS ALI</t>
  </si>
  <si>
    <t>GPS CHAK NO. 63/KB</t>
  </si>
  <si>
    <t>63KB</t>
  </si>
  <si>
    <t>check 63KB</t>
  </si>
  <si>
    <t>Chak No 63/kB</t>
  </si>
  <si>
    <t>GPS CHAK NO. 63/NP</t>
  </si>
  <si>
    <t>Chak 63/ Np</t>
  </si>
  <si>
    <t>Chak 63 np UC Sardargarh dist. Rahim yar khan</t>
  </si>
  <si>
    <t>Chak 63/np</t>
  </si>
  <si>
    <t>Irfan Ahmad</t>
  </si>
  <si>
    <t>GPS CHAK NO. 634 JB (RE-OPEN)</t>
  </si>
  <si>
    <t>Mohalla ghosia rafiqui Chowk Shorkot Cantt</t>
  </si>
  <si>
    <t>Chak No 634JB</t>
  </si>
  <si>
    <t>GPS CHAK NO. 64/NP</t>
  </si>
  <si>
    <t>Fateh Pur Qureshian</t>
  </si>
  <si>
    <t>Chak 64np ghala godam rahim yar khan</t>
  </si>
  <si>
    <t>Chak 64np</t>
  </si>
  <si>
    <t>GPS CHAK NO. 649/TDA</t>
  </si>
  <si>
    <t>Nagairi wala , hanjrai mustaqil sharqi , ehsan pur , kot adu , Muzaffar garh</t>
  </si>
  <si>
    <t>Nagairi Wala</t>
  </si>
  <si>
    <t>Muhammad imran</t>
  </si>
  <si>
    <t>GPS CHAK NO. 65/4-R</t>
  </si>
  <si>
    <t>chack no 65/4.r p/o 64/4.r tehsil haroonabad distt bwn</t>
  </si>
  <si>
    <t>GPS CHAK NO. 66/4-R</t>
  </si>
  <si>
    <t>chak no 66/4R po box 103 6R tehsil haroonabad distt bhawalnagar</t>
  </si>
  <si>
    <t>taking from outside of school</t>
  </si>
  <si>
    <t>GPS CHAK NO. 69</t>
  </si>
  <si>
    <t>chak no 69</t>
  </si>
  <si>
    <t>Dolan Chak 27</t>
  </si>
  <si>
    <t>GPS CHAK NO. 69/NP</t>
  </si>
  <si>
    <t>Chak69np</t>
  </si>
  <si>
    <t>chak69.np P/O Mao Mubarak Tehsil Rahim Yar Khan</t>
  </si>
  <si>
    <t>Abdul Shakoor Shakir</t>
  </si>
  <si>
    <t>GPS CHAK NO. 7</t>
  </si>
  <si>
    <t>Chak 7</t>
  </si>
  <si>
    <t>village and post office chak o7</t>
  </si>
  <si>
    <t>Hirya</t>
  </si>
  <si>
    <t>Khizer Abbas</t>
  </si>
  <si>
    <t>GPS CHAK NO. 7 MB</t>
  </si>
  <si>
    <t>6chak</t>
  </si>
  <si>
    <t>chak no 7mb Tehsil Quaid abad Distt Khushab</t>
  </si>
  <si>
    <t>7mb</t>
  </si>
  <si>
    <t>Sher Azam</t>
  </si>
  <si>
    <t>GPS CHAK NO. 7/M</t>
  </si>
  <si>
    <t>CHAK NO 7/M</t>
  </si>
  <si>
    <t>GPS CHAK NO. 71 D</t>
  </si>
  <si>
    <t>71/D</t>
  </si>
  <si>
    <t>Chak No.71/D Tehsil Pakpattan, District Pakpattan</t>
  </si>
  <si>
    <t>Chak No71/D</t>
  </si>
  <si>
    <t>Muhammad Waqar Farooq Wattoo</t>
  </si>
  <si>
    <t>GPS CHAK NO. 71/A</t>
  </si>
  <si>
    <t>Chak no71/A</t>
  </si>
  <si>
    <t>chak no.71.a</t>
  </si>
  <si>
    <t>GPS Chak No. 71/DB</t>
  </si>
  <si>
    <t>Basti Jagan Peer</t>
  </si>
  <si>
    <t>Chak # 71 DB Cholistan Basti Jagan peer , Yazman</t>
  </si>
  <si>
    <t>71 DB Cholistan</t>
  </si>
  <si>
    <t>GPS CHAK NO. 72 D</t>
  </si>
  <si>
    <t>Gps chak no 72/D</t>
  </si>
  <si>
    <t>Abdul waheed</t>
  </si>
  <si>
    <t>GPS CHAK NO. 72/WB NEW</t>
  </si>
  <si>
    <t>72wb</t>
  </si>
  <si>
    <t>chak no 72/wb new</t>
  </si>
  <si>
    <t>72/wb</t>
  </si>
  <si>
    <t>78/wb</t>
  </si>
  <si>
    <t>Shabaz Ali</t>
  </si>
  <si>
    <t>GPS CHAK NO. 73-A/5-L</t>
  </si>
  <si>
    <t>73A/5L</t>
  </si>
  <si>
    <t>GPS 73A/5L</t>
  </si>
  <si>
    <t>M Mushtaq Anjum</t>
  </si>
  <si>
    <t>GPS CHAK NO. 75/4-R</t>
  </si>
  <si>
    <t>Chak no 75 4R</t>
  </si>
  <si>
    <t>Chak No.75/4R.  Teh. Haroon Abad Distt. Bahawal Nagar</t>
  </si>
  <si>
    <t>Chak No 75/4R</t>
  </si>
  <si>
    <t>MC Haroon Abad</t>
  </si>
  <si>
    <t>Majid Hussain Bajwa</t>
  </si>
  <si>
    <t>GPS CHAK NO. 75/TDA</t>
  </si>
  <si>
    <t>Chak No. 75 T D A . p/o 86 m.l Tehsil Karor District Layyah</t>
  </si>
  <si>
    <t>Chak 75 T D A</t>
  </si>
  <si>
    <t>93 M L</t>
  </si>
  <si>
    <t>GPS CHAK NO. 76/D</t>
  </si>
  <si>
    <t>76/d</t>
  </si>
  <si>
    <t>chak no 76d</t>
  </si>
  <si>
    <t>76d</t>
  </si>
  <si>
    <t>Irfan Ul Allah</t>
  </si>
  <si>
    <t>GPS CHAK NO. 76/TDA</t>
  </si>
  <si>
    <t>Jharcal</t>
  </si>
  <si>
    <t>Tehsil Karor Distrrict Layyah P/O Chak No. 90/ML &amp; Chak No. 76/TDA</t>
  </si>
  <si>
    <t>GPS CHAK NO. 77 /D</t>
  </si>
  <si>
    <t>77/D</t>
  </si>
  <si>
    <t>chak77 D</t>
  </si>
  <si>
    <t>Chak77 D</t>
  </si>
  <si>
    <t>Zakir Hussain</t>
  </si>
  <si>
    <t>GPS CHAK NO. 77/WB</t>
  </si>
  <si>
    <t>Chak 77 WB</t>
  </si>
  <si>
    <t>77 WB</t>
  </si>
  <si>
    <t>Chak 75 WB</t>
  </si>
  <si>
    <t>GPS CHAK NO. 78/1-L</t>
  </si>
  <si>
    <t>78/1L</t>
  </si>
  <si>
    <t>chak no 78/1L</t>
  </si>
  <si>
    <t>zahir ullah</t>
  </si>
  <si>
    <t>GPS CHAK NO. 78/D</t>
  </si>
  <si>
    <t>Chak 78/D</t>
  </si>
  <si>
    <t>GPS chak no 78/D pakpattan</t>
  </si>
  <si>
    <t>Chak 85/D</t>
  </si>
  <si>
    <t>Kousar Noor Ahmed</t>
  </si>
  <si>
    <t>GPS CHAK NO. 79 D</t>
  </si>
  <si>
    <t>79d</t>
  </si>
  <si>
    <t>chak no 79d</t>
  </si>
  <si>
    <t>Ali Ahmad Sabir</t>
  </si>
  <si>
    <t>GPS CHAK NO. 79/P</t>
  </si>
  <si>
    <t>Chak 79/p</t>
  </si>
  <si>
    <t>Chak#79p Tehsil &amp; Dist.Rahim Yar Khan</t>
  </si>
  <si>
    <t>Chak # 79/p</t>
  </si>
  <si>
    <t>MC Tarinda Saway</t>
  </si>
  <si>
    <t>Ghulam Yasin Zafar</t>
  </si>
  <si>
    <t>GPS CHAK NO. 79/TDA</t>
  </si>
  <si>
    <t>Chak 79 Tda</t>
  </si>
  <si>
    <t>chak No 79 tda p/o chak 83 ml Teh.karor Distt.Layyah</t>
  </si>
  <si>
    <t>Chak No 79 Tda</t>
  </si>
  <si>
    <t>Chak No 90 Ml</t>
  </si>
  <si>
    <t>GPS CHAK NO. 8 RH</t>
  </si>
  <si>
    <t>Gps 8/Rh</t>
  </si>
  <si>
    <t>8Rh</t>
  </si>
  <si>
    <t>Mahmood Ijaz</t>
  </si>
  <si>
    <t>GPS CHAK NO. 8/1-R</t>
  </si>
  <si>
    <t>Chak 8/1-R</t>
  </si>
  <si>
    <t>Chak 8/1.R Haroonabad</t>
  </si>
  <si>
    <t>8/1R</t>
  </si>
  <si>
    <t>Khawar Hayyat</t>
  </si>
  <si>
    <t>GPS CHAK NO. 8/FW JATTAN WALA</t>
  </si>
  <si>
    <t>CHAK 8/fw</t>
  </si>
  <si>
    <t>8/fw Jattan wala</t>
  </si>
  <si>
    <t>CHAK 8/fw Jattan Wala</t>
  </si>
  <si>
    <t>9/fw</t>
  </si>
  <si>
    <t>Habib Khan</t>
  </si>
  <si>
    <t>GPS CHAK NO. 80 TDA</t>
  </si>
  <si>
    <t>basti peplie jharkl</t>
  </si>
  <si>
    <t>Jharkal Dera Ghulam Hussain</t>
  </si>
  <si>
    <t>Muhammad Imran Javid</t>
  </si>
  <si>
    <t>GPS CHAK NO. 80-A TDA</t>
  </si>
  <si>
    <t>Chak 80A/DTA</t>
  </si>
  <si>
    <t>GPS 80A/TDA TEHSIL KAROR DISTT LAYYAH</t>
  </si>
  <si>
    <t>80A/TDA</t>
  </si>
  <si>
    <t>GPS CHAK NO. 80-B/TDA</t>
  </si>
  <si>
    <t>Chak No 80-B/TDA</t>
  </si>
  <si>
    <t>Chak No. 80-B/TDA</t>
  </si>
  <si>
    <t>GPS CHAK NO. 82/P</t>
  </si>
  <si>
    <t>82p</t>
  </si>
  <si>
    <t>Chak  No 82/p</t>
  </si>
  <si>
    <t>UBAID UR REHMAN</t>
  </si>
  <si>
    <t>GPS CHAK NO. 82-A EB KHARLAN WALA</t>
  </si>
  <si>
    <t>82/EB</t>
  </si>
  <si>
    <t>chak no 82/eb arifwala</t>
  </si>
  <si>
    <t>82-A/EB</t>
  </si>
  <si>
    <t>GPS CHAK NO. 83-A TDA</t>
  </si>
  <si>
    <t>chak no 83.A TDA</t>
  </si>
  <si>
    <t>Chak No  83A TDA</t>
  </si>
  <si>
    <t>ZUBAIR IMTIAZ</t>
  </si>
  <si>
    <t>GPS CHAK NO. 84 / D</t>
  </si>
  <si>
    <t>chak no. 84/D</t>
  </si>
  <si>
    <t>muhammad wasim hashim</t>
  </si>
  <si>
    <t>GPS CHAK NO. 84-A TDA</t>
  </si>
  <si>
    <t>THAL JUNDI</t>
  </si>
  <si>
    <t>WARD#3 MOHALLA BHATTIAN KAROR</t>
  </si>
  <si>
    <t>KAROR CITY</t>
  </si>
  <si>
    <t>Yaqoob Ali</t>
  </si>
  <si>
    <t>GPS CHAK NO. 84-A TDA BLOCHAN</t>
  </si>
  <si>
    <t>84-A/TDA BLOCHAN</t>
  </si>
  <si>
    <t>CHAK NO.84-A/TDA BLOCHAN WALA KAROR LAYYAH</t>
  </si>
  <si>
    <t>GPS CHAK NO. 85/ML</t>
  </si>
  <si>
    <t>Chak 85/ML Post Office Chak 90/ML Karor Layyah</t>
  </si>
  <si>
    <t>Chak No 85/ML</t>
  </si>
  <si>
    <t>Chak No 90/ML</t>
  </si>
  <si>
    <t>Muhammad zubair</t>
  </si>
  <si>
    <t>GPS CHAK NO. 85/WB</t>
  </si>
  <si>
    <t>Chak No 85/wb</t>
  </si>
  <si>
    <t>chak no 85-WB</t>
  </si>
  <si>
    <t>85/wb</t>
  </si>
  <si>
    <t>Imran Ahmad Khan</t>
  </si>
  <si>
    <t>GPS CHAK NO. 85-A/TDA (DERA ABDUL WAHEED)</t>
  </si>
  <si>
    <t>85A/tda</t>
  </si>
  <si>
    <t>Chak No 85A/TDA Dera Abdul Wahaid Khan Karor all eSan</t>
  </si>
  <si>
    <t>Chao 85A/Tda Karor</t>
  </si>
  <si>
    <t>GPS CHAK NO. 85-A/TDA CHAH LAL WALA</t>
  </si>
  <si>
    <t>GPS 85-A / TDA Lal Wala (88 ML)</t>
  </si>
  <si>
    <t>88 ML</t>
  </si>
  <si>
    <t>Syed Sakhawat Hussain</t>
  </si>
  <si>
    <t>GPS CHAK NO. 86 D</t>
  </si>
  <si>
    <t>86/d</t>
  </si>
  <si>
    <t>chak 86//d Tehsil district pakpattan</t>
  </si>
  <si>
    <t>MUHAMMAD.YASIN</t>
  </si>
  <si>
    <t>GPS CHAK NO. 87/ML</t>
  </si>
  <si>
    <t>chak no.87ML Tehsil karor distt Layyah</t>
  </si>
  <si>
    <t>87ML</t>
  </si>
  <si>
    <t>Shahid Mustafa</t>
  </si>
  <si>
    <t>GPS CHAK NO. 88/ML</t>
  </si>
  <si>
    <t>Chak No 88 Ml</t>
  </si>
  <si>
    <t>chak no 88ml</t>
  </si>
  <si>
    <t>88Ml</t>
  </si>
  <si>
    <t>90Ml</t>
  </si>
  <si>
    <t>Sibtain Shamas  Qureshi</t>
  </si>
  <si>
    <t>GPS CHAK NO. 89 /D</t>
  </si>
  <si>
    <t>89 D</t>
  </si>
  <si>
    <t>chak no 89 d teh &amp; distt. pakpattan sharif</t>
  </si>
  <si>
    <t>Chak 96 D</t>
  </si>
  <si>
    <t>Hafiz Muhammad Tayyab Farooq</t>
  </si>
  <si>
    <t>GPS CHAK NO. 89/TDA</t>
  </si>
  <si>
    <t>CHAK NO 89/TDA</t>
  </si>
  <si>
    <t>Chak no 89/TDA</t>
  </si>
  <si>
    <t>89 / TDA</t>
  </si>
  <si>
    <t>GPS CHAK NO. 9 MB</t>
  </si>
  <si>
    <t>Village 9 MB Tehsil Qaidabad.distt.KHUSHAB.</t>
  </si>
  <si>
    <t>Chak 9 MB</t>
  </si>
  <si>
    <t>GPS CHAK NO. 9 T MULTAN</t>
  </si>
  <si>
    <t>CHAK NO 9T</t>
  </si>
  <si>
    <t>CHAK NO 9T P/O BUDHLA SANT MULTAN</t>
  </si>
  <si>
    <t>AMIR FAHIM</t>
  </si>
  <si>
    <t>GPS CHAK NO. 9 UCC</t>
  </si>
  <si>
    <t>9 Chak</t>
  </si>
  <si>
    <t>chak no 9 sharaqpur road sheikhupura</t>
  </si>
  <si>
    <t>Waqas Riaz</t>
  </si>
  <si>
    <t>GPS CHAK NO. 9/P</t>
  </si>
  <si>
    <t>9/p</t>
  </si>
  <si>
    <t>Chak no. 9/p</t>
  </si>
  <si>
    <t>Hafiz Sajid Ali</t>
  </si>
  <si>
    <t>GPS CHAK NO. 91 TDA</t>
  </si>
  <si>
    <t>CHAK NO 91</t>
  </si>
  <si>
    <t>CHAK 91</t>
  </si>
  <si>
    <t>GPS CHAK NO. 91/ML</t>
  </si>
  <si>
    <t>91 ML</t>
  </si>
  <si>
    <t>Chak No.90M.L</t>
  </si>
  <si>
    <t>Badi Uz Zaman</t>
  </si>
  <si>
    <t>GPS CHAK NO. 9-11/WB WEST</t>
  </si>
  <si>
    <t>9-11WB</t>
  </si>
  <si>
    <t>9-11WB VEHARI</t>
  </si>
  <si>
    <t>GPS CHAK NO. 92 D</t>
  </si>
  <si>
    <t>92/d</t>
  </si>
  <si>
    <t>chack no 92/d</t>
  </si>
  <si>
    <t>Chack No 92/d</t>
  </si>
  <si>
    <t>GPS CHAK NO. 93 GB-II</t>
  </si>
  <si>
    <t>93 GB ll</t>
  </si>
  <si>
    <t>97GB</t>
  </si>
  <si>
    <t>Tahir Habib</t>
  </si>
  <si>
    <t>GPS CHAK NO. 94 / D</t>
  </si>
  <si>
    <t>94d</t>
  </si>
  <si>
    <t>Chak No. 94/D Tehsil &amp; Pakpattan Sharif</t>
  </si>
  <si>
    <t>Chak 85d</t>
  </si>
  <si>
    <t>GPS CHAK NO. 94/1-L</t>
  </si>
  <si>
    <t>94/1-l</t>
  </si>
  <si>
    <t>chek 94/1-l</t>
  </si>
  <si>
    <t>Muhammad Babar Malik</t>
  </si>
  <si>
    <t>GPS CHAK NO. 94/F</t>
  </si>
  <si>
    <t>Chak No 94/F</t>
  </si>
  <si>
    <t>Chak no.94/F Tehsil Chishtian Bahawalnagar</t>
  </si>
  <si>
    <t>GPS CHAK NO. 94/P</t>
  </si>
  <si>
    <t>Chak No 94P</t>
  </si>
  <si>
    <t>GPS CHAK NO. 95 /D</t>
  </si>
  <si>
    <t>95d</t>
  </si>
  <si>
    <t>chak no 95/d  tehsel and distt pakpattan</t>
  </si>
  <si>
    <t>gps 95/d</t>
  </si>
  <si>
    <t>GPS CHAK NO. 95/ML</t>
  </si>
  <si>
    <t>90 M L</t>
  </si>
  <si>
    <t>chak no 95 ml</t>
  </si>
  <si>
    <t>Chak No 95 Ml</t>
  </si>
  <si>
    <t>Muhammad  Sajid Ur Rehman</t>
  </si>
  <si>
    <t>GPS CHAK NO. 95/P</t>
  </si>
  <si>
    <t>Chak No 95/P</t>
  </si>
  <si>
    <t>Chak No. 95/P, RYK</t>
  </si>
  <si>
    <t>Chak No 92/P</t>
  </si>
  <si>
    <t>SABER ALI</t>
  </si>
  <si>
    <t>GPS CHAK NO. 96/1-L</t>
  </si>
  <si>
    <t>School Chak 96/1.L p/o Bagh-o-Bahar</t>
  </si>
  <si>
    <t>961L</t>
  </si>
  <si>
    <t>GPS CHAK NO. 96/ML</t>
  </si>
  <si>
    <t>Chak No 96 Ml</t>
  </si>
  <si>
    <t>GPS Chak No 96 Ml tehsil karor district layyah.</t>
  </si>
  <si>
    <t>96 Ml</t>
  </si>
  <si>
    <t>Iqbal Hussain Shah</t>
  </si>
  <si>
    <t>GPS CHAK NO. 97/NP</t>
  </si>
  <si>
    <t>97/NP</t>
  </si>
  <si>
    <t>chak 97/NP</t>
  </si>
  <si>
    <t>Hafiz Maqsood Ahmed</t>
  </si>
  <si>
    <t>GPS CHAK NO. 98/ ML BASTI SAWAG</t>
  </si>
  <si>
    <t>CHAK NO 98 ML BASTI SEWAG</t>
  </si>
  <si>
    <t>BASTI SEWAG</t>
  </si>
  <si>
    <t>CHAK NO 98 ML</t>
  </si>
  <si>
    <t>GPS CHAK NO. 98/D</t>
  </si>
  <si>
    <t>chack98/d po Malka Hans Dist Pakpattan</t>
  </si>
  <si>
    <t>Check 96/D</t>
  </si>
  <si>
    <t>Muhammd Khalid</t>
  </si>
  <si>
    <t>GPS CHAK NO. 98/L</t>
  </si>
  <si>
    <t>Chak No 98 /1-L</t>
  </si>
  <si>
    <t>chak no 98/-L</t>
  </si>
  <si>
    <t>Chak No /98-L</t>
  </si>
  <si>
    <t>Bagho O Bahar</t>
  </si>
  <si>
    <t>GPS CHAK NO. 99 D</t>
  </si>
  <si>
    <t>Chak No. 99/D</t>
  </si>
  <si>
    <t>GPS CHAK NO. 99 TDA JOOTY WALA</t>
  </si>
  <si>
    <t>Basti Jooty Wala</t>
  </si>
  <si>
    <t>Basti jooty wala chak 99 tda tehsil karor district  layyah</t>
  </si>
  <si>
    <t>Chak 99tda</t>
  </si>
  <si>
    <t>GPS CHAK NO. 99/WB</t>
  </si>
  <si>
    <t>99 Wb</t>
  </si>
  <si>
    <t>99 wb</t>
  </si>
  <si>
    <t>95 Wb</t>
  </si>
  <si>
    <t>GPS CHAK NO. 99-B/ TDA</t>
  </si>
  <si>
    <t>Sargani Thall</t>
  </si>
  <si>
    <t>chak no 99 btda karor laleson distt layyah</t>
  </si>
  <si>
    <t>99 Btda</t>
  </si>
  <si>
    <t>GPS CHAK NO.1 NB GAKHRA</t>
  </si>
  <si>
    <t>Chak No. 1 NB  Gakhra</t>
  </si>
  <si>
    <t>Chak#1 NB Gakhra Phularwan</t>
  </si>
  <si>
    <t>Chak No. 1 NB Gakhra</t>
  </si>
  <si>
    <t>Muhammad Faiz Ul Hassan</t>
  </si>
  <si>
    <t>GPS CHAK NO.1 NB HAYAT ROAD PHULARWAN</t>
  </si>
  <si>
    <t>Chak # 1NB Hayat road Phularwan</t>
  </si>
  <si>
    <t>GPS CHAK NO.1/DNB</t>
  </si>
  <si>
    <t>Chak No 1/DNB</t>
  </si>
  <si>
    <t>Chak No.1/DNB Yazman Bahawalpur</t>
  </si>
  <si>
    <t>Chak No 6/DNB</t>
  </si>
  <si>
    <t>Umar Alyas</t>
  </si>
  <si>
    <t>GPS CHAK NO.10 ML</t>
  </si>
  <si>
    <t>Chak No 10ML</t>
  </si>
  <si>
    <t>Chak No 10ML, Teh Bhalwal, District Sargodha</t>
  </si>
  <si>
    <t>GPS CHAK NO.10 REMOUNT DEPOT</t>
  </si>
  <si>
    <t>Chak No 10 Remount Depot Sargodha</t>
  </si>
  <si>
    <t>Chak NO 10</t>
  </si>
  <si>
    <t>Muhammad Munir Ahmad</t>
  </si>
  <si>
    <t>GPS CHAK NO.10/1-L</t>
  </si>
  <si>
    <t>chak no 10/1.l renala khurd, distt. okara</t>
  </si>
  <si>
    <t>10/1l</t>
  </si>
  <si>
    <t>ASGHAR ALI SHAHEEN</t>
  </si>
  <si>
    <t>GPS CHAK NO.10/GB NANKANA SAHIB</t>
  </si>
  <si>
    <t>Chak No.10GB Nankana Sahib</t>
  </si>
  <si>
    <t>Chak 10 GB</t>
  </si>
  <si>
    <t>Chak No 13 Randheer</t>
  </si>
  <si>
    <t>Abdulrzaq</t>
  </si>
  <si>
    <t>GPS CHAK NO.10/P</t>
  </si>
  <si>
    <t>mud bhora</t>
  </si>
  <si>
    <t>chak10/p</t>
  </si>
  <si>
    <t>chak 10/p</t>
  </si>
  <si>
    <t>GPS CHAK NO.100/DB</t>
  </si>
  <si>
    <t>chak no 100db</t>
  </si>
  <si>
    <t>Chak No 100db</t>
  </si>
  <si>
    <t>Chak No 106db</t>
  </si>
  <si>
    <t>Hafeez Asghar</t>
  </si>
  <si>
    <t>GPS CHAK NO.100/EB</t>
  </si>
  <si>
    <t>100eb</t>
  </si>
  <si>
    <t>chak no 100eb burewala</t>
  </si>
  <si>
    <t>Muhammad Arshad Niazi</t>
  </si>
  <si>
    <t>GPS CHAK NO.101 NB</t>
  </si>
  <si>
    <t>101NB</t>
  </si>
  <si>
    <t>chak no 101 NB</t>
  </si>
  <si>
    <t>97NB</t>
  </si>
  <si>
    <t>Erum Fatima</t>
  </si>
  <si>
    <t>GPS CHAK NO.101/DB</t>
  </si>
  <si>
    <t>101/db</t>
  </si>
  <si>
    <t>chak no 101/db tehsil yazman district bahawalpur</t>
  </si>
  <si>
    <t>Chak No 101/db</t>
  </si>
  <si>
    <t>Muhammad Matloob</t>
  </si>
  <si>
    <t>GPS CHAK NO.101/ML</t>
  </si>
  <si>
    <t>chak # 101/ML</t>
  </si>
  <si>
    <t>GPS CHAK NO.102 NB</t>
  </si>
  <si>
    <t>Chak No 102nb</t>
  </si>
  <si>
    <t>govt boys p/s Chak no 102 NB. sgd.</t>
  </si>
  <si>
    <t>Chak 102nb</t>
  </si>
  <si>
    <t>Chak No 97nb</t>
  </si>
  <si>
    <t>Mustansar Billah</t>
  </si>
  <si>
    <t>GPS CHAK NO.102 SB</t>
  </si>
  <si>
    <t>chak no 102 sb sargodha</t>
  </si>
  <si>
    <t>Chak No 102 Sb</t>
  </si>
  <si>
    <t>Chak No 100 Sb</t>
  </si>
  <si>
    <t>Syed Sibat-i- Hussain</t>
  </si>
  <si>
    <t>GPS CHAK NO.102/DB (S)</t>
  </si>
  <si>
    <t>102/DB</t>
  </si>
  <si>
    <t>Chack # 102/DB (S), Tehsil Yazman,  District Bahawalpur</t>
  </si>
  <si>
    <t>GPS CHAK NO.103/DB</t>
  </si>
  <si>
    <t>CHAK 103/DB</t>
  </si>
  <si>
    <t>Chak 103/DB</t>
  </si>
  <si>
    <t>Mohammad Shahbaz</t>
  </si>
  <si>
    <t>GPS CHAK NO.103/WB</t>
  </si>
  <si>
    <t>103wb vehari 1</t>
  </si>
  <si>
    <t>103wb</t>
  </si>
  <si>
    <t>liaqat Ali Tahir</t>
  </si>
  <si>
    <t>GPS CHAK NO.104 EB</t>
  </si>
  <si>
    <t>104/EB</t>
  </si>
  <si>
    <t>104/EB Teh Burewala Dist Vehari</t>
  </si>
  <si>
    <t>Chak 124/EB</t>
  </si>
  <si>
    <t>GPS CHAK NO.104/1-L</t>
  </si>
  <si>
    <t>chak no 104/1-L</t>
  </si>
  <si>
    <t>Bagho o bahar</t>
  </si>
  <si>
    <t>Jind Wada</t>
  </si>
  <si>
    <t>GPS CHAK NO.104/DB</t>
  </si>
  <si>
    <t>Chao 104 d/b the  yazman  dist bwp</t>
  </si>
  <si>
    <t>Chak No 104d/b</t>
  </si>
  <si>
    <t>Chak No 106 D/b</t>
  </si>
  <si>
    <t>GPS CHAK NO.104/NP</t>
  </si>
  <si>
    <t>Chak 105 Np</t>
  </si>
  <si>
    <t>Chak no 104 np</t>
  </si>
  <si>
    <t>GPS CHAK NO.105/DB</t>
  </si>
  <si>
    <t>Chak no 105 db yazman</t>
  </si>
  <si>
    <t>105 Db Yazman</t>
  </si>
  <si>
    <t>Chak 106 Db</t>
  </si>
  <si>
    <t>GPS CHAK NO.105/DNB</t>
  </si>
  <si>
    <t>Chak no 105/DNB Tehsil Yazman.</t>
  </si>
  <si>
    <t>Chak No 105/DNB</t>
  </si>
  <si>
    <t>Zulfiqar Ali Shahid</t>
  </si>
  <si>
    <t>GPS CHAK NO.105/WB</t>
  </si>
  <si>
    <t>Chak No105wb</t>
  </si>
  <si>
    <t>Chak no.105wb</t>
  </si>
  <si>
    <t>Chak No 105/WB</t>
  </si>
  <si>
    <t>Muhammad Shahzad  Akram</t>
  </si>
  <si>
    <t>GPS CHAK NO.106/DB MANZOOR ABAD</t>
  </si>
  <si>
    <t>Basti Manzoorabad</t>
  </si>
  <si>
    <t>Chak no. 106/DB, yazman</t>
  </si>
  <si>
    <t>Muhammad Waqas Afzal Ramay</t>
  </si>
  <si>
    <t>GPS CHAK NO.108/DNB</t>
  </si>
  <si>
    <t>Chak no108/DNB</t>
  </si>
  <si>
    <t>Gps108 dnb</t>
  </si>
  <si>
    <t>Chak No 108</t>
  </si>
  <si>
    <t>GPS CHAK NO.109 NB</t>
  </si>
  <si>
    <t>109nb</t>
  </si>
  <si>
    <t>chak no 109 NB sargodha</t>
  </si>
  <si>
    <t>Chak No  109 NB Sgd</t>
  </si>
  <si>
    <t>GPS CHAK NO.109/DNB</t>
  </si>
  <si>
    <t>Chak No 109/DNB</t>
  </si>
  <si>
    <t>chak no 109/DNB tehsil yazman distt bahawalpur</t>
  </si>
  <si>
    <t>GPS CHAK NO.11 ML</t>
  </si>
  <si>
    <t>Nabi Shah Balla</t>
  </si>
  <si>
    <t>Govt primary school chak no 11 Ml,Bhalwal</t>
  </si>
  <si>
    <t>Chak No 11 ML Bhalwal</t>
  </si>
  <si>
    <t>Chak No 13 Nb</t>
  </si>
  <si>
    <t>GPS CHAK NO.11/64</t>
  </si>
  <si>
    <t>Chak 11/ 64</t>
  </si>
  <si>
    <t>chak 11/ 64 syedwala nankana sahib</t>
  </si>
  <si>
    <t>GPS CHAK NO.11/BC</t>
  </si>
  <si>
    <t>Chak No 11/bc</t>
  </si>
  <si>
    <t>Gps 11/b.c post office same tehsill and district Bahawalpur</t>
  </si>
  <si>
    <t>11 /Bc</t>
  </si>
  <si>
    <t>12/bc</t>
  </si>
  <si>
    <t>GPS CHAK NO.11/DRB</t>
  </si>
  <si>
    <t>11drb</t>
  </si>
  <si>
    <t>chak11drb</t>
  </si>
  <si>
    <t>Chak11drb</t>
  </si>
  <si>
    <t>GPS CHAK NO.110 NB</t>
  </si>
  <si>
    <t>110Nb</t>
  </si>
  <si>
    <t>Chak #110Nb Sargodha</t>
  </si>
  <si>
    <t>104Nb</t>
  </si>
  <si>
    <t>GPS CHAK NO.110/DB</t>
  </si>
  <si>
    <t>Chak # 110 /DB</t>
  </si>
  <si>
    <t>108/ DB</t>
  </si>
  <si>
    <t>GPS CHAK NO.110/DB JINNAH ABADI</t>
  </si>
  <si>
    <t>Chak No110/DB</t>
  </si>
  <si>
    <t>GPS 110/DB Jinnah Abadi</t>
  </si>
  <si>
    <t>Chak No110/DB Jinnah Abadi</t>
  </si>
  <si>
    <t>Chak No108/DB</t>
  </si>
  <si>
    <t>GPS CHAK NO.111 NB</t>
  </si>
  <si>
    <t>chak No 111NbTehsilSillanwaliDistSargodha</t>
  </si>
  <si>
    <t>Chak No 111nb</t>
  </si>
  <si>
    <t>Muhammad Mamoon Iqbal</t>
  </si>
  <si>
    <t>GPS CHAK NO.111/DNB-A</t>
  </si>
  <si>
    <t>Chak 111-A/DNB</t>
  </si>
  <si>
    <t>Chak no.111-A/DNB Tehsil.Yazmzn District.Bahawalpur</t>
  </si>
  <si>
    <t>Chak 36/DNB</t>
  </si>
  <si>
    <t>GPS CHAK NO.111/ML</t>
  </si>
  <si>
    <t>111/ML</t>
  </si>
  <si>
    <t>CHAK NO 111/ML</t>
  </si>
  <si>
    <t>MUHAMMAD LOQMAN</t>
  </si>
  <si>
    <t>GPS CHAK NO.112/DNB</t>
  </si>
  <si>
    <t>Chak 112 DNB</t>
  </si>
  <si>
    <t>GPS 112/DNB Headrajkan, Yazman</t>
  </si>
  <si>
    <t>112 DNB</t>
  </si>
  <si>
    <t>CHAK NO 36/DNB</t>
  </si>
  <si>
    <t>Akash Praym</t>
  </si>
  <si>
    <t>GPS CHAK NO.112/ML</t>
  </si>
  <si>
    <t>chak no 112ml p/o fateh pur tehsil karor district layyah</t>
  </si>
  <si>
    <t>Najeeb Ur Rahman</t>
  </si>
  <si>
    <t>GPS CHAK NO.113/DB (E)</t>
  </si>
  <si>
    <t>113/DB E</t>
  </si>
  <si>
    <t>GPS 113/DB (E) tahsil yazman bwp</t>
  </si>
  <si>
    <t>113/ DB E</t>
  </si>
  <si>
    <t>108/DB</t>
  </si>
  <si>
    <t>GPS CHAK NO.113/DNB</t>
  </si>
  <si>
    <t>Chak No 113</t>
  </si>
  <si>
    <t>chak no 113 dnb.</t>
  </si>
  <si>
    <t>Chak 113 D N B</t>
  </si>
  <si>
    <t>Chak No 17 Dnb</t>
  </si>
  <si>
    <t>Mohammed Tahir Rasheed</t>
  </si>
  <si>
    <t>GPS CHAK NO.113/ML</t>
  </si>
  <si>
    <t>Chak No113ML</t>
  </si>
  <si>
    <t>chak no113ml</t>
  </si>
  <si>
    <t>M Yameen  Maqsood</t>
  </si>
  <si>
    <t>GPS CHAK NO.114 NB</t>
  </si>
  <si>
    <t>chak no 114nb</t>
  </si>
  <si>
    <t>Chak No111</t>
  </si>
  <si>
    <t>Muhammad Sohail Akhtar</t>
  </si>
  <si>
    <t>GPS CHAK NO.114 SB</t>
  </si>
  <si>
    <t>Chak No 114 Sb</t>
  </si>
  <si>
    <t>chak no 114 sb</t>
  </si>
  <si>
    <t>GPS CHAK NO.114/DNB</t>
  </si>
  <si>
    <t>114dnb</t>
  </si>
  <si>
    <t>Chak no 114/DNB</t>
  </si>
  <si>
    <t>Muhammad Khaliq</t>
  </si>
  <si>
    <t>GPS CHAK NO.115 SB</t>
  </si>
  <si>
    <t>CHAK 115 SB</t>
  </si>
  <si>
    <t>chak no 115 sb</t>
  </si>
  <si>
    <t>Chak No 115 Sb</t>
  </si>
  <si>
    <t>Chak 58 Sb</t>
  </si>
  <si>
    <t>GPS CHAK NO.116 EB</t>
  </si>
  <si>
    <t>Chak  116 EB Burewala</t>
  </si>
  <si>
    <t>116 EB</t>
  </si>
  <si>
    <t>GPS CHAK NO.116/DB</t>
  </si>
  <si>
    <t>P/O same, Chak No 116/DB,Yazman, Bahawalpur</t>
  </si>
  <si>
    <t>Chak No116/DB</t>
  </si>
  <si>
    <t>Chak No 108/DB</t>
  </si>
  <si>
    <t>Shahzad Anjum</t>
  </si>
  <si>
    <t>GPS CHAK NO.116/DNB</t>
  </si>
  <si>
    <t>Khutri</t>
  </si>
  <si>
    <t>Chak no 116/DNB</t>
  </si>
  <si>
    <t>Chak No 116 DNB</t>
  </si>
  <si>
    <t>M Nadeem Akhtar</t>
  </si>
  <si>
    <t>GPS CHAK NO.117 NB</t>
  </si>
  <si>
    <t>Chak No 117 NB</t>
  </si>
  <si>
    <t>Chak No 117 NB Tehsil Sillanwali District Sargodha</t>
  </si>
  <si>
    <t>Chak  No 117 NB</t>
  </si>
  <si>
    <t>Chak No 118 NB</t>
  </si>
  <si>
    <t>GPS CHAK NO.117 P</t>
  </si>
  <si>
    <t>chak no. 117p, p/o same RYK</t>
  </si>
  <si>
    <t>Chak 117p</t>
  </si>
  <si>
    <t>GPS CHAK NO.117/1-L</t>
  </si>
  <si>
    <t>chak no 117/1.L khan pur Distt Rahim yar khan</t>
  </si>
  <si>
    <t>Chak No 117/1L</t>
  </si>
  <si>
    <t>Chak No 45/p</t>
  </si>
  <si>
    <t>GPS CHAK NO.117/DB BASTI JADEED</t>
  </si>
  <si>
    <t>chak nb. 117/d.b,tahsil yazman, dis, bwp</t>
  </si>
  <si>
    <t>Chak117/db</t>
  </si>
  <si>
    <t>Chak 117/db</t>
  </si>
  <si>
    <t>GPS CHAK NO.117/DNB</t>
  </si>
  <si>
    <t>Khutree</t>
  </si>
  <si>
    <t>chak 117/DNB cholistan tehsil yazman district bahawalpur</t>
  </si>
  <si>
    <t>Chak 117/DNB Cholistan</t>
  </si>
  <si>
    <t>Mohammad Sohaib Saeed</t>
  </si>
  <si>
    <t>GPS CHAK NO.118 EB</t>
  </si>
  <si>
    <t>Mazher saeed</t>
  </si>
  <si>
    <t>GPS CHAK NO.118 NB</t>
  </si>
  <si>
    <t>gps 118 nb</t>
  </si>
  <si>
    <t>Khalid Zubair</t>
  </si>
  <si>
    <t>GPS CHAK NO.118 SB</t>
  </si>
  <si>
    <t>118 sb</t>
  </si>
  <si>
    <t>chak no 118 sb</t>
  </si>
  <si>
    <t>Ahmad farooq</t>
  </si>
  <si>
    <t>outr source</t>
  </si>
  <si>
    <t>GPS CHAK NO.118/DB</t>
  </si>
  <si>
    <t>chak no 118 db yazman</t>
  </si>
  <si>
    <t>GPS 118 DB</t>
  </si>
  <si>
    <t>67 DB</t>
  </si>
  <si>
    <t>GPS CHAK NO.118/DNB</t>
  </si>
  <si>
    <t>Chak No 118 Dnb</t>
  </si>
  <si>
    <t>chak no 118dnb</t>
  </si>
  <si>
    <t>GPS CHAK NO.118/NP</t>
  </si>
  <si>
    <t>chak118/NP saidur</t>
  </si>
  <si>
    <t>Madi Lar</t>
  </si>
  <si>
    <t>GPS CHAK NO.119 NB</t>
  </si>
  <si>
    <t>119 NB</t>
  </si>
  <si>
    <t>chak # 119 NB</t>
  </si>
  <si>
    <t>M Afzal</t>
  </si>
  <si>
    <t>GPS CHAK NO.119/1-L</t>
  </si>
  <si>
    <t>chak # 119/1.L</t>
  </si>
  <si>
    <t>119/1L</t>
  </si>
  <si>
    <t>GPS CHAK NO.119/DB</t>
  </si>
  <si>
    <t>Chak 119DB</t>
  </si>
  <si>
    <t>Chak No. 119DB , Yazman , Bahawalpur</t>
  </si>
  <si>
    <t>Chak 67DB</t>
  </si>
  <si>
    <t>GPS CHAK NO.12 SB</t>
  </si>
  <si>
    <t>Chak 12 S B</t>
  </si>
  <si>
    <t>GPS chak 12 S B</t>
  </si>
  <si>
    <t>GPS CHAK NO.12 UCC</t>
  </si>
  <si>
    <t>Chak No 12ucc</t>
  </si>
  <si>
    <t>chack12ucc</t>
  </si>
  <si>
    <t>Chack 12ucc</t>
  </si>
  <si>
    <t>Marh Bhangwa</t>
  </si>
  <si>
    <t>GPS CHAK NO.12/68 E</t>
  </si>
  <si>
    <t>Chak No 12/68 East</t>
  </si>
  <si>
    <t>GPS Chak No 12/68 East, tehsil and district nankana sahib</t>
  </si>
  <si>
    <t>GPS CHAK NO.12/BC</t>
  </si>
  <si>
    <t>Chak No12/BC</t>
  </si>
  <si>
    <t>Chak No.12/BC Yazman road Bahawalpur</t>
  </si>
  <si>
    <t>Chak No.12/BC</t>
  </si>
  <si>
    <t>GPS CHAK NO.12/BC SOUTH</t>
  </si>
  <si>
    <t>12 BC South</t>
  </si>
  <si>
    <t>chak 12 BC south bahawalpur</t>
  </si>
  <si>
    <t>GPS CHAK NO.12/F.W-A</t>
  </si>
  <si>
    <t>12FWA</t>
  </si>
  <si>
    <t>Chak no 12 F W tehsil hasilpur disst bahawalpur</t>
  </si>
  <si>
    <t>12FW</t>
  </si>
  <si>
    <t>Muhammad Mudassir Sultan</t>
  </si>
  <si>
    <t>GPS CHAK NO.120/DNB</t>
  </si>
  <si>
    <t>chak no120dnb tehsil yazman dist bwp</t>
  </si>
  <si>
    <t>120dnb</t>
  </si>
  <si>
    <t>Hussnain Ali</t>
  </si>
  <si>
    <t>GPS CHAK NO.121 NB</t>
  </si>
  <si>
    <t>121 NB</t>
  </si>
  <si>
    <t>GPS 121 NB SILLANWALI</t>
  </si>
  <si>
    <t>Chak # 135</t>
  </si>
  <si>
    <t>Muhammad Rafaqat  Hafeez Bhatti</t>
  </si>
  <si>
    <t>GPS CHAK NO.121 TDA</t>
  </si>
  <si>
    <t>Chak No121</t>
  </si>
  <si>
    <t>chak no121 layyah</t>
  </si>
  <si>
    <t>Chak No121 TDA</t>
  </si>
  <si>
    <t>GPS CHAK NO.121/6-R</t>
  </si>
  <si>
    <t>121/6R</t>
  </si>
  <si>
    <t>121.6.r</t>
  </si>
  <si>
    <t>Naveed Akthar</t>
  </si>
  <si>
    <t>GPS CHAK NO.121/DNB</t>
  </si>
  <si>
    <t>chak No121/DNB</t>
  </si>
  <si>
    <t>chak No. 121/DNB POB Chak No.111/DNB TEHSIL YAZMAN</t>
  </si>
  <si>
    <t>Chak No 121/DNB</t>
  </si>
  <si>
    <t>Muhammad Mumtaz Ahmad</t>
  </si>
  <si>
    <t>GPS CHAK NO.121/DRB RASOOL SAR</t>
  </si>
  <si>
    <t>121 Drb Rasol Sar</t>
  </si>
  <si>
    <t>chak.no. 121/DRB  yazman</t>
  </si>
  <si>
    <t>121 Drb</t>
  </si>
  <si>
    <t>TARIQ ABBAS</t>
  </si>
  <si>
    <t>GPS CHAK NO.122 NB</t>
  </si>
  <si>
    <t>CHAK NO. 122 NB TEHSIL SILLANWALI DISTRICT SARGODHA</t>
  </si>
  <si>
    <t>CHAK NO. 122 NB</t>
  </si>
  <si>
    <t>CHAK NO. 135 SB</t>
  </si>
  <si>
    <t>GPS CHAK NO.122 SB</t>
  </si>
  <si>
    <t>Chak 122 sb</t>
  </si>
  <si>
    <t>122sb</t>
  </si>
  <si>
    <t>Abid Rizwan Abid</t>
  </si>
  <si>
    <t>GPS CHAK NO.122/DNB</t>
  </si>
  <si>
    <t>Chak No 122/dnb</t>
  </si>
  <si>
    <t>chak no 122/dnb p/o 120/,dnb tehsil yazman district bahawalpur</t>
  </si>
  <si>
    <t>GPS CHAK NO.123 NB</t>
  </si>
  <si>
    <t>Chak 123 NB</t>
  </si>
  <si>
    <t>chak no 123 N.b</t>
  </si>
  <si>
    <t>Chak 123 N B</t>
  </si>
  <si>
    <t>Chak 118 N B</t>
  </si>
  <si>
    <t>GPS CHAK NO.123/P-A</t>
  </si>
  <si>
    <t>Wah Faqiran</t>
  </si>
  <si>
    <t>Daak khana Chak#125/p RYK</t>
  </si>
  <si>
    <t>Chak #123/P-A</t>
  </si>
  <si>
    <t>Mohammad Anwar</t>
  </si>
  <si>
    <t>GPS CHAK NO.124 EB</t>
  </si>
  <si>
    <t>Chak No 124/EB</t>
  </si>
  <si>
    <t>Chak No 124/EB Tehsil Burewala Disst. Vehari</t>
  </si>
  <si>
    <t>Chak NO 124/EB</t>
  </si>
  <si>
    <t>GPS CHAK NO.124 SB</t>
  </si>
  <si>
    <t>124 Sb</t>
  </si>
  <si>
    <t>GPS 124 sb</t>
  </si>
  <si>
    <t>Chak No 124 Sb</t>
  </si>
  <si>
    <t>GPS CHAK NO.124/6-R (W)</t>
  </si>
  <si>
    <t>124/6R W</t>
  </si>
  <si>
    <t>chak no 124/6.R west faqirwali tehsil haroonabad district bwn</t>
  </si>
  <si>
    <t>GPS CHAK NO.125/DNB</t>
  </si>
  <si>
    <t>chak no 125 dnb tehsil yazman</t>
  </si>
  <si>
    <t>Chak No 125 DNB</t>
  </si>
  <si>
    <t>Chak No 98 DNB</t>
  </si>
  <si>
    <t>Faisal Nadeem Tahir</t>
  </si>
  <si>
    <t>GPS CHAK NO.125/NP JADEED</t>
  </si>
  <si>
    <t>Chak No125 NP</t>
  </si>
  <si>
    <t>p/o firoza tehsil liaqatpur distt ry.khan</t>
  </si>
  <si>
    <t>Chak No 125 NP</t>
  </si>
  <si>
    <t>Meraj Ud Din</t>
  </si>
  <si>
    <t>GPS CHAK NO.126 NB</t>
  </si>
  <si>
    <t>Chak No126NB</t>
  </si>
  <si>
    <t>Chak No.126NB,SILLANWALI</t>
  </si>
  <si>
    <t>Chak No129NB</t>
  </si>
  <si>
    <t>GPS CHAK NO.126 NB CHAH MUNGWANA</t>
  </si>
  <si>
    <t>Chah Mangwana</t>
  </si>
  <si>
    <t>chak no.126 nb chah mangwana</t>
  </si>
  <si>
    <t>126 Nb Chahmwngwana Mangwana</t>
  </si>
  <si>
    <t>Chak No129 Nb</t>
  </si>
  <si>
    <t>Khalid Parvaiz</t>
  </si>
  <si>
    <t>GPS CHAK NO.126/6-R</t>
  </si>
  <si>
    <t>GPS CHAK NO.127 NB</t>
  </si>
  <si>
    <t>127 NB</t>
  </si>
  <si>
    <t>GPS Chack NO 127 NB</t>
  </si>
  <si>
    <t>129NB</t>
  </si>
  <si>
    <t>GPS CHAK NO.127 SB</t>
  </si>
  <si>
    <t>Chak No 127 Sb</t>
  </si>
  <si>
    <t>GPS Chak No 127 sb</t>
  </si>
  <si>
    <t>Chak  No127 Sb</t>
  </si>
  <si>
    <t>Chak  No125 Sb</t>
  </si>
  <si>
    <t>GPS CHAK NO.128 EB</t>
  </si>
  <si>
    <t>CHAKNO 128/AEB</t>
  </si>
  <si>
    <t>GPS CHAK NO.128 NB</t>
  </si>
  <si>
    <t>128 NB</t>
  </si>
  <si>
    <t>Chak 128 NB Tehsil Sillanwali District Sargodha</t>
  </si>
  <si>
    <t>Chak 128 NB</t>
  </si>
  <si>
    <t>Chak 129 NB</t>
  </si>
  <si>
    <t>GPS CHAK NO.128/DNB</t>
  </si>
  <si>
    <t>128dnb</t>
  </si>
  <si>
    <t>Gps 128dnb yazman</t>
  </si>
  <si>
    <t>GPS CHAK NO.129 NB</t>
  </si>
  <si>
    <t>Chak 129nb</t>
  </si>
  <si>
    <t>chak 129nb</t>
  </si>
  <si>
    <t>129nb</t>
  </si>
  <si>
    <t>Ameer Abdullah</t>
  </si>
  <si>
    <t>GPS CHAK NO.129 SB</t>
  </si>
  <si>
    <t>129sb</t>
  </si>
  <si>
    <t>chaknumber 129 sb</t>
  </si>
  <si>
    <t>Abdul Matin</t>
  </si>
  <si>
    <t>GPS CHAK NO.129/DB</t>
  </si>
  <si>
    <t>129 /Db</t>
  </si>
  <si>
    <t>129/DRB</t>
  </si>
  <si>
    <t>GPS CHAK NO.129/DNB</t>
  </si>
  <si>
    <t>Chak no 129 DNB Tehsil Yazman</t>
  </si>
  <si>
    <t>Chak No 129 DNB</t>
  </si>
  <si>
    <t>SHUMAILA ALYASS</t>
  </si>
  <si>
    <t>GPS CHAK NO.13 A-SB</t>
  </si>
  <si>
    <t>13ASB</t>
  </si>
  <si>
    <t>Chak No13ASB Tehsil bhalwal district sargodha</t>
  </si>
  <si>
    <t>Chak No13ASB</t>
  </si>
  <si>
    <t>15/SB</t>
  </si>
  <si>
    <t>GPS CHAK NO.13 SB</t>
  </si>
  <si>
    <t>chak 13</t>
  </si>
  <si>
    <t>chak 13 sb</t>
  </si>
  <si>
    <t>chak 13 SB</t>
  </si>
  <si>
    <t>chak 15 SB</t>
  </si>
  <si>
    <t>GPS CHAK NO.13/1-RA</t>
  </si>
  <si>
    <t>Chak No 13/1R</t>
  </si>
  <si>
    <t>7/1R Faujian wala</t>
  </si>
  <si>
    <t>GPS CHAK NO.13/BC</t>
  </si>
  <si>
    <t>Chak 13/BC</t>
  </si>
  <si>
    <t>Chak No. 13/BC p/o Same Tehsil BWP Saddar District Bahawalpur</t>
  </si>
  <si>
    <t>Chak 12/BC</t>
  </si>
  <si>
    <t>GPS CHAK NO.13/BC-A DAHRI</t>
  </si>
  <si>
    <t>Bhatti Dahri</t>
  </si>
  <si>
    <t>Bhatti Dahri Tehsil Sadar and District BWP</t>
  </si>
  <si>
    <t>M AMEER</t>
  </si>
  <si>
    <t>GPS CHAK NO.13/DNB</t>
  </si>
  <si>
    <t>Chak No 13/DNB</t>
  </si>
  <si>
    <t>Chak No 13/DNB Tehsil Yazman District Bahawalpur</t>
  </si>
  <si>
    <t>GPS CHAK NO.13/WB</t>
  </si>
  <si>
    <t>13/WB</t>
  </si>
  <si>
    <t>Chak No 13/WB Vehari</t>
  </si>
  <si>
    <t>MUHAMMAD IMRAN BASHIR</t>
  </si>
  <si>
    <t>GPS CHAK NO.132 NB</t>
  </si>
  <si>
    <t>Chak  No  132nb</t>
  </si>
  <si>
    <t>GPS CHAK NO.132 SB</t>
  </si>
  <si>
    <t>132 sb</t>
  </si>
  <si>
    <t>chak 132 sb</t>
  </si>
  <si>
    <t>Sohail Aftab</t>
  </si>
  <si>
    <t>GPS CHAK NO.132/DB DHORI</t>
  </si>
  <si>
    <t>132 Db Dhori</t>
  </si>
  <si>
    <t>132db</t>
  </si>
  <si>
    <t>132 Db</t>
  </si>
  <si>
    <t>Aneela Ghazal</t>
  </si>
  <si>
    <t>GPS CHAK NO.132/ML</t>
  </si>
  <si>
    <t>Putal Manda</t>
  </si>
  <si>
    <t>gps chak no 132/m.l</t>
  </si>
  <si>
    <t>132/M L</t>
  </si>
  <si>
    <t>Aziz Abbad</t>
  </si>
  <si>
    <t>GPS CHAK NO.133 NB</t>
  </si>
  <si>
    <t>Chak no 133 nb</t>
  </si>
  <si>
    <t>chak no 133 nb</t>
  </si>
  <si>
    <t>Sobhga</t>
  </si>
  <si>
    <t>ATTA  ULLAH</t>
  </si>
  <si>
    <t>GPS CHAK NO.133/DNB</t>
  </si>
  <si>
    <t>CHAK NO 133/DNB</t>
  </si>
  <si>
    <t>CHAK NO 133/DNB P/O SHAHI WALA</t>
  </si>
  <si>
    <t>M MUNIR</t>
  </si>
  <si>
    <t>GPS CHAK NO.134 SB</t>
  </si>
  <si>
    <t>134 SB</t>
  </si>
  <si>
    <t>GPS 134 SB Chak No.134 SB Tehsil Sillanwali District Sargodha</t>
  </si>
  <si>
    <t>Chak No 134 SB</t>
  </si>
  <si>
    <t>Chak No 135 SB</t>
  </si>
  <si>
    <t>Zeshan Mehmood</t>
  </si>
  <si>
    <t>GPS CHAK NO.136 SB</t>
  </si>
  <si>
    <t>136 SB</t>
  </si>
  <si>
    <t>GES 136 SB sillanwali</t>
  </si>
  <si>
    <t>GPS CHAK NO.137 SB</t>
  </si>
  <si>
    <t>137 Sb</t>
  </si>
  <si>
    <t>chak no. 137 sb sillanwali</t>
  </si>
  <si>
    <t>136 Sb</t>
  </si>
  <si>
    <t>GPS CHAK NO.137/138 NB</t>
  </si>
  <si>
    <t>Sanghianwala</t>
  </si>
  <si>
    <t>Chak No 137/ 138  NB</t>
  </si>
  <si>
    <t>Chak No 137/138 NB</t>
  </si>
  <si>
    <t>GPS CHAK NO.137/DB</t>
  </si>
  <si>
    <t>137/db</t>
  </si>
  <si>
    <t>chak no 137 db</t>
  </si>
  <si>
    <t>137 Db</t>
  </si>
  <si>
    <t>M Altaf Shakir</t>
  </si>
  <si>
    <t>GPS CHAK NO.138 SB</t>
  </si>
  <si>
    <t>Chak 138sb</t>
  </si>
  <si>
    <t>KHURAM SHAHZAD</t>
  </si>
  <si>
    <t>GPS CHAK NO.139 NB</t>
  </si>
  <si>
    <t>chak no139 N.B</t>
  </si>
  <si>
    <t>Chak No 139 NB</t>
  </si>
  <si>
    <t>Amir Abdullah</t>
  </si>
  <si>
    <t>GPS CHAK NO.139 SB</t>
  </si>
  <si>
    <t>Chak No 139 Sb</t>
  </si>
  <si>
    <t>govt boys primary school chak no 139 s.b</t>
  </si>
  <si>
    <t>Chak No 136 Sb</t>
  </si>
  <si>
    <t>Muhammad Ijaz Khalid</t>
  </si>
  <si>
    <t>GPS CHAK NO.139/DB</t>
  </si>
  <si>
    <t>Chak No 139/DB</t>
  </si>
  <si>
    <t>chak no 139/DB ,tehsil yazman , bwp</t>
  </si>
  <si>
    <t>Chak No 67/DB</t>
  </si>
  <si>
    <t>GPS CHAK NO.14 A-SB RISALA</t>
  </si>
  <si>
    <t>Quadrat Abad</t>
  </si>
  <si>
    <t>chak 14 A Sb risala</t>
  </si>
  <si>
    <t>14 Chak Risala A Sb</t>
  </si>
  <si>
    <t>Chak 15 Sb</t>
  </si>
  <si>
    <t>Tahir Raza Khan</t>
  </si>
  <si>
    <t>GPS CHAK NO.14 MR P/O MAKHDOOM RASHID</t>
  </si>
  <si>
    <t>Chak No 14 Mr</t>
  </si>
  <si>
    <t>P/o khan pur marral district multan</t>
  </si>
  <si>
    <t>P/o Khan Pur Marral</t>
  </si>
  <si>
    <t>GPS CHAK NO.14 NB</t>
  </si>
  <si>
    <t>Chak  No 14 NB</t>
  </si>
  <si>
    <t>Chak No 14 NB Bhalwal</t>
  </si>
  <si>
    <t>Chak No14 NB</t>
  </si>
  <si>
    <t>GPS CHAK NO.14/1-R</t>
  </si>
  <si>
    <t>GPS 14/1R</t>
  </si>
  <si>
    <t>15/1 R</t>
  </si>
  <si>
    <t>GPS CHAK NO.14/BC-A</t>
  </si>
  <si>
    <t>CHAK NO14BCA</t>
  </si>
  <si>
    <t>CHAK NO. 14 B.C. A Bahawalpur</t>
  </si>
  <si>
    <t>CHAK NO 14 BCA</t>
  </si>
  <si>
    <t>CHAK NO 23 BC</t>
  </si>
  <si>
    <t>Muhammad Idrees Shahid</t>
  </si>
  <si>
    <t>GPS CHAK NO.14/FW PAJRAY WALA</t>
  </si>
  <si>
    <t>14/fw</t>
  </si>
  <si>
    <t>Chak no 14 fw pajary wala</t>
  </si>
  <si>
    <t>Chak no14fw</t>
  </si>
  <si>
    <t>Muhammad Saddam</t>
  </si>
  <si>
    <t>GPS CHAK NO.14/GD MUJAHID PURA</t>
  </si>
  <si>
    <t>chak No 14/GD mujahid pura okara</t>
  </si>
  <si>
    <t>14 GD Mujahid Pura</t>
  </si>
  <si>
    <t>muhammad javed iqbal</t>
  </si>
  <si>
    <t>GPS CHAK NO.140 EB</t>
  </si>
  <si>
    <t>Chak No140/EB</t>
  </si>
  <si>
    <t>Chak No.140/E.B</t>
  </si>
  <si>
    <t>Chak No148/EB</t>
  </si>
  <si>
    <t>MUZAMMAL SATTAR</t>
  </si>
  <si>
    <t>GPS CHAK NO.140 ML</t>
  </si>
  <si>
    <t>140ml</t>
  </si>
  <si>
    <t>chak no 140ml</t>
  </si>
  <si>
    <t>ZULFQAR Abad</t>
  </si>
  <si>
    <t>Kanwar Abdul Jabbar</t>
  </si>
  <si>
    <t>GPS CHAK NO.141 NB</t>
  </si>
  <si>
    <t>Chak No 141 NB</t>
  </si>
  <si>
    <t>Chak No. 141 NB Tehsil Sillanwali District Sargodha</t>
  </si>
  <si>
    <t>Chak No 141NB</t>
  </si>
  <si>
    <t>Chak No 131 NB</t>
  </si>
  <si>
    <t>GPS CHAK NO.141 SB</t>
  </si>
  <si>
    <t>141SB</t>
  </si>
  <si>
    <t>GPS chak no 141 sb</t>
  </si>
  <si>
    <t>Chak No 141 SB</t>
  </si>
  <si>
    <t>138 SB</t>
  </si>
  <si>
    <t>Haseeb Haroon</t>
  </si>
  <si>
    <t>GPS CHAK NO.141 TDA</t>
  </si>
  <si>
    <t>LOHANCH Thal Jandi</t>
  </si>
  <si>
    <t>GPS Chak 141/TDA</t>
  </si>
  <si>
    <t>Chak 141/TDA</t>
  </si>
  <si>
    <t>GPS CHAK NO.142/DRB</t>
  </si>
  <si>
    <t>Chak No 142drb</t>
  </si>
  <si>
    <t>chak no 142 drb</t>
  </si>
  <si>
    <t>142 DRB</t>
  </si>
  <si>
    <t>Chanan Pir</t>
  </si>
  <si>
    <t>OBAID UR REHMAN</t>
  </si>
  <si>
    <t>GPS CHAK NO.142/M</t>
  </si>
  <si>
    <t>142/m</t>
  </si>
  <si>
    <t>GPS Chak No.142/M</t>
  </si>
  <si>
    <t>GPS CHAK NO.142/M-B</t>
  </si>
  <si>
    <t>Chak No 142/M</t>
  </si>
  <si>
    <t>Chak no 142/M-B</t>
  </si>
  <si>
    <t>Chak No 142/M-B</t>
  </si>
  <si>
    <t>GPS CHAK NO.143 NB</t>
  </si>
  <si>
    <t>Chak No 143 N B</t>
  </si>
  <si>
    <t>chak No 143  N B</t>
  </si>
  <si>
    <t>Chalk No 147/148 N B</t>
  </si>
  <si>
    <t>GPS CHAK NO.143 TDA</t>
  </si>
  <si>
    <t>LOHANCH THAL JANDI</t>
  </si>
  <si>
    <t>P/O LALAZAR CHAK NO.143/TDA LAYYAH</t>
  </si>
  <si>
    <t>CHAK NO.143/TDA LAYYAH</t>
  </si>
  <si>
    <t>GPS CHAK NO.143/6-R</t>
  </si>
  <si>
    <t>chak no 143/6.r tehsil haroonabad.  distt bahawalnagar</t>
  </si>
  <si>
    <t>Muhammad shahbaz</t>
  </si>
  <si>
    <t>GPS CHAK NO.143/DB</t>
  </si>
  <si>
    <t>143/db</t>
  </si>
  <si>
    <t>GPS chak 143 D/B</t>
  </si>
  <si>
    <t>chak 143 D/B</t>
  </si>
  <si>
    <t>chak 67 D/B</t>
  </si>
  <si>
    <t>muhammad ameen</t>
  </si>
  <si>
    <t>GPS CHAK NO.143/M</t>
  </si>
  <si>
    <t>chak no 143/m</t>
  </si>
  <si>
    <t>chak no 163/m</t>
  </si>
  <si>
    <t>REHMAN SHAHZAD</t>
  </si>
  <si>
    <t>GPS CHAK NO.144 EB</t>
  </si>
  <si>
    <t>144/EB</t>
  </si>
  <si>
    <t>chak no 144/E.b</t>
  </si>
  <si>
    <t>chak no 148/EB</t>
  </si>
  <si>
    <t>GPS CHAK NO.144/145 NB</t>
  </si>
  <si>
    <t>Chak No144/145 NB</t>
  </si>
  <si>
    <t>Chak No. 144/145 NB</t>
  </si>
  <si>
    <t>GPS CHAK NO.145/DB</t>
  </si>
  <si>
    <t>Chak 145 Db</t>
  </si>
  <si>
    <t>chak no. 145 DB</t>
  </si>
  <si>
    <t>145 Db</t>
  </si>
  <si>
    <t>chak 75 db</t>
  </si>
  <si>
    <t>Muhammad Arshad Majeed</t>
  </si>
  <si>
    <t>GPS CHAK NO.145/M</t>
  </si>
  <si>
    <t>chak no 145/m</t>
  </si>
  <si>
    <t>145/m</t>
  </si>
  <si>
    <t>ifra kanwal</t>
  </si>
  <si>
    <t>GPS CHAK NO.145/NP</t>
  </si>
  <si>
    <t>Govt.p/s chak no 145/NP markaz channi goth</t>
  </si>
  <si>
    <t>Chak No 145/NP</t>
  </si>
  <si>
    <t>Nazeer Ahmed Ghallo</t>
  </si>
  <si>
    <t>GPS CHAK NO.146 NB</t>
  </si>
  <si>
    <t>Chak No 146 N B</t>
  </si>
  <si>
    <t>Chai No 146 N B Teh Sillanwali Sargodha</t>
  </si>
  <si>
    <t>Chai No 146 N B</t>
  </si>
  <si>
    <t>Chai No 147/148 N B</t>
  </si>
  <si>
    <t>GPS CHAK NO.146 TDA DAGREE</t>
  </si>
  <si>
    <t>Govt.P/S chak no 146/TDA Dagree Layyah</t>
  </si>
  <si>
    <t>Chak No 146/TDA Dagree</t>
  </si>
  <si>
    <t>Kamal Gill</t>
  </si>
  <si>
    <t>GPS CHAK NO.146/DB</t>
  </si>
  <si>
    <t>Chak 146/DB</t>
  </si>
  <si>
    <t>Chak No. 146/DB Tehsil Yazman District Bahawalpur</t>
  </si>
  <si>
    <t>Chak No146/DB</t>
  </si>
  <si>
    <t>75/DB</t>
  </si>
  <si>
    <t>Mulazam Hussain</t>
  </si>
  <si>
    <t>GPS CHAK NO.146/M- BOHRAN</t>
  </si>
  <si>
    <t>146MB</t>
  </si>
  <si>
    <t>Chak No.146M.B</t>
  </si>
  <si>
    <t>GPS CHAK NO.146/M-A</t>
  </si>
  <si>
    <t>Dari Gillan wali</t>
  </si>
  <si>
    <t>146MA Hasilpur</t>
  </si>
  <si>
    <t>146M</t>
  </si>
  <si>
    <t>ABDUL WAHAB</t>
  </si>
  <si>
    <t>GPS CHAK NO.146/NP</t>
  </si>
  <si>
    <t>gps chak.No.146/NP moza ahmad Naich basti Haji Faiz ullah sangi p/o chani goth tehsil ahmadpur east district bwp</t>
  </si>
  <si>
    <t>Ahmed Naich</t>
  </si>
  <si>
    <t>GPS CHAK NO.147 ML</t>
  </si>
  <si>
    <t>Chak No147 Ml</t>
  </si>
  <si>
    <t>chak no.147 ml</t>
  </si>
  <si>
    <t>Near Mir Pur</t>
  </si>
  <si>
    <t>GPS CHAK NO.147 TDA</t>
  </si>
  <si>
    <t>Lohanch Thal jandi</t>
  </si>
  <si>
    <t>Govt Primary School Chak no 147/t.d.a Layyah</t>
  </si>
  <si>
    <t>Chak no 147/t.d.a</t>
  </si>
  <si>
    <t>Muhammad Shahbaz Afzal</t>
  </si>
  <si>
    <t>GPS CHAK NO.147/5-R CHOLISTAN</t>
  </si>
  <si>
    <t>chak no 147/5R</t>
  </si>
  <si>
    <t>Chak No 147/5R</t>
  </si>
  <si>
    <t>GPS CHAK NO.147/DB</t>
  </si>
  <si>
    <t>147 Db Latan Latan Sanghar</t>
  </si>
  <si>
    <t>chak no 147d.b cholistan yazman Bahawalpur</t>
  </si>
  <si>
    <t>Chak No 147dbNo 147db</t>
  </si>
  <si>
    <t>Chak No 75 D/B</t>
  </si>
  <si>
    <t>GPS CHAK NO.147/M</t>
  </si>
  <si>
    <t>chak 147/M</t>
  </si>
  <si>
    <t>147/m</t>
  </si>
  <si>
    <t>188/</t>
  </si>
  <si>
    <t>Muhammad Qayuum</t>
  </si>
  <si>
    <t>GPS CHAK NO.147/NP</t>
  </si>
  <si>
    <t>CHAK NO 147/NP</t>
  </si>
  <si>
    <t>CHAK NO. 147/NP</t>
  </si>
  <si>
    <t>Basti Wasan Kalyar</t>
  </si>
  <si>
    <t>ATIF NIZAM</t>
  </si>
  <si>
    <t>GPS CHAK NO.148 EB</t>
  </si>
  <si>
    <t>Chak No.148 EB</t>
  </si>
  <si>
    <t>GPS CHAK NO.148 ML</t>
  </si>
  <si>
    <t>148ml</t>
  </si>
  <si>
    <t>chak No 148ml</t>
  </si>
  <si>
    <t>GPS CHAK NO.148-A TDA</t>
  </si>
  <si>
    <t>CHAK NO 148-A/TDA LAYYAH</t>
  </si>
  <si>
    <t>Chak No.148/TDA Balowala Layyah</t>
  </si>
  <si>
    <t>Balowala</t>
  </si>
  <si>
    <t>GPS CHAK NO.149 ML</t>
  </si>
  <si>
    <t>Chak#149ml</t>
  </si>
  <si>
    <t>chak#149ml</t>
  </si>
  <si>
    <t>Muhammad AKmal</t>
  </si>
  <si>
    <t>GPS CHAK NO.149/M</t>
  </si>
  <si>
    <t>149M</t>
  </si>
  <si>
    <t>Chak no 149M  p/o 148M</t>
  </si>
  <si>
    <t>JUNAID IQBAL (Ø¬Ù†ÛŒØ¯ Ø§Ù‚Ø¨Ø§Ù„ )</t>
  </si>
  <si>
    <t>GPS CHAK NO.15/F.W</t>
  </si>
  <si>
    <t>Chak No 15FW</t>
  </si>
  <si>
    <t>Basti Abdul Haq Cjak No 15 FW Hasil pir</t>
  </si>
  <si>
    <t>15FW</t>
  </si>
  <si>
    <t>Chak No 58 F</t>
  </si>
  <si>
    <t>GPS CHAK NO.150/2-LA</t>
  </si>
  <si>
    <t>150 - 2L</t>
  </si>
  <si>
    <t>Government Primary School 150 / 2L (A), Tehsil Haroon Abad, District Bahawal Nagar,Punjab,Pakistan</t>
  </si>
  <si>
    <t>Chak 150/2L - A</t>
  </si>
  <si>
    <t>150 / 2L</t>
  </si>
  <si>
    <t>Muhammad Sajid Iqbal</t>
  </si>
  <si>
    <t>GPS CHAK NO.150/M</t>
  </si>
  <si>
    <t>chak no.150 murad dahranwala road hasilpur</t>
  </si>
  <si>
    <t>Chak 150M</t>
  </si>
  <si>
    <t>GPS CHAK NO.150/NP</t>
  </si>
  <si>
    <t>150  np</t>
  </si>
  <si>
    <t>150  Np Basti Kamoo Wali</t>
  </si>
  <si>
    <t>basti kamoo wali</t>
  </si>
  <si>
    <t>GPS CHAK NO.151 NB MAKHAN WALA</t>
  </si>
  <si>
    <t>151 NB</t>
  </si>
  <si>
    <t>151 NB MAKHANWALA  Sillanwali</t>
  </si>
  <si>
    <t>GPS CHAK NO.151 NB TIWANA WALA</t>
  </si>
  <si>
    <t>Chak No 151 NB</t>
  </si>
  <si>
    <t>chak no 151nb Tiwana Wala</t>
  </si>
  <si>
    <t>Chak No 151NB tiwana Wala</t>
  </si>
  <si>
    <t>Chak 152NB</t>
  </si>
  <si>
    <t>Turab Tariq</t>
  </si>
  <si>
    <t>GPS CHAK NO.151 TDA</t>
  </si>
  <si>
    <t>Chak # 151 TDA Layyah</t>
  </si>
  <si>
    <t>Chak # 151 TDA</t>
  </si>
  <si>
    <t>Tanvir Hussain</t>
  </si>
  <si>
    <t>GPS CHAK NO.151/M</t>
  </si>
  <si>
    <t>151/m</t>
  </si>
  <si>
    <t>Chak no. 151/m tehsil Hasilpur distt. bahawalpur</t>
  </si>
  <si>
    <t>Chak 151/m</t>
  </si>
  <si>
    <t>Chak 79/f</t>
  </si>
  <si>
    <t>Saifullah Anwer</t>
  </si>
  <si>
    <t>GPS CHAK NO.153 NB</t>
  </si>
  <si>
    <t>153NB</t>
  </si>
  <si>
    <t>chak no 153 nb</t>
  </si>
  <si>
    <t>Muhammad Afzal Shaheen</t>
  </si>
  <si>
    <t>GPS CHAK NO.153/M</t>
  </si>
  <si>
    <t>HASILPUR EAST - MALE</t>
  </si>
  <si>
    <t>Chak153/M</t>
  </si>
  <si>
    <t>chak no 153/M</t>
  </si>
  <si>
    <t>153/M</t>
  </si>
  <si>
    <t>Chak188/m</t>
  </si>
  <si>
    <t>QAISAR MAHMOOD</t>
  </si>
  <si>
    <t>GPS CHAK NO.153/M KOT GHUMMAN</t>
  </si>
  <si>
    <t>basti 153m</t>
  </si>
  <si>
    <t>chak no 153m</t>
  </si>
  <si>
    <t>153muraad</t>
  </si>
  <si>
    <t>GPS CHAK NO.154/AB</t>
  </si>
  <si>
    <t>154/AB yazman</t>
  </si>
  <si>
    <t>154/Ab</t>
  </si>
  <si>
    <t>Afshan Tahir</t>
  </si>
  <si>
    <t>GPS CHAK NO.154/M</t>
  </si>
  <si>
    <t>Gps154 M</t>
  </si>
  <si>
    <t>chak no 154 murad post office 153 m</t>
  </si>
  <si>
    <t>Chak No 154 Murad</t>
  </si>
  <si>
    <t>Chak No 163 M</t>
  </si>
  <si>
    <t>Shabnam Naheed</t>
  </si>
  <si>
    <t>GPS CHAK NO.155 NB</t>
  </si>
  <si>
    <t>Chak No 155 NB</t>
  </si>
  <si>
    <t>chak No 155NB</t>
  </si>
  <si>
    <t>GPS CHAK NO.155 TDA</t>
  </si>
  <si>
    <t>Chak No 155</t>
  </si>
  <si>
    <t>chak no 155 TDA LAYYAH</t>
  </si>
  <si>
    <t>GPS CHAK NO.155/AB</t>
  </si>
  <si>
    <t>chak 155 ab yazman</t>
  </si>
  <si>
    <t>Chak No155</t>
  </si>
  <si>
    <t>GPS CHAK NO.155/M</t>
  </si>
  <si>
    <t>chak 155 M</t>
  </si>
  <si>
    <t>chak 155 M Tehsil Hasilpure district Bahawalpure</t>
  </si>
  <si>
    <t>ZISHAN NAVEED</t>
  </si>
  <si>
    <t>GPS CHAK NO.157 NB</t>
  </si>
  <si>
    <t>ShahNikdar</t>
  </si>
  <si>
    <t>Chak 157 N.B.</t>
  </si>
  <si>
    <t>Chak 157 NB</t>
  </si>
  <si>
    <t>Muhammad Ather Ameen</t>
  </si>
  <si>
    <t>GPS CHAK NO.157/M</t>
  </si>
  <si>
    <t>Chak No 157M.Hasilpur Bahawalpur</t>
  </si>
  <si>
    <t>Chak No 157M</t>
  </si>
  <si>
    <t>Anwaar Hussain</t>
  </si>
  <si>
    <t>GPS CHAK NO.157/NP</t>
  </si>
  <si>
    <t>157/np</t>
  </si>
  <si>
    <t>Chak No.157/np P/O Chani Goth</t>
  </si>
  <si>
    <t>Muhammad Atta Ullah</t>
  </si>
  <si>
    <t>GPS CHAK NO.157/WB</t>
  </si>
  <si>
    <t>Chak No 157/Wb</t>
  </si>
  <si>
    <t>Chak no 172/wb Thingi</t>
  </si>
  <si>
    <t>155/Wb</t>
  </si>
  <si>
    <t>GPS CHAK NO.158 EB</t>
  </si>
  <si>
    <t>Chak 158 EB</t>
  </si>
  <si>
    <t>Govt. Primary School 158/EB Burewala district Vehari</t>
  </si>
  <si>
    <t>Chak 158/EB</t>
  </si>
  <si>
    <t>Chak No170/EB</t>
  </si>
  <si>
    <t>Shoukat ali</t>
  </si>
  <si>
    <t>GPS CHAK NO.158 NB</t>
  </si>
  <si>
    <t>Chak No 158 NB</t>
  </si>
  <si>
    <t>chak no 158 nb</t>
  </si>
  <si>
    <t>GPS CHAK NO.158/M</t>
  </si>
  <si>
    <t>Chak No158/M</t>
  </si>
  <si>
    <t>Chak  No. 158/M Post Office Chak  No.194/M Hasilpur District Bahawalpur</t>
  </si>
  <si>
    <t>Faqeer Hussain</t>
  </si>
  <si>
    <t>GPS CHAK NO.159 NB</t>
  </si>
  <si>
    <t>chak no 159 nb</t>
  </si>
  <si>
    <t>GPS Chak no 159NB</t>
  </si>
  <si>
    <t>Shah Nikdar</t>
  </si>
  <si>
    <t>GPS CHAK NO.159/M</t>
  </si>
  <si>
    <t>158/m</t>
  </si>
  <si>
    <t>chak 159/m tehsil hasilpur</t>
  </si>
  <si>
    <t>159/m</t>
  </si>
  <si>
    <t>Chak 192/m</t>
  </si>
  <si>
    <t>nadia rasool</t>
  </si>
  <si>
    <t>GPS CHAK NO.159/NP</t>
  </si>
  <si>
    <t>chak#159NP PO chani goth tehsil Ahmed Pur East Bahawal Pur</t>
  </si>
  <si>
    <t>S Chak#159NP</t>
  </si>
  <si>
    <t>GPS CHAK NO.16 NB</t>
  </si>
  <si>
    <t>chak 16NB</t>
  </si>
  <si>
    <t>Chak 16 NB</t>
  </si>
  <si>
    <t>Chak18NB</t>
  </si>
  <si>
    <t>NAZIR AHMED</t>
  </si>
  <si>
    <t>GPS CHAK NO.160/M</t>
  </si>
  <si>
    <t>160 m</t>
  </si>
  <si>
    <t>160 M</t>
  </si>
  <si>
    <t>M Sarwar</t>
  </si>
  <si>
    <t>GPS CHAK NO.161 NB</t>
  </si>
  <si>
    <t>Chak 161 NB</t>
  </si>
  <si>
    <t>Chak 161 NB P/O same Tehsil Sillanwali District Sargodha</t>
  </si>
  <si>
    <t>Chak 163 NB</t>
  </si>
  <si>
    <t>Muhammad Shaukat Khan Nadeem</t>
  </si>
  <si>
    <t>GPS CHAK NO.161/7-R</t>
  </si>
  <si>
    <t>chak no 161/7R(s)</t>
  </si>
  <si>
    <t>Chak No 161/7R(s)</t>
  </si>
  <si>
    <t>GPS CHAK NO.161/M</t>
  </si>
  <si>
    <t>Govt primary school 161/M</t>
  </si>
  <si>
    <t>161/M</t>
  </si>
  <si>
    <t>GPS CHAK NO.162/M</t>
  </si>
  <si>
    <t>chak 162/m Tehsil Hasilpur</t>
  </si>
  <si>
    <t>Chak 162/m</t>
  </si>
  <si>
    <t>Chak 188/m</t>
  </si>
  <si>
    <t>ZESHAN ALI</t>
  </si>
  <si>
    <t>GPS CHAK NO.163/M</t>
  </si>
  <si>
    <t>chak no 163/m tehsil hasilpur district bahawalpur</t>
  </si>
  <si>
    <t>Chak No  163/m</t>
  </si>
  <si>
    <t>Chak No 163/ M</t>
  </si>
  <si>
    <t>Muhammad Umar Liaqat</t>
  </si>
  <si>
    <t>GPS CHAK NO.164/EB</t>
  </si>
  <si>
    <t>164/EB</t>
  </si>
  <si>
    <t>Govt primary school 164/EB markaz Machiwal</t>
  </si>
  <si>
    <t>164/EB Vehari</t>
  </si>
  <si>
    <t>GPS CHAK NO.164/M</t>
  </si>
  <si>
    <t>164m</t>
  </si>
  <si>
    <t>chak 164m</t>
  </si>
  <si>
    <t>163m</t>
  </si>
  <si>
    <t>Fakhra Kalsoom</t>
  </si>
  <si>
    <t>GPS CHAK NO.165/M-A</t>
  </si>
  <si>
    <t>chak no 165/m_a teshil Hasilpur district Bahawalpur</t>
  </si>
  <si>
    <t>165/m a</t>
  </si>
  <si>
    <t>Aysha sadiqa</t>
  </si>
  <si>
    <t>GPS CHAK NO.167/7-R SHARQI</t>
  </si>
  <si>
    <t>167/7R East</t>
  </si>
  <si>
    <t>chek#167/7.R(E)tehsil fortabbas dist bahawalnagar</t>
  </si>
  <si>
    <t>167/7R E</t>
  </si>
  <si>
    <t>Abdul Hammad Ahsan</t>
  </si>
  <si>
    <t>GPS CHAK NO.168/171 NB</t>
  </si>
  <si>
    <t>Chak No168/171 NB</t>
  </si>
  <si>
    <t>Chak No. 168 NB</t>
  </si>
  <si>
    <t>Chak No169 NB</t>
  </si>
  <si>
    <t>GPS CHAK NO.168/7-R (M)</t>
  </si>
  <si>
    <t>chak 168/7R(M)</t>
  </si>
  <si>
    <t>Qasim Zia</t>
  </si>
  <si>
    <t>GPS CHAK NO.168/EB</t>
  </si>
  <si>
    <t>chak 168/E.B p/o chak 166/E.B teh. &amp; distt, vehari</t>
  </si>
  <si>
    <t>168/EB</t>
  </si>
  <si>
    <t>Muhammad Aamir Hanif</t>
  </si>
  <si>
    <t>GPS CHAK NO.169/WB</t>
  </si>
  <si>
    <t>169/WB</t>
  </si>
  <si>
    <t>chak no. 169/WB</t>
  </si>
  <si>
    <t>Muhammad Usman Akram</t>
  </si>
  <si>
    <t>GPS CHAK NO.17/BC</t>
  </si>
  <si>
    <t>17bc</t>
  </si>
  <si>
    <t>chak17 bc</t>
  </si>
  <si>
    <t>GPS CHAK NO.17/F.W</t>
  </si>
  <si>
    <t>Chak No 17fw</t>
  </si>
  <si>
    <t>govt. p/s 17/fw</t>
  </si>
  <si>
    <t>Chak No17/f W</t>
  </si>
  <si>
    <t>GPS CHAK NO.17/WB</t>
  </si>
  <si>
    <t>17wb</t>
  </si>
  <si>
    <t>chalk 17wb</t>
  </si>
  <si>
    <t>Afzal Iqbal</t>
  </si>
  <si>
    <t>GPS CHAK NO.170/172 NB</t>
  </si>
  <si>
    <t>170/172</t>
  </si>
  <si>
    <t>chak no 170/172 N.B</t>
  </si>
  <si>
    <t>Chak 169 NB</t>
  </si>
  <si>
    <t>GPS CHAK NO.170-A TDA</t>
  </si>
  <si>
    <t>Chak No 170-A TDA</t>
  </si>
  <si>
    <t>Chak No.170A/T.D.A</t>
  </si>
  <si>
    <t>170A</t>
  </si>
  <si>
    <t>GPS CHAK NO.173 TDA</t>
  </si>
  <si>
    <t>AMEER KLASRA SHARQI</t>
  </si>
  <si>
    <t>CHAK NO. 173 TDA</t>
  </si>
  <si>
    <t>GPS CHAK NO.173/7-R SHARQI</t>
  </si>
  <si>
    <t>173-7R E</t>
  </si>
  <si>
    <t>Chak No 173-7.R (E)P.O.Same Tehsil Fortabbas Distt: Bahawalnagar</t>
  </si>
  <si>
    <t>176-7R</t>
  </si>
  <si>
    <t>GPS CHAK NO.174/WB ADDA GHULAM HUSSAIN</t>
  </si>
  <si>
    <t>Rajo</t>
  </si>
  <si>
    <t>Chak 174/w.b adda ghulsm Hussain  vehari</t>
  </si>
  <si>
    <t>174/WB</t>
  </si>
  <si>
    <t>GPS CHAK NO.176/AB</t>
  </si>
  <si>
    <t>176 AB</t>
  </si>
  <si>
    <t>chak No 176 AB tehsil yazman</t>
  </si>
  <si>
    <t>GPS CHAK NO.176/WB</t>
  </si>
  <si>
    <t>Chak No 176/wb</t>
  </si>
  <si>
    <t>Chalk No 176/wb Tehsil  Mailsi  District Vehari</t>
  </si>
  <si>
    <t>Shatabgarh</t>
  </si>
  <si>
    <t>GPS CHAK NO.178/7-R</t>
  </si>
  <si>
    <t>CHAK 178/7-R near gulshan fraud choki</t>
  </si>
  <si>
    <t>CHAK 178/7-R</t>
  </si>
  <si>
    <t>GPS CHAK NO.178/WB</t>
  </si>
  <si>
    <t>178wb mailsi</t>
  </si>
  <si>
    <t>178 Wb</t>
  </si>
  <si>
    <t>Waqas Hayyat</t>
  </si>
  <si>
    <t>GPS CHAK NO.18/71</t>
  </si>
  <si>
    <t>Chak No 18/71</t>
  </si>
  <si>
    <t>Chak no. 18/71, near Syedwala, Tehsil and Distt. Nankana sahib</t>
  </si>
  <si>
    <t>GPS CHAK NO.18/DNB</t>
  </si>
  <si>
    <t>Chak # 18/DNB</t>
  </si>
  <si>
    <t>Chak # 18/DNB tehsil Yazman Distt Bahawalpur</t>
  </si>
  <si>
    <t>Chak # 17/DNB</t>
  </si>
  <si>
    <t>zubair Sikandar</t>
  </si>
  <si>
    <t>GPS CHAK NO.18/F.W-A</t>
  </si>
  <si>
    <t>chak no.18/fw-A tehsil hasilpur distt.bahawalpur</t>
  </si>
  <si>
    <t>18/FW-A</t>
  </si>
  <si>
    <t>Asif Yaqoob</t>
  </si>
  <si>
    <t>GPS CHAK NO.180/EB</t>
  </si>
  <si>
    <t>Chak No 180</t>
  </si>
  <si>
    <t>chak  no 180/eb Teh.&amp;District vehari</t>
  </si>
  <si>
    <t>Chak  No 180/EB</t>
  </si>
  <si>
    <t>GPS CHAK NO.18000/RD</t>
  </si>
  <si>
    <t>kamal mohana</t>
  </si>
  <si>
    <t>basti noor nagar sanghian moza kamal mohana post office taj garh rahim yar khan</t>
  </si>
  <si>
    <t>noor nagar sanghian</t>
  </si>
  <si>
    <t>taj garh</t>
  </si>
  <si>
    <t>GPS CHAK NO.181/M</t>
  </si>
  <si>
    <t>chk no 181m  hasilpur bwp</t>
  </si>
  <si>
    <t>181m</t>
  </si>
  <si>
    <t>Zeeshan Baber</t>
  </si>
  <si>
    <t>GPS CHAK NO.182/7-R</t>
  </si>
  <si>
    <t>Chak No 182/7-R</t>
  </si>
  <si>
    <t>GPS Chak No. 182/7-R</t>
  </si>
  <si>
    <t>Chak No 176/7-R</t>
  </si>
  <si>
    <t>GPS CHAK NO.182/WB</t>
  </si>
  <si>
    <t>182wb</t>
  </si>
  <si>
    <t>182 wb. p/o garha more</t>
  </si>
  <si>
    <t>Garah More</t>
  </si>
  <si>
    <t>GPS CHAK NO.183/7-R SHUMALI</t>
  </si>
  <si>
    <t>183/7RN</t>
  </si>
  <si>
    <t>chak No 183/7.R(N) Tehsil fort abbass Distt.Bahawal nagar</t>
  </si>
  <si>
    <t>183/7-R N</t>
  </si>
  <si>
    <t>SAJJAD AHMAD</t>
  </si>
  <si>
    <t>GPS CHAK NO.184 EB</t>
  </si>
  <si>
    <t>184/EB</t>
  </si>
  <si>
    <t>chak No 184/EB vehari</t>
  </si>
  <si>
    <t>Chal No 184/EB</t>
  </si>
  <si>
    <t>Chak No 204/EB</t>
  </si>
  <si>
    <t>GPS CHAK NO.184/7-R</t>
  </si>
  <si>
    <t>184/7R</t>
  </si>
  <si>
    <t>Chak 184/7R</t>
  </si>
  <si>
    <t>MOHAMMAD ANWAR</t>
  </si>
  <si>
    <t>GPS CHAK NO.184/M-A</t>
  </si>
  <si>
    <t>184/m</t>
  </si>
  <si>
    <t>chak no 184/m A</t>
  </si>
  <si>
    <t>184/M A</t>
  </si>
  <si>
    <t>Najam Ul Saqib</t>
  </si>
  <si>
    <t>GPS CHAK NO.184/WB EAST</t>
  </si>
  <si>
    <t>Chak#184/WB East</t>
  </si>
  <si>
    <t>184/WB East</t>
  </si>
  <si>
    <t>Munawar hussain</t>
  </si>
  <si>
    <t>GPS CHAK NO.185/M</t>
  </si>
  <si>
    <t>185/M</t>
  </si>
  <si>
    <t>chak 185/M p/o 188 M tehsil Hasilpur Distt. Bahawalpur</t>
  </si>
  <si>
    <t>GPS CHAK NO.186/7-R EAST</t>
  </si>
  <si>
    <t>186/7r East</t>
  </si>
  <si>
    <t>chak no 187/7r East</t>
  </si>
  <si>
    <t>Umer Zubair</t>
  </si>
  <si>
    <t>GPS CHAK NO.186/EB</t>
  </si>
  <si>
    <t>Chak No 186/EB</t>
  </si>
  <si>
    <t>CHAK NO 186/E.B VR</t>
  </si>
  <si>
    <t>186/EB VR</t>
  </si>
  <si>
    <t>GPS CHAK NO.186/WB</t>
  </si>
  <si>
    <t>186w/b</t>
  </si>
  <si>
    <t>Chak no.186w/b</t>
  </si>
  <si>
    <t>Chak No 188wb</t>
  </si>
  <si>
    <t>GPS CHAK NO.187 EB</t>
  </si>
  <si>
    <t>187 Eb</t>
  </si>
  <si>
    <t>GPS187 eb</t>
  </si>
  <si>
    <t>Chak No 187 EB</t>
  </si>
  <si>
    <t>GPS CHAK NO.187/7-R</t>
  </si>
  <si>
    <t>Chak No 187/7R</t>
  </si>
  <si>
    <t>Munawar Hussian</t>
  </si>
  <si>
    <t>GPS CHAK NO.187/M</t>
  </si>
  <si>
    <t>Chak No 187/M</t>
  </si>
  <si>
    <t>Chak No.187/M Teh.Hasilpur Distt. Bahawalpur</t>
  </si>
  <si>
    <t>Chak No 188/M</t>
  </si>
  <si>
    <t>GPS CHAK NO.188/7-R SHARQI</t>
  </si>
  <si>
    <t>188/7-R(East)</t>
  </si>
  <si>
    <t>Chak No. 188/7-R(East)</t>
  </si>
  <si>
    <t>MUHAMMAD GULBAZ</t>
  </si>
  <si>
    <t>GPS CHAK NO.188/EB</t>
  </si>
  <si>
    <t>Mian Pakhi</t>
  </si>
  <si>
    <t>Chak no. 188/EB Mian Pakhi Tehsile &amp; District Vehari.</t>
  </si>
  <si>
    <t>188/EB</t>
  </si>
  <si>
    <t>GPS CHAK NO.188/M</t>
  </si>
  <si>
    <t>Chak no 188 /M</t>
  </si>
  <si>
    <t>188 /M</t>
  </si>
  <si>
    <t>GPS CHAK NO.189/7-R</t>
  </si>
  <si>
    <t>189/7R</t>
  </si>
  <si>
    <t>Chak No.189/7R ,P/O Khichiwala,Tehsil Fort  ABBAS,District Bahawalnagar</t>
  </si>
  <si>
    <t>Chak No189/7R W</t>
  </si>
  <si>
    <t>Javid Iqbal Anjum</t>
  </si>
  <si>
    <t>GPS CHAK NO.189/M</t>
  </si>
  <si>
    <t>Chak No 189M</t>
  </si>
  <si>
    <t>Chak No.189M</t>
  </si>
  <si>
    <t>189 Murad</t>
  </si>
  <si>
    <t>192 Murad</t>
  </si>
  <si>
    <t>GPS CHAK NO.18-D</t>
  </si>
  <si>
    <t>18/d</t>
  </si>
  <si>
    <t>chack no.18/d tehsil depalpur district   okara</t>
  </si>
  <si>
    <t>Chack no18/d</t>
  </si>
  <si>
    <t>dhool choorh</t>
  </si>
  <si>
    <t>GPS CHAK NO.19/73</t>
  </si>
  <si>
    <t>Chak #19/73</t>
  </si>
  <si>
    <t>Chak #22/75 p/o syedwala NNS</t>
  </si>
  <si>
    <t>Chak #12/68</t>
  </si>
  <si>
    <t>Mirza Akbar Baig</t>
  </si>
  <si>
    <t>GPS CHAK NO.19/DRB</t>
  </si>
  <si>
    <t>19 Drb</t>
  </si>
  <si>
    <t>chak no 19 drb post office jhok panwar</t>
  </si>
  <si>
    <t>Darawar</t>
  </si>
  <si>
    <t>GPS CHAK NO.19/GD</t>
  </si>
  <si>
    <t>govt.primary school 19/GD Okara</t>
  </si>
  <si>
    <t>GPS CHAK NO.190/7-R</t>
  </si>
  <si>
    <t>190/7R</t>
  </si>
  <si>
    <t>190/7R Tehsil Fortabbas</t>
  </si>
  <si>
    <t>Abrar Hassan</t>
  </si>
  <si>
    <t>GPS CHAK NO.190/M CHAN WALA</t>
  </si>
  <si>
    <t>190/M Chan Wala</t>
  </si>
  <si>
    <t>Chona Wala Hasil Pur (BWP)</t>
  </si>
  <si>
    <t>GPS CHAK NO.190/WB</t>
  </si>
  <si>
    <t>190/WB</t>
  </si>
  <si>
    <t>Chak no 190/W.B Teh.Mailsi Distt. Vehari</t>
  </si>
  <si>
    <t>Arshad Ali Tahir</t>
  </si>
  <si>
    <t>GPS CHAK NO.191 EB P/O BUREWALA</t>
  </si>
  <si>
    <t>Chak No. 191 E. B.</t>
  </si>
  <si>
    <t>Chak 191 EB</t>
  </si>
  <si>
    <t>GPS CHAK NO.191/7-R WEST</t>
  </si>
  <si>
    <t>Chak No 191/7r West</t>
  </si>
  <si>
    <t>Tehseen Ahmad</t>
  </si>
  <si>
    <t>GPS CHAK NO.192/EB</t>
  </si>
  <si>
    <t>Chak No 192EB</t>
  </si>
  <si>
    <t>chak No.192EB</t>
  </si>
  <si>
    <t>192EB</t>
  </si>
  <si>
    <t>Chak No 194EB</t>
  </si>
  <si>
    <t>Muhammad Usman Shahid</t>
  </si>
  <si>
    <t>GPS CHAK NO.192/M</t>
  </si>
  <si>
    <t>Chak No 192M</t>
  </si>
  <si>
    <t>Chak No 192/M Tehsil Hasilpur Distict Bahawalpur</t>
  </si>
  <si>
    <t>Islam Ud Din</t>
  </si>
  <si>
    <t>GPS CHAK NO.192/WB</t>
  </si>
  <si>
    <t>192/wb</t>
  </si>
  <si>
    <t>chak no 192/wb</t>
  </si>
  <si>
    <t>188/wb</t>
  </si>
  <si>
    <t>GPS CHAK NO.193/EB</t>
  </si>
  <si>
    <t>Chak No 193/EB</t>
  </si>
  <si>
    <t>chak no. 193/EB tehsil burewala district vehari</t>
  </si>
  <si>
    <t>MUHAMMAD AHMED AFZAL</t>
  </si>
  <si>
    <t>GPS CHAK NO.193/M</t>
  </si>
  <si>
    <t>chak 193 /M</t>
  </si>
  <si>
    <t>chak 193/M</t>
  </si>
  <si>
    <t>chak 192/M</t>
  </si>
  <si>
    <t>GPS CHAK NO.194/1-L</t>
  </si>
  <si>
    <t>194/1L</t>
  </si>
  <si>
    <t>chak no.194/1L tehsil Liaquat pur dist Rahi yar khan</t>
  </si>
  <si>
    <t>GPS CHAK NO.194/WB</t>
  </si>
  <si>
    <t>194/WB</t>
  </si>
  <si>
    <t>tehsil mailsi,,,district vehari</t>
  </si>
  <si>
    <t>188/Wb</t>
  </si>
  <si>
    <t>GPS CHAK NO.195 EB</t>
  </si>
  <si>
    <t>Khoh Wala Derah</t>
  </si>
  <si>
    <t>chak#195/EB Gaggo Mandi Burewala</t>
  </si>
  <si>
    <t>Chak#195/EB</t>
  </si>
  <si>
    <t>Babar Ali</t>
  </si>
  <si>
    <t>GPS CHAK NO.195/HB (S)</t>
  </si>
  <si>
    <t>195 Hb S</t>
  </si>
  <si>
    <t>chak no. 195 hb</t>
  </si>
  <si>
    <t>204/ 9R</t>
  </si>
  <si>
    <t>Razia Arshad</t>
  </si>
  <si>
    <t>GPS CHAK NO.196/EB</t>
  </si>
  <si>
    <t>196/EB</t>
  </si>
  <si>
    <t>Chak no 196/EB</t>
  </si>
  <si>
    <t>198/EB</t>
  </si>
  <si>
    <t>GPS CHAK NO.196/M</t>
  </si>
  <si>
    <t>Chak No 196/M</t>
  </si>
  <si>
    <t>chak No.196/m post office 194/m teh:hasilpur district Bahawalpur</t>
  </si>
  <si>
    <t>Chak No 196/m</t>
  </si>
  <si>
    <t>Chak192/m</t>
  </si>
  <si>
    <t>GPS CHAK NO.197/HB A (MUHAMMAD PURA)</t>
  </si>
  <si>
    <t>Chak No197/hb</t>
  </si>
  <si>
    <t>Chak no. 197/H.B (A)</t>
  </si>
  <si>
    <t>197/H B  A</t>
  </si>
  <si>
    <t>204 /9 R</t>
  </si>
  <si>
    <t>GPS CHAK NO.197/M</t>
  </si>
  <si>
    <t>Chak no. 197/M</t>
  </si>
  <si>
    <t>Chak No.197/M</t>
  </si>
  <si>
    <t>ARSLAN MAQSOOD</t>
  </si>
  <si>
    <t>GPS CHAK NO.198/EB</t>
  </si>
  <si>
    <t>chak no 198/eb</t>
  </si>
  <si>
    <t>Chak No 198/EB</t>
  </si>
  <si>
    <t>Muhammad Irfan Anwar Warriach</t>
  </si>
  <si>
    <t>GPS CHAK NO.198/M</t>
  </si>
  <si>
    <t>Chak No 198/M</t>
  </si>
  <si>
    <t>Chak No 198/M Tehsil hasilpur district bahawalpur</t>
  </si>
  <si>
    <t>GPS CHAK NO.2 NB</t>
  </si>
  <si>
    <t>Village 2 Nb</t>
  </si>
  <si>
    <t>chak 2 nb tehsil bhalwal distt sargodha</t>
  </si>
  <si>
    <t>Chak 2 Nb</t>
  </si>
  <si>
    <t>10/ML</t>
  </si>
  <si>
    <t>Raja Imran Iqbal</t>
  </si>
  <si>
    <t>GPS CHAK NO.2 RAKH DHAREMA</t>
  </si>
  <si>
    <t>GPS Chak No. 2 Rakh Dharema</t>
  </si>
  <si>
    <t>GPS CHAK NO.2 REMOUNT DEPOT</t>
  </si>
  <si>
    <t>remount depot</t>
  </si>
  <si>
    <t>govt primary school chak no 2 remount depot sargodha</t>
  </si>
  <si>
    <t>chak no 2</t>
  </si>
  <si>
    <t>Hafiza Urooj Fatima</t>
  </si>
  <si>
    <t>GPS CHAK NO.2 SB</t>
  </si>
  <si>
    <t>Chak 2 S/B</t>
  </si>
  <si>
    <t>Chak 2S/B Teh Bhalwal Dist Sargodha</t>
  </si>
  <si>
    <t>Chak 2  Sb</t>
  </si>
  <si>
    <t>GPS CHAK NO.2/1-RA</t>
  </si>
  <si>
    <t>Chak No 2/1RA</t>
  </si>
  <si>
    <t>GPS CHAK NO.2/BC (E)</t>
  </si>
  <si>
    <t>Chak No 38bc</t>
  </si>
  <si>
    <t>Chak NO 2bc East P/O lalsohanra thesil &amp; District Bahawalpur</t>
  </si>
  <si>
    <t>2BC East</t>
  </si>
  <si>
    <t>38bc</t>
  </si>
  <si>
    <t>Muhammad Abrar Hussain</t>
  </si>
  <si>
    <t>GPS CHAK NO.20 NB</t>
  </si>
  <si>
    <t>Chak no 20nb</t>
  </si>
  <si>
    <t>chak no 20nb Tehsil and district Sargodha</t>
  </si>
  <si>
    <t>Chak no 19nb</t>
  </si>
  <si>
    <t>GPS CHAK NO.20/DNB (E)</t>
  </si>
  <si>
    <t>20/DNB</t>
  </si>
  <si>
    <t>chak No 20/DNB</t>
  </si>
  <si>
    <t>20/DNB E</t>
  </si>
  <si>
    <t>Chak 35/DNB</t>
  </si>
  <si>
    <t>ASIM HYYAT ANJUM</t>
  </si>
  <si>
    <t>GPS CHAK NO.20/DNB (W)</t>
  </si>
  <si>
    <t>20DNB West</t>
  </si>
  <si>
    <t>Chak No 20 DNB West Tehsil Yazman District Bahawalpur</t>
  </si>
  <si>
    <t>20 DNB West</t>
  </si>
  <si>
    <t>Chak No 35DNB</t>
  </si>
  <si>
    <t>GPS CHAK NO.20/DRB</t>
  </si>
  <si>
    <t>Chak No 20/DRB</t>
  </si>
  <si>
    <t>chak no 20/DRB P/O jhoke panwar teh yazman dist Bahawalpur</t>
  </si>
  <si>
    <t>GPS CHAK NO.20/GD</t>
  </si>
  <si>
    <t>Chak no.20/GD Okara</t>
  </si>
  <si>
    <t>20/GD</t>
  </si>
  <si>
    <t>GPS CHAK NO.200 EB</t>
  </si>
  <si>
    <t>200/eb</t>
  </si>
  <si>
    <t>chak no 200/eb</t>
  </si>
  <si>
    <t>Chak200/eb</t>
  </si>
  <si>
    <t>204/eb</t>
  </si>
  <si>
    <t>GPS CHAK NO.201/8-R</t>
  </si>
  <si>
    <t>Chak #201/8R,Teh.Fort Abbas, Dist. Bahawalnagar</t>
  </si>
  <si>
    <t>Saghir Ahmad Khan</t>
  </si>
  <si>
    <t>GPS CHAK NO.202/EB</t>
  </si>
  <si>
    <t>Chak#202/EB vehari</t>
  </si>
  <si>
    <t>GPS CHAK NO.205/9-R</t>
  </si>
  <si>
    <t>Chak No 205/9R</t>
  </si>
  <si>
    <t>chak no 205/ 9R</t>
  </si>
  <si>
    <t>Ammar Javeed</t>
  </si>
  <si>
    <t>GPS CHAK NO.205/WB</t>
  </si>
  <si>
    <t>205/WB</t>
  </si>
  <si>
    <t>Chak No. 205/WB P/O Dokota</t>
  </si>
  <si>
    <t>GPS CHAK NO.206/EB</t>
  </si>
  <si>
    <t>Chak No 206 Eb</t>
  </si>
  <si>
    <t>chak no 206 eb vehari</t>
  </si>
  <si>
    <t>206 Eb</t>
  </si>
  <si>
    <t>Muhammad Sohail Akram</t>
  </si>
  <si>
    <t>GPS CHAK NO.21/F.W</t>
  </si>
  <si>
    <t>chak no 21/fw tehsil hasilpur disst bahawalpur</t>
  </si>
  <si>
    <t>Chak No 21 Fw</t>
  </si>
  <si>
    <t>Mubashar Zafar</t>
  </si>
  <si>
    <t>GPS CHAK NO.210/9-R</t>
  </si>
  <si>
    <t>210/9-R</t>
  </si>
  <si>
    <t>Chak # 210/9-R. Tehsil Fortabbas. District Bahawal Nagar</t>
  </si>
  <si>
    <t>Mohammad Akhtar Khan</t>
  </si>
  <si>
    <t>GPS CHAK NO.211/9-R</t>
  </si>
  <si>
    <t>Chak 211/9r</t>
  </si>
  <si>
    <t>chak no 211/9.r</t>
  </si>
  <si>
    <t>GPS CHAK NO.215/9-R</t>
  </si>
  <si>
    <t>CHAK NO. 215/9R</t>
  </si>
  <si>
    <t>215/9R</t>
  </si>
  <si>
    <t>CHAK 213/9R</t>
  </si>
  <si>
    <t>Sultan Mahmood</t>
  </si>
  <si>
    <t>GPS CHAK NO.215/WB</t>
  </si>
  <si>
    <t>215/wb</t>
  </si>
  <si>
    <t>chak no 215/w.b tehesil Mailsi district Vehari</t>
  </si>
  <si>
    <t>Muhammad Khalid Niaz</t>
  </si>
  <si>
    <t>GPS CHAK NO.216/9-R</t>
  </si>
  <si>
    <t>216/9R</t>
  </si>
  <si>
    <t>chak#216/9.r Fortabbas</t>
  </si>
  <si>
    <t>Chak#216/9R</t>
  </si>
  <si>
    <t>Chak#213/9R</t>
  </si>
  <si>
    <t>Muhmmad Akhter</t>
  </si>
  <si>
    <t>GPS CHAK NO.217 TDA</t>
  </si>
  <si>
    <t>Mojghar</t>
  </si>
  <si>
    <t>chak no 218,tda</t>
  </si>
  <si>
    <t>217tda</t>
  </si>
  <si>
    <t>Chak No93 ml</t>
  </si>
  <si>
    <t>Zaffar Iqbal Tabassum</t>
  </si>
  <si>
    <t>GPS CHAK NO.218/9-R</t>
  </si>
  <si>
    <t>218/9R</t>
  </si>
  <si>
    <t>GPS chak no 218 /9.R</t>
  </si>
  <si>
    <t>218 /9R</t>
  </si>
  <si>
    <t>ALI RAZA YOUSAF</t>
  </si>
  <si>
    <t>GPS CHAK NO.218/EB</t>
  </si>
  <si>
    <t>218/eb</t>
  </si>
  <si>
    <t>chak no 218/eb</t>
  </si>
  <si>
    <t>GPS CHAK NO.218/P</t>
  </si>
  <si>
    <t>GPS 218/p markaz dhandi Sadiq Abad</t>
  </si>
  <si>
    <t>Chak No 218/P</t>
  </si>
  <si>
    <t>GPS CHAK NO.218-A/TDA</t>
  </si>
  <si>
    <t>chak no.218A/TDA tehsil karor distt layyah</t>
  </si>
  <si>
    <t>218-A</t>
  </si>
  <si>
    <t>GPS CHAK NO.219/TDA</t>
  </si>
  <si>
    <t>chak no 219/tda post office same tehsil karor district layyah</t>
  </si>
  <si>
    <t>Chak No 219/tda</t>
  </si>
  <si>
    <t>GPS CHAK NO.219-A/TDA</t>
  </si>
  <si>
    <t>Moj Ghr</t>
  </si>
  <si>
    <t>chak no 219A TDA</t>
  </si>
  <si>
    <t>219A/TDA</t>
  </si>
  <si>
    <t>Muhammad Zeeshan Ashraf</t>
  </si>
  <si>
    <t>GPS CHAK NO.22 NB JINNAH ABADI</t>
  </si>
  <si>
    <t>chak No 22NB,jinnah abadi</t>
  </si>
  <si>
    <t>Jinnah Abadi 22chak</t>
  </si>
  <si>
    <t>SYED ZAGHAM ABBAS SHERAZI</t>
  </si>
  <si>
    <t>GPS CHAK NO.22/75</t>
  </si>
  <si>
    <t>Chak # 22/75</t>
  </si>
  <si>
    <t>ch # 22/75 p/o syedwala tehsil and district Nankana sb</t>
  </si>
  <si>
    <t>Shahbilawal</t>
  </si>
  <si>
    <t>GPS CHAK NO.22/DRB</t>
  </si>
  <si>
    <t>22/DRB</t>
  </si>
  <si>
    <t>chak no 22/DRB</t>
  </si>
  <si>
    <t>Muhamnad Lal Din</t>
  </si>
  <si>
    <t>GPS CHAK NO.220/EB</t>
  </si>
  <si>
    <t>220 E B</t>
  </si>
  <si>
    <t>chak no 220Û°eb</t>
  </si>
  <si>
    <t>220eb</t>
  </si>
  <si>
    <t>KHDIM HUSSAIN</t>
  </si>
  <si>
    <t>GPS CHAK NO.222/TDA</t>
  </si>
  <si>
    <t>Mauj Garh</t>
  </si>
  <si>
    <t>chak no 222/tda tehsil karor district Layyah</t>
  </si>
  <si>
    <t>chak no 222/tda</t>
  </si>
  <si>
    <t>GPS CHAK NO.222-A/TDA</t>
  </si>
  <si>
    <t>Chak no 222A/TDA tehsil karor diet. Layyah</t>
  </si>
  <si>
    <t>Chak No 222-A/TDA</t>
  </si>
  <si>
    <t>Muhammad Noor Zaman</t>
  </si>
  <si>
    <t>GPS CHAK NO.224/TDA</t>
  </si>
  <si>
    <t>Moj Gahr</t>
  </si>
  <si>
    <t>chak no 224/tda tehsil karor district layyah</t>
  </si>
  <si>
    <t>Chak No 224/tda</t>
  </si>
  <si>
    <t>SHOUKAT Abad</t>
  </si>
  <si>
    <t>Kamran Hussain</t>
  </si>
  <si>
    <t>GPS CHAK NO.225/75-C/TDA</t>
  </si>
  <si>
    <t>Chack no.75c/tda,teh.Karor,Dist.Layyah</t>
  </si>
  <si>
    <t>75c/tda</t>
  </si>
  <si>
    <t>M AKRAM</t>
  </si>
  <si>
    <t>GPS CHAK NO.225/9-R</t>
  </si>
  <si>
    <t>Gps225/9r</t>
  </si>
  <si>
    <t>gps 225/9.R tehsil fort abbas</t>
  </si>
  <si>
    <t>225/9R</t>
  </si>
  <si>
    <t>GPS CHAK NO.229/9-R</t>
  </si>
  <si>
    <t>chak 229/9R</t>
  </si>
  <si>
    <t>GPS CHAK NO.23 SB</t>
  </si>
  <si>
    <t>chak No 23 SB sargodha</t>
  </si>
  <si>
    <t>GPS CHAK NO.23 SOUTH</t>
  </si>
  <si>
    <t>Chakra No 23 South</t>
  </si>
  <si>
    <t>chak no 23 South, tehsil sharaqpur sharif district sheikhupura</t>
  </si>
  <si>
    <t>Chak No 23 South</t>
  </si>
  <si>
    <t>GPS CHAK NO.23/76 SYED WALA</t>
  </si>
  <si>
    <t>Chak #23/76</t>
  </si>
  <si>
    <t>Chak #24/77 p/o syedwala Teh &amp;Distt Nankana sahib</t>
  </si>
  <si>
    <t>Chak #23/76 #23/76syedwala</t>
  </si>
  <si>
    <t>GPS CHAK NO.23/BC</t>
  </si>
  <si>
    <t>Chak 23 BC</t>
  </si>
  <si>
    <t>yazman road near sardaro wala bagla</t>
  </si>
  <si>
    <t>Chak No 23BC</t>
  </si>
  <si>
    <t>Chak No 24BC</t>
  </si>
  <si>
    <t>Naveed Ahmed Khalil</t>
  </si>
  <si>
    <t>GPS CHAK NO.23/DNB</t>
  </si>
  <si>
    <t>chak no 23/DNB</t>
  </si>
  <si>
    <t>Chak No 23/DNB</t>
  </si>
  <si>
    <t>Gulam Rasool</t>
  </si>
  <si>
    <t>GPS CHAK NO.230/EB</t>
  </si>
  <si>
    <t>Muhammad Shah Haroof</t>
  </si>
  <si>
    <t>GPS CHAK NO.232/EB</t>
  </si>
  <si>
    <t>232eb</t>
  </si>
  <si>
    <t>chak 232\eb vehari</t>
  </si>
  <si>
    <t>GPS CHAK NO.232/TDA</t>
  </si>
  <si>
    <t>Moj garh</t>
  </si>
  <si>
    <t>Chak no 232/tda p/o Fateh pur Tehsil karor Distt Layyah</t>
  </si>
  <si>
    <t>Chak No 232/TDA</t>
  </si>
  <si>
    <t>GPS CHAK NO.234-A/TDA</t>
  </si>
  <si>
    <t>Chak 234A/TDA</t>
  </si>
  <si>
    <t>Chak No 234A/TDA</t>
  </si>
  <si>
    <t>GPS CHAK NO.234-B/TDA</t>
  </si>
  <si>
    <t>chak  234.b</t>
  </si>
  <si>
    <t>Chak 234B</t>
  </si>
  <si>
    <t>GPS CHAK NO.236/1-L</t>
  </si>
  <si>
    <t>236/1-L</t>
  </si>
  <si>
    <t>CHAK NO 236/1-L</t>
  </si>
  <si>
    <t>CHAK 236/1-L</t>
  </si>
  <si>
    <t>Gul Muhammad</t>
  </si>
  <si>
    <t>GPS CHAK NO.237/TDA</t>
  </si>
  <si>
    <t>237 Tda</t>
  </si>
  <si>
    <t>chak number 237/tda post office 239/tda</t>
  </si>
  <si>
    <t>237/tda</t>
  </si>
  <si>
    <t>Sarfraz Ali</t>
  </si>
  <si>
    <t>GPS CHAK NO.238/TDA</t>
  </si>
  <si>
    <t>chak no.238 tda fatehpur tehsil karor district Layyah</t>
  </si>
  <si>
    <t>Chak No 238 tda</t>
  </si>
  <si>
    <t>Izhar Hussain</t>
  </si>
  <si>
    <t>GPS CHAK NO.239/TDA</t>
  </si>
  <si>
    <t>239 tDA</t>
  </si>
  <si>
    <t>CHAK NUMBER 239 TDA</t>
  </si>
  <si>
    <t>239 TDA</t>
  </si>
  <si>
    <t>SHOUKAT ABAD</t>
  </si>
  <si>
    <t>Muhammad Yasar Iqbal</t>
  </si>
  <si>
    <t>GPS CHAK NO.24/BC</t>
  </si>
  <si>
    <t>Chak No 24/BC</t>
  </si>
  <si>
    <t>23bc</t>
  </si>
  <si>
    <t>Abdul Basit</t>
  </si>
  <si>
    <t>GPS CHAK NO.24/DNB</t>
  </si>
  <si>
    <t>Chak No 24 d n b tehsil yazman</t>
  </si>
  <si>
    <t>Chak No 24 D N B</t>
  </si>
  <si>
    <t>22 D N B</t>
  </si>
  <si>
    <t>GPS CHAK NO.240/HL (TANZEEM)</t>
  </si>
  <si>
    <t>chak 240 HL</t>
  </si>
  <si>
    <t>chak no 240 HL Tehsil FortAbbas district Bahawalngar</t>
  </si>
  <si>
    <t>Chak 240 HL</t>
  </si>
  <si>
    <t>chak No 260 HR</t>
  </si>
  <si>
    <t>GPS CHAK NO.240/TDA</t>
  </si>
  <si>
    <t>GPS 240/TDA</t>
  </si>
  <si>
    <t>Check No240/TDA</t>
  </si>
  <si>
    <t>Shauckat Abad</t>
  </si>
  <si>
    <t>GPS CHAK NO.245 EB</t>
  </si>
  <si>
    <t>245 Eb Gaggoo</t>
  </si>
  <si>
    <t>chack no 245 eb gaggoo burewala</t>
  </si>
  <si>
    <t>Chack No 245 Eb  Gaggoo</t>
  </si>
  <si>
    <t>Amjad Mehmood</t>
  </si>
  <si>
    <t>GPS CHAK NO.25 WB</t>
  </si>
  <si>
    <t>25/WB Vehari</t>
  </si>
  <si>
    <t>chak no.25 w.b tehsil and district vehari</t>
  </si>
  <si>
    <t>chak no25 wb tehsil and district vehari</t>
  </si>
  <si>
    <t>41 WB Danewal</t>
  </si>
  <si>
    <t>MOSADAQ SHAHZAD</t>
  </si>
  <si>
    <t>GPS CHAK NO.253/TDA</t>
  </si>
  <si>
    <t>CHAK NO 253/TDA</t>
  </si>
  <si>
    <t>CHAK NO 253/TDA POST OFFICE FATEH PUR TEHSEEL KARROR DISTRICT LAYYAH</t>
  </si>
  <si>
    <t>Chak No 253 TDA</t>
  </si>
  <si>
    <t>GPS CHAK NO.26 NB</t>
  </si>
  <si>
    <t>Chak26nb</t>
  </si>
  <si>
    <t>chak26n.b tehsil bhlwal</t>
  </si>
  <si>
    <t>Chak15sb</t>
  </si>
  <si>
    <t>GPS CHAK NO.26/BC</t>
  </si>
  <si>
    <t>26bc</t>
  </si>
  <si>
    <t>GPS Chak No. 26 bc</t>
  </si>
  <si>
    <t>Chack No 24bc</t>
  </si>
  <si>
    <t>GPS CHAK NO.263 EB NO.2</t>
  </si>
  <si>
    <t>Chak No 263/EB Besakhi</t>
  </si>
  <si>
    <t>Umar farooq</t>
  </si>
  <si>
    <t>GPS CHAK NO.263/EB NO.1</t>
  </si>
  <si>
    <t>LARANWALA</t>
  </si>
  <si>
    <t>CHAK NO 263/E.B BUREWALA</t>
  </si>
  <si>
    <t>263/E.B</t>
  </si>
  <si>
    <t>265/E.B</t>
  </si>
  <si>
    <t>GPS CHAK NO.268/HR</t>
  </si>
  <si>
    <t>chak268/HR tehsil fortabbas Dstt.bahalwalnagar</t>
  </si>
  <si>
    <t>Muhammad Ahad Nadeem</t>
  </si>
  <si>
    <t>GPS CHAK NO.27 NB</t>
  </si>
  <si>
    <t>27 NB</t>
  </si>
  <si>
    <t>chak no 27 NB</t>
  </si>
  <si>
    <t>Chak no 27 NB</t>
  </si>
  <si>
    <t>Syed Ahmad Shah</t>
  </si>
  <si>
    <t>GPS CHAK NO.27/3-R</t>
  </si>
  <si>
    <t>chak 27/3r</t>
  </si>
  <si>
    <t>M Akmal Khan</t>
  </si>
  <si>
    <t>GPS CHAK NO.27/DNB</t>
  </si>
  <si>
    <t>Chak # 27/DNB.P/O Shahi Wala Teh Yazman Distt Bahawalpur</t>
  </si>
  <si>
    <t>Chak # 27/DNB</t>
  </si>
  <si>
    <t>Chak # 22/DNB</t>
  </si>
  <si>
    <t>Mubashar Hassan</t>
  </si>
  <si>
    <t>GPS CHAK NO.270/HR QADIR TOWN</t>
  </si>
  <si>
    <t>270/HR qadir Town</t>
  </si>
  <si>
    <t>270/Hr QT po. Tiba alamgeer</t>
  </si>
  <si>
    <t>GPS CHAK NO.271 EB</t>
  </si>
  <si>
    <t>271/EB</t>
  </si>
  <si>
    <t>chak no 271/E.B.</t>
  </si>
  <si>
    <t>Chak No 287/EB</t>
  </si>
  <si>
    <t>GPS CHAK NO.271/HR WEST</t>
  </si>
  <si>
    <t>271hr W</t>
  </si>
  <si>
    <t>chak no.271hr w</t>
  </si>
  <si>
    <t>Chak 271hr W</t>
  </si>
  <si>
    <t>GPS CHAK NO.274/HR</t>
  </si>
  <si>
    <t>chak no  274 / HR</t>
  </si>
  <si>
    <t>GPS CHAK NO.28/DNB</t>
  </si>
  <si>
    <t>Chak28DNB</t>
  </si>
  <si>
    <t>Chak No 28 Dnb</t>
  </si>
  <si>
    <t>Chak No 22DNB</t>
  </si>
  <si>
    <t>GPS CHAK NO.285 EB</t>
  </si>
  <si>
    <t>285eb</t>
  </si>
  <si>
    <t>chak no 285eb</t>
  </si>
  <si>
    <t>mushtaq ahmed</t>
  </si>
  <si>
    <t>GPS CHAK NO.289 EB</t>
  </si>
  <si>
    <t>289/e.b</t>
  </si>
  <si>
    <t>Muhammad Zahid Sharif</t>
  </si>
  <si>
    <t>GPS CHAK NO.29 NB</t>
  </si>
  <si>
    <t>ChakNo29NB</t>
  </si>
  <si>
    <t>GPS29N.B.Sargodha.</t>
  </si>
  <si>
    <t>ChakNo36NB</t>
  </si>
  <si>
    <t>GPS CHAK NO.29 SB</t>
  </si>
  <si>
    <t>Chak 29sb</t>
  </si>
  <si>
    <t>chak. no. 29 sb</t>
  </si>
  <si>
    <t>29sb</t>
  </si>
  <si>
    <t>Nadeem Anwar</t>
  </si>
  <si>
    <t>GPS CHAK NO.29/3-R</t>
  </si>
  <si>
    <t>Chak 29/3r</t>
  </si>
  <si>
    <t>chak29/3r HND dist BWN</t>
  </si>
  <si>
    <t>Chak29/3r</t>
  </si>
  <si>
    <t>Chak30/3r</t>
  </si>
  <si>
    <t>GPS CHAK NO.29/3-R AZAFI BASTI</t>
  </si>
  <si>
    <t>29/3r</t>
  </si>
  <si>
    <t>29/3rab tehsil haroonabad district bwn</t>
  </si>
  <si>
    <t>GPS CHAK NO.29/BC</t>
  </si>
  <si>
    <t>Nasir Yaqoob</t>
  </si>
  <si>
    <t>GPS CHAK NO.299 EB</t>
  </si>
  <si>
    <t>chak no.299/EB burewala</t>
  </si>
  <si>
    <t>299/eb</t>
  </si>
  <si>
    <t>325/eb</t>
  </si>
  <si>
    <t>Arslan Manzoor</t>
  </si>
  <si>
    <t>GPS CHAK NO.2-D</t>
  </si>
  <si>
    <t>2/ D</t>
  </si>
  <si>
    <t>2/D</t>
  </si>
  <si>
    <t>khral klan</t>
  </si>
  <si>
    <t>GPS CHAK NO.3 KMR  P/O KOT MELA RAM</t>
  </si>
  <si>
    <t>chak no 3kmr</t>
  </si>
  <si>
    <t>Kotlan Maharan</t>
  </si>
  <si>
    <t>Rahat Jaleel</t>
  </si>
  <si>
    <t>GPS CHAK NO.3 NB</t>
  </si>
  <si>
    <t>chak No.3 nb</t>
  </si>
  <si>
    <t>GPS Chak no. 3 nB</t>
  </si>
  <si>
    <t>chak no. 10 ML</t>
  </si>
  <si>
    <t>GPS CHAK NO.3 RAKH DHAREMA</t>
  </si>
  <si>
    <t>Chak No 3 Rakh Dharema</t>
  </si>
  <si>
    <t>GPS Chak No. 3 Rakh Dharema</t>
  </si>
  <si>
    <t>GPS CHAK NO.3 REMOUNT DEPOT</t>
  </si>
  <si>
    <t>chak no 3 remount depot</t>
  </si>
  <si>
    <t>Arif Masroor</t>
  </si>
  <si>
    <t>GPS CHAK NO.3 SB</t>
  </si>
  <si>
    <t>chak 3sb bhalwal</t>
  </si>
  <si>
    <t>GPS CHAK NO.3/DRB</t>
  </si>
  <si>
    <t>3 DRB</t>
  </si>
  <si>
    <t>chak no 3 DRB YAZMAN, BAHAWALPUR</t>
  </si>
  <si>
    <t>muhammad Riaz ahmad</t>
  </si>
  <si>
    <t>GPS CHAK NO.30 NB</t>
  </si>
  <si>
    <t>chak # 30 nb</t>
  </si>
  <si>
    <t>30 Nb</t>
  </si>
  <si>
    <t>Khan Sher Dil Khan</t>
  </si>
  <si>
    <t>GPS CHAK NO.30/WB</t>
  </si>
  <si>
    <t>chak no30/wb</t>
  </si>
  <si>
    <t>Chak 30/WB</t>
  </si>
  <si>
    <t>Chak56/WB</t>
  </si>
  <si>
    <t>GPS CHAK NO.30-32/DNB</t>
  </si>
  <si>
    <t>32/DNB</t>
  </si>
  <si>
    <t>chak no 32 DNB tehsil yazman bahawalpur</t>
  </si>
  <si>
    <t>Chak No 22 DNB</t>
  </si>
  <si>
    <t>GPS CHAK NO.31 NB</t>
  </si>
  <si>
    <t>Chak no 31 NB p/0 Mitha lakSgd</t>
  </si>
  <si>
    <t>Chak No 31 Nb</t>
  </si>
  <si>
    <t>GPS CHAK NO.31/3-R</t>
  </si>
  <si>
    <t>31/3-r</t>
  </si>
  <si>
    <t>chak no.31/3-r post office Dahranwala tehsil haroonabad district Bahawalnagar</t>
  </si>
  <si>
    <t>33/3-r</t>
  </si>
  <si>
    <t>GPS CHAK NO.31/BC</t>
  </si>
  <si>
    <t>chak no 31bc dera bakha bahawalpur</t>
  </si>
  <si>
    <t>31 Bc</t>
  </si>
  <si>
    <t>Chak 04</t>
  </si>
  <si>
    <t>Sajawal Nawaz</t>
  </si>
  <si>
    <t>GPS CHAK NO.315</t>
  </si>
  <si>
    <t>chak 315</t>
  </si>
  <si>
    <t>gps chak 315/6r p/o chak 88/a tehsil liaqutpur distrck ryk</t>
  </si>
  <si>
    <t>chak 315/6r</t>
  </si>
  <si>
    <t>Rai Muhammed saddique</t>
  </si>
  <si>
    <t>fill water away from school</t>
  </si>
  <si>
    <t>GPS CHAK NO.32 NB</t>
  </si>
  <si>
    <t>32 NB</t>
  </si>
  <si>
    <t>Chak no 32 NB</t>
  </si>
  <si>
    <t>Muhammad Siddique Anwar</t>
  </si>
  <si>
    <t>GPS CHAK NO.32/3-R</t>
  </si>
  <si>
    <t>32/3r</t>
  </si>
  <si>
    <t>Chak no. 32/3r Tehsil Haroonabad Distt. BWN</t>
  </si>
  <si>
    <t>Chak No 32/3r</t>
  </si>
  <si>
    <t>Chak 33/3r</t>
  </si>
  <si>
    <t>Muhammad Faisal Mehmood</t>
  </si>
  <si>
    <t>GPS CHAK NO.323 EB</t>
  </si>
  <si>
    <t>chak no 323 e.b</t>
  </si>
  <si>
    <t>GPS CHAK NO.327/HRL</t>
  </si>
  <si>
    <t>Post Office Maroot Chak No 327/HR Tehsi:Fortabbas District:Bahawalnagar</t>
  </si>
  <si>
    <t>327/HR Pull Colony</t>
  </si>
  <si>
    <t>Abdul Sattar Zain</t>
  </si>
  <si>
    <t>GPS CHAK NO.328 A TDA</t>
  </si>
  <si>
    <t>Chak 328-A</t>
  </si>
  <si>
    <t>Chak No 328A/TDA</t>
  </si>
  <si>
    <t>GPS CHAK NO.328 TDA NO.1</t>
  </si>
  <si>
    <t>Chak No 328/TDA</t>
  </si>
  <si>
    <t>Chak No.328/TDA Tehseil Chaubara Disstt. Layyah</t>
  </si>
  <si>
    <t>GPS CHAK NO.33 NB</t>
  </si>
  <si>
    <t>CHAK NO 33 NB</t>
  </si>
  <si>
    <t>CHAK NO 33 NB SARGODHA</t>
  </si>
  <si>
    <t>CHAK NO 36 NB</t>
  </si>
  <si>
    <t>Tayyaba Iqbal</t>
  </si>
  <si>
    <t>GPS CHAK NO.33 WB</t>
  </si>
  <si>
    <t>33 WB</t>
  </si>
  <si>
    <t>chak no 33 wb vehari</t>
  </si>
  <si>
    <t>Chak No 15 Wb</t>
  </si>
  <si>
    <t>turbines</t>
  </si>
  <si>
    <t>GPS CHAK NO.33/3-R</t>
  </si>
  <si>
    <t>Chak No.33/3-r</t>
  </si>
  <si>
    <t>Chak No 33/3-r</t>
  </si>
  <si>
    <t>Muhammad Altaf Bajwa</t>
  </si>
  <si>
    <t>GPS CHAK NO.33/3-R AB</t>
  </si>
  <si>
    <t>33/3R Ab</t>
  </si>
  <si>
    <t>chak no 33/3R ab HND BWN</t>
  </si>
  <si>
    <t>Chak No 33/3R</t>
  </si>
  <si>
    <t>GPS CHAK NO.33/DNB (W)</t>
  </si>
  <si>
    <t>Chack No 33dnb</t>
  </si>
  <si>
    <t>chack no 33dnb w yazman</t>
  </si>
  <si>
    <t>Chack No 33dnb W</t>
  </si>
  <si>
    <t>Chack 35dnb</t>
  </si>
  <si>
    <t>GPS CHAK NO.34/3-R</t>
  </si>
  <si>
    <t>Akbar Ali Niaz</t>
  </si>
  <si>
    <t>GPS CHAK NO.34/3-R NO.2</t>
  </si>
  <si>
    <t>GPS 34/3r (A)</t>
  </si>
  <si>
    <t>GPS CHAK NO.34/DNB</t>
  </si>
  <si>
    <t>chak 34DNB</t>
  </si>
  <si>
    <t>Chak No 34/DNB</t>
  </si>
  <si>
    <t>GPS CHAK NO.346 TDA</t>
  </si>
  <si>
    <t>346/tda</t>
  </si>
  <si>
    <t>Chak no.346/ t.d.a</t>
  </si>
  <si>
    <t>346/TDA</t>
  </si>
  <si>
    <t>Habib Ur Rahman</t>
  </si>
  <si>
    <t>GPS CHAK NO.35 NB</t>
  </si>
  <si>
    <t>35 Nb</t>
  </si>
  <si>
    <t>chak no 35 nb</t>
  </si>
  <si>
    <t>Chak No 35 Nb</t>
  </si>
  <si>
    <t>Chak No 34 Nb</t>
  </si>
  <si>
    <t>Khuram Ishfaq</t>
  </si>
  <si>
    <t>GPS CHAK NO.35/DNB</t>
  </si>
  <si>
    <t>chak no 35 DNB teh yazman dist BWP</t>
  </si>
  <si>
    <t>Chak No 35 DNB</t>
  </si>
  <si>
    <t>GPS CHAK NO.350 TDA</t>
  </si>
  <si>
    <t>Chak 350</t>
  </si>
  <si>
    <t>chak 350 tda</t>
  </si>
  <si>
    <t>Chak 350 Tda</t>
  </si>
  <si>
    <t>GPS CHAK NO.351 TDA</t>
  </si>
  <si>
    <t>Chalk No 358 TDA</t>
  </si>
  <si>
    <t>Chalk no 358 TDA</t>
  </si>
  <si>
    <t>Chak No 358 TDA</t>
  </si>
  <si>
    <t>Go lay Ada</t>
  </si>
  <si>
    <t>GPS CHAK NO.36 SB</t>
  </si>
  <si>
    <t>CHAK NO 36 SB SARGODHA</t>
  </si>
  <si>
    <t>CHAK NO 36 S.B SARGODHA</t>
  </si>
  <si>
    <t>GPS CHAK NO.36/2RA</t>
  </si>
  <si>
    <t>36/2 RA</t>
  </si>
  <si>
    <t>chak no.36/2ra okara</t>
  </si>
  <si>
    <t>38/2 RA</t>
  </si>
  <si>
    <t>Muhammad  Rizwan Qadri</t>
  </si>
  <si>
    <t>GPS CHAK NO.36/3-R</t>
  </si>
  <si>
    <t>chak no.36/3r</t>
  </si>
  <si>
    <t>Habib  Anwar</t>
  </si>
  <si>
    <t>water cooler for distance</t>
  </si>
  <si>
    <t>GPS CHAK NO.36/WB</t>
  </si>
  <si>
    <t>36/Wb</t>
  </si>
  <si>
    <t>chak no 36/wb</t>
  </si>
  <si>
    <t>GPS CHAK NO.37 NB</t>
  </si>
  <si>
    <t>37NB</t>
  </si>
  <si>
    <t>chak no 37 nb</t>
  </si>
  <si>
    <t>34NB</t>
  </si>
  <si>
    <t>Rao Atique Ur Rehman</t>
  </si>
  <si>
    <t>GPS CHAK NO.37 WB</t>
  </si>
  <si>
    <t>37/WB</t>
  </si>
  <si>
    <t>chack no 37/wb vehari</t>
  </si>
  <si>
    <t>Naseem Ul Ghani</t>
  </si>
  <si>
    <t>GPS CHAK NO.37/BC</t>
  </si>
  <si>
    <t>ABBAS NAGAR</t>
  </si>
  <si>
    <t>CHAK NO. 37 BC TEHSIL SADDAR DISTRICT BWP</t>
  </si>
  <si>
    <t>CHAK N0.37 BC</t>
  </si>
  <si>
    <t>Imtiaz Afzal</t>
  </si>
  <si>
    <t>GPS CHAK NO.38/2-RA</t>
  </si>
  <si>
    <t>Chak No 38/2-RA</t>
  </si>
  <si>
    <t>38/2-RA</t>
  </si>
  <si>
    <t>Muhammad Tariq Bashir</t>
  </si>
  <si>
    <t>GPS CHAK NO.38/BC 5-MARLA SCHEME</t>
  </si>
  <si>
    <t>38/BC</t>
  </si>
  <si>
    <t>GPS 5 Marla Scheme Chak No 38/BC</t>
  </si>
  <si>
    <t>Muhammad Asghar Cheema</t>
  </si>
  <si>
    <t>GPS CHAK NO.38/WB</t>
  </si>
  <si>
    <t>Chak # 38/WB</t>
  </si>
  <si>
    <t>38/WB</t>
  </si>
  <si>
    <t>GPS CHAK NO.386 TDA</t>
  </si>
  <si>
    <t>Chak no. 386/TDA Tehsil and Distt. Layyah</t>
  </si>
  <si>
    <t>GOLAY ADDA</t>
  </si>
  <si>
    <t>GPS CHAK NO.387 TDA</t>
  </si>
  <si>
    <t>chak no 387 TDA</t>
  </si>
  <si>
    <t>Chak No 387 TDA, Layyah</t>
  </si>
  <si>
    <t>Chak No 387 TDA</t>
  </si>
  <si>
    <t>GPS CHAK NO.388 A/TDA</t>
  </si>
  <si>
    <t>Lohanch Thal Klan</t>
  </si>
  <si>
    <t>Chan no 388-A/tda P/O ladhana tehsil and Dostrict Layyah</t>
  </si>
  <si>
    <t>Chack 388-A/Tda</t>
  </si>
  <si>
    <t>GPS CHAK NO.39 D</t>
  </si>
  <si>
    <t>39D</t>
  </si>
  <si>
    <t>chak no 39D</t>
  </si>
  <si>
    <t>FIAZ AHMED</t>
  </si>
  <si>
    <t>GPS CHAK NO.39 NB KACHI ABADI</t>
  </si>
  <si>
    <t>39nb Sgd</t>
  </si>
  <si>
    <t>GPS 39nb kachi abadi Sgd</t>
  </si>
  <si>
    <t>Chak 39nb Kachi Abadi Dgd</t>
  </si>
  <si>
    <t>36nb Sgd</t>
  </si>
  <si>
    <t>Muhammad Hameed Ullah</t>
  </si>
  <si>
    <t>GPS CHAK NO.39 WB</t>
  </si>
  <si>
    <t>39/wb</t>
  </si>
  <si>
    <t>chak no 39/wb vehari</t>
  </si>
  <si>
    <t>GPS CHAK NO.39/DB</t>
  </si>
  <si>
    <t>chak 39/DB</t>
  </si>
  <si>
    <t>Chak 39/DB</t>
  </si>
  <si>
    <t>GPS CHAK NO.39/DNB</t>
  </si>
  <si>
    <t>chak no.39\Dnb</t>
  </si>
  <si>
    <t>39Dnb</t>
  </si>
  <si>
    <t>36Dnb</t>
  </si>
  <si>
    <t>muhammad tayyab</t>
  </si>
  <si>
    <t>GPS CHAK NO.4 HANSE BUDHLA SANT KOTLA MUHARAN</t>
  </si>
  <si>
    <t>Chak 4 Hans</t>
  </si>
  <si>
    <t>chak no 4 hans post office kot mela ram Multan Saddar Multan</t>
  </si>
  <si>
    <t>Kurerri Tamak</t>
  </si>
  <si>
    <t>GPS CHAK NO.4 RAKH DHAREMA</t>
  </si>
  <si>
    <t>Chak No 4 Rakh Dharema</t>
  </si>
  <si>
    <t>GPS CHAK NO 4 RAKH DHAREMA</t>
  </si>
  <si>
    <t>Main Ihsan Ahmed</t>
  </si>
  <si>
    <t>GPS CHAK NO.4 SB AHALI</t>
  </si>
  <si>
    <t>Ahli CHAK No 4 SB</t>
  </si>
  <si>
    <t>Chak No 4 SB Ahli Bhalwal</t>
  </si>
  <si>
    <t>Ahli CHAK 4 SB</t>
  </si>
  <si>
    <t>GPS CHAK NO.4/1-R</t>
  </si>
  <si>
    <t>4/1R</t>
  </si>
  <si>
    <t>chak No 4/1.R post office same tehsil haronabad</t>
  </si>
  <si>
    <t>Muhammad Rasheed Nasir</t>
  </si>
  <si>
    <t>GPS CHAK NO.40 NB</t>
  </si>
  <si>
    <t>chak No. 40 NB Sargodha</t>
  </si>
  <si>
    <t>Fakhar Ur Rehman Khan</t>
  </si>
  <si>
    <t>GPS CHAK NO.40/DB</t>
  </si>
  <si>
    <t>40 DB</t>
  </si>
  <si>
    <t>chak no 40/DB</t>
  </si>
  <si>
    <t>Chak 40/DB</t>
  </si>
  <si>
    <t>Abd-ul-aziz</t>
  </si>
  <si>
    <t>GPS CHAK NO.40/DNB</t>
  </si>
  <si>
    <t>CHAK NO 40/DNB</t>
  </si>
  <si>
    <t>chak no 40/dnb. p/o. chak no 111/dnb</t>
  </si>
  <si>
    <t>40/DNB</t>
  </si>
  <si>
    <t>Chak No 22/dnb</t>
  </si>
  <si>
    <t>Abdul Rasheed Gujjar</t>
  </si>
  <si>
    <t>GPS CHAK NO.40/WB</t>
  </si>
  <si>
    <t>Chat no 40.wb Vehari, vehari</t>
  </si>
  <si>
    <t>Muhammad Ijaz Sajid</t>
  </si>
  <si>
    <t>GPS CHAK NO.401 EB</t>
  </si>
  <si>
    <t>401 EB</t>
  </si>
  <si>
    <t>chak no 401 eb po same teh Burewala Dist Vehari</t>
  </si>
  <si>
    <t>401EB</t>
  </si>
  <si>
    <t>Riaz Ali</t>
  </si>
  <si>
    <t>GPS CHAK NO.403 EB</t>
  </si>
  <si>
    <t>Mushtaq Ahmad Anjum</t>
  </si>
  <si>
    <t>GPS CHAK NO.406/TDA</t>
  </si>
  <si>
    <t>chak no. 406 TDA</t>
  </si>
  <si>
    <t>Muhammad qasim</t>
  </si>
  <si>
    <t>GPS CHAK NO.407 EB</t>
  </si>
  <si>
    <t>407/EB</t>
  </si>
  <si>
    <t>Chak No. 407/E.B Burewala</t>
  </si>
  <si>
    <t>407/E B</t>
  </si>
  <si>
    <t>GPS CHAK NO.41 WB</t>
  </si>
  <si>
    <t>41/WB Danewal</t>
  </si>
  <si>
    <t>41/WB Danewal Vehari.</t>
  </si>
  <si>
    <t>41/WB</t>
  </si>
  <si>
    <t>Abdul Raouf</t>
  </si>
  <si>
    <t>GPS CHAK NO.41/3-R</t>
  </si>
  <si>
    <t>Chak 41/3R</t>
  </si>
  <si>
    <t>chak no 41/3r teh.Haroonabad Dist.Bahawalnagar</t>
  </si>
  <si>
    <t>ZAHEER ASHRAF</t>
  </si>
  <si>
    <t>GPS CHAK NO.41/DNB</t>
  </si>
  <si>
    <t>chak no 41 dnb p/o 111 dnb tehsil yazman  bahawalpur</t>
  </si>
  <si>
    <t>41DNB W</t>
  </si>
  <si>
    <t>Shahid Jameel</t>
  </si>
  <si>
    <t>GPS CHAK NO.41/DNB JINNAH COLONY</t>
  </si>
  <si>
    <t>Jinah Colony 41DNB East</t>
  </si>
  <si>
    <t>chak 41/DNB P/O 111/DNB shahiwala yazman Bahawalpur</t>
  </si>
  <si>
    <t>41DNB East Jinah Colony</t>
  </si>
  <si>
    <t>Chak 22/DNB</t>
  </si>
  <si>
    <t>Tahir Qayyum</t>
  </si>
  <si>
    <t>GPS CHAK NO.414 TDA</t>
  </si>
  <si>
    <t>chak 414/TDA</t>
  </si>
  <si>
    <t>Chak 414 TDA</t>
  </si>
  <si>
    <t>Chak 393/TDA</t>
  </si>
  <si>
    <t>GPS CHAK NO.419</t>
  </si>
  <si>
    <t>Chak No 419/eb</t>
  </si>
  <si>
    <t>chack no 419/EB burewala disrict vehari</t>
  </si>
  <si>
    <t>Chack No 419/eb</t>
  </si>
  <si>
    <t>GPS CHAK NO.42 D KHURD</t>
  </si>
  <si>
    <t>42/D Khurd</t>
  </si>
  <si>
    <t>Chak # 42/D khurd,Tehsil Depalpur District Okara.</t>
  </si>
  <si>
    <t>MAZHER HUSSAIN</t>
  </si>
  <si>
    <t>GPS CHAK NO.42/3-R</t>
  </si>
  <si>
    <t>Chak NO 42/3R</t>
  </si>
  <si>
    <t>Chak No42/3R</t>
  </si>
  <si>
    <t>M Iqbal</t>
  </si>
  <si>
    <t>GPS CHAK NO.42/DB (E)</t>
  </si>
  <si>
    <t>42/DB</t>
  </si>
  <si>
    <t>GPS 42/DB Tehsil yazman District Bahawalpur</t>
  </si>
  <si>
    <t>GPS CHAK NO.42/DNB</t>
  </si>
  <si>
    <t>chak no 42/dnb</t>
  </si>
  <si>
    <t>Chak No 42/dnb</t>
  </si>
  <si>
    <t>GPS CHAK NO.42/WB</t>
  </si>
  <si>
    <t>Chak NO 42/WB</t>
  </si>
  <si>
    <t>GPS 42/wb vehari</t>
  </si>
  <si>
    <t>42wb Vehari</t>
  </si>
  <si>
    <t>56wb Vehari</t>
  </si>
  <si>
    <t>GPS CHAK NO.423 EB</t>
  </si>
  <si>
    <t>423/EB</t>
  </si>
  <si>
    <t>chak no 423/EB</t>
  </si>
  <si>
    <t>Muhammad Allah yar Anjum</t>
  </si>
  <si>
    <t>GPS CHAK NO.425 EB P/O FAREEDABAD</t>
  </si>
  <si>
    <t>Chak No 425/EB.  Burewala</t>
  </si>
  <si>
    <t>425/EB Burewala</t>
  </si>
  <si>
    <t>Khalid Ali</t>
  </si>
  <si>
    <t>GPS CHAK NO.427/6-R (E)</t>
  </si>
  <si>
    <t>Chak no 427/6r E teh. Haronabad Disst BWN</t>
  </si>
  <si>
    <t>427/6R E</t>
  </si>
  <si>
    <t>Muhammad Sajid Ali</t>
  </si>
  <si>
    <t>GPS CHAK NO.428/TDA</t>
  </si>
  <si>
    <t>chak no 428/TDA dhori adda</t>
  </si>
  <si>
    <t>Chak No 428/TDA</t>
  </si>
  <si>
    <t>GPS CHAK NO.429 EB BUREWALA</t>
  </si>
  <si>
    <t>429/EB</t>
  </si>
  <si>
    <t>429/EB markaz lando masjid burewala</t>
  </si>
  <si>
    <t>Muhammad Tauqir Fayyaz</t>
  </si>
  <si>
    <t>GPS CHAK NO.43 SB</t>
  </si>
  <si>
    <t>chak no 43 sb</t>
  </si>
  <si>
    <t>Mubshar Ahmed</t>
  </si>
  <si>
    <t>GPS CHAK NO.43/3-R (W)</t>
  </si>
  <si>
    <t>chak no 43 3/R Tehsil haronabad District Bahawalnagar</t>
  </si>
  <si>
    <t>43 3/R W</t>
  </si>
  <si>
    <t>42 3/R</t>
  </si>
  <si>
    <t>GPS CHAK NO.439/EB</t>
  </si>
  <si>
    <t>GPS 439/EB</t>
  </si>
  <si>
    <t>439 EB</t>
  </si>
  <si>
    <t>Ward 25</t>
  </si>
  <si>
    <t>GPS CHAK NO.44/3-R</t>
  </si>
  <si>
    <t>44-3r</t>
  </si>
  <si>
    <t>GPS 44 3 r .haroonabad</t>
  </si>
  <si>
    <t>23 24 laleka</t>
  </si>
  <si>
    <t>Atif Mumtaz</t>
  </si>
  <si>
    <t>GPS CHAK NO.44/DB (E)</t>
  </si>
  <si>
    <t>GPS Chak No. 44/DB(E)</t>
  </si>
  <si>
    <t>44/DB E</t>
  </si>
  <si>
    <t>Zameer Ahmad</t>
  </si>
  <si>
    <t>GPS CHAK NO.44/DB (W)</t>
  </si>
  <si>
    <t>chak 44/DB(W) tehsil yazman distt Bahawalpur</t>
  </si>
  <si>
    <t>GPS CHAK NO.44/WB</t>
  </si>
  <si>
    <t>44/WB</t>
  </si>
  <si>
    <t>Abdul Rehman Sajid</t>
  </si>
  <si>
    <t>GPS CHAK NO.441 EB</t>
  </si>
  <si>
    <t>street No.7 yaqoob Abad Burewala</t>
  </si>
  <si>
    <t>441/EB</t>
  </si>
  <si>
    <t>Ward 30</t>
  </si>
  <si>
    <t>GPS CHAK NO.443 EB</t>
  </si>
  <si>
    <t>chack no 443/EB</t>
  </si>
  <si>
    <t>GPS CHAK NO.445/EB</t>
  </si>
  <si>
    <t>Chak No 445EB</t>
  </si>
  <si>
    <t>445eb burewala</t>
  </si>
  <si>
    <t>445eb</t>
  </si>
  <si>
    <t>Ward 26</t>
  </si>
  <si>
    <t>Mohammad Jamil</t>
  </si>
  <si>
    <t>GPS CHAK NO.449 EB</t>
  </si>
  <si>
    <t>449 /EB</t>
  </si>
  <si>
    <t>GPS 449 EB</t>
  </si>
  <si>
    <t>GPS CHAK NO.44-D</t>
  </si>
  <si>
    <t>44/D</t>
  </si>
  <si>
    <t>GPS 44/D</t>
  </si>
  <si>
    <t>Mohsan Hassen</t>
  </si>
  <si>
    <t>GPS CHAK NO.45/3-R</t>
  </si>
  <si>
    <t>chak no.45/3r</t>
  </si>
  <si>
    <t>Chak N0.45/3r</t>
  </si>
  <si>
    <t>Chak N0.23/3r Laileka</t>
  </si>
  <si>
    <t>Tanveer Ul Husnain Shah</t>
  </si>
  <si>
    <t>GPS CHAK NO.45/F KHACHAIN WALA</t>
  </si>
  <si>
    <t>chak No 45/ F</t>
  </si>
  <si>
    <t>chak no 45.F  khichian wala</t>
  </si>
  <si>
    <t>chak No 45 /F KW</t>
  </si>
  <si>
    <t>GPS CHAK NO.451/EB NO.1</t>
  </si>
  <si>
    <t>chak no.451/eb dist. vehari</t>
  </si>
  <si>
    <t>Mohsin Khursheed</t>
  </si>
  <si>
    <t>GPS CHAK NO.451/EB NO.2</t>
  </si>
  <si>
    <t>GPS no 2 chak no 451/eb Pi Link</t>
  </si>
  <si>
    <t>451/eb Pi Link</t>
  </si>
  <si>
    <t>Chak 457/eb</t>
  </si>
  <si>
    <t>GPS CHAK NO.453 EB LOT P/O BUREWALA</t>
  </si>
  <si>
    <t>check No 453/E.b Lot Burewala</t>
  </si>
  <si>
    <t>453/EB Lot</t>
  </si>
  <si>
    <t>Muhammad Amjad Javed</t>
  </si>
  <si>
    <t>GPS CHAK NO.459/EB</t>
  </si>
  <si>
    <t>459/eb</t>
  </si>
  <si>
    <t>chak NO 459/EB Burewala</t>
  </si>
  <si>
    <t>GPS CHAK NO.46/DB (E)</t>
  </si>
  <si>
    <t>Chak No. 46 DB E</t>
  </si>
  <si>
    <t>46 DB E</t>
  </si>
  <si>
    <t>GPS CHAK NO.46/DB (W)</t>
  </si>
  <si>
    <t>46/DB West</t>
  </si>
  <si>
    <t>GPS 46/DB West</t>
  </si>
  <si>
    <t>Chak No 46/DB</t>
  </si>
  <si>
    <t>MUHAMMAD KHALID HUSSAIN</t>
  </si>
  <si>
    <t>GPS CHAK NO.46/WB</t>
  </si>
  <si>
    <t>46WB</t>
  </si>
  <si>
    <t>Chak No.46/WB Merkaz Rahim Shah Cluster Thingi Vehari</t>
  </si>
  <si>
    <t>Chak No. 46/WB</t>
  </si>
  <si>
    <t>GPS CHAK NO.47/3-R</t>
  </si>
  <si>
    <t>Chak 47/3-R</t>
  </si>
  <si>
    <t>chak no. 47/3-R</t>
  </si>
  <si>
    <t>Chak No 47/3-R</t>
  </si>
  <si>
    <t>Muhammad Tauseef Ashfaq</t>
  </si>
  <si>
    <t>GPS CHAK NO.47/DB (E)</t>
  </si>
  <si>
    <t>Chak No 47 D.B East</t>
  </si>
  <si>
    <t>Chak 47 DB East</t>
  </si>
  <si>
    <t>Chak No 68 DB</t>
  </si>
  <si>
    <t>GPS CHAK NO.47/DNB</t>
  </si>
  <si>
    <t>Chak no 47/DNB P/O shahi wala Tehsil Yazman BWP</t>
  </si>
  <si>
    <t>Chak  47/DNB</t>
  </si>
  <si>
    <t>Muhammad Riaz Ali</t>
  </si>
  <si>
    <t>GPS CHAK NO.47/WB</t>
  </si>
  <si>
    <t>47wb</t>
  </si>
  <si>
    <t>Chak no. 47wb vehari</t>
  </si>
  <si>
    <t>Chak No 53wb</t>
  </si>
  <si>
    <t>SAEED U DIN</t>
  </si>
  <si>
    <t>GPS CHAK NO.479/EB</t>
  </si>
  <si>
    <t>479 EB</t>
  </si>
  <si>
    <t>479 EB Tehsil and district vehari</t>
  </si>
  <si>
    <t>479 EB Vehari</t>
  </si>
  <si>
    <t>MAQSOOD HUSSAIN SHAHID</t>
  </si>
  <si>
    <t>GPS CHAK NO.47-D</t>
  </si>
  <si>
    <t>47-D</t>
  </si>
  <si>
    <t>GPS 47 -D</t>
  </si>
  <si>
    <t>SHRAFAT ALI SAJID</t>
  </si>
  <si>
    <t>GPS CHAK NO.48/DB</t>
  </si>
  <si>
    <t>Chak no 48/DB yazman</t>
  </si>
  <si>
    <t>48/DB</t>
  </si>
  <si>
    <t>GPS CHAK NO.481/EB</t>
  </si>
  <si>
    <t>481eb</t>
  </si>
  <si>
    <t>Chak no 481eb tehsil &amp;distric Vehari</t>
  </si>
  <si>
    <t>481eb Vehari</t>
  </si>
  <si>
    <t>Fazal wah</t>
  </si>
  <si>
    <t>M Khalid pervaiz</t>
  </si>
  <si>
    <t>GPS CHAK NO.49 SB</t>
  </si>
  <si>
    <t>Chak no 49 sb</t>
  </si>
  <si>
    <t>chak no 49 sb</t>
  </si>
  <si>
    <t>Jaffar Ali Bhutta</t>
  </si>
  <si>
    <t>GPS CHAK NO.49/DB (W)</t>
  </si>
  <si>
    <t>Ch# 49/DB W Yazman</t>
  </si>
  <si>
    <t>Chak # 49/DB(w) Yazman Bahawalpur</t>
  </si>
  <si>
    <t>Ch# 49/DB</t>
  </si>
  <si>
    <t>Hafiz Kaleem Ullah</t>
  </si>
  <si>
    <t>GPS CHAK NO.5 NB</t>
  </si>
  <si>
    <t>Chak 5 Nb</t>
  </si>
  <si>
    <t>chak 5 nb tehsil bhalwal disst sargodha</t>
  </si>
  <si>
    <t>Muhammad  Asghar   Mahmood</t>
  </si>
  <si>
    <t>GPS CHAK NO.5 RAKH DHAREMA</t>
  </si>
  <si>
    <t>CHAK NO 5 RAKH DHAREMA</t>
  </si>
  <si>
    <t>GPS CHAK NO 5 RAKH DHAREMA</t>
  </si>
  <si>
    <t>CHAK NO 58 NB</t>
  </si>
  <si>
    <t>GPS CHAK NO.5 REMOUNT DEPOT</t>
  </si>
  <si>
    <t>REMOUNT Depot DEPOT  72 NB</t>
  </si>
  <si>
    <t>Chak No. 5 Remount Depot</t>
  </si>
  <si>
    <t>Chak 5 RD</t>
  </si>
  <si>
    <t>GPS CHAK NO.5 SB</t>
  </si>
  <si>
    <t>Chak 5 Sb</t>
  </si>
  <si>
    <t>chak 5 sb bhalwal</t>
  </si>
  <si>
    <t>GPS CHAK NO.5/1-R</t>
  </si>
  <si>
    <t>5/1-r</t>
  </si>
  <si>
    <t>Chak no 5/1-r p/o 4/1-r teh  haroonabad distt bahawalnagar</t>
  </si>
  <si>
    <t>15/1-r</t>
  </si>
  <si>
    <t>GPS CHAK NO.5/DRB</t>
  </si>
  <si>
    <t>Cholistan</t>
  </si>
  <si>
    <t>chak no 5/drb</t>
  </si>
  <si>
    <t>5/DRB</t>
  </si>
  <si>
    <t>GPS CHAK NO.50 NB</t>
  </si>
  <si>
    <t>Asian Wala</t>
  </si>
  <si>
    <t>govt.primary school 50 nb</t>
  </si>
  <si>
    <t>chak # 50 nb</t>
  </si>
  <si>
    <t>Chak # 50</t>
  </si>
  <si>
    <t>GPS CHAK NO.50 SB</t>
  </si>
  <si>
    <t>50sb</t>
  </si>
  <si>
    <t>chak no 50 sb sillanwali</t>
  </si>
  <si>
    <t>Asad Iqbal Chaudhary</t>
  </si>
  <si>
    <t>GPS CHAK NO.50/DB (E)</t>
  </si>
  <si>
    <t>Chak No 50/DB East yazman distt. Bahawalpur</t>
  </si>
  <si>
    <t>Chak No 50DB</t>
  </si>
  <si>
    <t>Tayyaba Nazir</t>
  </si>
  <si>
    <t>GPS CHAK NO.50/DB MUMTAZ ABAD</t>
  </si>
  <si>
    <t>chak no 50/db mumtaz abad</t>
  </si>
  <si>
    <t>50/db</t>
  </si>
  <si>
    <t>Frasat Ali Khan</t>
  </si>
  <si>
    <t>GPS CHAK NO.501 EB</t>
  </si>
  <si>
    <t>chak 501/E.B</t>
  </si>
  <si>
    <t>Bashir Ali</t>
  </si>
  <si>
    <t>GPS CHAK NO.503 TDA</t>
  </si>
  <si>
    <t>503/tda</t>
  </si>
  <si>
    <t>chak no 503/tda teh kot adu</t>
  </si>
  <si>
    <t>Chak 503/tda</t>
  </si>
  <si>
    <t>GPS CHAK NO.503/EB</t>
  </si>
  <si>
    <t>chack 503/E.B burewala</t>
  </si>
  <si>
    <t>GPS CHAK NO.507 TDA</t>
  </si>
  <si>
    <t>Chack No. 507/T.D.A  Post Office Rangpur Tehsil Kot Addu District Muzaffar Garh</t>
  </si>
  <si>
    <t>Chack No 507/TDA</t>
  </si>
  <si>
    <t>GPS CHAK NO.507/EB</t>
  </si>
  <si>
    <t>507/EB</t>
  </si>
  <si>
    <t>chak 507/eb</t>
  </si>
  <si>
    <t>MAQBOOL-UL-HAQ</t>
  </si>
  <si>
    <t>GPS CHAK NO.51 NB</t>
  </si>
  <si>
    <t>Chak No 51 NB</t>
  </si>
  <si>
    <t>Masood Ahmad Gondal</t>
  </si>
  <si>
    <t>GPS CHAK NO.51 SB</t>
  </si>
  <si>
    <t>chak 51 sb</t>
  </si>
  <si>
    <t>Chak 51 sb P/O Bhagtanwala Teh/Distt Sargodha</t>
  </si>
  <si>
    <t>Chak 51 SB</t>
  </si>
  <si>
    <t>GPS CHAK NO.51 WB</t>
  </si>
  <si>
    <t>51WB</t>
  </si>
  <si>
    <t>chak no 51 wb</t>
  </si>
  <si>
    <t>Chak No 51 51WB</t>
  </si>
  <si>
    <t>Chak No 63 Wb</t>
  </si>
  <si>
    <t>GPS CHAK NO.511 EB</t>
  </si>
  <si>
    <t>511/ EB</t>
  </si>
  <si>
    <t>511/EB tahsil burewala district vehari</t>
  </si>
  <si>
    <t>511/EB</t>
  </si>
  <si>
    <t>GPS CHAK NO.513 TDA</t>
  </si>
  <si>
    <t>Rakh Patti Siyal</t>
  </si>
  <si>
    <t>Chak#513/TDA</t>
  </si>
  <si>
    <t>CHAK #513/TDA</t>
  </si>
  <si>
    <t>GPS CHAK NO.519/EB</t>
  </si>
  <si>
    <t>519/EB</t>
  </si>
  <si>
    <t>CHAK #519/E.B,TEHSIL BUREWALA,DISTRICT VEHARI.</t>
  </si>
  <si>
    <t>515/EB</t>
  </si>
  <si>
    <t>Tuseef Ahmad</t>
  </si>
  <si>
    <t>GPS CHAK NO.52 NB</t>
  </si>
  <si>
    <t>Chak52NB</t>
  </si>
  <si>
    <t>GPS Chak52 N.B</t>
  </si>
  <si>
    <t>Chak52 NB</t>
  </si>
  <si>
    <t>LuddayWala</t>
  </si>
  <si>
    <t>Anser Javed</t>
  </si>
  <si>
    <t>GPS CHAK NO.52/DB (E)</t>
  </si>
  <si>
    <t>chak # 52/DB</t>
  </si>
  <si>
    <t>52/DB</t>
  </si>
  <si>
    <t>Chak # 117/DB</t>
  </si>
  <si>
    <t>GPS CHAK NO.52/DB (W)</t>
  </si>
  <si>
    <t>GBPS 52 D.B(w)</t>
  </si>
  <si>
    <t>52dbw</t>
  </si>
  <si>
    <t>Nazia Alam</t>
  </si>
  <si>
    <t>GPS CHAK NO.53 NB NEW</t>
  </si>
  <si>
    <t>chak 53 nb new</t>
  </si>
  <si>
    <t>53 Nb New</t>
  </si>
  <si>
    <t>Ludewala</t>
  </si>
  <si>
    <t>SHAHID MEHBOOB</t>
  </si>
  <si>
    <t>GPS CHAK NO.53 SB</t>
  </si>
  <si>
    <t>Chak 53 Sb</t>
  </si>
  <si>
    <t>chak 53sb</t>
  </si>
  <si>
    <t>Chak 53sb</t>
  </si>
  <si>
    <t>Haroon Abdullah</t>
  </si>
  <si>
    <t>GPS CHAK NO.535 EB</t>
  </si>
  <si>
    <t>Chak No 535 E B</t>
  </si>
  <si>
    <t>chak no 535 e b vehari</t>
  </si>
  <si>
    <t>557 E B</t>
  </si>
  <si>
    <t>GPS CHAK NO.537 EB</t>
  </si>
  <si>
    <t>Chao No, 537 EB Vehari</t>
  </si>
  <si>
    <t>537 EBvehari</t>
  </si>
  <si>
    <t>Naveed Ahmad Awan</t>
  </si>
  <si>
    <t>GPS CHAK NO.538 TDA</t>
  </si>
  <si>
    <t>chak no 559/tda</t>
  </si>
  <si>
    <t>chak no 567/tda</t>
  </si>
  <si>
    <t>muhammad rafiq</t>
  </si>
  <si>
    <t>GPS CHAK NO.54 A SB</t>
  </si>
  <si>
    <t>54 Sb</t>
  </si>
  <si>
    <t>Chak no.54sb sargodha</t>
  </si>
  <si>
    <t>Chak 54 ASB</t>
  </si>
  <si>
    <t>GPS CHAK NO.54 NB</t>
  </si>
  <si>
    <t>54nb</t>
  </si>
  <si>
    <t>54nb sargodha</t>
  </si>
  <si>
    <t>54Nb</t>
  </si>
  <si>
    <t>Lude Wala</t>
  </si>
  <si>
    <t>Fazal-ur-Rehman</t>
  </si>
  <si>
    <t>GPS CHAK NO.54 SB</t>
  </si>
  <si>
    <t>Chak No 54sb</t>
  </si>
  <si>
    <t>Chak no. 54sb tehsil and district Sargodha</t>
  </si>
  <si>
    <t>Chak No 52sb</t>
  </si>
  <si>
    <t>GPS CHAK NO.54 SB DURYANA BHATIAN</t>
  </si>
  <si>
    <t>chak 54 sb duryana bhattian</t>
  </si>
  <si>
    <t>Duryana bhattian</t>
  </si>
  <si>
    <t>Zia ur rehman</t>
  </si>
  <si>
    <t>GPS CHAK NO.54/KB</t>
  </si>
  <si>
    <t>Chak 54kb</t>
  </si>
  <si>
    <t>GPS 54kb markez satluj vehari</t>
  </si>
  <si>
    <t>GPS CHAK NO.54/M</t>
  </si>
  <si>
    <t>chak No 54/m T/D lodhran</t>
  </si>
  <si>
    <t>Chak NO 54 M</t>
  </si>
  <si>
    <t>GPS CHAK NO.54/WB</t>
  </si>
  <si>
    <t>54 WB</t>
  </si>
  <si>
    <t>Chak NO 54WB</t>
  </si>
  <si>
    <t>GPS CHAK NO.540 TDA</t>
  </si>
  <si>
    <t>CHAK NO 540TDA</t>
  </si>
  <si>
    <t>CHAK NO 540 TDA</t>
  </si>
  <si>
    <t>GPS CHAK NO.545 EB WEST</t>
  </si>
  <si>
    <t>Jawan wala</t>
  </si>
  <si>
    <t>Chak no. 545/eb west</t>
  </si>
  <si>
    <t>Chak  545/EbWest</t>
  </si>
  <si>
    <t>Chak 537/Eb</t>
  </si>
  <si>
    <t>GPS CHAK NO.549 EB</t>
  </si>
  <si>
    <t>549EB</t>
  </si>
  <si>
    <t>chak no.549/EB tehsil vehari</t>
  </si>
  <si>
    <t>549/EB Vehari</t>
  </si>
  <si>
    <t>WAQAS AHMAD</t>
  </si>
  <si>
    <t>GPS CHAK NO.55/TDA</t>
  </si>
  <si>
    <t>Chak # 55/TDA</t>
  </si>
  <si>
    <t>CHAK # 55/TDA DISTT. BHAKKAR</t>
  </si>
  <si>
    <t>GPS CHAK NO.551 TDA</t>
  </si>
  <si>
    <t>551/Tda</t>
  </si>
  <si>
    <t>Chak no 551</t>
  </si>
  <si>
    <t>GPS CHAK NO.555 EB</t>
  </si>
  <si>
    <t>chak no. 555/E.B Vehari</t>
  </si>
  <si>
    <t>Chak 555/eb VEH</t>
  </si>
  <si>
    <t>Chak 561/eb</t>
  </si>
  <si>
    <t>GPS CHAK NO.559 EB</t>
  </si>
  <si>
    <t>559/E.B</t>
  </si>
  <si>
    <t>Chak No, 559/E.B Tehsil and District Vehari</t>
  </si>
  <si>
    <t>Chak No. 559/E.B</t>
  </si>
  <si>
    <t>Chak No. 1/W.B</t>
  </si>
  <si>
    <t>MUHAMMAD IMRAN ASLAM</t>
  </si>
  <si>
    <t>GPS CHAK NO.56 NB</t>
  </si>
  <si>
    <t>56 NB</t>
  </si>
  <si>
    <t>chak N O 56 N B post office Dhrama Sargodha</t>
  </si>
  <si>
    <t>56 N B</t>
  </si>
  <si>
    <t>chak NO 55 N B</t>
  </si>
  <si>
    <t>GPS CHAK NO.56/DB (B)</t>
  </si>
  <si>
    <t>chack no 56 DB yazman</t>
  </si>
  <si>
    <t>56 D B</t>
  </si>
  <si>
    <t>MC Yazman</t>
  </si>
  <si>
    <t>Kashif Ali Kashif</t>
  </si>
  <si>
    <t>GPS CHAK NO.56/KB</t>
  </si>
  <si>
    <t>56kb</t>
  </si>
  <si>
    <t>GPS 56kb Teh &amp;Dis  Vehari</t>
  </si>
  <si>
    <t>Hafiz Liaquat Ali</t>
  </si>
  <si>
    <t>GPS CHAK NO.56/TDA</t>
  </si>
  <si>
    <t>Chak No 55Tda</t>
  </si>
  <si>
    <t>chak no 56tda</t>
  </si>
  <si>
    <t>Chak No 56tda</t>
  </si>
  <si>
    <t>GPS CHAK NO.560 TDA</t>
  </si>
  <si>
    <t>chak no. 560 /tda  chowk  sarwar  shaheed   tah.  Kot Adu dist.  M Garh</t>
  </si>
  <si>
    <t>Chak No 560</t>
  </si>
  <si>
    <t>567/tda</t>
  </si>
  <si>
    <t>Muhammad  Ishfaq</t>
  </si>
  <si>
    <t>GPS CHAK NO.561 TDA</t>
  </si>
  <si>
    <t>Chak No 561/tda</t>
  </si>
  <si>
    <t>Chak No 561TDA</t>
  </si>
  <si>
    <t>GPS CHAK NO.563 EB</t>
  </si>
  <si>
    <t>563/EB</t>
  </si>
  <si>
    <t>GPS. 563/E.B</t>
  </si>
  <si>
    <t>GPS CHAK NO.563 TDA</t>
  </si>
  <si>
    <t>Chak 563 Tda</t>
  </si>
  <si>
    <t>Chak 563 tda chok serwer shaheed</t>
  </si>
  <si>
    <t>Mir Pur Bgal</t>
  </si>
  <si>
    <t>GPS CHAK NO.565 EB</t>
  </si>
  <si>
    <t>Chack No 565/EB Vehari</t>
  </si>
  <si>
    <t>chack no 565/eb vehari</t>
  </si>
  <si>
    <t>Chack No 561/EB Vehari</t>
  </si>
  <si>
    <t>Shahid Pervaiz</t>
  </si>
  <si>
    <t>GPS CHAK NO.566 TDA</t>
  </si>
  <si>
    <t>Chak No 566/tda</t>
  </si>
  <si>
    <t>chak no 566/tda</t>
  </si>
  <si>
    <t>Chak No 567/tda</t>
  </si>
  <si>
    <t>Muhammad Ali Rehman</t>
  </si>
  <si>
    <t>GPS CHAK NO.57/F</t>
  </si>
  <si>
    <t>Chak57/f</t>
  </si>
  <si>
    <t>chak 57/f P O Box 58/f muhammad panah mor HSP dist,BWP</t>
  </si>
  <si>
    <t>Chak 57/f</t>
  </si>
  <si>
    <t>Chak 58/f</t>
  </si>
  <si>
    <t>GPS CHAK NO.57/F BASTI SONAY WALI</t>
  </si>
  <si>
    <t>Chak #57/F sonay wali Hasilpur</t>
  </si>
  <si>
    <t>GPS CHAK NO.57/TDA</t>
  </si>
  <si>
    <t>chak 57/tda tehsile &amp; district bhakkar</t>
  </si>
  <si>
    <t>Chak 57</t>
  </si>
  <si>
    <t>GPS CHAK NO.573 EB</t>
  </si>
  <si>
    <t>573/EB</t>
  </si>
  <si>
    <t>Chak#573/E.B Post Office Same Tehsil and District Vehari</t>
  </si>
  <si>
    <t>573/EB Vehari</t>
  </si>
  <si>
    <t>Chak 561/EB</t>
  </si>
  <si>
    <t>GPS CHAK NO.575 TDA</t>
  </si>
  <si>
    <t>575/tda</t>
  </si>
  <si>
    <t>chak no 575/tda p/o chowk  Sarwar shaheed  dist#M.garh Teh# kot adu</t>
  </si>
  <si>
    <t>Muhammad Asif Ramzan</t>
  </si>
  <si>
    <t>GPS CHAK NO.57-58/DB</t>
  </si>
  <si>
    <t>GPS 57-58/DB</t>
  </si>
  <si>
    <t>57-58/DB</t>
  </si>
  <si>
    <t>Muhammad Sami Ullah</t>
  </si>
  <si>
    <t>GPS CHAK NO.576 TDA</t>
  </si>
  <si>
    <t>Chack No 576/TDA</t>
  </si>
  <si>
    <t>Tehil kot adu.district.muzaffer garh</t>
  </si>
  <si>
    <t>576/TDA</t>
  </si>
  <si>
    <t>GPS CHAK NO.577 EB</t>
  </si>
  <si>
    <t>577/EB</t>
  </si>
  <si>
    <t>Govt Boys Primary School Chak no 577/EB Vehari</t>
  </si>
  <si>
    <t>Shahbaz Khaliel</t>
  </si>
  <si>
    <t>GPS CHAK NO.58/DB</t>
  </si>
  <si>
    <t>GPS 58 db south yazman</t>
  </si>
  <si>
    <t>Chak No 50db</t>
  </si>
  <si>
    <t>Sumreen Afzal</t>
  </si>
  <si>
    <t>GPS CHAK NO.58/TDA</t>
  </si>
  <si>
    <t>58 TDA</t>
  </si>
  <si>
    <t>GPS Chak No 58 TDA Tehsil and Districk Bhakkar</t>
  </si>
  <si>
    <t>GPS CHAK NO.58/WB BASTI RAHIM SHAH</t>
  </si>
  <si>
    <t>Chak no 58/wb basti raheem shah vehari</t>
  </si>
  <si>
    <t>58/wb Basti Raheem Shah</t>
  </si>
  <si>
    <t>Engr. Khawar Ali</t>
  </si>
  <si>
    <t>GPS CHAK NO.580 TDA</t>
  </si>
  <si>
    <t>580 TDA</t>
  </si>
  <si>
    <t>Asim Ali</t>
  </si>
  <si>
    <t>GPS CHAK NO.581 TDA</t>
  </si>
  <si>
    <t>chak no 581/TDA  CHOWK SARWAR SHAHEED TEHSIL KOT ADU</t>
  </si>
  <si>
    <t>Chak No 581/TDA</t>
  </si>
  <si>
    <t>GPS CHAK NO.586 TDA</t>
  </si>
  <si>
    <t>Chak No. 586 TDA  Chowk sarwar shaheed</t>
  </si>
  <si>
    <t>Chak No 586 TDA</t>
  </si>
  <si>
    <t>SHOUKAT MASIH</t>
  </si>
  <si>
    <t>GPS CHAK NO.587 TDA</t>
  </si>
  <si>
    <t>Sadiq Abbad</t>
  </si>
  <si>
    <t>chak no 587/tda</t>
  </si>
  <si>
    <t>Chak 587/TDA</t>
  </si>
  <si>
    <t>GPS CHAK NO.591 TDA</t>
  </si>
  <si>
    <t>591/TDA</t>
  </si>
  <si>
    <t>Chak No 591/TDA</t>
  </si>
  <si>
    <t>Wandharh</t>
  </si>
  <si>
    <t>GPS CHAK NO.592 TDA</t>
  </si>
  <si>
    <t>Chak No 592 T D A</t>
  </si>
  <si>
    <t>chak no 592 TDA</t>
  </si>
  <si>
    <t>Chak No 592 TD A</t>
  </si>
  <si>
    <t>Vandhar</t>
  </si>
  <si>
    <t>muhammad shahid</t>
  </si>
  <si>
    <t>GPS CHAK NO.595 TDA</t>
  </si>
  <si>
    <t>595/tda</t>
  </si>
  <si>
    <t>Chak No. 596/ TDA</t>
  </si>
  <si>
    <t>Chak No 596/ TDA</t>
  </si>
  <si>
    <t>GPS CHAK NO.6 ML</t>
  </si>
  <si>
    <t>Chak No.6 M L Teh.Bhalwal District Sargodha</t>
  </si>
  <si>
    <t>Chak 6 M L</t>
  </si>
  <si>
    <t>GPS CHAK NO.6 NB</t>
  </si>
  <si>
    <t>Chak 6nb</t>
  </si>
  <si>
    <t>chak 6 nb</t>
  </si>
  <si>
    <t>Chak6 Nb</t>
  </si>
  <si>
    <t>GPS CHAK NO.6 SB</t>
  </si>
  <si>
    <t>Chak No 6SB</t>
  </si>
  <si>
    <t>chak No 6 SB bhalwal</t>
  </si>
  <si>
    <t>Chak No 6 SB</t>
  </si>
  <si>
    <t>Muhammad Zubair Rafiq</t>
  </si>
  <si>
    <t>GPS CHAK NO.6/FW</t>
  </si>
  <si>
    <t>Chak 6/fw</t>
  </si>
  <si>
    <t>chak 6/fw</t>
  </si>
  <si>
    <t>Mudassar Niaz Sabir</t>
  </si>
  <si>
    <t>GPS CHAK NO.60 SB</t>
  </si>
  <si>
    <t>Chak no. 60 sb</t>
  </si>
  <si>
    <t>Chak No 60 Sb</t>
  </si>
  <si>
    <t>GPS CHAK NO.60/KB</t>
  </si>
  <si>
    <t>60kb</t>
  </si>
  <si>
    <t>GPS CHAK NO.60/WB</t>
  </si>
  <si>
    <t>60/b</t>
  </si>
  <si>
    <t>Chak No60/w.w Vehari</t>
  </si>
  <si>
    <t>60/wb</t>
  </si>
  <si>
    <t>Mohammad Ahmad</t>
  </si>
  <si>
    <t>GPS CHAK NO.60-61/F</t>
  </si>
  <si>
    <t>60-61/F</t>
  </si>
  <si>
    <t>Chak No 60-61F</t>
  </si>
  <si>
    <t>Chak No 6061F</t>
  </si>
  <si>
    <t>GPS CHAK NO.607 TDA</t>
  </si>
  <si>
    <t>Chak NO 522 TDA</t>
  </si>
  <si>
    <t>Chak NO 522 TDA tehsil kot-addu</t>
  </si>
  <si>
    <t>GPS CHAK NO.61/4-R</t>
  </si>
  <si>
    <t>chak no 61/4R Teh Haroon Abad Disstrict BWN</t>
  </si>
  <si>
    <t>Chak No 62/4R</t>
  </si>
  <si>
    <t>GPS CHAK NO.61/DB</t>
  </si>
  <si>
    <t>61 db</t>
  </si>
  <si>
    <t>61 DB</t>
  </si>
  <si>
    <t>117DB</t>
  </si>
  <si>
    <t>Hamid Pervez</t>
  </si>
  <si>
    <t>GPS CHAK NO.62 NB</t>
  </si>
  <si>
    <t>Chak 62 NB</t>
  </si>
  <si>
    <t>GPS CHAK NO.62/DB</t>
  </si>
  <si>
    <t>117 DB</t>
  </si>
  <si>
    <t>GPS CHAK NO.62/F</t>
  </si>
  <si>
    <t>Chak No. 62/F</t>
  </si>
  <si>
    <t>Govt P /S 62/F</t>
  </si>
  <si>
    <t>Chak no. 62/F</t>
  </si>
  <si>
    <t>MC Hsp</t>
  </si>
  <si>
    <t>GPS CHAK NO.62/KB</t>
  </si>
  <si>
    <t>Chak 62/KB</t>
  </si>
  <si>
    <t>GPS CHAK NO.621 TDA</t>
  </si>
  <si>
    <t>Chak No 621/TDA</t>
  </si>
  <si>
    <t>Chak. No.621/TDA Tehsil Kot Addu Dist. M.Garh</t>
  </si>
  <si>
    <t>GPS CHAK NO.625 TDA</t>
  </si>
  <si>
    <t>Chak No 625dtda</t>
  </si>
  <si>
    <t>GPS CHAK NO.627 TDA</t>
  </si>
  <si>
    <t>Chak#627/tda</t>
  </si>
  <si>
    <t>chak#627./tda  p/o chak#626/tda kot a
ddu m garh</t>
  </si>
  <si>
    <t>GPS CHAK NO.63/F</t>
  </si>
  <si>
    <t>Baldia Hasilput</t>
  </si>
  <si>
    <t>Chak no 63F</t>
  </si>
  <si>
    <t>Chak No 63 F</t>
  </si>
  <si>
    <t>GPS CHAK NO.63/TDA</t>
  </si>
  <si>
    <t>chak no 63 tda bhakkar</t>
  </si>
  <si>
    <t>Chak No 57 Tda</t>
  </si>
  <si>
    <t>GPS CHAK NO.630 TDA</t>
  </si>
  <si>
    <t>Chak No 630TDA</t>
  </si>
  <si>
    <t>GPS CHAK NO.639 TDA</t>
  </si>
  <si>
    <t>Chak 639/TDA</t>
  </si>
  <si>
    <t>Chak No 639/TDA</t>
  </si>
  <si>
    <t>GPS CHAK NO.643/TDA</t>
  </si>
  <si>
    <t>Aaren Shrki</t>
  </si>
  <si>
    <t>chak no 643/TDA</t>
  </si>
  <si>
    <t>Chak No 643</t>
  </si>
  <si>
    <t>Kishwar Ali</t>
  </si>
  <si>
    <t>GPS CHAK NO.645/TDA</t>
  </si>
  <si>
    <t>chak no 645 tda</t>
  </si>
  <si>
    <t>gps chak no 645 tda</t>
  </si>
  <si>
    <t>iram shehzadi</t>
  </si>
  <si>
    <t>GPS CHAK NO.646 TDA</t>
  </si>
  <si>
    <t>646/TDA</t>
  </si>
  <si>
    <t>chak no 646/TDA Tehsil kot addu</t>
  </si>
  <si>
    <t>ALLAH BUKHSH Khan</t>
  </si>
  <si>
    <t>GPS CHAK NO.65 NB</t>
  </si>
  <si>
    <t>Chak no. 65 N.B. post office dharema, tehsile and district Sargodha</t>
  </si>
  <si>
    <t>Chak 65 NB</t>
  </si>
  <si>
    <t>GPS CHAK NO.65 WB</t>
  </si>
  <si>
    <t>65WB</t>
  </si>
  <si>
    <t>65WB Vehari</t>
  </si>
  <si>
    <t>63WB</t>
  </si>
  <si>
    <t>GPS CHAK NO.65/DB (N)</t>
  </si>
  <si>
    <t>65db  N</t>
  </si>
  <si>
    <t>chak no 65/DB (N), Tehsil yazman distt Bahawalpur</t>
  </si>
  <si>
    <t>65/DB N</t>
  </si>
  <si>
    <t>Abdur Rehman anjum</t>
  </si>
  <si>
    <t>GPS CHAK NO.65/DB (S)</t>
  </si>
  <si>
    <t>65/db</t>
  </si>
  <si>
    <t>GPS 65D.B South</t>
  </si>
  <si>
    <t>65DB South</t>
  </si>
  <si>
    <t>Muhammad Asif Hussain</t>
  </si>
  <si>
    <t>GPS CHAK NO.652 TDA</t>
  </si>
  <si>
    <t>CHAK NO 652 TDA</t>
  </si>
  <si>
    <t>CHAK NO. 652 TDA</t>
  </si>
  <si>
    <t>Muhammad Mushtaq Khan</t>
  </si>
  <si>
    <t>GPS CHAK NO.66/4-R</t>
  </si>
  <si>
    <t>Chak No.67/4.R</t>
  </si>
  <si>
    <t>GPS CHAK NO.66/TDA</t>
  </si>
  <si>
    <t>Chak No 66 Tda</t>
  </si>
  <si>
    <t>CHAK NO 66 TDA</t>
  </si>
  <si>
    <t>GPS 66/TDA</t>
  </si>
  <si>
    <t>57/TDA</t>
  </si>
  <si>
    <t>NOOR SULTAN</t>
  </si>
  <si>
    <t>GPS CHAK NO.66/WB</t>
  </si>
  <si>
    <t>Chak no 66 w.b vehari</t>
  </si>
  <si>
    <t>66 WB</t>
  </si>
  <si>
    <t>GPS CHAK NO.67 A/N.B</t>
  </si>
  <si>
    <t>Chak No 67a Nb</t>
  </si>
  <si>
    <t>Gps Chak no 67a nb Sargodha</t>
  </si>
  <si>
    <t>Kamran Haider</t>
  </si>
  <si>
    <t>GPS CHAK NO.68 NB</t>
  </si>
  <si>
    <t>68 Nb</t>
  </si>
  <si>
    <t>chak no 68NB p/o Dharema sargodha</t>
  </si>
  <si>
    <t>Chak 68 Nb</t>
  </si>
  <si>
    <t>67A NB</t>
  </si>
  <si>
    <t>GPS CHAK NO.68/DB (E)</t>
  </si>
  <si>
    <t>Chak 68 db east tehsil yazman</t>
  </si>
  <si>
    <t>Chak68 Db E</t>
  </si>
  <si>
    <t>Ali Hussain</t>
  </si>
  <si>
    <t>GPS CHAK NO.69 SB</t>
  </si>
  <si>
    <t>Chak NO 69 SB</t>
  </si>
  <si>
    <t>GPS Chak No 69 SB</t>
  </si>
  <si>
    <t>Chak No 69 SB</t>
  </si>
  <si>
    <t>Chak No 24 SB</t>
  </si>
  <si>
    <t>Saleem Akbar</t>
  </si>
  <si>
    <t>GPS CHAK NO.69/DB</t>
  </si>
  <si>
    <t>Chak No 69/Db. Yazman</t>
  </si>
  <si>
    <t>Chak No 69/ DB</t>
  </si>
  <si>
    <t>Chak No 68/Db</t>
  </si>
  <si>
    <t>GPS CHAK NO.6-A ML</t>
  </si>
  <si>
    <t>chak No 6 AML</t>
  </si>
  <si>
    <t>Chak No 6 AML</t>
  </si>
  <si>
    <t>Ratto kala</t>
  </si>
  <si>
    <t>Khizr Hayat</t>
  </si>
  <si>
    <t>GPS CHAK NO.7 A-SB</t>
  </si>
  <si>
    <t>7 A SB</t>
  </si>
  <si>
    <t>Govt primary school chak 7 a sb</t>
  </si>
  <si>
    <t>Chak 6 SB</t>
  </si>
  <si>
    <t>GPS CHAK NO.7 ML</t>
  </si>
  <si>
    <t>Chak NO 7 ML</t>
  </si>
  <si>
    <t>ChakNo 7ML</t>
  </si>
  <si>
    <t>Zill E Hasnain Shakir</t>
  </si>
  <si>
    <t>GPS CHAK NO.7 SB</t>
  </si>
  <si>
    <t>Chak No 7 SB</t>
  </si>
  <si>
    <t>chak no 7 sb</t>
  </si>
  <si>
    <t>Chak No 9 NB</t>
  </si>
  <si>
    <t>Ghulam Dastagir Shafiq</t>
  </si>
  <si>
    <t>GPS CHAK NO.7/1-RA</t>
  </si>
  <si>
    <t>Chak No 7/1R</t>
  </si>
  <si>
    <t>Chak no 7/1R  amin walla tehsel renala khurd</t>
  </si>
  <si>
    <t>7/1R Foujian Wala</t>
  </si>
  <si>
    <t>GPS CHAK NO.7/4-R</t>
  </si>
  <si>
    <t>7/4 R</t>
  </si>
  <si>
    <t>p/o rangpur mauza kaudiwal</t>
  </si>
  <si>
    <t>chak no7/4/R</t>
  </si>
  <si>
    <t>GPS CHAK NO.70 SB</t>
  </si>
  <si>
    <t>Chak 70sb</t>
  </si>
  <si>
    <t>ges chak 70sb</t>
  </si>
  <si>
    <t>Chak 73sb</t>
  </si>
  <si>
    <t>Sarwat Mehmood</t>
  </si>
  <si>
    <t>GPS CHAK NO.70/F</t>
  </si>
  <si>
    <t>chak no 70/F thesil hasilpur</t>
  </si>
  <si>
    <t>Chak 70/F</t>
  </si>
  <si>
    <t>Umair Afzal</t>
  </si>
  <si>
    <t>GPS CHAK NO.71 NB</t>
  </si>
  <si>
    <t>Chak71 Nb</t>
  </si>
  <si>
    <t>chak 71 NB SGD</t>
  </si>
  <si>
    <t>GPS CHAK NO.71 TDA</t>
  </si>
  <si>
    <t>chak 71 TDA Bk</t>
  </si>
  <si>
    <t>Gps 71 TDA Bhakkar.</t>
  </si>
  <si>
    <t>71 TDA</t>
  </si>
  <si>
    <t>GPS CHAK NO.71/KB</t>
  </si>
  <si>
    <t>71 Kb</t>
  </si>
  <si>
    <t>71 kb mailsi</t>
  </si>
  <si>
    <t>Muhammad Saifal</t>
  </si>
  <si>
    <t>GPS CHAK NO.72 A-SB</t>
  </si>
  <si>
    <t>Chak No72asb</t>
  </si>
  <si>
    <t>Chakno72asb</t>
  </si>
  <si>
    <t>GPS CHAK NO.72/WB</t>
  </si>
  <si>
    <t>chak 72/wb old</t>
  </si>
  <si>
    <t>72/wb Old</t>
  </si>
  <si>
    <t>Muhammad Irshad Khan</t>
  </si>
  <si>
    <t>GPS CHAK NO.73 SB</t>
  </si>
  <si>
    <t>Chak No 73 S B</t>
  </si>
  <si>
    <t>Chak No 71 S B</t>
  </si>
  <si>
    <t>Muzma Noreen</t>
  </si>
  <si>
    <t>GPS CHAK NO.73/DB</t>
  </si>
  <si>
    <t>Chak 73 DB</t>
  </si>
  <si>
    <t>Ckak no 73/DB Yazman</t>
  </si>
  <si>
    <t>Chak No73/dB</t>
  </si>
  <si>
    <t>Chak No. 75/ DB</t>
  </si>
  <si>
    <t>GPS CHAK NO.74 D KHARLAN WALA</t>
  </si>
  <si>
    <t>Kharlan Wala</t>
  </si>
  <si>
    <t>chak 74/D po 73/5L pakpattan</t>
  </si>
  <si>
    <t>74/D</t>
  </si>
  <si>
    <t>93/D Noor Pur</t>
  </si>
  <si>
    <t>GPS CHAK NO.74 SB</t>
  </si>
  <si>
    <t>Chak 74 Sb</t>
  </si>
  <si>
    <t>chak no 74 sb sargodha</t>
  </si>
  <si>
    <t>GPS CHAK NO.74/DB CHOLISTAN YAZMAN</t>
  </si>
  <si>
    <t>74/db</t>
  </si>
  <si>
    <t>Chak No. 74/DB Cholistan Yazman</t>
  </si>
  <si>
    <t>Chak 74/db</t>
  </si>
  <si>
    <t>Chak No. 75/dB</t>
  </si>
  <si>
    <t>Mian Muhammad Tayyab</t>
  </si>
  <si>
    <t>GPS CHAK NO.75 SB</t>
  </si>
  <si>
    <t>Chak No75 Sb</t>
  </si>
  <si>
    <t>Chak 75 Sb</t>
  </si>
  <si>
    <t>M Abdul Bassat</t>
  </si>
  <si>
    <t>GPS CHAK NO.75/DNB (W)</t>
  </si>
  <si>
    <t>chak no 75 DNB shahi wala yazman bwp</t>
  </si>
  <si>
    <t>Nasser Ahmad</t>
  </si>
  <si>
    <t>GPS CHAK NO.75/WB</t>
  </si>
  <si>
    <t>chak no.75/wb</t>
  </si>
  <si>
    <t>GPS CHAK NO.76 SB</t>
  </si>
  <si>
    <t>Chak 76sb</t>
  </si>
  <si>
    <t>chak 76  sb main bhagtanwala road sargodha</t>
  </si>
  <si>
    <t>Chak 76 Sb</t>
  </si>
  <si>
    <t>Chak 74sb</t>
  </si>
  <si>
    <t>Waqas Saleem</t>
  </si>
  <si>
    <t>GPS CHAK NO.77 ML</t>
  </si>
  <si>
    <t>77ML</t>
  </si>
  <si>
    <t>Chak no 77 ML tehsil and district bhakkar</t>
  </si>
  <si>
    <t>77 ML</t>
  </si>
  <si>
    <t>Aoun Abbas</t>
  </si>
  <si>
    <t>GPS CHAK NO.77 SB</t>
  </si>
  <si>
    <t>Chak 77</t>
  </si>
  <si>
    <t>chak no 77 sb sargodha</t>
  </si>
  <si>
    <t>Chak 77 Sb</t>
  </si>
  <si>
    <t>GPS CHAK NO.77/DB CHOLISTAN</t>
  </si>
  <si>
    <t>Chak 77 Db</t>
  </si>
  <si>
    <t>Chak 77 db Cholistan</t>
  </si>
  <si>
    <t>GPS CHAK NO.77/F</t>
  </si>
  <si>
    <t>Chak No 77/F</t>
  </si>
  <si>
    <t>Chak No.77/F Tehsil Hasilpur District  Bahawalpur</t>
  </si>
  <si>
    <t>Shazia Tasnim</t>
  </si>
  <si>
    <t>GPS CHAK NO.78/F</t>
  </si>
  <si>
    <t>CHAK No 78/f</t>
  </si>
  <si>
    <t>chak no.78/f</t>
  </si>
  <si>
    <t>CHAK No 79/f</t>
  </si>
  <si>
    <t>GPS CHAK NO.79/F</t>
  </si>
  <si>
    <t>chak No. 79/F</t>
  </si>
  <si>
    <t>Saba Tahzeeb</t>
  </si>
  <si>
    <t>from other house</t>
  </si>
  <si>
    <t>GPS CHAK NO.8 ML</t>
  </si>
  <si>
    <t>Chak No 8 ML</t>
  </si>
  <si>
    <t>Chak No 8ML</t>
  </si>
  <si>
    <t>Abdur-Rehman</t>
  </si>
  <si>
    <t>GPS CHAK NO.8 SB</t>
  </si>
  <si>
    <t>Chak No 8Sb</t>
  </si>
  <si>
    <t>gps chak no 8 sb kotmomin</t>
  </si>
  <si>
    <t>Chak No 8 Sb</t>
  </si>
  <si>
    <t>GPS CHAK NO.8 W.B</t>
  </si>
  <si>
    <t>Chak No 8/W-b</t>
  </si>
  <si>
    <t>chak no 8/w-b Vehari</t>
  </si>
  <si>
    <t>Chak No 1/W-b</t>
  </si>
  <si>
    <t>GPS CHAK NO.8/BC-A</t>
  </si>
  <si>
    <t>Chak 8/BCA</t>
  </si>
  <si>
    <t>chak No. 8/BCA</t>
  </si>
  <si>
    <t>Chak 8BC/A</t>
  </si>
  <si>
    <t>GPS CHAK NO.8/DNB</t>
  </si>
  <si>
    <t>chak no 8/DNB</t>
  </si>
  <si>
    <t>Jahanzaib Shoukat</t>
  </si>
  <si>
    <t>GPS CHAK NO.80 AML</t>
  </si>
  <si>
    <t>Behal Duger</t>
  </si>
  <si>
    <t>chak # 80A ML p.o behal teh $ distt bhakar</t>
  </si>
  <si>
    <t>Chak #80AML</t>
  </si>
  <si>
    <t>GPS CHAK NO.80/DB</t>
  </si>
  <si>
    <t>Chak No. 80/DB Yazman</t>
  </si>
  <si>
    <t>Chak No 80/DB</t>
  </si>
  <si>
    <t>chanan peer</t>
  </si>
  <si>
    <t>Bilal Agshar</t>
  </si>
  <si>
    <t>GPS CHAK NO.80/WB ADDA GHULAM HUSSAIN</t>
  </si>
  <si>
    <t>80/wb</t>
  </si>
  <si>
    <t>Chak no 80/w.b P/O add a ghulam Hussain district Vehari</t>
  </si>
  <si>
    <t>Chak No 80/wb</t>
  </si>
  <si>
    <t>Chak No 78/wb</t>
  </si>
  <si>
    <t>GPS CHAK NO.81 NB</t>
  </si>
  <si>
    <t>81 Nb Sighwal</t>
  </si>
  <si>
    <t>chak 81 nb sighwal</t>
  </si>
  <si>
    <t>Chak no 82 Nb</t>
  </si>
  <si>
    <t>Azmat Abbas</t>
  </si>
  <si>
    <t>GPS CHAK NO.81 NB MAHLO WALA</t>
  </si>
  <si>
    <t>GPS 81NB CHAK NO. 81NB MAHLOWALA</t>
  </si>
  <si>
    <t>Chak No 81 Nb Mahlowala</t>
  </si>
  <si>
    <t>Chak No 82nb</t>
  </si>
  <si>
    <t>Ahmad Adeel</t>
  </si>
  <si>
    <t>GPS CHAK NO.81 SB</t>
  </si>
  <si>
    <t>Hada</t>
  </si>
  <si>
    <t>gps 81 sb sargodha</t>
  </si>
  <si>
    <t>Chak No 81 Sb</t>
  </si>
  <si>
    <t>M Afzal Headmaster</t>
  </si>
  <si>
    <t>GPS CHAK NO.81/F</t>
  </si>
  <si>
    <t>CHAK NO.  81/F P.O CHAK 79/F TEHSIL HASILPUR DISTRICT BAHAWALPUR</t>
  </si>
  <si>
    <t>CHAK 81/F</t>
  </si>
  <si>
    <t>GPS CHAK NO.81/WB</t>
  </si>
  <si>
    <t>81 Wb</t>
  </si>
  <si>
    <t>chak 81 wb</t>
  </si>
  <si>
    <t>GPS CHAK NO.82 SB</t>
  </si>
  <si>
    <t>Chak no 82 sb tehsil and district Sargodha</t>
  </si>
  <si>
    <t>CHAK 82 SB</t>
  </si>
  <si>
    <t>GPS CHAK NO.82/WB</t>
  </si>
  <si>
    <t>Chak No 82/Wb</t>
  </si>
  <si>
    <t>chak no. 82/wb</t>
  </si>
  <si>
    <t>Chak No 88/Wb</t>
  </si>
  <si>
    <t>GPS CHAK NO.83 NB</t>
  </si>
  <si>
    <t>83 NB</t>
  </si>
  <si>
    <t>Chak no 83 T/  D Sargodha</t>
  </si>
  <si>
    <t>GPS CHAK NO.83 SB</t>
  </si>
  <si>
    <t>Chak 83 SB</t>
  </si>
  <si>
    <t>chak # 83 SB sargodha</t>
  </si>
  <si>
    <t>Zulifqar Ali Shah</t>
  </si>
  <si>
    <t>GPS CHAK NO.83/NP ASLAM ABAD</t>
  </si>
  <si>
    <t>chak 83/np, Aslam abad</t>
  </si>
  <si>
    <t>Chak 83/np Aslam Abad</t>
  </si>
  <si>
    <t>Abdul Majeed Sajid</t>
  </si>
  <si>
    <t>GPS CHAK NO.83/WB</t>
  </si>
  <si>
    <t>83/wb</t>
  </si>
  <si>
    <t>Chak No, 83/WB Vehari</t>
  </si>
  <si>
    <t>GPS CHAK NO.84 SB</t>
  </si>
  <si>
    <t>84 SB</t>
  </si>
  <si>
    <t>GPS CHAK 84 SB SARGODHA</t>
  </si>
  <si>
    <t>Chak 84 SB</t>
  </si>
  <si>
    <t>Muhammad Junaid Azam</t>
  </si>
  <si>
    <t>GPS CHAK NO.84/F-A</t>
  </si>
  <si>
    <t>chak 89/f</t>
  </si>
  <si>
    <t>GPS Chak No 84/F-A</t>
  </si>
  <si>
    <t>chak no 84/f-a</t>
  </si>
  <si>
    <t>ALLAH BUKHSH</t>
  </si>
  <si>
    <t>GPS CHAK NO.84/TDA</t>
  </si>
  <si>
    <t>Chak No 84/tda</t>
  </si>
  <si>
    <t>CHAK NO 84TDA KAROR LAL EISON LAYYAH</t>
  </si>
  <si>
    <t>Chak No84tda</t>
  </si>
  <si>
    <t>Karor Thel Jundi</t>
  </si>
  <si>
    <t>MUNAWAR HUSSAIN FYAZI</t>
  </si>
  <si>
    <t>GPS CHAK NO.85 NB</t>
  </si>
  <si>
    <t>chak 85 NB</t>
  </si>
  <si>
    <t>chak no 90 nb</t>
  </si>
  <si>
    <t>GPS CHAK NO.85/DB</t>
  </si>
  <si>
    <t>85/db</t>
  </si>
  <si>
    <t>chak no.85/db yazman</t>
  </si>
  <si>
    <t>Tanzeela Ghaffar</t>
  </si>
  <si>
    <t>GPS CHAK NO.85/F</t>
  </si>
  <si>
    <t>Chak 85 f hasilpur</t>
  </si>
  <si>
    <t>M Faisal Shahbaz</t>
  </si>
  <si>
    <t>GPS CHAK NO.85/TDA</t>
  </si>
  <si>
    <t>Chak No 85/TDA</t>
  </si>
  <si>
    <t>chak no 85 TDA distt Layyah</t>
  </si>
  <si>
    <t>GPS CHAK NO.86 NB</t>
  </si>
  <si>
    <t>Chak no 86 nb</t>
  </si>
  <si>
    <t>Chak no 86 nb sargdha</t>
  </si>
  <si>
    <t>Chak no 86 nb Sgd</t>
  </si>
  <si>
    <t>Umer mumtaz</t>
  </si>
  <si>
    <t>GPS CHAK NO.86/5-R</t>
  </si>
  <si>
    <t>Chak  86-5R</t>
  </si>
  <si>
    <t>GPS CHAK NO.86/DB-A</t>
  </si>
  <si>
    <t>86/db A</t>
  </si>
  <si>
    <t>chak no. 86/db A</t>
  </si>
  <si>
    <t>Chak No 86/db A</t>
  </si>
  <si>
    <t>75/db</t>
  </si>
  <si>
    <t>Muhammad Bilal Tabssum</t>
  </si>
  <si>
    <t>GPS CHAK NO.86/F</t>
  </si>
  <si>
    <t>Village 86/F</t>
  </si>
  <si>
    <t>village 86/F near mosque</t>
  </si>
  <si>
    <t>86/F</t>
  </si>
  <si>
    <t>MARIA ABBAS</t>
  </si>
  <si>
    <t>GPS CHAK NO.86/TDA</t>
  </si>
  <si>
    <t>86/tda</t>
  </si>
  <si>
    <t>chak no 86tda karor layyah</t>
  </si>
  <si>
    <t>86TDA</t>
  </si>
  <si>
    <t>Karor Thal Jundi</t>
  </si>
  <si>
    <t>Syed Saqlain Hussain Shah</t>
  </si>
  <si>
    <t>GPS CHAK NO.87 NB</t>
  </si>
  <si>
    <t>Chak No 87 Nb</t>
  </si>
  <si>
    <t>pakka dara istaqalabad colony sargodha</t>
  </si>
  <si>
    <t>Chak 87nb</t>
  </si>
  <si>
    <t>Najma Iftikhar</t>
  </si>
  <si>
    <t>GPS CHAK NO.87/DB</t>
  </si>
  <si>
    <t>87db</t>
  </si>
  <si>
    <t>chak no 87db</t>
  </si>
  <si>
    <t>Chak No 88 Db</t>
  </si>
  <si>
    <t>GPS CHAK NO.87/F</t>
  </si>
  <si>
    <t>Chak 87/F P/o Chak 88/F tehsil Hasilpur</t>
  </si>
  <si>
    <t>Chak 87/F P/o Chak 88/F HSP</t>
  </si>
  <si>
    <t>GPS CHAK NO.88 NB NO.2</t>
  </si>
  <si>
    <t>Chak No 88 NB, Sargodha</t>
  </si>
  <si>
    <t>Chak No 88 NB</t>
  </si>
  <si>
    <t>Chak No 100 Nb</t>
  </si>
  <si>
    <t>Sikander Hayat</t>
  </si>
  <si>
    <t>GPS CHAK NO.88/DB (N)</t>
  </si>
  <si>
    <t>Latan Shaghar</t>
  </si>
  <si>
    <t>88db north yazman</t>
  </si>
  <si>
    <t>Chak 88 Db</t>
  </si>
  <si>
    <t>GPS CHAK NO.88/DB (S)</t>
  </si>
  <si>
    <t>ChaK  No 88 DB South</t>
  </si>
  <si>
    <t>ChaK No.88 DB South</t>
  </si>
  <si>
    <t>ChaK No 88/DB south</t>
  </si>
  <si>
    <t>ChaK No 88/DB Hakem Wali</t>
  </si>
  <si>
    <t>GPS CHAK NO.88/TDA</t>
  </si>
  <si>
    <t>CHAK NO 88/TDA</t>
  </si>
  <si>
    <t>CHAK No 88/TDA</t>
  </si>
  <si>
    <t>GPS CHAK NO.89 SB</t>
  </si>
  <si>
    <t>CHAK 89 SB</t>
  </si>
  <si>
    <t>Chak 89 S.B Tehsil &amp; District Sargodha</t>
  </si>
  <si>
    <t>CHAK 96 SB</t>
  </si>
  <si>
    <t>GPS CHAK NO.9 NB</t>
  </si>
  <si>
    <t>Chak 9 nb</t>
  </si>
  <si>
    <t>chak 9 nb</t>
  </si>
  <si>
    <t>Muhammad  Nawaz Khan</t>
  </si>
  <si>
    <t>GPS CHAK NO.9/1R</t>
  </si>
  <si>
    <t>Chak No 9/1R</t>
  </si>
  <si>
    <t>7/1R Faujian Wala</t>
  </si>
  <si>
    <t>Kazam Ali Khan</t>
  </si>
  <si>
    <t>GPS CHAK NO.9/BC</t>
  </si>
  <si>
    <t>chak no 9/bc</t>
  </si>
  <si>
    <t>govt primary school chak no 9/bc bwp</t>
  </si>
  <si>
    <t>chak 9/bc bwp</t>
  </si>
  <si>
    <t>GPS CHAK NO.9/DRB</t>
  </si>
  <si>
    <t>9/DRB</t>
  </si>
  <si>
    <t>chak 9 drb</t>
  </si>
  <si>
    <t>9 DRB</t>
  </si>
  <si>
    <t>Mohisn Bilal</t>
  </si>
  <si>
    <t>GPS CHAK NO.9/WB</t>
  </si>
  <si>
    <t>Chak No 9/WB Vehari</t>
  </si>
  <si>
    <t>Chak No 9/wb</t>
  </si>
  <si>
    <t>GPS CHAK NO.90/DB</t>
  </si>
  <si>
    <t>Chak # 90 DB</t>
  </si>
  <si>
    <t>chak # 90 D.B</t>
  </si>
  <si>
    <t>Chak  # 90 DB</t>
  </si>
  <si>
    <t>Chak  # 88 DB</t>
  </si>
  <si>
    <t>GPS CHAK NO.90/F</t>
  </si>
  <si>
    <t>Chak 90</t>
  </si>
  <si>
    <t>GPS chak 90f</t>
  </si>
  <si>
    <t>Chak90f</t>
  </si>
  <si>
    <t>Usman Hayder</t>
  </si>
  <si>
    <t>GPS CHAK NO.90/TDA</t>
  </si>
  <si>
    <t>CHAK NO 90 TDA</t>
  </si>
  <si>
    <t>CHAK NO 90 TDA , P/O 89 TDA DIST: LAYYAH , TEH : KAROR</t>
  </si>
  <si>
    <t>SYED ZAFAR ABBAS SHAH</t>
  </si>
  <si>
    <t>GPS CHAK NO.90/WB</t>
  </si>
  <si>
    <t>90 Wb</t>
  </si>
  <si>
    <t>chak no 90wb</t>
  </si>
  <si>
    <t>Chak No 90 Wb</t>
  </si>
  <si>
    <t>Chak No 88 Wb</t>
  </si>
  <si>
    <t>M Nadeem Kausar</t>
  </si>
  <si>
    <t>GPS CHAK NO.90-A/TDA</t>
  </si>
  <si>
    <t>CHAK NO90A/TDA</t>
  </si>
  <si>
    <t>CHAK NO 90-A/TDA</t>
  </si>
  <si>
    <t>CHAK NO 98/ML</t>
  </si>
  <si>
    <t>GPS CHAK NO.91 A-SB</t>
  </si>
  <si>
    <t>91Asb</t>
  </si>
  <si>
    <t>Chak No. 91 Asb sgd</t>
  </si>
  <si>
    <t>Chak40nb</t>
  </si>
  <si>
    <t>GPS CHAK NO.91 SB</t>
  </si>
  <si>
    <t>91 Sb East</t>
  </si>
  <si>
    <t>Chak No 91 ASB  E</t>
  </si>
  <si>
    <t>Chak No 91 ASB</t>
  </si>
  <si>
    <t>Chak No 40 NB</t>
  </si>
  <si>
    <t>GPS CHAK NO.91 SB BHATTIAN WALA</t>
  </si>
  <si>
    <t>Chak 91 Sb Bhattian</t>
  </si>
  <si>
    <t>Govt primary school chak 91 sb bhattian</t>
  </si>
  <si>
    <t>Chak 88 Sb</t>
  </si>
  <si>
    <t>Aftab Akram</t>
  </si>
  <si>
    <t>GPS CHAK NO.91/F</t>
  </si>
  <si>
    <t>Chak 91/F</t>
  </si>
  <si>
    <t>Chak 91/F, Tehsil Hasilpur</t>
  </si>
  <si>
    <t>Sidra Waris</t>
  </si>
  <si>
    <t>GPS CHAK NO.91/TDA</t>
  </si>
  <si>
    <t>Chak No 91TDA</t>
  </si>
  <si>
    <t>chack91tda karor</t>
  </si>
  <si>
    <t>GPS CHAK NO.92/ML</t>
  </si>
  <si>
    <t>92 ML</t>
  </si>
  <si>
    <t>CHAK NO.92 M.L</t>
  </si>
  <si>
    <t>GPS CHAK NO.92/TDA</t>
  </si>
  <si>
    <t>Chak No 92 TDA</t>
  </si>
  <si>
    <t>Chak No. 92 TDA</t>
  </si>
  <si>
    <t>Shakeel Abbas</t>
  </si>
  <si>
    <t>GPS CHAK NO.92/WB</t>
  </si>
  <si>
    <t>92wb</t>
  </si>
  <si>
    <t>92/Wb</t>
  </si>
  <si>
    <t>92/W B</t>
  </si>
  <si>
    <t>Zaheerabad Shaeed</t>
  </si>
  <si>
    <t>GPS CHAK NO.93 SB</t>
  </si>
  <si>
    <t>Chk #93sb</t>
  </si>
  <si>
    <t>gps 93sb sargodha</t>
  </si>
  <si>
    <t>88 sb</t>
  </si>
  <si>
    <t>GPS CHAK NO.93/WB</t>
  </si>
  <si>
    <t>93wb</t>
  </si>
  <si>
    <t>chak 93\wb</t>
  </si>
  <si>
    <t>GPS CHAK NO.95 SB</t>
  </si>
  <si>
    <t>95 SB</t>
  </si>
  <si>
    <t>chak no 95 SB Sargodha</t>
  </si>
  <si>
    <t>Chak 95 SB</t>
  </si>
  <si>
    <t>Chak 96 SB</t>
  </si>
  <si>
    <t>Muhammad Tahir Hassan</t>
  </si>
  <si>
    <t>GPS CHAK NO.95/TDA</t>
  </si>
  <si>
    <t>Chak# 95TDA</t>
  </si>
  <si>
    <t>chak#95TDA, Tehsil Karor, District Layyah</t>
  </si>
  <si>
    <t>Chak# 95 TDA</t>
  </si>
  <si>
    <t>Naveed Aman</t>
  </si>
  <si>
    <t>GPS CHAK NO.95/WB</t>
  </si>
  <si>
    <t>Chak 95</t>
  </si>
  <si>
    <t>Chak 95 Wb</t>
  </si>
  <si>
    <t>GPS CHAK NO.96 SB</t>
  </si>
  <si>
    <t>96 SB</t>
  </si>
  <si>
    <t>chak no 96 SB Sargodha</t>
  </si>
  <si>
    <t>GPS CHAK NO.97 NB</t>
  </si>
  <si>
    <t>Chak NO 97NB</t>
  </si>
  <si>
    <t>Chak NO 97 NB Sargodha P/O chak No 97NB Sargodha</t>
  </si>
  <si>
    <t>Chak No 97NB Sargodha</t>
  </si>
  <si>
    <t>Chak 97 NB</t>
  </si>
  <si>
    <t>Azam Khan</t>
  </si>
  <si>
    <t>GPS CHAK NO.97 SB</t>
  </si>
  <si>
    <t>Chak 97 Sb</t>
  </si>
  <si>
    <t>colony chak 97 SB sargodha</t>
  </si>
  <si>
    <t>Shahid Riaz</t>
  </si>
  <si>
    <t>GPS CHAK NO.97/WB</t>
  </si>
  <si>
    <t>Chak 97/WB</t>
  </si>
  <si>
    <t>chak no 97/wb vehari</t>
  </si>
  <si>
    <t>Chak No97/WB</t>
  </si>
  <si>
    <t>M. Azeem Khan</t>
  </si>
  <si>
    <t>GPS CHAK NO.98 NB</t>
  </si>
  <si>
    <t>Chak 98 nb</t>
  </si>
  <si>
    <t>Chak 100 nb</t>
  </si>
  <si>
    <t>Sohail Anjam</t>
  </si>
  <si>
    <t>GPS CHAK NO.98 SB</t>
  </si>
  <si>
    <t>98 Sb</t>
  </si>
  <si>
    <t>tehsil and district chat no. 98 s.b</t>
  </si>
  <si>
    <t>Ghulam Zaineb Nazeer</t>
  </si>
  <si>
    <t>GPS CHAK NO.98/6-R</t>
  </si>
  <si>
    <t>Govt primary school chak no 98/6.R</t>
  </si>
  <si>
    <t>Chak 98/6R</t>
  </si>
  <si>
    <t>GPS CHAK NO.98/DB</t>
  </si>
  <si>
    <t>chak no.98 db tehseel yaaman</t>
  </si>
  <si>
    <t>GPS CHAK NO.98/WB</t>
  </si>
  <si>
    <t>Chak No 98-WB</t>
  </si>
  <si>
    <t>chk No 98 p/o MGahra more Tehsil Mailsi Distric Vehari</t>
  </si>
  <si>
    <t>98/WB</t>
  </si>
  <si>
    <t>Ghulam Jaffar</t>
  </si>
  <si>
    <t>GPS CHAK NO.99 A-SB</t>
  </si>
  <si>
    <t>GPS 99 ASB</t>
  </si>
  <si>
    <t>99 ASB BADLA</t>
  </si>
  <si>
    <t>GPS CHAK NO.99 NB NEW ABADI</t>
  </si>
  <si>
    <t>,99nb newabadi</t>
  </si>
  <si>
    <t>Syed Ayyaz Javed</t>
  </si>
  <si>
    <t>GPS CHAK NO.99 SB</t>
  </si>
  <si>
    <t>99 Sb</t>
  </si>
  <si>
    <t>chak no 99 sb</t>
  </si>
  <si>
    <t>Chak No 50 Nb</t>
  </si>
  <si>
    <t>Arshad Urfat</t>
  </si>
  <si>
    <t>GPS CHAK NO.99/6-R</t>
  </si>
  <si>
    <t>chak No 99/6R</t>
  </si>
  <si>
    <t>Chak  No 98/6R</t>
  </si>
  <si>
    <t>GPS CHAK NO.99/DB (E)</t>
  </si>
  <si>
    <t>Chak No 99 /db E</t>
  </si>
  <si>
    <t>chak no 99/db east yazman</t>
  </si>
  <si>
    <t>Chak 99/db E</t>
  </si>
  <si>
    <t>Chak No/88</t>
  </si>
  <si>
    <t>GPS CHAK NO.99/ML</t>
  </si>
  <si>
    <t>99ml</t>
  </si>
  <si>
    <t>teh.karor dist.layyah chak 99ml</t>
  </si>
  <si>
    <t>Dildar Ahmad Khan</t>
  </si>
  <si>
    <t>GPS CHAK NOOR SHAH</t>
  </si>
  <si>
    <t>GPS chak noor shah jhang city</t>
  </si>
  <si>
    <t>Mc Ward 3</t>
  </si>
  <si>
    <t>Muhammad ASHRAF</t>
  </si>
  <si>
    <t>GPS CHAK NOURANG SHAH</t>
  </si>
  <si>
    <t>chak nourang shah tehsil ahmed pur sial</t>
  </si>
  <si>
    <t>Sanandoana</t>
  </si>
  <si>
    <t>Majid Abbas</t>
  </si>
  <si>
    <t>GPS CHAK NOW ABAD</t>
  </si>
  <si>
    <t>umrani</t>
  </si>
  <si>
    <t>basti jagrani</t>
  </si>
  <si>
    <t>jagrani</t>
  </si>
  <si>
    <t>Chak Nau Abad</t>
  </si>
  <si>
    <t>Yaqoob Ahmad</t>
  </si>
  <si>
    <t>GPS CHAK PAKHAR</t>
  </si>
  <si>
    <t>Chak Pakhar</t>
  </si>
  <si>
    <t>post office same chak pakhar</t>
  </si>
  <si>
    <t>Bado Rata</t>
  </si>
  <si>
    <t>Fouzia Fazal</t>
  </si>
  <si>
    <t>GPS CHAK PATHANA</t>
  </si>
  <si>
    <t>Chak Pathana</t>
  </si>
  <si>
    <t>GPS Chak Pathana P/O Mirza virkan</t>
  </si>
  <si>
    <t>GPS CHAK PINDI</t>
  </si>
  <si>
    <t>Chakpindi</t>
  </si>
  <si>
    <t>village and post Office Chakpindi Tehsil &amp; District Gujrat</t>
  </si>
  <si>
    <t>Zafar Iqbal Zafar</t>
  </si>
  <si>
    <t>GPS CHAK POWAR</t>
  </si>
  <si>
    <t>Chak Powar</t>
  </si>
  <si>
    <t>chak powar post office mandi Faiz a baad</t>
  </si>
  <si>
    <t>QuresiyanWala</t>
  </si>
  <si>
    <t>GPS CHAK PROPI</t>
  </si>
  <si>
    <t>Chak Propi</t>
  </si>
  <si>
    <t>Chak Propi p/o Propi Nagra tehsil pasrur district sialkot</t>
  </si>
  <si>
    <t>GPS CHAK RAIB</t>
  </si>
  <si>
    <t>Chak raib</t>
  </si>
  <si>
    <t>Saleem Iftikhar Salik</t>
  </si>
  <si>
    <t>GPS CHAK RAIMAN</t>
  </si>
  <si>
    <t>Chack Ramin</t>
  </si>
  <si>
    <t>chah Kalar wala mauza chack Ramin</t>
  </si>
  <si>
    <t>Chah Kalar Wala</t>
  </si>
  <si>
    <t>GPS CHAK RAJA</t>
  </si>
  <si>
    <t>Chak Raja</t>
  </si>
  <si>
    <t>Chak Raja  Tehsil:Pasrur  Distt.Sialkot</t>
  </si>
  <si>
    <t>Shehzadha</t>
  </si>
  <si>
    <t>Farooq Ahmed Noushahi</t>
  </si>
  <si>
    <t>GPS CHAK RAMDAS (CHAK MUBARAK)</t>
  </si>
  <si>
    <t>Abdul Qadus</t>
  </si>
  <si>
    <t>GPS CHAK RAMDAS KOHNA</t>
  </si>
  <si>
    <t>Chak Ramdas Kohna</t>
  </si>
  <si>
    <t>Chak ramdas kohna p.o mandiala tega kamoke</t>
  </si>
  <si>
    <t>Rana Muhammad Nawaz</t>
  </si>
  <si>
    <t>GPS CHAK REHAN</t>
  </si>
  <si>
    <t>Nadala Sandhuwaan</t>
  </si>
  <si>
    <t>Ghulam Ghous</t>
  </si>
  <si>
    <t>GPS CHAK ROHARI</t>
  </si>
  <si>
    <t>Moza chak rohari M.garh</t>
  </si>
  <si>
    <t>Muhammad Anjum Hafeez</t>
  </si>
  <si>
    <t>GPS CHAK SAIDA</t>
  </si>
  <si>
    <t>Chak Saida p.o charanwala teh phalia M. B. Din</t>
  </si>
  <si>
    <t>GPS CHAK SAIDA ZAREEN</t>
  </si>
  <si>
    <t>chak saida nawa loak bhera bhalwak</t>
  </si>
  <si>
    <t>Chaksaida Zareen</t>
  </si>
  <si>
    <t>muhammad taofique</t>
  </si>
  <si>
    <t>GPS CHAK SANATTA</t>
  </si>
  <si>
    <t>village chak sanatta p/o Ghakkar tehsil wazirabad district Gujranwala</t>
  </si>
  <si>
    <t>GPS CHAK SARDAR PUR MOZA SHAH PUR UBHA</t>
  </si>
  <si>
    <t>Wahi Bhakhar</t>
  </si>
  <si>
    <t>choki wala moza wahi bhakhar tehsil Shujabad Multan</t>
  </si>
  <si>
    <t>Choki Wala</t>
  </si>
  <si>
    <t>GPS CHAK SARWAIR</t>
  </si>
  <si>
    <t>Samad Singh</t>
  </si>
  <si>
    <t>GPS chak serwair</t>
  </si>
  <si>
    <t>Chak sarwair</t>
  </si>
  <si>
    <t>Mohammad  Pur</t>
  </si>
  <si>
    <t>Mohammad  Anwar</t>
  </si>
  <si>
    <t>GPS CHAK SHAH MUHAMMAD</t>
  </si>
  <si>
    <t>Chak Shah Muhammad</t>
  </si>
  <si>
    <t>Chak No 38/GD</t>
  </si>
  <si>
    <t>GPS CHAK SHAH PUR</t>
  </si>
  <si>
    <t>Chak Shah Pur</t>
  </si>
  <si>
    <t>Kurky</t>
  </si>
  <si>
    <t>GPS CHAK SHAH WALA</t>
  </si>
  <si>
    <t>Chak Shah Wala</t>
  </si>
  <si>
    <t>basti Dr khalid pitafi chak Shah Wala</t>
  </si>
  <si>
    <t>Peero Wala</t>
  </si>
  <si>
    <t>Rahat Khalid</t>
  </si>
  <si>
    <t>GPS CHAK SHAM KOT</t>
  </si>
  <si>
    <t>chak sham garh post office kartar pur pakpattan</t>
  </si>
  <si>
    <t>GPS CHAK SHAMAS</t>
  </si>
  <si>
    <t>Chak Shamas</t>
  </si>
  <si>
    <t>Village chak shamas , p.o jalalpur jattan Gujrat.</t>
  </si>
  <si>
    <t>GPS CHAK SIDDHAM</t>
  </si>
  <si>
    <t>Chak Sidham</t>
  </si>
  <si>
    <t>Chak sidham post office kuthiala virkan tehsil muridke district sheikhupura</t>
  </si>
  <si>
    <t>Sidham</t>
  </si>
  <si>
    <t>GPS CHAK SIKANDAR</t>
  </si>
  <si>
    <t>p.o rajowal vill chak sikandr</t>
  </si>
  <si>
    <t>Asad Nasim</t>
  </si>
  <si>
    <t>GPS CHAK SUMRA</t>
  </si>
  <si>
    <t>Basti Sumra</t>
  </si>
  <si>
    <t>Basti sumra post office tibba sultan pur Tehsil Mailsi District Vehari</t>
  </si>
  <si>
    <t>Chak Sumra</t>
  </si>
  <si>
    <t>Chak No124 /wb</t>
  </si>
  <si>
    <t>GHULAM MUJTABA</t>
  </si>
  <si>
    <t>GPS CHAK TALAB</t>
  </si>
  <si>
    <t>Basti Punjabi Moza Shahani p / O Muhammad Pur Tehsil JamPur Distt. RajanPur</t>
  </si>
  <si>
    <t>Jhok Mahaar</t>
  </si>
  <si>
    <t>GPS CHAK TALIAN</t>
  </si>
  <si>
    <t>Chak Tailian</t>
  </si>
  <si>
    <t>chak tailian</t>
  </si>
  <si>
    <t>M Mubashar Shahi</t>
  </si>
  <si>
    <t>GPS CHAK TARA SINGH</t>
  </si>
  <si>
    <t>Chak Shab Khan</t>
  </si>
  <si>
    <t>chak shab khan</t>
  </si>
  <si>
    <t>Hadees ahmed</t>
  </si>
  <si>
    <t>GPS CHAK TARAR</t>
  </si>
  <si>
    <t>Chak Tarar</t>
  </si>
  <si>
    <t>Village Chak Tarar marks vanike tarar teh\district Hafizabad</t>
  </si>
  <si>
    <t>Sandhwa Tarar</t>
  </si>
  <si>
    <t>M Faizan Qummar</t>
  </si>
  <si>
    <t>GPS CHAK TEHISLDAR</t>
  </si>
  <si>
    <t>chaveka uttar</t>
  </si>
  <si>
    <t>Chak tehsildar Bwn</t>
  </si>
  <si>
    <t>Chak tehsildar</t>
  </si>
  <si>
    <t>toba qalunder Sha</t>
  </si>
  <si>
    <t>Muhammad abdullah</t>
  </si>
  <si>
    <t>GPS CHAK THAKRA</t>
  </si>
  <si>
    <t>THAKRA</t>
  </si>
  <si>
    <t>HAVALI LALHA</t>
  </si>
  <si>
    <t>SMUNDRI</t>
  </si>
  <si>
    <t>GPS CHAK THANIDAR</t>
  </si>
  <si>
    <t>Bonga Machi</t>
  </si>
  <si>
    <t>chak thanedar po bonga machi tehsil minchinabad distt bwn</t>
  </si>
  <si>
    <t>Chak Thanedar</t>
  </si>
  <si>
    <t>water coole</t>
  </si>
  <si>
    <t>GPS CHAK TILLAN WALA</t>
  </si>
  <si>
    <t>Hussain Garh</t>
  </si>
  <si>
    <t>tillan wala,tehsil renala Khurd. District okara</t>
  </si>
  <si>
    <t>tillan wala</t>
  </si>
  <si>
    <t>22/1.A.L</t>
  </si>
  <si>
    <t>muhammad muzaffar chand</t>
  </si>
  <si>
    <t>GPS CHAK UMER</t>
  </si>
  <si>
    <t>Chak Umar ,Tehsil Shahpur, District Sargodha</t>
  </si>
  <si>
    <t>Ahmed  Bilal</t>
  </si>
  <si>
    <t>GPS CHAK UMRA</t>
  </si>
  <si>
    <t>Chak umra</t>
  </si>
  <si>
    <t>Chak  Umra</t>
  </si>
  <si>
    <t>GPS CHAK UTTAM SINGH</t>
  </si>
  <si>
    <t>Kot Haji Jan Muhammad Muhammad</t>
  </si>
  <si>
    <t>kot Haj Jan Muhammad</t>
  </si>
  <si>
    <t>GPS CHAK VEEHA</t>
  </si>
  <si>
    <t>Chak Veeha</t>
  </si>
  <si>
    <t>GBPS CHACK VEEHA MARKZ MUSLIM ABAD RAHIM YAR KHAN.</t>
  </si>
  <si>
    <t>Adnan Mustafa</t>
  </si>
  <si>
    <t>GPS CHAK VICHLA</t>
  </si>
  <si>
    <t>CHAK VICHLA</t>
  </si>
  <si>
    <t>GOVERNMENT PRIMARY SCHOOL CHAK VICHLA</t>
  </si>
  <si>
    <t>SAKROOR</t>
  </si>
  <si>
    <t>Both hand and water pump</t>
  </si>
  <si>
    <t>GPS CHAK VIRKAN</t>
  </si>
  <si>
    <t>chak virkan tehsil nowshera virkan</t>
  </si>
  <si>
    <t>GPS CHAK WAHL WALA</t>
  </si>
  <si>
    <t>Wahl Wala</t>
  </si>
  <si>
    <t>Wahl Wala p.o gujiana nau distt. skp</t>
  </si>
  <si>
    <t>GPS CHAK WAHNI QADEEM</t>
  </si>
  <si>
    <t>basti arrain muza mahand</t>
  </si>
  <si>
    <t>M Ismail</t>
  </si>
  <si>
    <t>GPS CHAK WALI MUHAMMAD</t>
  </si>
  <si>
    <t>chak wali Muhmmad</t>
  </si>
  <si>
    <t>p/o chak wali muhammad</t>
  </si>
  <si>
    <t>chak wali muhammad</t>
  </si>
  <si>
    <t>jaith pur</t>
  </si>
  <si>
    <t>GPS CHAK YASIN KAY</t>
  </si>
  <si>
    <t>sanattaka</t>
  </si>
  <si>
    <t>chak yasin kay p.o tibi lal baig tehsil arifwala distt pakpattan</t>
  </si>
  <si>
    <t>yasin kay</t>
  </si>
  <si>
    <t>Machi singh</t>
  </si>
  <si>
    <t>GPS CHAK ZAHIR</t>
  </si>
  <si>
    <t>village and p.o chak Zahir teshil phalia district m b din</t>
  </si>
  <si>
    <t>Hagarwala</t>
  </si>
  <si>
    <t>Arslan Ahmed</t>
  </si>
  <si>
    <t>GPS CHAKAR KHAN</t>
  </si>
  <si>
    <t>Basti Chakar Khan</t>
  </si>
  <si>
    <t>GPS CHAKAR WALA NO 2</t>
  </si>
  <si>
    <t>Darkhast Jamal Khan Janubi # 2</t>
  </si>
  <si>
    <t>Basti Muhammad Khan muza Darkhast Jamal Khan Janubi # 2 Tehsil Kot Chutta District Dera Ghazi Khan</t>
  </si>
  <si>
    <t>Basti MUHAMMAD KHAN</t>
  </si>
  <si>
    <t>Darkhast Jamal Khan Dermeyani</t>
  </si>
  <si>
    <t>GPS CHAKBANDI</t>
  </si>
  <si>
    <t>moza chakbandi</t>
  </si>
  <si>
    <t>GPS CHAKBANDY BARKHA.</t>
  </si>
  <si>
    <t>ChakBandiBarkha</t>
  </si>
  <si>
    <t>ChakBandiBarkha Tehsil Chichawatni District Sahiwal</t>
  </si>
  <si>
    <t>GPS CHAKE BAGWAL</t>
  </si>
  <si>
    <t>Chak Rajgan</t>
  </si>
  <si>
    <t>GPS Chak bagwal</t>
  </si>
  <si>
    <t>Chak Bagwal</t>
  </si>
  <si>
    <t>Jamila  Nawaz</t>
  </si>
  <si>
    <t>GPS CHAKI DHARUKNA</t>
  </si>
  <si>
    <t>Chaki Dharukna</t>
  </si>
  <si>
    <t>Village Chaki Dharukna P/O Dharukna Tehsil Kallar kahar Distt Chakwal</t>
  </si>
  <si>
    <t>GPS Chaki Dharukna</t>
  </si>
  <si>
    <t>Saqib Iqbal</t>
  </si>
  <si>
    <t>GPS CHAKI RANGPUR</t>
  </si>
  <si>
    <t>Chaki Rang Pur</t>
  </si>
  <si>
    <t>village chaki rang pur Teh Kallar kahar Distt chakwal</t>
  </si>
  <si>
    <t>GPS CHAKI SHAH JEE</t>
  </si>
  <si>
    <t>Janoobi Tarap</t>
  </si>
  <si>
    <t>vpochakishahjee</t>
  </si>
  <si>
    <t>Chaki Shah Jee</t>
  </si>
  <si>
    <t>GPS CHAKIALA</t>
  </si>
  <si>
    <t>Village Chakiala PO Dhamali Tehsil Kallar Syedan District Rawalpindi</t>
  </si>
  <si>
    <t>Chakiala</t>
  </si>
  <si>
    <t>Najma Tabbasum</t>
  </si>
  <si>
    <t>GPS CHAKIAN (BASAL)</t>
  </si>
  <si>
    <t>dhok chakian vpo basal tehsil jand district attock</t>
  </si>
  <si>
    <t>Imdad Ali Khan</t>
  </si>
  <si>
    <t>GPS CHAKIAN KALAN</t>
  </si>
  <si>
    <t>chakian kalan  kamoke Gujranwala</t>
  </si>
  <si>
    <t>Muhammad Serwar</t>
  </si>
  <si>
    <t>GPS CHAKIAN PHULARWAN</t>
  </si>
  <si>
    <t>GPS chakian</t>
  </si>
  <si>
    <t>Muhammad  Afzal</t>
  </si>
  <si>
    <t>GPS CHAKKAR QADAY WALA</t>
  </si>
  <si>
    <t>Basti chakkar qadey wala head islam</t>
  </si>
  <si>
    <t>Basti Chakkar Qadey Wala</t>
  </si>
  <si>
    <t>Muhammad Rizwan Zafar</t>
  </si>
  <si>
    <t>GPS CHAKKI LARRI</t>
  </si>
  <si>
    <t>Chakki larri</t>
  </si>
  <si>
    <t>Village Chakki larri u/c Chakki Tehsil Pindi Gheb District Attock</t>
  </si>
  <si>
    <t>Suryia Yasmeen</t>
  </si>
  <si>
    <t>GPS CHAKLALA RAWALPNDI</t>
  </si>
  <si>
    <t>ghost market chaklala</t>
  </si>
  <si>
    <t>GPS CHAKOKI BASTI</t>
  </si>
  <si>
    <t>basti chakoki</t>
  </si>
  <si>
    <t>Basti Chakoki</t>
  </si>
  <si>
    <t>GPS CHAKORI</t>
  </si>
  <si>
    <t>Chakori</t>
  </si>
  <si>
    <t>GPS Chakori P/O Noor Pur Katvi Tehsil Phalia</t>
  </si>
  <si>
    <t>Arslan Atiq</t>
  </si>
  <si>
    <t>GPS CHAKORI KHURD</t>
  </si>
  <si>
    <t>village chakori khurd post office kotla kasim khan tehsil kharian district gujrat</t>
  </si>
  <si>
    <t>Kotla Kasim Khan</t>
  </si>
  <si>
    <t>GPS CHAKORY BEHLOWAL</t>
  </si>
  <si>
    <t>VPO. CHAKORI BHELOWAL, Tehsil Kharian, District Gujrat</t>
  </si>
  <si>
    <t>Aurangzeb Ellahi</t>
  </si>
  <si>
    <t>GPS CHAKRI</t>
  </si>
  <si>
    <t>chakrischool</t>
  </si>
  <si>
    <t>GPS CHAKWAL SULEHRIAN</t>
  </si>
  <si>
    <t>Chakwal Sulhrein</t>
  </si>
  <si>
    <t>village chakwal sulhrein post office showara Thsil shakargarh district Narowal</t>
  </si>
  <si>
    <t>GPS CHAL PUR</t>
  </si>
  <si>
    <t>GPS CHALADH KEY  PO PAKPATTAN</t>
  </si>
  <si>
    <t>Malekay Taro</t>
  </si>
  <si>
    <t>basti chaladhkay pakpattan</t>
  </si>
  <si>
    <t>Chaladhkay</t>
  </si>
  <si>
    <t>Shizra Waris</t>
  </si>
  <si>
    <t>GPS CHAMBRI</t>
  </si>
  <si>
    <t>Chambari</t>
  </si>
  <si>
    <t>CHAMBARI</t>
  </si>
  <si>
    <t>TRIBAL AREA</t>
  </si>
  <si>
    <t>Allah Wasaya Khan</t>
  </si>
  <si>
    <t>rain</t>
  </si>
  <si>
    <t>GPS CHAMMALA</t>
  </si>
  <si>
    <t>Chammala</t>
  </si>
  <si>
    <t>village chammala po bhiritta Teh Dina Distt jhelum</t>
  </si>
  <si>
    <t>Naila  Quyyum</t>
  </si>
  <si>
    <t>GPS CHAMNAKI</t>
  </si>
  <si>
    <t>Chamnaki</t>
  </si>
  <si>
    <t>CHAMNAKI</t>
  </si>
  <si>
    <t>GPS CHAMRUTTI</t>
  </si>
  <si>
    <t>Chumrotti</t>
  </si>
  <si>
    <t>GPS chumrotti</t>
  </si>
  <si>
    <t>GPS CHAN WALA</t>
  </si>
  <si>
    <t>Chan wala</t>
  </si>
  <si>
    <t>Mazher Hussain</t>
  </si>
  <si>
    <t>GPS CHAN WALA JALAL PUR PIRWALA</t>
  </si>
  <si>
    <t>Basti Chan Wala, Main Lodhran Road,tehsil Jala pur Pir Wala</t>
  </si>
  <si>
    <t>GPS CHANAN DIN</t>
  </si>
  <si>
    <t>Mushtarka Mushtarka Mehraywala</t>
  </si>
  <si>
    <t>GPS CHANAN KHEL</t>
  </si>
  <si>
    <t>GPS Chanan Khel Post office Pai khel tehsil &amp; district Mianwali</t>
  </si>
  <si>
    <t>Muhammad Waleed Khan</t>
  </si>
  <si>
    <t>GPS CHANAN PUNANN</t>
  </si>
  <si>
    <t>Chak 24 P</t>
  </si>
  <si>
    <t>Chak 24/p basti peer chanan punan</t>
  </si>
  <si>
    <t>Chak 24/P</t>
  </si>
  <si>
    <t>MUD BHOORA</t>
  </si>
  <si>
    <t>GPS CHANAN WALA</t>
  </si>
  <si>
    <t>village chanan wala laluwali sargodha</t>
  </si>
  <si>
    <t>Ghulam Razzaq</t>
  </si>
  <si>
    <t>GPS CHANAN WALA MOUZA KOREY WALA KABIRWALA</t>
  </si>
  <si>
    <t>5marlla scheme koray wala kabir wala</t>
  </si>
  <si>
    <t>5 Marlla Scheme</t>
  </si>
  <si>
    <t>Kot  Bahadar</t>
  </si>
  <si>
    <t>GPS CHANAWAN</t>
  </si>
  <si>
    <t>Village Chanawan Tehsil Sialkot.</t>
  </si>
  <si>
    <t>GPS CHANBHLAN WALA P/O JHOKE LASHKER PUR</t>
  </si>
  <si>
    <t>Near 18 Kassi Budhla Raod Multan.</t>
  </si>
  <si>
    <t>Chamblan Wala</t>
  </si>
  <si>
    <t>GPS CHANDA SINGH WALA</t>
  </si>
  <si>
    <t>Chanda singh wala</t>
  </si>
  <si>
    <t>Village chanda singh wala.tehsil and district kasur</t>
  </si>
  <si>
    <t>Sejhra</t>
  </si>
  <si>
    <t>GPS CHANDAR NAGAR GHARBI</t>
  </si>
  <si>
    <t>chandar nagar gharbi</t>
  </si>
  <si>
    <t>Chandar Nagar Gharbi</t>
  </si>
  <si>
    <t>GPS CHANDAY WALA</t>
  </si>
  <si>
    <t>Khar  Gharbi</t>
  </si>
  <si>
    <t>chah candy wala Moza khar Gharbi po sanawan teh kotadu distance  m garh</t>
  </si>
  <si>
    <t>CHAH CHANDIA  WALa</t>
  </si>
  <si>
    <t>Doghar Klassra</t>
  </si>
  <si>
    <t>Hafiz Ghulam Akbar</t>
  </si>
  <si>
    <t>GPS CHANDAY WALI</t>
  </si>
  <si>
    <t>po nutkani taunsa sharif</t>
  </si>
  <si>
    <t>Chanday wali</t>
  </si>
  <si>
    <t>muhammad saad akhtar</t>
  </si>
  <si>
    <t>GPS CHANDER KEY</t>
  </si>
  <si>
    <t>Chander Key</t>
  </si>
  <si>
    <t>P.O BOX GHAKHAR MANDI TEHSIL AND DIST GUJRANWALA</t>
  </si>
  <si>
    <t>Jallal Balagan</t>
  </si>
  <si>
    <t>IQBAL MEHMOOD</t>
  </si>
  <si>
    <t>GPS CHANDHAR</t>
  </si>
  <si>
    <t>Chandhar</t>
  </si>
  <si>
    <t>village chandar PO box basiwala teh pasrur distt Sialkot</t>
  </si>
  <si>
    <t>GPS CHANDRANI</t>
  </si>
  <si>
    <t>Chandrani</t>
  </si>
  <si>
    <t>moza chandrani po tahli talbani the khair pur tamewali</t>
  </si>
  <si>
    <t>Shed Imam Shah</t>
  </si>
  <si>
    <t>M Akbar Ali</t>
  </si>
  <si>
    <t>GPS CHANDRIEN</t>
  </si>
  <si>
    <t>Sharif Diwala</t>
  </si>
  <si>
    <t>basti chandrain</t>
  </si>
  <si>
    <t>GPS CHANDU</t>
  </si>
  <si>
    <t>Village Chandu Post Office Mehinwal, Tehsil C.S. Shah District Chakwal</t>
  </si>
  <si>
    <t>GPS CHANGA DAKHLI</t>
  </si>
  <si>
    <t>Dhok awan</t>
  </si>
  <si>
    <t>GPS dhok changa dakhli pail</t>
  </si>
  <si>
    <t>GPS CHANGRAL</t>
  </si>
  <si>
    <t>Changral</t>
  </si>
  <si>
    <t>vill changral p.o panchor via lehri teh sohawa distt jhlm</t>
  </si>
  <si>
    <t>GPS CHANGRAN WALA</t>
  </si>
  <si>
    <t>Changranwala, Tehsil Lalian, District Chiniot</t>
  </si>
  <si>
    <t>GPS CHANGWARIAN</t>
  </si>
  <si>
    <t>Barhina</t>
  </si>
  <si>
    <t>Village barhina p of gulhera gali</t>
  </si>
  <si>
    <t>Changwarian</t>
  </si>
  <si>
    <t>GPS CHANI CHORERA</t>
  </si>
  <si>
    <t>Channi Chorera</t>
  </si>
  <si>
    <t>Kaleke Mandi</t>
  </si>
  <si>
    <t>Hafiz Saifullah</t>
  </si>
  <si>
    <t>GPS CHANI HANJRANWAN</t>
  </si>
  <si>
    <t>Chhani Hanjranwan</t>
  </si>
  <si>
    <t>chhani Hanjranwan post office Lalkay tehsil and district Hafizabad</t>
  </si>
  <si>
    <t>Dherankay Merdadkay</t>
  </si>
  <si>
    <t>Usman Shaukat</t>
  </si>
  <si>
    <t>GPS CHANI HOSHNAK RAI</t>
  </si>
  <si>
    <t>Chani Hoshnak Rai</t>
  </si>
  <si>
    <t>Village Chani Hoshnak Rai</t>
  </si>
  <si>
    <t>GPS CHANI MITTHA</t>
  </si>
  <si>
    <t>Chanimitha</t>
  </si>
  <si>
    <t>chani mitha</t>
  </si>
  <si>
    <t>Chani Mitha</t>
  </si>
  <si>
    <t>Mustansar Abbas</t>
  </si>
  <si>
    <t>GPS CHANI THATHLAN</t>
  </si>
  <si>
    <t>channi thathlan P/O chak bhatti tehsil.pindi bhattian district hafizabad</t>
  </si>
  <si>
    <t>GPS CHANJNI</t>
  </si>
  <si>
    <t>GBPS Chanjni markaz khan Bela</t>
  </si>
  <si>
    <t>GPS CHANJORA</t>
  </si>
  <si>
    <t>GPS chanjora</t>
  </si>
  <si>
    <t>Chanjorra</t>
  </si>
  <si>
    <t>Gorsaiyal</t>
  </si>
  <si>
    <t>Muhammad Asif Javaid</t>
  </si>
  <si>
    <t>GPS CHANNA WALA JHOKE WAINS</t>
  </si>
  <si>
    <t>Jhoke Wains Warli</t>
  </si>
  <si>
    <t>Chah dhoray wala Jhoke wains warli Multan saddar</t>
  </si>
  <si>
    <t>Channa Wala</t>
  </si>
  <si>
    <t>GPS CHANNAN</t>
  </si>
  <si>
    <t>VPO CHANNAN TEH KHARIAN DISTT</t>
  </si>
  <si>
    <t>WAQAS AHMED</t>
  </si>
  <si>
    <t>GPS CHANNAN WALA</t>
  </si>
  <si>
    <t>Channar Wala, UC Khery Wala</t>
  </si>
  <si>
    <t>GPS CHANNI GEHNA</t>
  </si>
  <si>
    <t>Channi Gahn</t>
  </si>
  <si>
    <t>gps  channi gehna p.o.same teh.phalia distt.m.b.din</t>
  </si>
  <si>
    <t>Channi Gahna</t>
  </si>
  <si>
    <t>GPS CHANNI GHULLA</t>
  </si>
  <si>
    <t>channi ghulla post office qadir abad colony tahsil and distt hafizabad</t>
  </si>
  <si>
    <t>GPS CHANNI HAFIZ</t>
  </si>
  <si>
    <t>Chani Hafiz</t>
  </si>
  <si>
    <t>channi hafiz, p.o Deona Mandi, teh/dist Gujrat</t>
  </si>
  <si>
    <t>Syed Mubashar Safdar</t>
  </si>
  <si>
    <t>GPS CHANNI KHIZAR</t>
  </si>
  <si>
    <t>channi khizar</t>
  </si>
  <si>
    <t>P/O Bakhash wala, Village Channi Khizar, Lalian, Chiniot</t>
  </si>
  <si>
    <t>GPS CHANNI MUHAMMAD QAZI</t>
  </si>
  <si>
    <t>Village Channi Muhammad Qazi</t>
  </si>
  <si>
    <t>Chani Muhammad Qazi</t>
  </si>
  <si>
    <t>Muddassir Riaz</t>
  </si>
  <si>
    <t>GPS CHANNI NAGROTA</t>
  </si>
  <si>
    <t>Channi Nagrota</t>
  </si>
  <si>
    <t>Village channi Nagrota p/o  Tarkhana mureeda</t>
  </si>
  <si>
    <t>GPS CHANNI QURESHIAN</t>
  </si>
  <si>
    <t>Channi Khichi</t>
  </si>
  <si>
    <t>channi qureshian chenab nagar</t>
  </si>
  <si>
    <t>Channi Qureshian</t>
  </si>
  <si>
    <t>Mc Chenab Nagar</t>
  </si>
  <si>
    <t>GPS CHANNI REHAN</t>
  </si>
  <si>
    <t>Channi Rehan</t>
  </si>
  <si>
    <t>village channi rehan tehsil pindi bhattian dist hafizabad</t>
  </si>
  <si>
    <t>Wakeel Ahmad</t>
  </si>
  <si>
    <t>GPS CHANNI REHMAT KHAN</t>
  </si>
  <si>
    <t>Channi Rehmat Khan</t>
  </si>
  <si>
    <t>GPS Channi Rehmat Khan</t>
  </si>
  <si>
    <t>GPS CHANNU AANA</t>
  </si>
  <si>
    <t>Channu Aana</t>
  </si>
  <si>
    <t>basti channu ana chak 16/fw</t>
  </si>
  <si>
    <t>16/fw</t>
  </si>
  <si>
    <t>Muhammad Khizar Hayat</t>
  </si>
  <si>
    <t>GPS CHANNU SHAHBAZ</t>
  </si>
  <si>
    <t>Channu Shahbaz</t>
  </si>
  <si>
    <t>eid ghah channu shahbaz p/o gilla wall tehsil Â£district lodhran</t>
  </si>
  <si>
    <t>Eid Ghah Channu Shahbaz</t>
  </si>
  <si>
    <t>GPS CHANRAN WALA</t>
  </si>
  <si>
    <t>deara chanranwala</t>
  </si>
  <si>
    <t>Deara  Chanranwala</t>
  </si>
  <si>
    <t>GPS CHANU MAHTAM</t>
  </si>
  <si>
    <t>Channu Mahtam</t>
  </si>
  <si>
    <t>markaz Akbar teh &amp; district okara</t>
  </si>
  <si>
    <t>m iqbal anjum</t>
  </si>
  <si>
    <t>GPS CHANWAT</t>
  </si>
  <si>
    <t>chak chanwat</t>
  </si>
  <si>
    <t>Waqas Azeem Khan</t>
  </si>
  <si>
    <t>GPS CHAOW WALA</t>
  </si>
  <si>
    <t>Tibbi Bukan wali, rakh khan pur Teh and district Muzaffargarh</t>
  </si>
  <si>
    <t>Tibbi Bukan Wali</t>
  </si>
  <si>
    <t>Nazim Hussain</t>
  </si>
  <si>
    <t>GPS CHAPPA</t>
  </si>
  <si>
    <t>Village. Chappa post office Bata pur Lahore</t>
  </si>
  <si>
    <t>GPS CHAPPAR</t>
  </si>
  <si>
    <t>GUFF- MALE</t>
  </si>
  <si>
    <t>village chappar p.o chabutra teh kalar district rawalpindi</t>
  </si>
  <si>
    <t>GPS CHAPPAR SHARIF</t>
  </si>
  <si>
    <t>Kund Shumali</t>
  </si>
  <si>
    <t>post office chapphar sharif teh and District Khushab</t>
  </si>
  <si>
    <t>Chapphar sharif</t>
  </si>
  <si>
    <t>MUHAMMAD SALEEMULLAH MIAN</t>
  </si>
  <si>
    <t>paid NSB</t>
  </si>
  <si>
    <t>GPS CHAPPER HARDO</t>
  </si>
  <si>
    <t>Chappar Hardo</t>
  </si>
  <si>
    <t>Village chappar hardo tehsil hassan Abdal</t>
  </si>
  <si>
    <t>Pindh Mehri</t>
  </si>
  <si>
    <t>GPS CHAPPRANA KHATER</t>
  </si>
  <si>
    <t>Kamkot Haidar</t>
  </si>
  <si>
    <t>village kamkot haidar P/O Biaga Teh. kottli sattian Distt.Rawapindi</t>
  </si>
  <si>
    <t>Lehthrar Bala</t>
  </si>
  <si>
    <t>GPS CHAPRAN WALA, P/O SARDAR PUR, NAWAN SHEHR</t>
  </si>
  <si>
    <t>Tehsil Kabirwala district khanewal</t>
  </si>
  <si>
    <t>Muhammad zafar</t>
  </si>
  <si>
    <t>GPS CHAPRI QUTAB KHEL</t>
  </si>
  <si>
    <t>Pos Bangi Khel</t>
  </si>
  <si>
    <t>Chapri qutab khel tabisar</t>
  </si>
  <si>
    <t>Chapri qutab khel</t>
  </si>
  <si>
    <t>Hameed Ullah Shah Khattak</t>
  </si>
  <si>
    <t>GPS CHAPRI SAHU KHEL</t>
  </si>
  <si>
    <t>Poss Bangi Khel Sherqi</t>
  </si>
  <si>
    <t>GPS Chapri Sahu Khel</t>
  </si>
  <si>
    <t>Chapri Sahu Khel</t>
  </si>
  <si>
    <t>GPS CHAPRY CHATTAN SHAH</t>
  </si>
  <si>
    <t>Chapri Chattan Shah</t>
  </si>
  <si>
    <t>Chapri chattan shah U/C tranda gurgaij</t>
  </si>
  <si>
    <t>Tranda Gurjaij</t>
  </si>
  <si>
    <t>GPS CHARAGH BELA NO. 3</t>
  </si>
  <si>
    <t>Charagh Bela</t>
  </si>
  <si>
    <t>Moza Charagh Bela P/O Rang Pur M.Garh</t>
  </si>
  <si>
    <t>Waseem Shoukat</t>
  </si>
  <si>
    <t>GPS CHARAGH BELA P/O SARDAR PUR, NAWAN SHEHR</t>
  </si>
  <si>
    <t>basti toay wala moza charagh bela sardarpur tehsil kabirwala distrct khanewal</t>
  </si>
  <si>
    <t>Basti Toay Wala</t>
  </si>
  <si>
    <t>GPS CHARAGH SHAH</t>
  </si>
  <si>
    <t>Wang Som</t>
  </si>
  <si>
    <t>wang</t>
  </si>
  <si>
    <t>Dheenghan</t>
  </si>
  <si>
    <t>GPS CHARAR</t>
  </si>
  <si>
    <t>Chrar</t>
  </si>
  <si>
    <t>village charar teh pasrur dist sialkot</t>
  </si>
  <si>
    <t>GPS CHARHAN</t>
  </si>
  <si>
    <t>village charhan p o gulehra gali murree</t>
  </si>
  <si>
    <t>charhasn</t>
  </si>
  <si>
    <t>GPS CHARJAGIRAN</t>
  </si>
  <si>
    <t>PO Maira Sharif Charjagiran</t>
  </si>
  <si>
    <t>WAHEED AHMAD</t>
  </si>
  <si>
    <t>GPS CHARKEY</t>
  </si>
  <si>
    <t>Char Kay</t>
  </si>
  <si>
    <t>char kay</t>
  </si>
  <si>
    <t>Char  Kay</t>
  </si>
  <si>
    <t>Muhabat Ali</t>
  </si>
  <si>
    <t>GPS CHARRAT</t>
  </si>
  <si>
    <t>village &amp; post office charrat tensil fateh jang district attock</t>
  </si>
  <si>
    <t>GPS CHARRHOIAN WALA</t>
  </si>
  <si>
    <t>charrowana Wala karari kot</t>
  </si>
  <si>
    <t>Charrowana Wala</t>
  </si>
  <si>
    <t>Sajjad Raza</t>
  </si>
  <si>
    <t>GPS CHASAN WALI DHARI</t>
  </si>
  <si>
    <t>chassan Wali dheri Fateh jang</t>
  </si>
  <si>
    <t>GPS CHASHANA GHUNDA</t>
  </si>
  <si>
    <t>GPS CHASHMAI</t>
  </si>
  <si>
    <t>Chashmai P.O Tabbi Sar</t>
  </si>
  <si>
    <t>GPS CHATERY WALA</t>
  </si>
  <si>
    <t>village chaitei Wala muza nawankot tehsil choubara distt. layyah</t>
  </si>
  <si>
    <t>Chaitri Wala</t>
  </si>
  <si>
    <t>Khuda Bakhish</t>
  </si>
  <si>
    <t>GPS CHATT WAHIN</t>
  </si>
  <si>
    <t>Mauza chatt wahin</t>
  </si>
  <si>
    <t>FARRUKH JAMAL</t>
  </si>
  <si>
    <t>GPS CHATTAN WALA</t>
  </si>
  <si>
    <t>Chattanwala</t>
  </si>
  <si>
    <t>village Chattanwala teh and District Gujrat</t>
  </si>
  <si>
    <t>GPS CHATTAR WALA</t>
  </si>
  <si>
    <t>dera maan kot nakka pindi bhattian hafizabad</t>
  </si>
  <si>
    <t>Dera Maan</t>
  </si>
  <si>
    <t>Malik Usman Haider</t>
  </si>
  <si>
    <t>GPS CHATTEKA</t>
  </si>
  <si>
    <t>Chhateka</t>
  </si>
  <si>
    <t>Chak Chhateka</t>
  </si>
  <si>
    <t>GPS CHATTI (DERA SUBHAN ALLAH)</t>
  </si>
  <si>
    <t>Lalo Phoman</t>
  </si>
  <si>
    <t>govt primary school chatti subhanAllah</t>
  </si>
  <si>
    <t>Kudalthi</t>
  </si>
  <si>
    <t>GPS CHATWAIN</t>
  </si>
  <si>
    <t>basti okair mouza chatwain</t>
  </si>
  <si>
    <t>Okair</t>
  </si>
  <si>
    <t>Muhammad Adnan Nazir</t>
  </si>
  <si>
    <t>GPS CHAUDHARY WALA</t>
  </si>
  <si>
    <t>kot Khuda bakhash Mela Kot momin sargodha</t>
  </si>
  <si>
    <t>Kot Khuda Bakhash</t>
  </si>
  <si>
    <t>GPS CHAUDHRY MAHENGA</t>
  </si>
  <si>
    <t>Lodan Wali</t>
  </si>
  <si>
    <t>basti mahi Arin lodan wali</t>
  </si>
  <si>
    <t>Mahi Arin</t>
  </si>
  <si>
    <t>GPS CHAUDRY WALA</t>
  </si>
  <si>
    <t>Chak#559/TDA</t>
  </si>
  <si>
    <t>Chak#559/TDA M.M Road Jhangi Adda Chowk Sarwar Shaheed</t>
  </si>
  <si>
    <t>Chak#567/TDA</t>
  </si>
  <si>
    <t>GPS CHAWAIKA</t>
  </si>
  <si>
    <t>Chawaika Tehsil sahiwal Distt sargodha</t>
  </si>
  <si>
    <t>Jahania Shah</t>
  </si>
  <si>
    <t>Aslam Hayat</t>
  </si>
  <si>
    <t>GPS CHAWAN WALA</t>
  </si>
  <si>
    <t>SULTAN KHAR</t>
  </si>
  <si>
    <t>BASTI CHAWAN WALA MOZA SULTAN KHAR TEHSIL&amp;DISTRICT MUZAFFARGARH</t>
  </si>
  <si>
    <t>CHAWAN WALA</t>
  </si>
  <si>
    <t>FAZAL KALRO</t>
  </si>
  <si>
    <t>Safdar Javed Hussain</t>
  </si>
  <si>
    <t>GPS CHAWATIAN CHATHA</t>
  </si>
  <si>
    <t>Chawatian</t>
  </si>
  <si>
    <t>Chawatin Chattha, Teh-Wazir abad, Disst-GRW</t>
  </si>
  <si>
    <t>CHAWATIAN Chattha</t>
  </si>
  <si>
    <t>Behloul Abbas</t>
  </si>
  <si>
    <t>GPS CHAWAY WALA</t>
  </si>
  <si>
    <t>Jhedweran</t>
  </si>
  <si>
    <t>main jhang road sargodha</t>
  </si>
  <si>
    <t>Chaway Wala</t>
  </si>
  <si>
    <t>Tasawar Abbas</t>
  </si>
  <si>
    <t>GPS CHAWINDA NO.1</t>
  </si>
  <si>
    <t>pasrur road chawinda</t>
  </si>
  <si>
    <t>GPS CHAWINDA NO.2</t>
  </si>
  <si>
    <t>boarding house chawinda</t>
  </si>
  <si>
    <t>Khizer Hayat</t>
  </si>
  <si>
    <t>GPS CHECHI</t>
  </si>
  <si>
    <t>vpo chechi tehsil hazro distt attock</t>
  </si>
  <si>
    <t>GPS CHEEK</t>
  </si>
  <si>
    <t>basti cheek u/c mubarki p/o sakhi sarwar tehsil taunsa shareef</t>
  </si>
  <si>
    <t>Cheek</t>
  </si>
  <si>
    <t>GPS CHEEMA COLONY</t>
  </si>
  <si>
    <t>cheema colony wazirabad</t>
  </si>
  <si>
    <t>GPS CHEEMA KALAIR</t>
  </si>
  <si>
    <t>Cheema Klair</t>
  </si>
  <si>
    <t>Cheema klair p\o shah greeb</t>
  </si>
  <si>
    <t>Cheema klair</t>
  </si>
  <si>
    <t>Ghonna</t>
  </si>
  <si>
    <t>GPS CHEEMAY WALA</t>
  </si>
  <si>
    <t>Dakar Kotli</t>
  </si>
  <si>
    <t>cheemay Wala, p/o 69/ML,Tehsil Mankera,District Bhakkar</t>
  </si>
  <si>
    <t>Cheemay Wala</t>
  </si>
  <si>
    <t>Muhammad Waseem Rana</t>
  </si>
  <si>
    <t>GPS CHEENA</t>
  </si>
  <si>
    <t>Wadhaywali</t>
  </si>
  <si>
    <t>MOUZA WADDHYWALI P/o war a sehran teh karor dist layyah</t>
  </si>
  <si>
    <t>Bastion Cheena</t>
  </si>
  <si>
    <t>War a Sehran</t>
  </si>
  <si>
    <t>Muhammad Shahjahan</t>
  </si>
  <si>
    <t>GPS CHEENA ARLA</t>
  </si>
  <si>
    <t>chhina Arla</t>
  </si>
  <si>
    <t>chhina arla tehsil kot radha kishen distt. kasur</t>
  </si>
  <si>
    <t>chhina arla</t>
  </si>
  <si>
    <t>Muhammad Naveed Asim</t>
  </si>
  <si>
    <t>GPS CHEENA MALANA</t>
  </si>
  <si>
    <t>Cheena malana</t>
  </si>
  <si>
    <t>cheena malana tehsil jatoi m.garh</t>
  </si>
  <si>
    <t>Cheena Malana</t>
  </si>
  <si>
    <t>Muhammad Khalid  Mumtaz</t>
  </si>
  <si>
    <t>Hand pump</t>
  </si>
  <si>
    <t>GPS CHEENAY</t>
  </si>
  <si>
    <t>Cheenay</t>
  </si>
  <si>
    <t>Cheenay Teh &amp; Distt Hafizabad.</t>
  </si>
  <si>
    <t>GPS CHEIAN WALI GHARBI</t>
  </si>
  <si>
    <t>Chianwali Gharbi</t>
  </si>
  <si>
    <t>chianwali Gujranwala</t>
  </si>
  <si>
    <t>China Wali Gharbi</t>
  </si>
  <si>
    <t>Zaheer Ahmad Bhopali</t>
  </si>
  <si>
    <t>GPS CHEJU DEH</t>
  </si>
  <si>
    <t>Chaju Deh</t>
  </si>
  <si>
    <t>Mouza Chaju Deh Vehari</t>
  </si>
  <si>
    <t>Muhammad Altaf-ur-Rahman</t>
  </si>
  <si>
    <t>GPS CHEK DANIAL</t>
  </si>
  <si>
    <t>chak dinal</t>
  </si>
  <si>
    <t>Chak Dinal</t>
  </si>
  <si>
    <t>GPS CHELA WAHIN</t>
  </si>
  <si>
    <t>Chella Wahin</t>
  </si>
  <si>
    <t>Besti chellawahin p/o israni kpt</t>
  </si>
  <si>
    <t>Chellawahin</t>
  </si>
  <si>
    <t>Hafiz Salah Ud Din</t>
  </si>
  <si>
    <t>GPS CHELAY WAHIN</t>
  </si>
  <si>
    <t>Chelay Wahin,Tehsil Kahror Pacca,District Lodhran</t>
  </si>
  <si>
    <t>Muhammad Muttqeen</t>
  </si>
  <si>
    <t>GPS CHEMEKI SAHI</t>
  </si>
  <si>
    <t>Chemeki Sahi</t>
  </si>
  <si>
    <t>chak no 22/75 PO Syedwala Tehsil and district Nankana Sahib</t>
  </si>
  <si>
    <t>Walayat Ali</t>
  </si>
  <si>
    <t>GPS CHENA KARM ALI</t>
  </si>
  <si>
    <t>Cheena Karam Ali</t>
  </si>
  <si>
    <t>chak dilawar k kathye moza cheena karam ali sahiwal</t>
  </si>
  <si>
    <t>Dilawar K Kathye</t>
  </si>
  <si>
    <t>GPS CHENAWAN VILLAGE</t>
  </si>
  <si>
    <t>Chenawan Village</t>
  </si>
  <si>
    <t>P.O. jamke chattha, chenawan</t>
  </si>
  <si>
    <t>Chenawan</t>
  </si>
  <si>
    <t>GPS CHERWIND</t>
  </si>
  <si>
    <t>CHERWIND</t>
  </si>
  <si>
    <t>hand pump and motor</t>
  </si>
  <si>
    <t>GPS CHHACHHERA</t>
  </si>
  <si>
    <t>Chhachhra</t>
  </si>
  <si>
    <t>village chachhara shakargarh</t>
  </si>
  <si>
    <t>GPS CHHAINT</t>
  </si>
  <si>
    <t>Village chaint Kotli Sattian</t>
  </si>
  <si>
    <t>Nyla Ahmed</t>
  </si>
  <si>
    <t>GPS CHHAJI MAR</t>
  </si>
  <si>
    <t>Chajji Mar</t>
  </si>
  <si>
    <t>p/o  Chajji Mar teh jand distt Attock</t>
  </si>
  <si>
    <t>GPS CHHANGA</t>
  </si>
  <si>
    <t>GOVT primary school Changa</t>
  </si>
  <si>
    <t>muhammad wasim asghar</t>
  </si>
  <si>
    <t>GPS CHHANI BAGHWALI</t>
  </si>
  <si>
    <t>Channi Baghwali</t>
  </si>
  <si>
    <t>Channi Baghwali tehsil shakargarh district narowal</t>
  </si>
  <si>
    <t>GPS CHHANI DALL</t>
  </si>
  <si>
    <t>Chhani Dall</t>
  </si>
  <si>
    <t>Gps  chhani dall kotmomin east 2 srgodha</t>
  </si>
  <si>
    <t>GPS CHHANI RAHMAT KHAN</t>
  </si>
  <si>
    <t>channi rehmat khan</t>
  </si>
  <si>
    <t>dhori</t>
  </si>
  <si>
    <t>GPS CHHANI SYEDAN</t>
  </si>
  <si>
    <t>Channi Syedan</t>
  </si>
  <si>
    <t>village channi syedan p.o Hazoor pur  tehsil Bhera Distt Sargodha</t>
  </si>
  <si>
    <t>Nadeem Qasim Sherazi</t>
  </si>
  <si>
    <t>GPS CHHAPAN WALI</t>
  </si>
  <si>
    <t>Chhapanwali</t>
  </si>
  <si>
    <t>chhapanwali chak no 2 RB Teh. Safdarabad Distt. Sheikhupura</t>
  </si>
  <si>
    <t>GPS CHHATTA</t>
  </si>
  <si>
    <t>village Chhatta Post office Shah Sar Mast Lalamusa</t>
  </si>
  <si>
    <t>GPS CHHATTEY WALA SHUMALI</t>
  </si>
  <si>
    <t>gps chattaywala shumali</t>
  </si>
  <si>
    <t>Chattaywala</t>
  </si>
  <si>
    <t>Bastifuja</t>
  </si>
  <si>
    <t>GPS CHHAWIND</t>
  </si>
  <si>
    <t>village chhwind p/o shumari tehsil malakwal dist. m.b.din</t>
  </si>
  <si>
    <t>Chhwind</t>
  </si>
  <si>
    <t>Hriah</t>
  </si>
  <si>
    <t>Taqveem Hussain Shah</t>
  </si>
  <si>
    <t>GPS CHHICHERAN WALI</t>
  </si>
  <si>
    <t>Chicheranwali</t>
  </si>
  <si>
    <t>chicheranwali teh phalia dist m.b.din</t>
  </si>
  <si>
    <t>Shafqat Aziz</t>
  </si>
  <si>
    <t>GPS CHHIKAH</t>
  </si>
  <si>
    <t>Chhiken moza patti bilanda teh mankera bhakkar</t>
  </si>
  <si>
    <t>Chhiken</t>
  </si>
  <si>
    <t>GPS CHHOI BATALIAN</t>
  </si>
  <si>
    <t>VILLAGE NOORPUR POSTOFFICE GAGGAN</t>
  </si>
  <si>
    <t>GPS CHHOI GUJRAN</t>
  </si>
  <si>
    <t>Chhoi Gujran</t>
  </si>
  <si>
    <t>vill Chhoi Gujran p.o pind swikka the.&amp; distt.jhelum</t>
  </si>
  <si>
    <t>Rashad Nawaz</t>
  </si>
  <si>
    <t>GPS CHHUJWAL SULEHRIAN</t>
  </si>
  <si>
    <t>Chhujwal Sulehrian</t>
  </si>
  <si>
    <t>chhujwal sulhrain p/o nadala sulehrain tehsil shakargarh</t>
  </si>
  <si>
    <t>Chhujwal Sulehrain</t>
  </si>
  <si>
    <t>Malha</t>
  </si>
  <si>
    <t>Muhammad Haseeb Akhtar</t>
  </si>
  <si>
    <t>GPS CHHUMBI</t>
  </si>
  <si>
    <t>CHHUMBI</t>
  </si>
  <si>
    <t>VPO CHHUMBI</t>
  </si>
  <si>
    <t>Raja Anwar Ul Haq</t>
  </si>
  <si>
    <t>GPS CHIBBER</t>
  </si>
  <si>
    <t>CHIBBER TEHSIL DARYA KHAN DISTRICT BHAKKAR</t>
  </si>
  <si>
    <t>CHIBBER</t>
  </si>
  <si>
    <t>GPS CHIBIANA</t>
  </si>
  <si>
    <t>adda chabiana</t>
  </si>
  <si>
    <t>Chabiana</t>
  </si>
  <si>
    <t>GPS CHICHAWATNI VILLAGE-2</t>
  </si>
  <si>
    <t>Tibba noor pur</t>
  </si>
  <si>
    <t>GPS CHICHOKI MALIAN</t>
  </si>
  <si>
    <t>Chichuki Malliyan</t>
  </si>
  <si>
    <t>Khorshid Muhammad</t>
  </si>
  <si>
    <t>GPS CHIKRI WALA CHAK KORALA</t>
  </si>
  <si>
    <t>jhumra road chickriwala chiniot</t>
  </si>
  <si>
    <t>Chickriwala</t>
  </si>
  <si>
    <t>GPS CHILLAR MIANI</t>
  </si>
  <si>
    <t>Chillar</t>
  </si>
  <si>
    <t>Chillar p.o Mian      Teh..Bhera Distt.Sargodha</t>
  </si>
  <si>
    <t>GPS CHIMROO WALI</t>
  </si>
  <si>
    <t>Chimroo wali</t>
  </si>
  <si>
    <t>bsti Chimroo wali p/o khangarh t/d m.garh</t>
  </si>
  <si>
    <t>Chimroo Wali</t>
  </si>
  <si>
    <t>Muhammad Asif Shahzad</t>
  </si>
  <si>
    <t>GPS CHINA</t>
  </si>
  <si>
    <t>vill. chheena uc kanjrur tehsil shakargarh district Narowal</t>
  </si>
  <si>
    <t>GPS CHINJI</t>
  </si>
  <si>
    <t>chinji</t>
  </si>
  <si>
    <t>vpo chinji tehsil talagang</t>
  </si>
  <si>
    <t>bhillomar</t>
  </si>
  <si>
    <t>GPS CHINKOWINDI</t>
  </si>
  <si>
    <t>Chinkowindi</t>
  </si>
  <si>
    <t>village chinkowindi Lahore cantt Punjab Pakistan.</t>
  </si>
  <si>
    <t>GPS CHINLAN WALA</t>
  </si>
  <si>
    <t>Kacha Noor Zaman Shah</t>
  </si>
  <si>
    <t>chinlan wala post office isa khel</t>
  </si>
  <si>
    <t>Chinlan Wala</t>
  </si>
  <si>
    <t>Kallour</t>
  </si>
  <si>
    <t>RUSTAM KHAN</t>
  </si>
  <si>
    <t>GPS CHINOTA</t>
  </si>
  <si>
    <t>GPS Chinota p.o gulehra gali teh murree district Rwp</t>
  </si>
  <si>
    <t>Amna Shabbir</t>
  </si>
  <si>
    <t>barnacle</t>
  </si>
  <si>
    <t>GPS CHISHTI MOLIA</t>
  </si>
  <si>
    <t>Mola Chishti</t>
  </si>
  <si>
    <t>Molai Chishti Markaz Chak Bawa</t>
  </si>
  <si>
    <t>GPS CHISHTI SHAM DIN</t>
  </si>
  <si>
    <t>Chishti Sam Din</t>
  </si>
  <si>
    <t>Chishit Sham Din</t>
  </si>
  <si>
    <t>Jhujh Kala</t>
  </si>
  <si>
    <t>Mirza Muhmmed Mahmood</t>
  </si>
  <si>
    <t>GPS CHISHTIA NIZAMIA</t>
  </si>
  <si>
    <t>gamoli p/o sakhi sarwar</t>
  </si>
  <si>
    <t>Sakhi Sarwar Sharqi</t>
  </si>
  <si>
    <t>GPS CHITTI DIL BANGLA</t>
  </si>
  <si>
    <t>Golewli</t>
  </si>
  <si>
    <t>chitti dil bangla gole wali tehsil quaid abad district khushab</t>
  </si>
  <si>
    <t>Chitti Dil Bangla</t>
  </si>
  <si>
    <t>Purchased water</t>
  </si>
  <si>
    <t>GPS CHITTI GORAYA</t>
  </si>
  <si>
    <t>Chitti Goraya</t>
  </si>
  <si>
    <t>chitti Goraya Teh Nowshehra virkan district Gujranwala</t>
  </si>
  <si>
    <t>BUDHA Goraya</t>
  </si>
  <si>
    <t>GPS CHOCHRIAN WALA</t>
  </si>
  <si>
    <t>Chak Petri Janobi</t>
  </si>
  <si>
    <t>GPS Chochrianwala Tehsil Shahpur District Sargodha</t>
  </si>
  <si>
    <t>Chochrianwala</t>
  </si>
  <si>
    <t>Hafiz Qamar-Ur-Rahman</t>
  </si>
  <si>
    <t>GPS CHOHA SHARIF</t>
  </si>
  <si>
    <t>Choha Sharif</t>
  </si>
  <si>
    <t>vpo  choha  sharif tehsil  quaidabad  district  khushab</t>
  </si>
  <si>
    <t>Choha  Sharif</t>
  </si>
  <si>
    <t>Malik Shehzad Ahmed</t>
  </si>
  <si>
    <t>GPS CHOHAN</t>
  </si>
  <si>
    <t>village chohan pasrur</t>
  </si>
  <si>
    <t>MUHAMMAD SHAFAQAT</t>
  </si>
  <si>
    <t>GPS CHOHAN WALA</t>
  </si>
  <si>
    <t>Qutab Ambrind</t>
  </si>
  <si>
    <t>H76 post office Ahmed mohana moza qutab Ambrind</t>
  </si>
  <si>
    <t>H76</t>
  </si>
  <si>
    <t>GPS CHOHAR KOT NO.2</t>
  </si>
  <si>
    <t>Manik wala Zilatax</t>
  </si>
  <si>
    <t>Kotla Gurmani</t>
  </si>
  <si>
    <t>Ara jafar</t>
  </si>
  <si>
    <t>GPS CHOHAR PUR</t>
  </si>
  <si>
    <t>chah mulan wala muza gary wahin</t>
  </si>
  <si>
    <t>Abdul khaliq</t>
  </si>
  <si>
    <t>GPS CHOHDO AHMED YAR</t>
  </si>
  <si>
    <t>Chohdo Ahmad Yr</t>
  </si>
  <si>
    <t>chohdo Ahmad yar</t>
  </si>
  <si>
    <t>Chohdo Ahmad Yar</t>
  </si>
  <si>
    <t>GPS CHOHDO KHUDA YAR</t>
  </si>
  <si>
    <t>Chohdo Khuda Yar</t>
  </si>
  <si>
    <t>chohdo khuda yar</t>
  </si>
  <si>
    <t>Khuram Churaira</t>
  </si>
  <si>
    <t>Ijaz Ahmad Toor</t>
  </si>
  <si>
    <t>GPS CHOHRA</t>
  </si>
  <si>
    <t>Village Chohra P/O Box Lambrey, Tehsil Muridke District Sheikhupura</t>
  </si>
  <si>
    <t>GPS CHOI</t>
  </si>
  <si>
    <t>Chhoi Garyala</t>
  </si>
  <si>
    <t>GBPS Chhoi</t>
  </si>
  <si>
    <t>Surag  Salar</t>
  </si>
  <si>
    <t>Muhammad NAVEED Raza RAZA</t>
  </si>
  <si>
    <t>GPS CHOKANDHI</t>
  </si>
  <si>
    <t>CHOKHANDI</t>
  </si>
  <si>
    <t>P/O 58/GD Mouza Chokhandi Sahiwal</t>
  </si>
  <si>
    <t>Chokhandi</t>
  </si>
  <si>
    <t>GPS CHOKERA</t>
  </si>
  <si>
    <t>Akwal</t>
  </si>
  <si>
    <t>Chokera VPO  Akwal Tehsil Talagang</t>
  </si>
  <si>
    <t>YASIR JABBAR KHAN</t>
  </si>
  <si>
    <t>GPS CHOKI KUHNA</t>
  </si>
  <si>
    <t>RIND JADA</t>
  </si>
  <si>
    <t>chowki kohna post office rind jada tehsil kehror pacca lodhran</t>
  </si>
  <si>
    <t>chowki kohna</t>
  </si>
  <si>
    <t>Fayyaz Hussain Khan</t>
  </si>
  <si>
    <t>GPS CHOKI MAJHIANA</t>
  </si>
  <si>
    <t>Choki Majhyana MAJHYANA</t>
  </si>
  <si>
    <t>CHOKI MAJHYANA</t>
  </si>
  <si>
    <t>4 G.D</t>
  </si>
  <si>
    <t>GPS CHOKI MUHAMMAD PUR</t>
  </si>
  <si>
    <t>MUHAMMAD PUR GUM WALA</t>
  </si>
  <si>
    <t>BASTI RANGO KHAN SHALWANI, CHOKI MUHAMMAD PUR, RAJANPUR</t>
  </si>
  <si>
    <t>RANGO KHAN SHALWANI</t>
  </si>
  <si>
    <t>GPS CHOKI SOBHAY KHAN</t>
  </si>
  <si>
    <t>Choki Sobhay Khan</t>
  </si>
  <si>
    <t>Basti Choki Sobhay Khan</t>
  </si>
  <si>
    <t>GPS CHOKIDARAN MOUZA KOTLA MULTAN</t>
  </si>
  <si>
    <t>kotla matarban</t>
  </si>
  <si>
    <t>Gps chowkidaran Near BZU Multan</t>
  </si>
  <si>
    <t>Chowkidaran</t>
  </si>
  <si>
    <t>Durana lingana</t>
  </si>
  <si>
    <t>GPS CHOONI JANUBI</t>
  </si>
  <si>
    <t>Chooni janubi</t>
  </si>
  <si>
    <t>Chooni Janubi</t>
  </si>
  <si>
    <t>GPS CHOOR CHAK</t>
  </si>
  <si>
    <t>Choor Chak</t>
  </si>
  <si>
    <t>GPS choor chak</t>
  </si>
  <si>
    <t>Hussnain Ilyas</t>
  </si>
  <si>
    <t>GPS CHOOR MAHTAM</t>
  </si>
  <si>
    <t>Choor Mahtam</t>
  </si>
  <si>
    <t>choor mahtam p/o haveli lakha</t>
  </si>
  <si>
    <t>Mohib Ali Utar</t>
  </si>
  <si>
    <t>GPS CHOORI WALA</t>
  </si>
  <si>
    <t>Choori Wala</t>
  </si>
  <si>
    <t>choori wala</t>
  </si>
  <si>
    <t>Muhammad Munwar Hussain</t>
  </si>
  <si>
    <t>GPS CHOORRI</t>
  </si>
  <si>
    <t>Haitu No 1</t>
  </si>
  <si>
    <t>GPS Choori P/O Saeed wala Tehsil kallur kot district Bhakkar.</t>
  </si>
  <si>
    <t>Choori</t>
  </si>
  <si>
    <t>Both hand pump and electrict pump</t>
  </si>
  <si>
    <t>GPS CHOR KOT</t>
  </si>
  <si>
    <t>Chorkot Kasur</t>
  </si>
  <si>
    <t>Marali Hathar</t>
  </si>
  <si>
    <t>GPS CHORA LANGAR</t>
  </si>
  <si>
    <t>Doday</t>
  </si>
  <si>
    <t>Village chora langar, p. O doday, tehsil and ditrict nankana sahib</t>
  </si>
  <si>
    <t>Chora Langar</t>
  </si>
  <si>
    <t>Khayary Kalan</t>
  </si>
  <si>
    <t>Tauseef Arif</t>
  </si>
  <si>
    <t>GPS CHORA SAGHAR</t>
  </si>
  <si>
    <t>chora saghar</t>
  </si>
  <si>
    <t>chora saghar post office 4 chak rasala tehsil and district nankana sahib</t>
  </si>
  <si>
    <t>Raees Ahmad</t>
  </si>
  <si>
    <t>GPS CHORAKAY</t>
  </si>
  <si>
    <t>CHORHKY</t>
  </si>
  <si>
    <t>BASTI CHORHKY, P/O TIBBI QAISRANI, U/C LITRA</t>
  </si>
  <si>
    <t>GPS CHORAY WALA WARAH</t>
  </si>
  <si>
    <t>choray wala warah haitu</t>
  </si>
  <si>
    <t>choray wala warah</t>
  </si>
  <si>
    <t>kalwal daggar</t>
  </si>
  <si>
    <t>Naeem Hassan Khan</t>
  </si>
  <si>
    <t>GPS CHOTI SAR</t>
  </si>
  <si>
    <t>p/o khar fort munro</t>
  </si>
  <si>
    <t>Choti  Sar</t>
  </si>
  <si>
    <t>Tuman Leghari</t>
  </si>
  <si>
    <t>Majeed Ur Rehman</t>
  </si>
  <si>
    <t>GPS CHOUBARA</t>
  </si>
  <si>
    <t>ward no.1 choubara</t>
  </si>
  <si>
    <t>GPS CHOUDHARY CHAINA</t>
  </si>
  <si>
    <t>Choudhary China</t>
  </si>
  <si>
    <t>Choudhary China p/o Baddomalhi Tehsil and district Narowal</t>
  </si>
  <si>
    <t>Mirza Ashfaq Baig</t>
  </si>
  <si>
    <t>GPS CHOUNTRA</t>
  </si>
  <si>
    <t>Nautheen</t>
  </si>
  <si>
    <t>chuntra nautheen tehsil pindi bhattian district hafi,abad</t>
  </si>
  <si>
    <t>Chuntra</t>
  </si>
  <si>
    <t>Imtiaz Ahmad Khn</t>
  </si>
  <si>
    <t>GPS CHOUNTRA UCHHALI</t>
  </si>
  <si>
    <t>VPO uchhali Tehsil Naushehra District khushab</t>
  </si>
  <si>
    <t>Ahmad Nawaz</t>
  </si>
  <si>
    <t>GPS CHOUR PURA</t>
  </si>
  <si>
    <t>Chuhar pura</t>
  </si>
  <si>
    <t>Shaikh Umad Kohna</t>
  </si>
  <si>
    <t>Sadiq Javaid</t>
  </si>
  <si>
    <t>GPS CHOURHA KAHAWAR</t>
  </si>
  <si>
    <t>Kahawar</t>
  </si>
  <si>
    <t>GPS chourha kahawar tehsil Kot addu district muzaffargarh</t>
  </si>
  <si>
    <t>MEHMOOD KOT</t>
  </si>
  <si>
    <t>Muhammad Aamir Ijaz</t>
  </si>
  <si>
    <t>GPS CHOWK AZAM</t>
  </si>
  <si>
    <t>Basti Awan Abad CHAK no 353 TDA Faisalabad road chowk Azam</t>
  </si>
  <si>
    <t>353 TDA</t>
  </si>
  <si>
    <t>GPS CHOWK NADIR SHAHEED</t>
  </si>
  <si>
    <t>Nawan  Arrain</t>
  </si>
  <si>
    <t>Chock Nadir Shaheed tehsile Khan pur district Rahim yar khan</t>
  </si>
  <si>
    <t>Chock Nadir Shaheed</t>
  </si>
  <si>
    <t>Nawan Arrain</t>
  </si>
  <si>
    <t>GPS CHOWKI DULLO CHAK NO. 383 TDA</t>
  </si>
  <si>
    <t>Chak 383</t>
  </si>
  <si>
    <t>chak no 383 TDA</t>
  </si>
  <si>
    <t>393 Tda</t>
  </si>
  <si>
    <t>GPS CHOWKI RANGOO KHAN</t>
  </si>
  <si>
    <t>Choki Rangu Khan</t>
  </si>
  <si>
    <t>Moza Choki Rangu Khan  Teh kahror pakka Dist Lodhran</t>
  </si>
  <si>
    <t>Hensey Wala</t>
  </si>
  <si>
    <t>GPS CHPRAN WALA MOZA CHAPRAN WALA P/O TATAY PUR</t>
  </si>
  <si>
    <t>Allah Dad Wala chappran wala</t>
  </si>
  <si>
    <t>Muhammad  Suleman</t>
  </si>
  <si>
    <t>GPS CHRAG ABAD</t>
  </si>
  <si>
    <t>Moh Chragabad</t>
  </si>
  <si>
    <t>mohallah chragabad ali pur chatha</t>
  </si>
  <si>
    <t>M tanveer yaseen</t>
  </si>
  <si>
    <t>GPS CHRISTIAN COLONY YAZMAN</t>
  </si>
  <si>
    <t>Christian colony</t>
  </si>
  <si>
    <t>Christian Colony Yazman</t>
  </si>
  <si>
    <t>TMA Yazman</t>
  </si>
  <si>
    <t>GPS CHRISTIAN TOWN</t>
  </si>
  <si>
    <t>Ali Nagar</t>
  </si>
  <si>
    <t>v p o Ali nagar</t>
  </si>
  <si>
    <t>GPS CHTRA DUNGA</t>
  </si>
  <si>
    <t>Chitra Dunga</t>
  </si>
  <si>
    <t>chitra dunga murree</t>
  </si>
  <si>
    <t>SOBIA SHAFIQ</t>
  </si>
  <si>
    <t>GPS CHTTI P/O MORE KHUNDA</t>
  </si>
  <si>
    <t>Gps chitti</t>
  </si>
  <si>
    <t>Hafat Madar</t>
  </si>
  <si>
    <t>GPS CHUBARA</t>
  </si>
  <si>
    <t>mouza chobara basti jeway wala thsil minchin distt. bahawal nagar</t>
  </si>
  <si>
    <t>Jeway Wala</t>
  </si>
  <si>
    <t>Muhammad Saleem Anjum</t>
  </si>
  <si>
    <t>GPS CHUCHAK</t>
  </si>
  <si>
    <t>gps chuchak</t>
  </si>
  <si>
    <t>GPS CHUGHA WALI</t>
  </si>
  <si>
    <t>kat chugha p/o dunga bunga tehsil and district bahawal nagar</t>
  </si>
  <si>
    <t>Kat Chugha</t>
  </si>
  <si>
    <t>Israr hussain</t>
  </si>
  <si>
    <t>GPS CHUGHLAN</t>
  </si>
  <si>
    <t>Kuch Tunder khel</t>
  </si>
  <si>
    <t>P/O, KALA BAGH R/O KUCH TUNDER KHEL TEHSIL ISA KHEL DISTT MIANWALI</t>
  </si>
  <si>
    <t>Chughlan</t>
  </si>
  <si>
    <t>Kot chandna</t>
  </si>
  <si>
    <t>Niaz Muhammad</t>
  </si>
  <si>
    <t>GPS CHUHAY WALI KALAN</t>
  </si>
  <si>
    <t>Chuhay Wali Kalan</t>
  </si>
  <si>
    <t>Chuhay wali kalan</t>
  </si>
  <si>
    <t>Mohammad Tahir</t>
  </si>
  <si>
    <t>GPS CHUHRI DHALL</t>
  </si>
  <si>
    <t>Chuhrri Dhal</t>
  </si>
  <si>
    <t>chak bola no.178 tehsil shahkot district  nankana</t>
  </si>
  <si>
    <t>GPS CHUKARIAN</t>
  </si>
  <si>
    <t>Chukarian</t>
  </si>
  <si>
    <t>Village Chukarian Tehsil Pindi Bhattian District Hafizabad</t>
  </si>
  <si>
    <t>Rai Zafar Ullah</t>
  </si>
  <si>
    <t>GPS CHUKIZUM</t>
  </si>
  <si>
    <t>CHUKEYZAM</t>
  </si>
  <si>
    <t>GPS CHUKRA</t>
  </si>
  <si>
    <t>Chukra</t>
  </si>
  <si>
    <t>Vill. chukra , tehsil Hassan Abdal, Dist. Attock</t>
  </si>
  <si>
    <t>GPS CHULLO MIRGALA</t>
  </si>
  <si>
    <t>GBPS Chullo Mirgala Po samot teh kallar syedan distt rwp</t>
  </si>
  <si>
    <t>Chullo Mirgala</t>
  </si>
  <si>
    <t>Saqib Hussain</t>
  </si>
  <si>
    <t>GPS CHUMBER</t>
  </si>
  <si>
    <t>Chumber</t>
  </si>
  <si>
    <t>GPS CHUMBI SADKAL</t>
  </si>
  <si>
    <t>chumbi sadqal</t>
  </si>
  <si>
    <t>village Chumbi Sadqal P.O Saidpur tehsil chakwal</t>
  </si>
  <si>
    <t>Choa Gunj  Ali Shah</t>
  </si>
  <si>
    <t>Wasqa Fazal</t>
  </si>
  <si>
    <t>GPS CHUNI JUNBI BEHAL</t>
  </si>
  <si>
    <t>Choni janubi Dager</t>
  </si>
  <si>
    <t>Choni janubi dager behal tehsil and District Bhakkar</t>
  </si>
  <si>
    <t>Choni janubi</t>
  </si>
  <si>
    <t>GPS CHUNIAN CANTT</t>
  </si>
  <si>
    <t>CHUNIAN CANTT</t>
  </si>
  <si>
    <t>CHUNIAN city</t>
  </si>
  <si>
    <t>GPS CHURAY WALA SHUJA ABAD</t>
  </si>
  <si>
    <t>Ghaus Pur Mouza Mari Noon Shujabad</t>
  </si>
  <si>
    <t>GPS CHURRATTA PACHADH</t>
  </si>
  <si>
    <t>GPS CHURRER</t>
  </si>
  <si>
    <t>Churrar</t>
  </si>
  <si>
    <t>Basti Syed Alam Shah p /o Behal tehsil &amp; District Bhakkar</t>
  </si>
  <si>
    <t>Basti Syed Alam Shah</t>
  </si>
  <si>
    <t>GPS CITY BAJA LINE</t>
  </si>
  <si>
    <t>Baja Line</t>
  </si>
  <si>
    <t>Gps city baja line garhi shahu mughalpura rd lhr</t>
  </si>
  <si>
    <t>Syeda Faiza Kazmi</t>
  </si>
  <si>
    <t>GPS CITY NO. 1</t>
  </si>
  <si>
    <t>Dera Gharbi</t>
  </si>
  <si>
    <t>Railway Road DG Khan</t>
  </si>
  <si>
    <t>Block 5</t>
  </si>
  <si>
    <t>Tariq Siddique</t>
  </si>
  <si>
    <t>GPS CITY NO. 11 MODEL TOWN</t>
  </si>
  <si>
    <t>ModelTown Block Y D G Khan</t>
  </si>
  <si>
    <t>Model TOWN</t>
  </si>
  <si>
    <t>MALIK SHOUKAT HUSSAION</t>
  </si>
  <si>
    <t>GPS CITY NO. 13</t>
  </si>
  <si>
    <t>Qasba Dera</t>
  </si>
  <si>
    <t>Block P, Dera Ghazi Khan</t>
  </si>
  <si>
    <t>GPS CITY NO. 14</t>
  </si>
  <si>
    <t>Dera Ghrbi</t>
  </si>
  <si>
    <t>Block Churratha Near Khosa Park DG Khan</t>
  </si>
  <si>
    <t>Urban Dera</t>
  </si>
  <si>
    <t>Peer Qatal</t>
  </si>
  <si>
    <t>Jaffar Hussain Shahzad</t>
  </si>
  <si>
    <t>GPS CITY NO. 16</t>
  </si>
  <si>
    <t>Near Pull Dot</t>
  </si>
  <si>
    <t>Rukan Abad/ Shakoor Abad</t>
  </si>
  <si>
    <t>Rukan Abad Shakurabad Ruin Abad</t>
  </si>
  <si>
    <t>Khursheed Ahmed Buzdar</t>
  </si>
  <si>
    <t>GPS CITY NO. 3</t>
  </si>
  <si>
    <t>E block Dera Ghazi khan</t>
  </si>
  <si>
    <t>Rukhsana Zia Piracha</t>
  </si>
  <si>
    <t>GPS CITY NO. 5</t>
  </si>
  <si>
    <t>Churhatta Sindh Janobi</t>
  </si>
  <si>
    <t>chowk churhatta sindh janobi near filter plant D.G.Khan</t>
  </si>
  <si>
    <t>Churrhata Sindh Janobi</t>
  </si>
  <si>
    <t>GPS CITY NO. 7</t>
  </si>
  <si>
    <t>Block M, DGkhan</t>
  </si>
  <si>
    <t>Block H</t>
  </si>
  <si>
    <t>Hafiz Muhammad Irfan Saeed</t>
  </si>
  <si>
    <t>GPS CM PURAB KLAIR</t>
  </si>
  <si>
    <t>purab klair</t>
  </si>
  <si>
    <t>village and P/O purab klair, Tehsil pasrur, district sialkot.</t>
  </si>
  <si>
    <t>GPS COLLEGE MOHALLA,PHALIA</t>
  </si>
  <si>
    <t>College Mohalla</t>
  </si>
  <si>
    <t>college Mohalla phalia</t>
  </si>
  <si>
    <t>Municipal Comety</t>
  </si>
  <si>
    <t>Qamar Abbas</t>
  </si>
  <si>
    <t>GPS COLONY DALA</t>
  </si>
  <si>
    <t>GPS colony Dala mouza Dala tehsil darya khan.</t>
  </si>
  <si>
    <t>Colony Dala</t>
  </si>
  <si>
    <t>Jhumat Shumali</t>
  </si>
  <si>
    <t>Samar abbas Khan</t>
  </si>
  <si>
    <t>GPS COLONY KUFRI</t>
  </si>
  <si>
    <t>GPS Colony Kufri tehsil Naushehra distt. Khushab</t>
  </si>
  <si>
    <t>GPS COLONY NO 2/11 THAL</t>
  </si>
  <si>
    <t>chak 2/11 thall sanyasi</t>
  </si>
  <si>
    <t>Sanyasi2/11 Thall</t>
  </si>
  <si>
    <t>uch GUI Imam</t>
  </si>
  <si>
    <t>Shehzada Bilal Akram</t>
  </si>
  <si>
    <t>GPS COLONY NO. 1 KANWAY WALA</t>
  </si>
  <si>
    <t>Kanveen Wala</t>
  </si>
  <si>
    <t>colony no 1 Kanveen wala</t>
  </si>
  <si>
    <t>Colony No 1</t>
  </si>
  <si>
    <t>GPS COLONY THATTI NOOR</t>
  </si>
  <si>
    <t>thatti Noor bhalwal sargodha</t>
  </si>
  <si>
    <t>Kot Umar Colony</t>
  </si>
  <si>
    <t>Khizar Hayat Anjum</t>
  </si>
  <si>
    <t>GPS COMMUNITY MOZANG</t>
  </si>
  <si>
    <t>gps community noor shah road  mazang lahore</t>
  </si>
  <si>
    <t>Arifa  Tajjamal</t>
  </si>
  <si>
    <t>GPS CPC NO. 1 JALALPUR JATTAN</t>
  </si>
  <si>
    <t>near Masjid Saddiq jalalpur jattan</t>
  </si>
  <si>
    <t>MC Jalal Pur Jattan</t>
  </si>
  <si>
    <t>GPS CPC NO. 3 JALALPUR JATTAN</t>
  </si>
  <si>
    <t>mohallah jinah colony Jalal pur jattan</t>
  </si>
  <si>
    <t>GPS C-PLOT KAMAY SHAH</t>
  </si>
  <si>
    <t>Kammey Shah</t>
  </si>
  <si>
    <t>kammey shah, c plot, tehsil pir mahal' distric toba tek singh</t>
  </si>
  <si>
    <t>C Plot</t>
  </si>
  <si>
    <t>GPS CULYARA KHATER</t>
  </si>
  <si>
    <t>Carhan</t>
  </si>
  <si>
    <t>village bhamroot syedan pobox bunn tehsil murree district</t>
  </si>
  <si>
    <t>Bhamroot Syedan</t>
  </si>
  <si>
    <t>Syda Ghulam Fiza</t>
  </si>
  <si>
    <t>GPS CUSTOM COLONY WAHGA</t>
  </si>
  <si>
    <t>Gps custom colony wahga lahore</t>
  </si>
  <si>
    <t>GPS DAB</t>
  </si>
  <si>
    <t>village dab</t>
  </si>
  <si>
    <t>Ali Waqar</t>
  </si>
  <si>
    <t>GPS DAB JALALA</t>
  </si>
  <si>
    <t>Dab Kala</t>
  </si>
  <si>
    <t>P/O DAB KALAN TEHSILE SHOR KOT DISTRICT JHANG</t>
  </si>
  <si>
    <t>Dab Kalan</t>
  </si>
  <si>
    <t>GPS DABAR DHIBA</t>
  </si>
  <si>
    <t>Dabar p/o T.M .Khan</t>
  </si>
  <si>
    <t>Dk Dabar</t>
  </si>
  <si>
    <t>Rasool Bakhsh Nasir</t>
  </si>
  <si>
    <t>GPS DABB</t>
  </si>
  <si>
    <t>village dabb teh gujrat</t>
  </si>
  <si>
    <t>Kashif Iqbal</t>
  </si>
  <si>
    <t>GPS DABKAS</t>
  </si>
  <si>
    <t>Dabkas</t>
  </si>
  <si>
    <t>Village Dabkas Post Office Banth</t>
  </si>
  <si>
    <t>GPS DACCA</t>
  </si>
  <si>
    <t>P/o Aliot teh. Murree  Distt. Rawal pindi</t>
  </si>
  <si>
    <t>Dacca</t>
  </si>
  <si>
    <t>Mirza Ishtiaq Baig</t>
  </si>
  <si>
    <t>natural water</t>
  </si>
  <si>
    <t>GPS DACCAN SAMAN ABAD FSD</t>
  </si>
  <si>
    <t>abdullah colony summandri road fsd</t>
  </si>
  <si>
    <t>Dillawar Colony</t>
  </si>
  <si>
    <t>GPS DAD BALOUCH</t>
  </si>
  <si>
    <t>Dad Baloch</t>
  </si>
  <si>
    <t>gps daad balouch noorshah sahiwal</t>
  </si>
  <si>
    <t>Dad Balouch</t>
  </si>
  <si>
    <t>GPS DAD SHAH JANDAN WALA</t>
  </si>
  <si>
    <t>Dad Shah janda Wala p/ o wara sehran</t>
  </si>
  <si>
    <t>Dad Shah</t>
  </si>
  <si>
    <t>GPS DAD WALA BASTI DAD WALI MUTTI TAL</t>
  </si>
  <si>
    <t>Jungle Kalranwala JungleKalranwala</t>
  </si>
  <si>
    <t>chah bahaabwala  moza jungle karlanwala multan</t>
  </si>
  <si>
    <t>Chah Bahaabwala Wala</t>
  </si>
  <si>
    <t>Jungle Karlanwala</t>
  </si>
  <si>
    <t>Saleem Raza</t>
  </si>
  <si>
    <t>GPS DADA KOH</t>
  </si>
  <si>
    <t>Zahr Auff</t>
  </si>
  <si>
    <t>Basti piara Dada koh u/c Mubarki p/o sakhi Sarwar DG Khan</t>
  </si>
  <si>
    <t>Basti Piara Khan</t>
  </si>
  <si>
    <t>GPS DADAN</t>
  </si>
  <si>
    <t>dadan</t>
  </si>
  <si>
    <t>village dadan tehsil sahiwal sargodha</t>
  </si>
  <si>
    <t>Ghulam Husnain</t>
  </si>
  <si>
    <t>GPS DADAY CHATKAY</t>
  </si>
  <si>
    <t>Daday Chatkay</t>
  </si>
  <si>
    <t>daday chatky teh phalia (M. B. din)</t>
  </si>
  <si>
    <t>Chatkay</t>
  </si>
  <si>
    <t>Dogul</t>
  </si>
  <si>
    <t>GPS DADAY WALA</t>
  </si>
  <si>
    <t>dadday walla</t>
  </si>
  <si>
    <t>Dadday Walla</t>
  </si>
  <si>
    <t>GPS DADDOO KHELAN WALA</t>
  </si>
  <si>
    <t>Village ghandi wandha dadu Khel Kundian</t>
  </si>
  <si>
    <t>Kundian Rural Shumali</t>
  </si>
  <si>
    <t>Najaf Ali Shah</t>
  </si>
  <si>
    <t>GPS DADEE WALA</t>
  </si>
  <si>
    <t>chah bhatti wala mouza mohib laskani teh kot chutta</t>
  </si>
  <si>
    <t>Dadi Wala</t>
  </si>
  <si>
    <t>Muhammad ijaz</t>
  </si>
  <si>
    <t>GPS DADEN</t>
  </si>
  <si>
    <t>Daden</t>
  </si>
  <si>
    <t>GPS Daden</t>
  </si>
  <si>
    <t>AHMAD KHAN</t>
  </si>
  <si>
    <t>GPS DADIAN WALA</t>
  </si>
  <si>
    <t>Versi Wahin</t>
  </si>
  <si>
    <t>GPS Dadian Wala MOUZA versi wahin MAILSI Vehari</t>
  </si>
  <si>
    <t>Dadian Wala</t>
  </si>
  <si>
    <t>WASEEM ABBAS</t>
  </si>
  <si>
    <t>GPS DADOO MUMONKA</t>
  </si>
  <si>
    <t>Dadu Mammunka</t>
  </si>
  <si>
    <t>GPS dadu mammunka P/O DUNGA BUNGA BWN</t>
  </si>
  <si>
    <t>Dadu Mammaunka</t>
  </si>
  <si>
    <t>Khaitranwala</t>
  </si>
  <si>
    <t>GPS DADRA ZEREEN</t>
  </si>
  <si>
    <t>p/o Dadra Bala dadra Zareen</t>
  </si>
  <si>
    <t>Dadra Zareen</t>
  </si>
  <si>
    <t>GPS DADRAY WALA NO. 1</t>
  </si>
  <si>
    <t>Tibba Mustaqil Dermiani</t>
  </si>
  <si>
    <t>chah tahli wala D D panah kot Addu M Garh</t>
  </si>
  <si>
    <t>GPS DADRAY WALA NO. 2</t>
  </si>
  <si>
    <t>chah shakray wala Daira Din Panah</t>
  </si>
  <si>
    <t>Muncipal Comittee Daira Din Panah</t>
  </si>
  <si>
    <t>MUHAMMAD Noman Ahmed</t>
  </si>
  <si>
    <t>GPS DADU AHLOKA</t>
  </si>
  <si>
    <t>Dadu Ahloka</t>
  </si>
  <si>
    <t>Dadu ahloka tehsil minchinabad district bahawalnagar</t>
  </si>
  <si>
    <t>Muhammad Shamir</t>
  </si>
  <si>
    <t>GPS DADU BAJWA</t>
  </si>
  <si>
    <t>Dadu Bajwa</t>
  </si>
  <si>
    <t>village dadu bajwa tehsil pasrur</t>
  </si>
  <si>
    <t>Talwandi Anait Khan</t>
  </si>
  <si>
    <t>Muhammad Almas Butt</t>
  </si>
  <si>
    <t>GPS DADU WALI</t>
  </si>
  <si>
    <t>Adda Bagowala</t>
  </si>
  <si>
    <t>Adda begowala P O jhamat Tehsil Sambrial Sialkot</t>
  </si>
  <si>
    <t>Malkhawala</t>
  </si>
  <si>
    <t>GPS DADUKAY</t>
  </si>
  <si>
    <t>Dadukay</t>
  </si>
  <si>
    <t>Government Boys primary school thatha dadukay tehsil tandlianwala district Faisalabad</t>
  </si>
  <si>
    <t>Amin Ul Hasnat</t>
  </si>
  <si>
    <t>GPS DADY WAL</t>
  </si>
  <si>
    <t>Village Daidiwal p/o makerwal teh essa khel Distt Mianwali</t>
  </si>
  <si>
    <t>Dadywal</t>
  </si>
  <si>
    <t>Zain Ullah Khan</t>
  </si>
  <si>
    <t>GPS DAGAR QURESHI SHUMAL SHARKI</t>
  </si>
  <si>
    <t>GPS Dagar Qureshi Shumal Sharki</t>
  </si>
  <si>
    <t>Dagar Qureshi Shumal Sharki</t>
  </si>
  <si>
    <t>GPS DAGGA DUR MUHAMMAD</t>
  </si>
  <si>
    <t>basti dagga</t>
  </si>
  <si>
    <t>Dagga Dur Muhammad Muhammad</t>
  </si>
  <si>
    <t>Chak No 114p</t>
  </si>
  <si>
    <t>GPS DAGGAN</t>
  </si>
  <si>
    <t>Pahar Pur Nashib</t>
  </si>
  <si>
    <t>basti Bagh Wala</t>
  </si>
  <si>
    <t>Bait Wasawa  Shumali</t>
  </si>
  <si>
    <t>GPS DAGGAR AWAN</t>
  </si>
  <si>
    <t>Dagar Awan</t>
  </si>
  <si>
    <t>GPS Dagar Awan</t>
  </si>
  <si>
    <t>Dagar wahghwra</t>
  </si>
  <si>
    <t>GPS DAGGAR QURESHI</t>
  </si>
  <si>
    <t>GPS Daggar Qureshi</t>
  </si>
  <si>
    <t>yousaf khoh</t>
  </si>
  <si>
    <t>Atta-ul-Hassan</t>
  </si>
  <si>
    <t>GPS DAGGAR YAR SHAH</t>
  </si>
  <si>
    <t>DAGGAR Yar Shah</t>
  </si>
  <si>
    <t>Qureshian 6TDA Haitoo-Khasoor Road</t>
  </si>
  <si>
    <t>Qureshian wala</t>
  </si>
  <si>
    <t>Ubaid Ullah Tahir</t>
  </si>
  <si>
    <t>GPS DAGGER WALI</t>
  </si>
  <si>
    <t>basti dagger wali p/o vehova</t>
  </si>
  <si>
    <t>GPS DAGHAY WAR</t>
  </si>
  <si>
    <t>Dhagay War</t>
  </si>
  <si>
    <t>dhagay war p/o barthi</t>
  </si>
  <si>
    <t>GPS DAGLE</t>
  </si>
  <si>
    <t>narar</t>
  </si>
  <si>
    <t>degal uc narar tehsile kahuta</t>
  </si>
  <si>
    <t>degal</t>
  </si>
  <si>
    <t>GPS DAGRI WEST</t>
  </si>
  <si>
    <t>GPS Dagree west</t>
  </si>
  <si>
    <t>Fateh pur peratti</t>
  </si>
  <si>
    <t>Muhammad Ashraf Parvez</t>
  </si>
  <si>
    <t>GPS DAHA MOCHIAN</t>
  </si>
  <si>
    <t>Ploli</t>
  </si>
  <si>
    <t>daha mochian  paloli</t>
  </si>
  <si>
    <t>Daha Mochaian</t>
  </si>
  <si>
    <t>GPS DAHAB</t>
  </si>
  <si>
    <t>Dahab</t>
  </si>
  <si>
    <t>Village Dahab Tehsil and Disctrict Narowal</t>
  </si>
  <si>
    <t>GPS DAHANEY WALA CHAK GARJI WALA</t>
  </si>
  <si>
    <t>GPS Dahany Wala</t>
  </si>
  <si>
    <t>Girgi Wala</t>
  </si>
  <si>
    <t>Muhammad Javed Bashir</t>
  </si>
  <si>
    <t>GPS DAHARAN WALI</t>
  </si>
  <si>
    <t>village Dahranwali tahsil and district Hafizabad</t>
  </si>
  <si>
    <t>GPS DAHAY WALA</t>
  </si>
  <si>
    <t>rasoolpur adda dera road</t>
  </si>
  <si>
    <t>Babur Ashraf</t>
  </si>
  <si>
    <t>GPS DAHMKI MOZA DAHMKI NEAR PULL DAHMKI MAILSI</t>
  </si>
  <si>
    <t>GPS Dhamaki</t>
  </si>
  <si>
    <t>Muhammad Saleem-ud-Din</t>
  </si>
  <si>
    <t>GPS DAIM WALA NO. 1</t>
  </si>
  <si>
    <t>QASBA SANI</t>
  </si>
  <si>
    <t>GPS Daim Wala No.1 P/O AYAZABAD MARAL QASBA SANI TEHSIL MULTAN SADDAR District Multan</t>
  </si>
  <si>
    <t>RAMZAN WALA</t>
  </si>
  <si>
    <t>GPS DAIM WALA NO. 2 MULTAN</t>
  </si>
  <si>
    <t>Ayazabad</t>
  </si>
  <si>
    <t>chah dhodhy wala Qasba marral</t>
  </si>
  <si>
    <t>Chah Dhodhy wala</t>
  </si>
  <si>
    <t>GPS DAINA WALA</t>
  </si>
  <si>
    <t>dainawala  kallur kot district bhakkar</t>
  </si>
  <si>
    <t>Daina Wala</t>
  </si>
  <si>
    <t>Nora Shreef</t>
  </si>
  <si>
    <t>Ghulam Muhammed Shahid</t>
  </si>
  <si>
    <t>GPS DAIRA PUR 1 P/O SIKANDARABAD SHUJABAD</t>
  </si>
  <si>
    <t>Guchar wali pul Daira pur shujabad</t>
  </si>
  <si>
    <t>Guchar Wali Pul</t>
  </si>
  <si>
    <t>GPS DAIRA PUR NO. 2 SHUJA ABAD</t>
  </si>
  <si>
    <t>Jhok Jakharan Wali,Mauza Daira Pur,Tehsil Shujjabad,distt Multan.</t>
  </si>
  <si>
    <t>Jhok Jakharan wali</t>
  </si>
  <si>
    <t>GPS DAIRA PUR NO. 3 SHUJA ABAD</t>
  </si>
  <si>
    <t>chah bahishti wala daira pur teh.shujabad distt.Multan</t>
  </si>
  <si>
    <t>Bahishti Wala</t>
  </si>
  <si>
    <t>GPS DAIRA SHAH</t>
  </si>
  <si>
    <t>village daira shah near deen panah darbar tehsil taunsa sharif district dera ghazi khan</t>
  </si>
  <si>
    <t>Hameed Sana Ullah</t>
  </si>
  <si>
    <t>GPS DAIRY FARM</t>
  </si>
  <si>
    <t>Mamoon Abad</t>
  </si>
  <si>
    <t>Mouza mamoon abad post office Uch shareef tehsil Ahmad pur East District bwp</t>
  </si>
  <si>
    <t>Mahmood Alam</t>
  </si>
  <si>
    <t>GPS DAISI WALA</t>
  </si>
  <si>
    <t>Moza Dasi</t>
  </si>
  <si>
    <t>moza dasi,thesil dnyapur district lodhran</t>
  </si>
  <si>
    <t>Basti Dasi</t>
  </si>
  <si>
    <t>GPS DAIWALA RAJPOTAN</t>
  </si>
  <si>
    <t>Daiwala Rajpootan</t>
  </si>
  <si>
    <t>GPS daiwala rajpootan</t>
  </si>
  <si>
    <t>Majid Ali</t>
  </si>
  <si>
    <t>GPS DAJAL</t>
  </si>
  <si>
    <t>PATTI QAZI</t>
  </si>
  <si>
    <t>BASTI KHAIR MUHAMMAD KHOSA NEAR BASTI DULL</t>
  </si>
  <si>
    <t>KHAIR MUHAMMAD</t>
  </si>
  <si>
    <t>Muhammad Suhail Arshad</t>
  </si>
  <si>
    <t>GPS DAJAL GHARBI</t>
  </si>
  <si>
    <t>Dajal Gharbi</t>
  </si>
  <si>
    <t>GPS DAJAL NO. 3</t>
  </si>
  <si>
    <t>moh komharan dajal</t>
  </si>
  <si>
    <t>dajal</t>
  </si>
  <si>
    <t>GPS DAJAL NO. 4</t>
  </si>
  <si>
    <t>Dajal Khas</t>
  </si>
  <si>
    <t>mohallah jall wala near awaisa park dajal tehsil jampur distt rajanpur</t>
  </si>
  <si>
    <t>Ameer Umar</t>
  </si>
  <si>
    <t>GPS DAKHIAN</t>
  </si>
  <si>
    <t>Dakhian</t>
  </si>
  <si>
    <t>village dakhian po Karore teh kotli sattian dis Rawalpindi</t>
  </si>
  <si>
    <t>Abdul Ghais Abbasi</t>
  </si>
  <si>
    <t>GPS DAKKI</t>
  </si>
  <si>
    <t>PO Dailly Namdar RO Dakki</t>
  </si>
  <si>
    <t>Dakki</t>
  </si>
  <si>
    <t>Muhammad Ameer Khan</t>
  </si>
  <si>
    <t>GPS DALAIL WALA</t>
  </si>
  <si>
    <t>Kotla M Zareef Khan</t>
  </si>
  <si>
    <t>chah dalail wala mouza kotla zareef khan</t>
  </si>
  <si>
    <t>GPS DALANA</t>
  </si>
  <si>
    <t>Dalana</t>
  </si>
  <si>
    <t>PO box Dalana khas tribal area Dera Ghazi khan</t>
  </si>
  <si>
    <t>Sajawal Hassan</t>
  </si>
  <si>
    <t>GPS DALAWERUAN</t>
  </si>
  <si>
    <t>dalawerian</t>
  </si>
  <si>
    <t>dalaweruan p/o kuthiala virkan tehsil muridke distt. sheikhupura</t>
  </si>
  <si>
    <t>zagam abbas</t>
  </si>
  <si>
    <t>GPS DALI BANTH</t>
  </si>
  <si>
    <t>Dali banth</t>
  </si>
  <si>
    <t>Dali banth Teh&amp;District Gujarat</t>
  </si>
  <si>
    <t>GPS DALIA</t>
  </si>
  <si>
    <t>Dalia post office eshra district Gujrat</t>
  </si>
  <si>
    <t>Golekee</t>
  </si>
  <si>
    <t>Karamat  Shah</t>
  </si>
  <si>
    <t>GPS DALIAN WALI</t>
  </si>
  <si>
    <t>Rana Gulraiz Mustafa</t>
  </si>
  <si>
    <t>GPS DALLA CHANDA SINGH CHAK 85/RB</t>
  </si>
  <si>
    <t>Chak No 85 Rb</t>
  </si>
  <si>
    <t>chak no 85Dalla Chanda Singh</t>
  </si>
  <si>
    <t>Liaqat Ali Farooqi</t>
  </si>
  <si>
    <t>GPS DALLA JERMIAN CHAK NO. 83/RB</t>
  </si>
  <si>
    <t>DALLA JERMIAN</t>
  </si>
  <si>
    <t>DALLA JERMIAN CHAK NO.83/RB</t>
  </si>
  <si>
    <t>CHAK NO 82</t>
  </si>
  <si>
    <t>MOHAMMAD TARIQ MEHMOOD</t>
  </si>
  <si>
    <t>GPS DALLAY PUR</t>
  </si>
  <si>
    <t>Dallay Pur</t>
  </si>
  <si>
    <t>dullay pur</t>
  </si>
  <si>
    <t>Mahar Sharief</t>
  </si>
  <si>
    <t>Nafeesa Tabassam</t>
  </si>
  <si>
    <t>GPS DALLAYANA</t>
  </si>
  <si>
    <t>Dllayana</t>
  </si>
  <si>
    <t>Dllayana Qila Baksha Tehsil District Hafiz abad</t>
  </si>
  <si>
    <t>GPS DALLU</t>
  </si>
  <si>
    <t>Dallo</t>
  </si>
  <si>
    <t>Post ofifice barthi mauza dallo barthi shumali</t>
  </si>
  <si>
    <t>GPS DALO BAWARY</t>
  </si>
  <si>
    <t>Doulo Bawary</t>
  </si>
  <si>
    <t>village doulo bawary tehsil and district hafizabad</t>
  </si>
  <si>
    <t>Lalka Dharinka</t>
  </si>
  <si>
    <t>Furqan Khalid</t>
  </si>
  <si>
    <t>GPS DALSAR</t>
  </si>
  <si>
    <t>Dalsar</t>
  </si>
  <si>
    <t>p/o khar , khar fort manro distric dera ghazi khan</t>
  </si>
  <si>
    <t>Basti Haji Murad Bakhsh</t>
  </si>
  <si>
    <t>GPS DAMAL</t>
  </si>
  <si>
    <t>village damal post office kahal teh jand distt attock</t>
  </si>
  <si>
    <t>Tabassum Iqbal Khan</t>
  </si>
  <si>
    <t>GPS DAMMAR WALA JADEED</t>
  </si>
  <si>
    <t>basti kulasra</t>
  </si>
  <si>
    <t>GPS DAMOON CHAK</t>
  </si>
  <si>
    <t>Damuchak</t>
  </si>
  <si>
    <t>vill DAMUChakposaadatpurTehsaraialamgirgujrat</t>
  </si>
  <si>
    <t>Bagnagr</t>
  </si>
  <si>
    <t>GPS DANDAM SHAKA TEH SADIQA ABAD</t>
  </si>
  <si>
    <t>Mitha Dandam</t>
  </si>
  <si>
    <t>GBPS dandam shakh</t>
  </si>
  <si>
    <t>Dandam Shakh</t>
  </si>
  <si>
    <t>Mohammad Athar</t>
  </si>
  <si>
    <t>GPS DANDAN OAT</t>
  </si>
  <si>
    <t>Dandan Oat</t>
  </si>
  <si>
    <t>mouza dandan oat po tranda m pnah tehsil liaquat pur</t>
  </si>
  <si>
    <t>GPS DANDI JASWAL</t>
  </si>
  <si>
    <t>VPO  Dandi Jaswal Teh Jand Distt Attock</t>
  </si>
  <si>
    <t>GPS DANDI MALIAR</t>
  </si>
  <si>
    <t>Dandi Maliar</t>
  </si>
  <si>
    <t>Village Dandi Maliar P/O Dandi Nizam Teh:Sarai Alamgir Distt:Gujrat</t>
  </si>
  <si>
    <t>Yasar Manzoor</t>
  </si>
  <si>
    <t>GPS DANDI SARGANA, SARAI SIDHU</t>
  </si>
  <si>
    <t>moza dandi sargana chah budhny wala</t>
  </si>
  <si>
    <t>GPS DANDKA GHARBI</t>
  </si>
  <si>
    <t>dandka gharbi</t>
  </si>
  <si>
    <t>GPS DANG SHUMALI</t>
  </si>
  <si>
    <t>Bhakrra</t>
  </si>
  <si>
    <t>dera saalatkhel, moza bhakrra gharbi, tehsil piplan</t>
  </si>
  <si>
    <t>Bhakkra</t>
  </si>
  <si>
    <t>GPS DANGHROOT (SOHAWA)</t>
  </si>
  <si>
    <t>Dhangroot</t>
  </si>
  <si>
    <t>Dhangroot p.o khambi teh Sara I alamgir distt gujrat</t>
  </si>
  <si>
    <t>Summan Iqbal</t>
  </si>
  <si>
    <t>GPS DANGOT</t>
  </si>
  <si>
    <t>g p s dingot markaz tola bangi khel</t>
  </si>
  <si>
    <t>Dingot Gohar Wala</t>
  </si>
  <si>
    <t>Lal Badshah</t>
  </si>
  <si>
    <t>GPS DANGRIAN WALI</t>
  </si>
  <si>
    <t>RUM WALI</t>
  </si>
  <si>
    <t>DANGRIAN WALI</t>
  </si>
  <si>
    <t>BARA SAJWAR KHAN</t>
  </si>
  <si>
    <t>Mahboob ali</t>
  </si>
  <si>
    <t>GPS DANI DEHRA</t>
  </si>
  <si>
    <t>Dani dehra</t>
  </si>
  <si>
    <t>Dani Dehra P/O Dani Dehra tehsil Sohawa</t>
  </si>
  <si>
    <t>Dani Dehara</t>
  </si>
  <si>
    <t>GPS DANNA</t>
  </si>
  <si>
    <t>Danna Aliot. murree</t>
  </si>
  <si>
    <t>Danna</t>
  </si>
  <si>
    <t>Muhammad Almas</t>
  </si>
  <si>
    <t>GPS DANNA AWAIN</t>
  </si>
  <si>
    <t>village danna awain p/o murree tehsil murree,dist rawalpindi</t>
  </si>
  <si>
    <t>GPS DANOI</t>
  </si>
  <si>
    <t>village danoi post office lehtrar Bala tehsil Kotli sattian</t>
  </si>
  <si>
    <t>Bahattian</t>
  </si>
  <si>
    <t>GPS DANRIEN</t>
  </si>
  <si>
    <t>Kallan shah</t>
  </si>
  <si>
    <t>basti kallan shah p /o darien t /d muzzafargerh</t>
  </si>
  <si>
    <t>Ishfaq Hussain Shah</t>
  </si>
  <si>
    <t>GPS DAO WALI</t>
  </si>
  <si>
    <t>Litri Shumali</t>
  </si>
  <si>
    <t>Dau Wali p/o tibbi qaisrani tehsil taunsa district d g khan</t>
  </si>
  <si>
    <t>Zaka ur rehman</t>
  </si>
  <si>
    <t>GPS DAOKAY KHURD</t>
  </si>
  <si>
    <t>Daokay Khurd</t>
  </si>
  <si>
    <t>Village Daokay Khurd, Tehsil Daska, District Sialkot</t>
  </si>
  <si>
    <t>Muhammad  Arshad Shaheen</t>
  </si>
  <si>
    <t>GPS DAOKE MURIDKE</t>
  </si>
  <si>
    <t>moazam colony new daoke Muridke</t>
  </si>
  <si>
    <t>Ikram Ullah Chuadary</t>
  </si>
  <si>
    <t>GPS DAOUD ARAIN</t>
  </si>
  <si>
    <t>basti heery wala</t>
  </si>
  <si>
    <t>GPS DAPHI HASSAN WALI</t>
  </si>
  <si>
    <t>Dhapai Hassan Wali</t>
  </si>
  <si>
    <t>dhapai hassan wali p/o jatti shah rehman wazirabad</t>
  </si>
  <si>
    <t>GPS DAR US SALAM</t>
  </si>
  <si>
    <t>Al  Hussnain chock chah Dala wala</t>
  </si>
  <si>
    <t>Chaha Dala Wala</t>
  </si>
  <si>
    <t>GPS DARA</t>
  </si>
  <si>
    <t>Dara teh sahiwal dist sargodha</t>
  </si>
  <si>
    <t>GPS DARA GHULAM DIN CHAK NO. 95/I-L</t>
  </si>
  <si>
    <t>Chek 95/1-l</t>
  </si>
  <si>
    <t>bago bhar</t>
  </si>
  <si>
    <t>95/1-l</t>
  </si>
  <si>
    <t>GPS DARA HAJI ABDULLAH THATHI</t>
  </si>
  <si>
    <t>dera haji abdullah thathi kacha moza dher umaid ali shah</t>
  </si>
  <si>
    <t>Syed Sajjad Haider Shah</t>
  </si>
  <si>
    <t>GPS DARA MEHRAM, ABDUL HAKIM</t>
  </si>
  <si>
    <t>Moza Dara Mehram Mrkaz Darkhana</t>
  </si>
  <si>
    <t>Ibrar Ahmad</t>
  </si>
  <si>
    <t>GPS DARA QAIM</t>
  </si>
  <si>
    <t>Chal awal basti Dara qaim kakki nau tehsil shorkot district jhang</t>
  </si>
  <si>
    <t>Dara Qaim</t>
  </si>
  <si>
    <t>Muhammad Zulqarnan</t>
  </si>
  <si>
    <t>GPS DARAB PUR SHARQI BASTI KOTLA MOZA DARAB PUR</t>
  </si>
  <si>
    <t>Durab pur sharqi</t>
  </si>
  <si>
    <t>Basti kotla durab pur sharqi</t>
  </si>
  <si>
    <t>Basti kotla</t>
  </si>
  <si>
    <t>durab pur</t>
  </si>
  <si>
    <t>Yousuf Ali Nasir</t>
  </si>
  <si>
    <t>GPS DARAJ THUL</t>
  </si>
  <si>
    <t>Daraj Thul</t>
  </si>
  <si>
    <t>gps daraj thul tuman gurchani</t>
  </si>
  <si>
    <t>Trible Area</t>
  </si>
  <si>
    <t>Salah Uddin</t>
  </si>
  <si>
    <t>Rian water</t>
  </si>
  <si>
    <t>GPS DARANGA</t>
  </si>
  <si>
    <t>Dhranga</t>
  </si>
  <si>
    <t>dhranga p/o headsulemanki tehsil depalpur disst.okara</t>
  </si>
  <si>
    <t>Jmal Kot</t>
  </si>
  <si>
    <t>GPS DARANWALA</t>
  </si>
  <si>
    <t>gps daranwala v.p.o jabbi tehsil and distt. khushab</t>
  </si>
  <si>
    <t>Daranwala</t>
  </si>
  <si>
    <t>wter suply</t>
  </si>
  <si>
    <t>GPS DARAS BARY MIAN</t>
  </si>
  <si>
    <t>Dars Barey Mian</t>
  </si>
  <si>
    <t>dars chotay mian mughalpura lahore</t>
  </si>
  <si>
    <t>dars Chotay Mian Mughalpura Lahore</t>
  </si>
  <si>
    <t>dars Chotay Mian</t>
  </si>
  <si>
    <t>Muhammad Zaheer Saleem</t>
  </si>
  <si>
    <t>GPS DARAZ THUL</t>
  </si>
  <si>
    <t>Daraz Thul</t>
  </si>
  <si>
    <t>daraz thul</t>
  </si>
  <si>
    <t>Ansar Shehzad</t>
  </si>
  <si>
    <t>Rainy water</t>
  </si>
  <si>
    <t>GPS DARAZ WALA</t>
  </si>
  <si>
    <t>Draz wala</t>
  </si>
  <si>
    <t>Daraz wala</t>
  </si>
  <si>
    <t>KAMAR Mushani</t>
  </si>
  <si>
    <t>Mc KAMAR Mushani</t>
  </si>
  <si>
    <t>Muhammad Yunas Khan Muhammad YUNAS Khan</t>
  </si>
  <si>
    <t>GPS DARBAAR SHEIKH TALIB</t>
  </si>
  <si>
    <t>Essa Wala Janoobi</t>
  </si>
  <si>
    <t>gps darbar sheikh talib moza essa wala janoobi</t>
  </si>
  <si>
    <t>essa wala janoobi</t>
  </si>
  <si>
    <t>bangla yasmeen</t>
  </si>
  <si>
    <t>NAJAM UL HASNAIN</t>
  </si>
  <si>
    <t>GPS DARBAR AHMED SHAH</t>
  </si>
  <si>
    <t>basti khuda baksh gadola</t>
  </si>
  <si>
    <t>khuda baksh gadola</t>
  </si>
  <si>
    <t>fateh Pur</t>
  </si>
  <si>
    <t>GPS DARBAR ALI ASHAB, P/O MOUZA JAHAN PUR, KABIRWALA</t>
  </si>
  <si>
    <t>mouza jahan pur p/o makhdoom pur tehsail kabir wala</t>
  </si>
  <si>
    <t>GPS DARBAR CHATTEN SHAH</t>
  </si>
  <si>
    <t>Wan Chatah</t>
  </si>
  <si>
    <t>gps darbar chattan shah Multan</t>
  </si>
  <si>
    <t>Ahmad Baksh</t>
  </si>
  <si>
    <t>GPS DARBAR FATEH SHAH</t>
  </si>
  <si>
    <t>Qadirpur Bakhsha Pacca</t>
  </si>
  <si>
    <t>Qadirpur Bakhsha Pacca tehsil &amp; District Jhang</t>
  </si>
  <si>
    <t>Qadirpur Bakhsha</t>
  </si>
  <si>
    <t>GPS DARBAR GHULAB SHAH</t>
  </si>
  <si>
    <t>Umeed Ali Bhait</t>
  </si>
  <si>
    <t>basti gulab Shah p/o laker wali the sadiq abad</t>
  </si>
  <si>
    <t>GPS DARBAR HABEBIA</t>
  </si>
  <si>
    <t>Basti Peer mitha moza dogar kalasra p/O Sinawan</t>
  </si>
  <si>
    <t>Peer Mitha</t>
  </si>
  <si>
    <t>Muhammad  Mazhar  Iqbal</t>
  </si>
  <si>
    <t>GPS DARBAR INAYAT SHAH</t>
  </si>
  <si>
    <t>darbar inayat shah olakh thal kalan tehsil chobara</t>
  </si>
  <si>
    <t>GPS DARBAR JUMMAN SHAH</t>
  </si>
  <si>
    <t>basti sahoo wala muza khokhar kot addu</t>
  </si>
  <si>
    <t>ALU Rid</t>
  </si>
  <si>
    <t>GPS DARBAR KHALIQ WALI</t>
  </si>
  <si>
    <t>164 tda sarishta thal jandi darmiani</t>
  </si>
  <si>
    <t>Khaliq Wali</t>
  </si>
  <si>
    <t>GPS DARBAR LUKHI SHAH</t>
  </si>
  <si>
    <t>Mouza Bhon p/o khas T/D jhang</t>
  </si>
  <si>
    <t>Kot Esa Shah</t>
  </si>
  <si>
    <t>AAMIR NISAR</t>
  </si>
  <si>
    <t>GPS DARBAR M. SHAHEED</t>
  </si>
  <si>
    <t>Garhi Baigarh</t>
  </si>
  <si>
    <t>Basti Darbar M. Shaheed 156/p road Sadiqabad</t>
  </si>
  <si>
    <t>Basti DARBAR Muhammad Shaheed Sadiq Abad</t>
  </si>
  <si>
    <t>GPS DARBAR MIAN MUQEEM</t>
  </si>
  <si>
    <t>GPS Darbar Mian Muqeem Salam</t>
  </si>
  <si>
    <t>GPS DARBAR MIAN RANJHA</t>
  </si>
  <si>
    <t>Vehniwal That</t>
  </si>
  <si>
    <t>darbar mian ranjha</t>
  </si>
  <si>
    <t>Darbar Mian Ranjha</t>
  </si>
  <si>
    <t>GPS DARBAR PIR SALAH UD DIN</t>
  </si>
  <si>
    <t>Darbar Sala Ud Din</t>
  </si>
  <si>
    <t>chak 53/3 tukra darbar Salah Ud Din Teh Tandlianwala Distt Faisalabad</t>
  </si>
  <si>
    <t>Darbar Salah Ud Din</t>
  </si>
  <si>
    <t>GPS DARBAR SHARIF CHOHA</t>
  </si>
  <si>
    <t>V.P.O Choha, Tehsil: Qaidabad, District: Khushab</t>
  </si>
  <si>
    <t>Chashma Water Supply</t>
  </si>
  <si>
    <t>GPS DARBAR SHARIF WARCHHA</t>
  </si>
  <si>
    <t>GPS darbar sharif warchha tehsiel quaid abad</t>
  </si>
  <si>
    <t>stah ky nalky sy</t>
  </si>
  <si>
    <t>GPS DARBAR SHIEHK JAMAL</t>
  </si>
  <si>
    <t>Basti Darbar Shaikh jamal</t>
  </si>
  <si>
    <t>Basti Darbar Shaikh Jamal</t>
  </si>
  <si>
    <t>GPS DARBARI WALA</t>
  </si>
  <si>
    <t>Darbariwala</t>
  </si>
  <si>
    <t>Gps darbariwala Tehsil MCD District BWN</t>
  </si>
  <si>
    <t>Hassan wala</t>
  </si>
  <si>
    <t>GPS DAREE WALA</t>
  </si>
  <si>
    <t>long malana</t>
  </si>
  <si>
    <t>basti qazi wala moza long malana m.garh</t>
  </si>
  <si>
    <t>qazi wala</t>
  </si>
  <si>
    <t>deenpur</t>
  </si>
  <si>
    <t>GPS DARGA BANGI KHEL</t>
  </si>
  <si>
    <t>Pos Bangi Khel Sherqi</t>
  </si>
  <si>
    <t>Village Darga Bangi Khel AEO (M) Markaz Tabi Sar Teh.Isa Khel Distt. Mianwali.</t>
  </si>
  <si>
    <t>Darga Bangi Khel</t>
  </si>
  <si>
    <t>GPS DARGAH PUR</t>
  </si>
  <si>
    <t>Dargahpur</t>
  </si>
  <si>
    <t>pul patware dargahpur</t>
  </si>
  <si>
    <t>Sandhiwala</t>
  </si>
  <si>
    <t>Abid Yousaf</t>
  </si>
  <si>
    <t>GPS DARGAHI PUR</t>
  </si>
  <si>
    <t>mouza dargahipur pirmahal toba tek singh</t>
  </si>
  <si>
    <t>Moza Dargahipur</t>
  </si>
  <si>
    <t>M Ibrahim</t>
  </si>
  <si>
    <t>GPS DARGAN</t>
  </si>
  <si>
    <t>DARGAN</t>
  </si>
  <si>
    <t>dargan</t>
  </si>
  <si>
    <t>Dargan</t>
  </si>
  <si>
    <t>GPS DARGHA E IQBAL MUZAFAR COLONY FSD</t>
  </si>
  <si>
    <t>street # 12 Muzaffar Colony Faisalabad</t>
  </si>
  <si>
    <t>Tahir hamid</t>
  </si>
  <si>
    <t>From  filter plant</t>
  </si>
  <si>
    <t>GPS DARHALAN WALA</t>
  </si>
  <si>
    <t>Darhalan wala, Moza Allah Yar Soha, Tehsil Darya Khan District Bhakkar.</t>
  </si>
  <si>
    <t>Darhalan wala</t>
  </si>
  <si>
    <t>GPS DARI MERO</t>
  </si>
  <si>
    <t>nooria kooria gharbi</t>
  </si>
  <si>
    <t>GPS Dari meero. mouza nooria kooria gharbi . UC Ladan</t>
  </si>
  <si>
    <t>dari meero</t>
  </si>
  <si>
    <t>ladan</t>
  </si>
  <si>
    <t>Hammad Rahim Qureshi</t>
  </si>
  <si>
    <t>GPS DARI PIR AADIL</t>
  </si>
  <si>
    <t>Jhok Hafiz Noor Hassan</t>
  </si>
  <si>
    <t>chah darkhan wala maoza jhok hafiz noor hassan peer adil</t>
  </si>
  <si>
    <t>Abdul hameed</t>
  </si>
  <si>
    <t>GPS DARKHAN WALA MOZO BAND ALI PUR</t>
  </si>
  <si>
    <t>band ali Pur</t>
  </si>
  <si>
    <t>moza band ali pur basti darkhan wala lodhran</t>
  </si>
  <si>
    <t>sadullah pur</t>
  </si>
  <si>
    <t>GPS DARKHANA WALA</t>
  </si>
  <si>
    <t>Thalagulkala</t>
  </si>
  <si>
    <t>dirkhanawala</t>
  </si>
  <si>
    <t>Dirkhanawala</t>
  </si>
  <si>
    <t>Farrukh Ali</t>
  </si>
  <si>
    <t>GPS DARKHANA WALI</t>
  </si>
  <si>
    <t>basti dirkhana wali karor nashaib tehsile karor district layyah</t>
  </si>
  <si>
    <t>Basti Dirkhana Wali</t>
  </si>
  <si>
    <t>GPS DARKHANAN RUKRANI</t>
  </si>
  <si>
    <t>basti darkhana mouza rukrani</t>
  </si>
  <si>
    <t>Syed Muhammad Qasim Shah</t>
  </si>
  <si>
    <t>GPS DARKHANI WALA CHAK NO. 44 TDA</t>
  </si>
  <si>
    <t>44 Tda</t>
  </si>
  <si>
    <t>chak no 44tda</t>
  </si>
  <si>
    <t>45 Tda</t>
  </si>
  <si>
    <t>GPS DARKHAST MASITAN</t>
  </si>
  <si>
    <t>Dakhast Masitan</t>
  </si>
  <si>
    <t>Darkhast Masitan</t>
  </si>
  <si>
    <t>Jhkhar Imam Shah</t>
  </si>
  <si>
    <t>GPS DARKHAWAST MEERAN KHAN</t>
  </si>
  <si>
    <t>Darkhawast Meeran Khan Meeran Khan</t>
  </si>
  <si>
    <t>Darkhawast Meeran Khan basti sauntra u/c peer bakhsh sharki Distt Rajanpur</t>
  </si>
  <si>
    <t>Basti Sauntra</t>
  </si>
  <si>
    <t>Peer Bakhsh Sharki</t>
  </si>
  <si>
    <t>Ghulam Nazik</t>
  </si>
  <si>
    <t>GPS DARRA</t>
  </si>
  <si>
    <t>Village Potha Sharif</t>
  </si>
  <si>
    <t>Darra</t>
  </si>
  <si>
    <t>Sumaira Naeem</t>
  </si>
  <si>
    <t>GPS DARSGAH MEHMOODIA</t>
  </si>
  <si>
    <t>Chah Bathal wala Moza Allah Abad</t>
  </si>
  <si>
    <t>Chah Bathal Wala</t>
  </si>
  <si>
    <t>GPS DARSOLA P/O AWANAN WALA</t>
  </si>
  <si>
    <t>Metha Ktk</t>
  </si>
  <si>
    <t>hailran wala issa khel mianwali</t>
  </si>
  <si>
    <t>Hailran Wala</t>
  </si>
  <si>
    <t>Abdul Jabbar Khan</t>
  </si>
  <si>
    <t>GPS DARUHTTA KHARLAN</t>
  </si>
  <si>
    <t>Doruttah Kharlan</t>
  </si>
  <si>
    <t>mouza durttah kharlan tehsil bhowana disttrict chiniot</t>
  </si>
  <si>
    <t>GPS DARUL EHSAN</t>
  </si>
  <si>
    <t>Paharing</t>
  </si>
  <si>
    <t>chak no 126 rb Abadi ratha Wali, shahkot road Darul ehsan</t>
  </si>
  <si>
    <t>Darul Ehsan</t>
  </si>
  <si>
    <t>Behloolpur</t>
  </si>
  <si>
    <t>Muhammad Tahir Tanveer</t>
  </si>
  <si>
    <t>GPS DAR-UL-ALOOM LARKES COLONY GHAZI ABAD</t>
  </si>
  <si>
    <t>Larex colony Ghaziabad</t>
  </si>
  <si>
    <t>Dryport Mughalpura</t>
  </si>
  <si>
    <t>Syed Zahid Hassan</t>
  </si>
  <si>
    <t>GPS DAR-ULOOM AL-BAQUIAT</t>
  </si>
  <si>
    <t>MAJEED PARK</t>
  </si>
  <si>
    <t>majeedparkshahdara</t>
  </si>
  <si>
    <t>Shahdara town</t>
  </si>
  <si>
    <t>Qazipark</t>
  </si>
  <si>
    <t>GPS DARWA</t>
  </si>
  <si>
    <t>Darwa</t>
  </si>
  <si>
    <t>GPS DARWA GUJRAT</t>
  </si>
  <si>
    <t>GPS DARWAL</t>
  </si>
  <si>
    <t>darwl po paktaal the pasrur dist sialkot</t>
  </si>
  <si>
    <t>Rizwan Akhtar</t>
  </si>
  <si>
    <t>GPS DARYA (DHAKLI)</t>
  </si>
  <si>
    <t>darya dakhli Laluwali</t>
  </si>
  <si>
    <t>GPS DARYA KHAN JANOOBI</t>
  </si>
  <si>
    <t>Mohalla Meharabad Darya Khan Bhakkar</t>
  </si>
  <si>
    <t>MC DARYA Khan</t>
  </si>
  <si>
    <t>Muhammad Sardar Azam</t>
  </si>
  <si>
    <t>GPS DARYAL</t>
  </si>
  <si>
    <t>Darkali mehmori</t>
  </si>
  <si>
    <t>Village and post office daryal tesil kallar syedan dist rawalpindi</t>
  </si>
  <si>
    <t>Mc kallar syedan</t>
  </si>
  <si>
    <t>M HASSAM UL HAQ</t>
  </si>
  <si>
    <t>GPS DASKA KALAN</t>
  </si>
  <si>
    <t>daska kalan tehsil daska district sialkot</t>
  </si>
  <si>
    <t>GPS DASKA NO.3</t>
  </si>
  <si>
    <t>Mohalla haqpura Daska.</t>
  </si>
  <si>
    <t>GPS DASKA NO.4</t>
  </si>
  <si>
    <t>Shafique town Awami road daska.</t>
  </si>
  <si>
    <t>Daska City</t>
  </si>
  <si>
    <t>GPS DASTGHIR COLONY GOJRA</t>
  </si>
  <si>
    <t>Dastgir colony Gojra</t>
  </si>
  <si>
    <t>Ghulam Rabbani</t>
  </si>
  <si>
    <t>GPS DATA ZAIDKA</t>
  </si>
  <si>
    <t>Data Zadika</t>
  </si>
  <si>
    <t>Faisal Shahzadha</t>
  </si>
  <si>
    <t>GPS DATAR SINGH</t>
  </si>
  <si>
    <t>Chak 7/eb</t>
  </si>
  <si>
    <t>datar singh teh. arifwala</t>
  </si>
  <si>
    <t>Chak No 7/eb Gangi Pur</t>
  </si>
  <si>
    <t>Chak No13/eb</t>
  </si>
  <si>
    <t>GPS DATAY WALI</t>
  </si>
  <si>
    <t>Dataywali</t>
  </si>
  <si>
    <t>post office.ladhewala goraya.village datewali teh kamonke distt gujranwala</t>
  </si>
  <si>
    <t>Datewali</t>
  </si>
  <si>
    <t>Rana Zain Raza</t>
  </si>
  <si>
    <t>GPS DATORI WALA</t>
  </si>
  <si>
    <t>chah datori wala daggar kotli shumali p/o sara e muhajr</t>
  </si>
  <si>
    <t>Chah Datori Wala</t>
  </si>
  <si>
    <t>Pervaiz Ahmed Khan</t>
  </si>
  <si>
    <t>GPS DATORIAN WALA</t>
  </si>
  <si>
    <t>datorian wala tehsil k.kot disst.bhakkar</t>
  </si>
  <si>
    <t>Datorian Wala</t>
  </si>
  <si>
    <t>Ameerabdullah</t>
  </si>
  <si>
    <t>GPS DATWAL P/O TAMMAN</t>
  </si>
  <si>
    <t>Datwal</t>
  </si>
  <si>
    <t>Datwal Janubi, VPO Dholar, Tehsil Talagang, Distt Chakwal</t>
  </si>
  <si>
    <t>Datwal Janobi</t>
  </si>
  <si>
    <t>Tamoor Iqbal</t>
  </si>
  <si>
    <t>GPS DATWAL SHUMAALI</t>
  </si>
  <si>
    <t>GPS Datwal Shumali, VPO Dholar, Tehsil Talagang, District Chakwal</t>
  </si>
  <si>
    <t>Datwal Shumali</t>
  </si>
  <si>
    <t>GPS DAULA PUKHTA</t>
  </si>
  <si>
    <t>Daula Pukhta P/O Same Tehsil Depalpur District Okara</t>
  </si>
  <si>
    <t>GPS DAULAT NAGAR</t>
  </si>
  <si>
    <t>DAULAT NAGAR</t>
  </si>
  <si>
    <t>GPS DAULAT NAGAR   TEHSIL GUJRAT</t>
  </si>
  <si>
    <t>Zakar ali</t>
  </si>
  <si>
    <t>GPS DAULAT PUR</t>
  </si>
  <si>
    <t>vpo Daulatpur Tehsil Pdkhan  District Jhelum</t>
  </si>
  <si>
    <t>Mohammed Nasim Abbas</t>
  </si>
  <si>
    <t>GPS DAULATWALA</t>
  </si>
  <si>
    <t>204/TDA</t>
  </si>
  <si>
    <t>Doulat Wala  204/tda</t>
  </si>
  <si>
    <t>205 /TDA</t>
  </si>
  <si>
    <t>Muhammad Azam Naveed</t>
  </si>
  <si>
    <t>GPS DAULTALA</t>
  </si>
  <si>
    <t>GPS Daultala</t>
  </si>
  <si>
    <t>GPS DAURDAD</t>
  </si>
  <si>
    <t>VPO Daurdad Tehsil &amp; District Attock</t>
  </si>
  <si>
    <t>Ijaz Ahmed Khan</t>
  </si>
  <si>
    <t>GPS DAVI DAS PURA</t>
  </si>
  <si>
    <t>Mustafaabad Davidaspura tehsil kotmomin district sargodha</t>
  </si>
  <si>
    <t>Mustafaabad Davidaspura</t>
  </si>
  <si>
    <t>Rana Muhammad Akram</t>
  </si>
  <si>
    <t>GPS DAYYAN</t>
  </si>
  <si>
    <t>Dayyan</t>
  </si>
  <si>
    <t>Village Dayyan PO Dharukna Tehsil Kallar Kahar District Chakwal</t>
  </si>
  <si>
    <t>Aftab Muhammad</t>
  </si>
  <si>
    <t>GPS DEELAY WALI</t>
  </si>
  <si>
    <t>Kot sarwar</t>
  </si>
  <si>
    <t>delywali kotsarwar tehsil Hindi bhattian district hafizabad</t>
  </si>
  <si>
    <t>Deely Wali</t>
  </si>
  <si>
    <t>Kotsarwar</t>
  </si>
  <si>
    <t>Falik Sher</t>
  </si>
  <si>
    <t>GPS DEEN PUR</t>
  </si>
  <si>
    <t>GPS DEEN PUR U/C HAIRO TEHSIL JAMPUR DISTRICT RAJANPUR</t>
  </si>
  <si>
    <t>THULL MAHTAM</t>
  </si>
  <si>
    <t>SHAHJAHAN</t>
  </si>
  <si>
    <t>GPS DEEPAY PUR</t>
  </si>
  <si>
    <t>Deepay pur</t>
  </si>
  <si>
    <t>village deepay pur Tehsil Nowshera Virkan District Gujranwalla</t>
  </si>
  <si>
    <t>Maju Chack</t>
  </si>
  <si>
    <t>Rashid Muhmood Waraich</t>
  </si>
  <si>
    <t>GPS DEEWAN WALA P/O LASURI MAOZA PUNJANI</t>
  </si>
  <si>
    <t>Chan vigarwala mouza punjani</t>
  </si>
  <si>
    <t>Vigarwala</t>
  </si>
  <si>
    <t>GPS DEGAL</t>
  </si>
  <si>
    <t>village degal adyala road rwp</t>
  </si>
  <si>
    <t>Shahida Naureen</t>
  </si>
  <si>
    <t>GPS DEGREE REGULAR</t>
  </si>
  <si>
    <t>Dugree</t>
  </si>
  <si>
    <t>mouza and p, o  Dugree teh A P Sial</t>
  </si>
  <si>
    <t>Fateh Pur Pretti</t>
  </si>
  <si>
    <t>Sajid Mahmood Bilal</t>
  </si>
  <si>
    <t>GPS DEHLO BASHA</t>
  </si>
  <si>
    <t>Dhelo Basha</t>
  </si>
  <si>
    <t>Dhelo Basha P.O. Oulakh Bhaike Tehsil Nowshera Virkan District Gujranwala</t>
  </si>
  <si>
    <t>GPS DEINGAN WALA</t>
  </si>
  <si>
    <t>Noorshah Talai Gharbi</t>
  </si>
  <si>
    <t>chhah dheingan wala mouza noorshah talai gharbi tehsil kot addu dist Muzaffar Garh</t>
  </si>
  <si>
    <t>Dheingan Wala</t>
  </si>
  <si>
    <t>GPS DELLIAN WALI</t>
  </si>
  <si>
    <t>Delianwali</t>
  </si>
  <si>
    <t>Delianwali Depalpur Okara</t>
  </si>
  <si>
    <t>Shujat Abbas</t>
  </si>
  <si>
    <t>GPS DEMOON WALA KHURD</t>
  </si>
  <si>
    <t>Govt. primary School Demonwala Khurd Bucheki</t>
  </si>
  <si>
    <t>Demonwala Khurd</t>
  </si>
  <si>
    <t>Jan muhammad</t>
  </si>
  <si>
    <t>GPS DEONA</t>
  </si>
  <si>
    <t>gps deona</t>
  </si>
  <si>
    <t>Tippu Tamoor Qader</t>
  </si>
  <si>
    <t>GPS DERA AALAM SHAH</t>
  </si>
  <si>
    <t>Unran</t>
  </si>
  <si>
    <t>Basti juman shah</t>
  </si>
  <si>
    <t>Basti Syed Juman Shah</t>
  </si>
  <si>
    <t>GPS DERA ABD-UR-REHAMN WALA</t>
  </si>
  <si>
    <t>Jall shumali</t>
  </si>
  <si>
    <t>village and post office Jall shumali tehsil Piplan District Mianwali</t>
  </si>
  <si>
    <t>Muhammad Naveed Ahmed</t>
  </si>
  <si>
    <t>GPS DERA AFGHANA</t>
  </si>
  <si>
    <t>DERA AFGHANA</t>
  </si>
  <si>
    <t>Dera Afghanan naer railway station Jia Bagga the raiwind dist Lahore</t>
  </si>
  <si>
    <t>GPS DERA AFGHANAN</t>
  </si>
  <si>
    <t>dera afghanan</t>
  </si>
  <si>
    <t>Dera Afghanan</t>
  </si>
  <si>
    <t>Kotli Barey Khan</t>
  </si>
  <si>
    <t>GPS DERA AFZAL BHAIL</t>
  </si>
  <si>
    <t>Mitha tiwana</t>
  </si>
  <si>
    <t>dera muhammad afzal bhail</t>
  </si>
  <si>
    <t>mitha tiwana derajaat</t>
  </si>
  <si>
    <t>Mitha Tiwana janoobi</t>
  </si>
  <si>
    <t>GPS DERA AHMAD DHAMRAYA</t>
  </si>
  <si>
    <t>SOHA Jhunj</t>
  </si>
  <si>
    <t>dera Ahmad dhamraya post office chak no 56 db tehsil kaloor kot district bhakkar</t>
  </si>
  <si>
    <t>Dera Ahmad Dhamraya</t>
  </si>
  <si>
    <t>GPS DERA AHMAD SHER KALARIA</t>
  </si>
  <si>
    <t>dera ahmed sher kalaira</t>
  </si>
  <si>
    <t>dera ahmed sher kalaira p/o shaheedan</t>
  </si>
  <si>
    <t>ali khel</t>
  </si>
  <si>
    <t>GPS DERA ALHAL</t>
  </si>
  <si>
    <t>dera alhal warcha</t>
  </si>
  <si>
    <t>dera alhal warcha quaidabad</t>
  </si>
  <si>
    <t>Muhammad Zohaib Sajjad</t>
  </si>
  <si>
    <t>Ø·Ù„Ø¨Ø§ Ú¯Ú¾Ø± Ø³Û’ Ø¨ÙˆØªÙ„ÙˆÚº Ù…ÛŒÚº Ù¾Ø§Ù†ÛŒ Ø¨Ú¾Ø±Ú©Û’ Ù„Ø§ØªÛ’ ÛÛŒÚº</t>
  </si>
  <si>
    <t>GPS DERA ALI ABAS SHAH</t>
  </si>
  <si>
    <t>Dera Bazigran</t>
  </si>
  <si>
    <t>lahore sergodha road dera bazigran</t>
  </si>
  <si>
    <t>Kot Sonda</t>
  </si>
  <si>
    <t>GPS DERA ALI AHMED</t>
  </si>
  <si>
    <t>JHULANA. G P S DERA ALI AHMAD</t>
  </si>
  <si>
    <t>GPS DERA ALI KHAN</t>
  </si>
  <si>
    <t>Dera Ali Khan</t>
  </si>
  <si>
    <t>dera Ali khan khaliqabad</t>
  </si>
  <si>
    <t>Hafiz Khalil Ur Rehman</t>
  </si>
  <si>
    <t>GPS DERA ALLAH BAKHSH DHAK</t>
  </si>
  <si>
    <t>vpo Dhak  district khushab</t>
  </si>
  <si>
    <t>Zeeshan Mustafa Tahir</t>
  </si>
  <si>
    <t>GPS DERA ALLAH DAD BALOOCH</t>
  </si>
  <si>
    <t>Dera Allah Dad Baloch Noor Pur Thal, District Khushab</t>
  </si>
  <si>
    <t>NoorPur</t>
  </si>
  <si>
    <t>Muhammad Waqas Sajid</t>
  </si>
  <si>
    <t>GPS DERA ALLAH DAD WALA</t>
  </si>
  <si>
    <t>Dera Allah Dad Wala Noor Pur Noon Tehsil Bhera District Sargodha</t>
  </si>
  <si>
    <t>dera Allah dad wala Noor pur noon tehsil Bhera district sargodha</t>
  </si>
  <si>
    <t>Noor pur Noon</t>
  </si>
  <si>
    <t>Muhammad Adnan Khan</t>
  </si>
  <si>
    <t>GPS DERA ALLAH DITTA WINNI</t>
  </si>
  <si>
    <t>Mahmood  Shaheed</t>
  </si>
  <si>
    <t>Dera Allah Ditta Winni mehmood Shaheed noor Pur thal</t>
  </si>
  <si>
    <t>Mehmood Shaheed</t>
  </si>
  <si>
    <t>GPS DERA ALLAH YAR</t>
  </si>
  <si>
    <t>dera Allah Yar</t>
  </si>
  <si>
    <t>Dera Allah Yar</t>
  </si>
  <si>
    <t>SAJAWAL KHAN</t>
  </si>
  <si>
    <t>GPS DERA ALLTAN WALA</t>
  </si>
  <si>
    <t>Daggar Waghwara Gharbi</t>
  </si>
  <si>
    <t>Dera Alittan Wala</t>
  </si>
  <si>
    <t>GPS DERA AMER PARANA</t>
  </si>
  <si>
    <t>dera Ameer parhana ghulla pur</t>
  </si>
  <si>
    <t>Dera Ameer Parhana</t>
  </si>
  <si>
    <t>GPS DERA AMIR ABDULLAH KHAN WALA</t>
  </si>
  <si>
    <t>Dera Amir Abdullah Khanwala</t>
  </si>
  <si>
    <t>GPS dera amir abdullah khanwala katcha daud khel</t>
  </si>
  <si>
    <t>Muhammad Shoaib khalid shah</t>
  </si>
  <si>
    <t>GPS DERA AMIR KHAN WALA</t>
  </si>
  <si>
    <t>Rakh Galkala</t>
  </si>
  <si>
    <t>Dera Ameer Khan Wala Rakh Galkala P /O Sarai Muhajir tehsil Mankera District Bhakkar</t>
  </si>
  <si>
    <t>Dera Ameer Khan Wala</t>
  </si>
  <si>
    <t>GPS DERA AMRAT SARIAN</t>
  </si>
  <si>
    <t>Dera Amartsarian</t>
  </si>
  <si>
    <t>dera amartsarian</t>
  </si>
  <si>
    <t>Dera Amartsrian</t>
  </si>
  <si>
    <t>Farooq Abad Village</t>
  </si>
  <si>
    <t>GPS DERA ARAIYAN</t>
  </si>
  <si>
    <t>Dera Arian</t>
  </si>
  <si>
    <t>dera arian</t>
  </si>
  <si>
    <t>GPS DERA ARBI MUZA LAL WAH P/O JUGOO WALA JPP.</t>
  </si>
  <si>
    <t>maoza lal wah p/o juggu wala</t>
  </si>
  <si>
    <t>takan wala</t>
  </si>
  <si>
    <t>Muhammad Junaid</t>
  </si>
  <si>
    <t>GPS DERA ARRIAN</t>
  </si>
  <si>
    <t>Dera Pul Wala Uncha Pind</t>
  </si>
  <si>
    <t>dera pul wala</t>
  </si>
  <si>
    <t>Gps Dera Arrian Unchapind Dera Ar</t>
  </si>
  <si>
    <t>Nangal Buchter</t>
  </si>
  <si>
    <t>GPS DERA ASHRAF</t>
  </si>
  <si>
    <t>Dakhli Purana Bhalwal</t>
  </si>
  <si>
    <t>GPS Dera Ashraf Dakhli Purana bhalwal</t>
  </si>
  <si>
    <t>GPS DERA ASHRAF PUR</t>
  </si>
  <si>
    <t>dera ashraf narang</t>
  </si>
  <si>
    <t>Rata Gjran</t>
  </si>
  <si>
    <t>Atta Muhammad Malik</t>
  </si>
  <si>
    <t>GPS DERA ATTA MOHAMMAD WALA</t>
  </si>
  <si>
    <t>Wan bhachran 1</t>
  </si>
  <si>
    <t>Muhammad  Arshad Zia</t>
  </si>
  <si>
    <t>GPS DERA ATTA MUHAMMAD KALOO</t>
  </si>
  <si>
    <t>VPO Biland Tehsil Noorpur Thal District Khushab</t>
  </si>
  <si>
    <t>GPS DERA ATTA RASOOL</t>
  </si>
  <si>
    <t>GPS DERA BABA JANI</t>
  </si>
  <si>
    <t>Dera Baba Jani</t>
  </si>
  <si>
    <t>Dera baba jani kamoke gujranwala</t>
  </si>
  <si>
    <t>GPS DERA BABA LAKHU</t>
  </si>
  <si>
    <t>Dera baba lakhu Village Gujiana nau  Sheikhupura.</t>
  </si>
  <si>
    <t>Dera Baba Lakhu</t>
  </si>
  <si>
    <t>Ansar Ali</t>
  </si>
  <si>
    <t>GPS DERA BAGGI BURJI</t>
  </si>
  <si>
    <t>Bhar</t>
  </si>
  <si>
    <t>dera bugi burji sheikhupura</t>
  </si>
  <si>
    <t>Dera Buggi Burji</t>
  </si>
  <si>
    <t>Zahid Muhammad Sharif</t>
  </si>
  <si>
    <t>GPS DERA BAGHAN WALA</t>
  </si>
  <si>
    <t>Dera Baghan Wala</t>
  </si>
  <si>
    <t>Dera Bagh wala NV Noshera virkan  GRW</t>
  </si>
  <si>
    <t>Dera Bagh Wala</t>
  </si>
  <si>
    <t>Istikhar Ahmad</t>
  </si>
  <si>
    <t>GPS DERA BAHADUR KHAN</t>
  </si>
  <si>
    <t>Ghagh Khurd</t>
  </si>
  <si>
    <t>P. O. Sandral teh &amp; district Khushab</t>
  </si>
  <si>
    <t>GPS DERA BAKHWAL KATHA SAGHRAL</t>
  </si>
  <si>
    <t>Dera Bakhwal</t>
  </si>
  <si>
    <t>GPS dera bakhwal p.o katha saghral</t>
  </si>
  <si>
    <t>GPS DERA BAKIR KHAN</t>
  </si>
  <si>
    <t>GPS Dera Bakir khan</t>
  </si>
  <si>
    <t>Dera Bakir Khan</t>
  </si>
  <si>
    <t>PERVAIZ MASIH</t>
  </si>
  <si>
    <t>GPS DERA BALLAGAN</t>
  </si>
  <si>
    <t>Dera Ballagan</t>
  </si>
  <si>
    <t>Dera Balagun Noshera Virkan Distt Gujranwala</t>
  </si>
  <si>
    <t>Noshera Virkan</t>
  </si>
  <si>
    <t>Amir Masood</t>
  </si>
  <si>
    <t>GPS DERA BALOCHAN WALA</t>
  </si>
  <si>
    <t>Maly wali</t>
  </si>
  <si>
    <t>GPS Dera Balochan Wala P.O  Shahnawaz wala Teh Piplan  District Mianwalir</t>
  </si>
  <si>
    <t>Dera Balochan wala</t>
  </si>
  <si>
    <t>Kacha gujrat</t>
  </si>
  <si>
    <t>GPS DERA BATH</t>
  </si>
  <si>
    <t>Dera Bath</t>
  </si>
  <si>
    <t>dera bath</t>
  </si>
  <si>
    <t>Main Mahmood</t>
  </si>
  <si>
    <t>GPS DERA BE WALA</t>
  </si>
  <si>
    <t>dera be wala</t>
  </si>
  <si>
    <t>village Dera Be Wala p/o harpoke tehsil kamoki</t>
  </si>
  <si>
    <t>Dera Be Wala</t>
  </si>
  <si>
    <t>akbar ghanoke</t>
  </si>
  <si>
    <t>Adnan</t>
  </si>
  <si>
    <t>GPS DERA BEHRAM</t>
  </si>
  <si>
    <t>Dera Behram</t>
  </si>
  <si>
    <t>Dera Behram P#O Mano Chak  Teh .Phalia Distt.M.B Din</t>
  </si>
  <si>
    <t>GPS DERA BHAI KHAN</t>
  </si>
  <si>
    <t>DERA BHAI KHAN</t>
  </si>
  <si>
    <t>Dera Bhai Khan</t>
  </si>
  <si>
    <t>Malik Mohsin Ul Zia</t>
  </si>
  <si>
    <t>GPS DERA BHASEEN</t>
  </si>
  <si>
    <t>Village DeraBhaseen</t>
  </si>
  <si>
    <t>DeraBhaseen</t>
  </si>
  <si>
    <t>Mansoor Nasir</t>
  </si>
  <si>
    <t>GPS DERA BOHLIAN WALA</t>
  </si>
  <si>
    <t>Dera Muhammad  Khan</t>
  </si>
  <si>
    <t>dera Muhammad khan kalokay road sheikhupura</t>
  </si>
  <si>
    <t>Sayeda Razia Batool</t>
  </si>
  <si>
    <t>GPS DERA BUCHIAN WALA</t>
  </si>
  <si>
    <t>GPS Dera Bachian Wala, Deowal, Tehsil Bhalwal, Dist Sargodha</t>
  </si>
  <si>
    <t>GPS DERA BURHAN WALA</t>
  </si>
  <si>
    <t>Azhar Javed Malik</t>
  </si>
  <si>
    <t>GPS DERA CHAHIL</t>
  </si>
  <si>
    <t>Village Dera Chahal Bedian Road Lahore</t>
  </si>
  <si>
    <t>Lidhre</t>
  </si>
  <si>
    <t>GPS DERA CHAKAN</t>
  </si>
  <si>
    <t>dera chakan wala katha saghral</t>
  </si>
  <si>
    <t>GPS DERA CHAN</t>
  </si>
  <si>
    <t>Dera Chan</t>
  </si>
  <si>
    <t>v.p.o chan teh. nur pur thal dist. khb</t>
  </si>
  <si>
    <t>GPS DERA CHANGRAN (KOT NIZAM DIN)</t>
  </si>
  <si>
    <t>dera changran</t>
  </si>
  <si>
    <t>GPS DERA CHAUDHARY SARDAR KHAN</t>
  </si>
  <si>
    <t>Chailianwala</t>
  </si>
  <si>
    <t>Dera Sardar Khan Chailianwala</t>
  </si>
  <si>
    <t>Mehwish Ashraf</t>
  </si>
  <si>
    <t>GPS DERA DAD POTRAY</t>
  </si>
  <si>
    <t>Dera Dad potray</t>
  </si>
  <si>
    <t>dera dad potray  farooq abad sheikhupura</t>
  </si>
  <si>
    <t>Farooqabad gaon</t>
  </si>
  <si>
    <t>GPS DERA DAHRAN</t>
  </si>
  <si>
    <t>Dera Dahran</t>
  </si>
  <si>
    <t>Government boys primary school basti juma khan dera dehran</t>
  </si>
  <si>
    <t>Basti Juma Khan</t>
  </si>
  <si>
    <t>GPS DERA DHOLAN WALA WAN BHACHRAN</t>
  </si>
  <si>
    <t>muzafar pur</t>
  </si>
  <si>
    <t>dera dholan wala wan bhachran</t>
  </si>
  <si>
    <t>dholan wala</t>
  </si>
  <si>
    <t>muhammad mehrban ahmed</t>
  </si>
  <si>
    <t>GPS DERA DHONAN WALA</t>
  </si>
  <si>
    <t>GPS Dera Dhonan Wala Noorpur Thal Distt. Khushab</t>
  </si>
  <si>
    <t>Dera Dhonan wala</t>
  </si>
  <si>
    <t>Noor Elahi</t>
  </si>
  <si>
    <t>GPS DERA DIN MUHAMMAD</t>
  </si>
  <si>
    <t>Dera Deen Muhammad</t>
  </si>
  <si>
    <t>dera deen muhammad p.o. alipur chatha</t>
  </si>
  <si>
    <t>Muhammad Umair Ehsan</t>
  </si>
  <si>
    <t>GPS DERA DOST MOHAMMAD CHEENA</t>
  </si>
  <si>
    <t>Kahi Khurd</t>
  </si>
  <si>
    <t>GPS dost Muhammad cheena</t>
  </si>
  <si>
    <t>dera Dost Muhammad Cheena</t>
  </si>
  <si>
    <t>GPS DERA DOST MUHAMMAD DEOWAL</t>
  </si>
  <si>
    <t>Gps dera dost Muhammad Deowal Bhalwal</t>
  </si>
  <si>
    <t>Sikandar Inayat</t>
  </si>
  <si>
    <t>GPS DERA DOUNGHA</t>
  </si>
  <si>
    <t>Dera Doungha</t>
  </si>
  <si>
    <t>dera doungha p/o kot bhai khan teh shahpur dist sargodha</t>
  </si>
  <si>
    <t>GPS DERA ENDER SINGH</t>
  </si>
  <si>
    <t>Dera Ender Sing</t>
  </si>
  <si>
    <t>Dera Ender Singh  120 r.b sangla hill</t>
  </si>
  <si>
    <t>Dera Ender Singh</t>
  </si>
  <si>
    <t>Buhlair</t>
  </si>
  <si>
    <t>Jamil Sharif</t>
  </si>
  <si>
    <t>GPS DERA FAKHAR UD DIN</t>
  </si>
  <si>
    <t>Chumbar</t>
  </si>
  <si>
    <t>Faisalabad road kharianwala skp</t>
  </si>
  <si>
    <t>Dera Fakhar Dine</t>
  </si>
  <si>
    <t>GPS DERA FARID KHAIL</t>
  </si>
  <si>
    <t>Dera Freedkhel Adhikot Tehsil Noor Pur Thal District Khushab</t>
  </si>
  <si>
    <t>GPS DERA FATEH KHAN</t>
  </si>
  <si>
    <t>village and post office rahdari tehsil noor pur thal</t>
  </si>
  <si>
    <t>GPS DERA FATEH KHANWALA</t>
  </si>
  <si>
    <t>sultany wala</t>
  </si>
  <si>
    <t>Sultany Wala</t>
  </si>
  <si>
    <t>Sami Ullah  Khan</t>
  </si>
  <si>
    <t>GPS DERA FAZAL DIN</t>
  </si>
  <si>
    <t>dera Fazal Din</t>
  </si>
  <si>
    <t>Naeem Ahmad Shahzad</t>
  </si>
  <si>
    <t>GPS DERA FAZAL KA</t>
  </si>
  <si>
    <t>Dera Fazalka</t>
  </si>
  <si>
    <t>dera Fazalka</t>
  </si>
  <si>
    <t>SAIDA</t>
  </si>
  <si>
    <t>GPS DERA FAZAL WALA</t>
  </si>
  <si>
    <t>VPo chan tehsil Noor pur Thal Distt KHUSHAB</t>
  </si>
  <si>
    <t>MUNTAZAR MEHDI</t>
  </si>
  <si>
    <t>GPS DERA FEROZ HAMDI</t>
  </si>
  <si>
    <t>mohalah Meer Hamid Tiwana mitha tiwana</t>
  </si>
  <si>
    <t>GPS DERA GABULAN</t>
  </si>
  <si>
    <t>Dera Gabulan</t>
  </si>
  <si>
    <t>p/o box sardar garh tehseel nd dist rahim yar khan</t>
  </si>
  <si>
    <t>Mian Wali Shekhan</t>
  </si>
  <si>
    <t>Ghulam Ajmeri</t>
  </si>
  <si>
    <t>GPS DERA GADIAN</t>
  </si>
  <si>
    <t>DERA GADIAN</t>
  </si>
  <si>
    <t>Govt primary school basti qader abad near jandiala sher khan</t>
  </si>
  <si>
    <t>peer waris shah jandiala</t>
  </si>
  <si>
    <t>Muhammad Shahid Saddique</t>
  </si>
  <si>
    <t>GPS DERA GHULAM DISTGIR</t>
  </si>
  <si>
    <t>gps,dera ghulam dastgir, jura Sakesar, tehsil &amp; district sargodha</t>
  </si>
  <si>
    <t>GPS DERA GHULAM GHOUS</t>
  </si>
  <si>
    <t>Dera Ghulam Ghous</t>
  </si>
  <si>
    <t>Dera ghulam ghous ghang</t>
  </si>
  <si>
    <t>Zaka Ullah Khan</t>
  </si>
  <si>
    <t>GPS DERA GHULAM HAIDER</t>
  </si>
  <si>
    <t>VPO Kot Sher Muhammad Tehsil Phalia District Mandi Bahauddin</t>
  </si>
  <si>
    <t>GPS DERA GHULAM MUHAMMAD</t>
  </si>
  <si>
    <t>dera ghulam Muhammad warn</t>
  </si>
  <si>
    <t>Muhammad Rafiq Akif</t>
  </si>
  <si>
    <t>GPS DERA GHULAM RASOOL</t>
  </si>
  <si>
    <t>chak no 6 Mankera</t>
  </si>
  <si>
    <t>Dera Ghulam Rasool</t>
  </si>
  <si>
    <t>GPS DERA GHULAM SARWAR</t>
  </si>
  <si>
    <t>moza Khair pur Namaywali khushab</t>
  </si>
  <si>
    <t>Muhammd Sabir Khan</t>
  </si>
  <si>
    <t>GPS DERA GONDLAN</t>
  </si>
  <si>
    <t>Dera gondalan melowal</t>
  </si>
  <si>
    <t>Dera Gondalan</t>
  </si>
  <si>
    <t>GPS DERA GONDLAN WALA</t>
  </si>
  <si>
    <t>Govt.P/S Gondlanwala.Laalliani</t>
  </si>
  <si>
    <t>GPS DERA GUJJRAN</t>
  </si>
  <si>
    <t>Dera Gujjeran</t>
  </si>
  <si>
    <t>g p s dera gujjeran farooq abad skp</t>
  </si>
  <si>
    <t>Muhammed Iqbal</t>
  </si>
  <si>
    <t>GPS DERA GUJRAN WALA</t>
  </si>
  <si>
    <t>govt p/s dera gujranwalla</t>
  </si>
  <si>
    <t>dera gujranwalla</t>
  </si>
  <si>
    <t>noorpur rural</t>
  </si>
  <si>
    <t>GPS DERA GUL HANJRA</t>
  </si>
  <si>
    <t>GPS dera gul hanjra lilliani.</t>
  </si>
  <si>
    <t>GPS DERA GUL MUHAMMAD</t>
  </si>
  <si>
    <t>DERA Gul Muhammad MUHAMUHAMMUHAMMMUHAMMAMUHAMMAD</t>
  </si>
  <si>
    <t>mianwal ranjha</t>
  </si>
  <si>
    <t>GPS DERA GULAB SINGH</t>
  </si>
  <si>
    <t>Dera Gulab Singh</t>
  </si>
  <si>
    <t>villager Bhandoor farooq abad sheikhupura</t>
  </si>
  <si>
    <t>SALMA NOREEN</t>
  </si>
  <si>
    <t>GPS DERA GUNADHA KATHA SAGHRAL</t>
  </si>
  <si>
    <t>Dera Gunadha</t>
  </si>
  <si>
    <t>dera gunadha post office katha saghral</t>
  </si>
  <si>
    <t>Hafiz Nazar Hussain</t>
  </si>
  <si>
    <t>GPS DERA GURDAS PURIAN</t>
  </si>
  <si>
    <t>Bandokey</t>
  </si>
  <si>
    <t>GPS Dera Gurdas purian Moza Bandoky farooqabad Sheikhupura</t>
  </si>
  <si>
    <t>Dera Gurdas Purian</t>
  </si>
  <si>
    <t>MUHAMMAD NAWAZ KHAN</t>
  </si>
  <si>
    <t>GPS DERA HAITAM KHAN</t>
  </si>
  <si>
    <t>Nari Janubi Tehsil and District Khushab</t>
  </si>
  <si>
    <t>Muhammad Kamal Khan</t>
  </si>
  <si>
    <t>GPS DERA HAJI HANIF</t>
  </si>
  <si>
    <t>Dera Haji Hanif, Joharabad More, Sandral</t>
  </si>
  <si>
    <t>GPS DERA HAJI MUMTAZ KHAN WALA</t>
  </si>
  <si>
    <t>Ahmed Khan wala Mianwali</t>
  </si>
  <si>
    <t>GPS DERA HAJI SARDAR KHAN</t>
  </si>
  <si>
    <t>Dhoke Kasib</t>
  </si>
  <si>
    <t>government p/s dera  haji sardar khan</t>
  </si>
  <si>
    <t>Muhammad Ilyas Saqib</t>
  </si>
  <si>
    <t>GPS DERA HAJI WARYAM</t>
  </si>
  <si>
    <t>GPS dera haji waryam meni wala chak noor shah jhang</t>
  </si>
  <si>
    <t>Mahmood Ul Hasan</t>
  </si>
  <si>
    <t>GPS DERA HAKEEM ALI (NEW)</t>
  </si>
  <si>
    <t>CHOUBARA</t>
  </si>
  <si>
    <t>PATTI JAKHAR TEH CHOUBARA DIST LAYYAH</t>
  </si>
  <si>
    <t>PATTI JAKHAR</t>
  </si>
  <si>
    <t>GPS DERA HAMID WALA</t>
  </si>
  <si>
    <t>Borana Wala</t>
  </si>
  <si>
    <t>dera hamid wala borana wala tehsil noor pur thal khushab</t>
  </si>
  <si>
    <t>GPS DERA HASHAM KHAN</t>
  </si>
  <si>
    <t>Khamb Khurd</t>
  </si>
  <si>
    <t>Dera Hashim Khan p o khamb khurd</t>
  </si>
  <si>
    <t>GPS DERA HASSAN MUHAMMAD</t>
  </si>
  <si>
    <t>Dera Hassan Muhammad</t>
  </si>
  <si>
    <t>Dera hassan Muhammad kujjar p/o farooqabad district sheikhupura</t>
  </si>
  <si>
    <t>GPS DERA HAYAT MUHAMMAD</t>
  </si>
  <si>
    <t>Dera Hayat</t>
  </si>
  <si>
    <t>dera hayyat muhammad</t>
  </si>
  <si>
    <t>Dera Hayat Muhammad</t>
  </si>
  <si>
    <t>GPS DERA HAZRAT MOHAMMAD</t>
  </si>
  <si>
    <t>Thattha Johda</t>
  </si>
  <si>
    <t>thattha johda  hafizabad</t>
  </si>
  <si>
    <t>GPS DERA HUSSAIN ABAD</t>
  </si>
  <si>
    <t>dera hussaina bad</t>
  </si>
  <si>
    <t>dera hussaina bad teh N.virkan P/o Mari Khurd</t>
  </si>
  <si>
    <t>Zaheer Ud Din Babur</t>
  </si>
  <si>
    <t>GPS DERA ISMAIL KA</t>
  </si>
  <si>
    <t>Dera Ismail ka kotmomin</t>
  </si>
  <si>
    <t>Dera Ismail Ka</t>
  </si>
  <si>
    <t>GPS DERA ISMAIL KHAN</t>
  </si>
  <si>
    <t>Teh&amp;Distt,M.B.DIN V&amp;P.O Nain Ranjha</t>
  </si>
  <si>
    <t>Muhammad Azmat</t>
  </si>
  <si>
    <t>GPS DERA JALANDRIAN</t>
  </si>
  <si>
    <t>Dera Jalandrian Teh / Dis Sheikhupura</t>
  </si>
  <si>
    <t>Dera Jalandrian</t>
  </si>
  <si>
    <t>Abdul  Hameed</t>
  </si>
  <si>
    <t>GPS DERA JALKIAL</t>
  </si>
  <si>
    <t>Dera julkial post office Nalli distt khushab</t>
  </si>
  <si>
    <t>Dera Julkial</t>
  </si>
  <si>
    <t>GPS DERA JAM WALA</t>
  </si>
  <si>
    <t>Dera Jam wala Tehsil Mankera district Bhakkar</t>
  </si>
  <si>
    <t>Dera Jam wala</t>
  </si>
  <si>
    <t>GPS DERA JAMKE BHATTIAN</t>
  </si>
  <si>
    <t>Dera Jamke Bhattian</t>
  </si>
  <si>
    <t>Dera Jamke Bhattian, Muridkr</t>
  </si>
  <si>
    <t>Zulfiqar Ali Bhatti</t>
  </si>
  <si>
    <t>GPS DERA JAMMU (CHAK GUJRAN KHURD)</t>
  </si>
  <si>
    <t>Dera Jammu</t>
  </si>
  <si>
    <t>dera jammu</t>
  </si>
  <si>
    <t>Qamar Ijaz</t>
  </si>
  <si>
    <t>GPS DERA JAMON KASHMIR JHAM WALA</t>
  </si>
  <si>
    <t>Dera Jammun Jhamwala</t>
  </si>
  <si>
    <t>G.P.S dera jammun jhamwa</t>
  </si>
  <si>
    <t>Aamir Ihsan</t>
  </si>
  <si>
    <t>GPS DERA JAMUN WALA (BABBAR)</t>
  </si>
  <si>
    <t>dera jamu wala Babbar teh. Nowshra virkan</t>
  </si>
  <si>
    <t>Dera Jamu Wala</t>
  </si>
  <si>
    <t>GPS DERA JATTAN</t>
  </si>
  <si>
    <t>Sardarabad maoza Rum u/c khan bela, Liaqatpur Rahim yar khan</t>
  </si>
  <si>
    <t>Dera Jattan</t>
  </si>
  <si>
    <t>Khan bela</t>
  </si>
  <si>
    <t>GPS DERA KAKKIAN</t>
  </si>
  <si>
    <t>Dera Kakkian</t>
  </si>
  <si>
    <t>dera kakkian</t>
  </si>
  <si>
    <t>GPS DERA KALANDRAN</t>
  </si>
  <si>
    <t>Dera Kalandran</t>
  </si>
  <si>
    <t>dera qalandran</t>
  </si>
  <si>
    <t>GPS DERA KALWAL</t>
  </si>
  <si>
    <t>Dera khidral</t>
  </si>
  <si>
    <t>GPS DERA KAMONKEY</t>
  </si>
  <si>
    <t>Dera Kamonkey</t>
  </si>
  <si>
    <t>Dera kamonkey</t>
  </si>
  <si>
    <t>Dera Kamonkay</t>
  </si>
  <si>
    <t>Bushra Ashraf</t>
  </si>
  <si>
    <t>GPS DERA KANDAN</t>
  </si>
  <si>
    <t>Dera kandan</t>
  </si>
  <si>
    <t>dera kandan</t>
  </si>
  <si>
    <t>GPS DERA KANJU WALA</t>
  </si>
  <si>
    <t>GPS Dera Kanju VPO Biland  Teh Noorpur thal Khushab</t>
  </si>
  <si>
    <t>GPS DERA KARE WALA</t>
  </si>
  <si>
    <t>gps dera kairwala jhabbran mandi ,sheikhupura</t>
  </si>
  <si>
    <t>GPS DERA KARITA BUTT</t>
  </si>
  <si>
    <t>Dera  KARITA Jamali tehsil Noor Pur</t>
  </si>
  <si>
    <t>Dera  KARITA Butt</t>
  </si>
  <si>
    <t>GPS DERA KARMANA BHAKAR</t>
  </si>
  <si>
    <t>Govt. p/S Dera Karmana Bakhar</t>
  </si>
  <si>
    <t>Saif Ahmad</t>
  </si>
  <si>
    <t>GPS DERA KATU ANA</t>
  </si>
  <si>
    <t>kalokey</t>
  </si>
  <si>
    <t>GPS dera katu ana kalokey</t>
  </si>
  <si>
    <t>katu ana</t>
  </si>
  <si>
    <t>GPS DERA KHATANA</t>
  </si>
  <si>
    <t>Darya Khatana</t>
  </si>
  <si>
    <t>darya khtan p/o mongowal garbi gujrat</t>
  </si>
  <si>
    <t>GPS DERA KHEWAN WALA</t>
  </si>
  <si>
    <t>dera khewan p/o mirza virkan</t>
  </si>
  <si>
    <t>Dera Khewan Wala</t>
  </si>
  <si>
    <t>Muhammad Aflatoon</t>
  </si>
  <si>
    <t>GPS DERA KHIZAR HAYAT</t>
  </si>
  <si>
    <t>GPS Dera Khizar Hayat village and postoffice Rajar</t>
  </si>
  <si>
    <t>Imtaiaz Hussain Shah</t>
  </si>
  <si>
    <t>GPS DERA KHOSA BASTI KHAROR</t>
  </si>
  <si>
    <t>Basti kharor sardar pur</t>
  </si>
  <si>
    <t>Basti kharor</t>
  </si>
  <si>
    <t>GPS DERA KHUDA BAKHSH MARDWAL</t>
  </si>
  <si>
    <t>dhok bhaloth vpo mardwal teh noshehra distt khushab</t>
  </si>
  <si>
    <t>Dhok Bhaloth</t>
  </si>
  <si>
    <t>GPS DERA KHUDA YAR RATIAL</t>
  </si>
  <si>
    <t>Dera Khuda Yar Ratyal ,Punja Sharif</t>
  </si>
  <si>
    <t>Mitha Tiwana Janubu</t>
  </si>
  <si>
    <t>GPS DERA KORAY KHAN</t>
  </si>
  <si>
    <t>Rampur 3</t>
  </si>
  <si>
    <t>rampur 3</t>
  </si>
  <si>
    <t>ALLAH RAKKHA</t>
  </si>
  <si>
    <t>GPS DERA KULIAN</t>
  </si>
  <si>
    <t>Dera Kulian</t>
  </si>
  <si>
    <t>dera kulian tehsil and district gujranwala</t>
  </si>
  <si>
    <t>Rameez Hassan</t>
  </si>
  <si>
    <t>GPS DERA LAL KHAN</t>
  </si>
  <si>
    <t>Dera Lal Khan Adhi Kot</t>
  </si>
  <si>
    <t>Shafiq Ul Islam</t>
  </si>
  <si>
    <t>GPS DERA LALOO WARCHA</t>
  </si>
  <si>
    <t>G P/s Dera Laloo Warcha</t>
  </si>
  <si>
    <t>Muhammad Wazir Khan</t>
  </si>
  <si>
    <t>GPS DERA LUNDA</t>
  </si>
  <si>
    <t>dera lunda moazzamabad</t>
  </si>
  <si>
    <t>Dera Lunda</t>
  </si>
  <si>
    <t>GPS DERA LUNDOO</t>
  </si>
  <si>
    <t>GPS Dera Lundoo</t>
  </si>
  <si>
    <t>Dera Lundoo</t>
  </si>
  <si>
    <t>Muhammad Ihsan Khalid Jahangir</t>
  </si>
  <si>
    <t>GPS DERA LURKA</t>
  </si>
  <si>
    <t>Bandial Shumali</t>
  </si>
  <si>
    <t>bandial shumali dera lurka</t>
  </si>
  <si>
    <t>Dera Lurka</t>
  </si>
  <si>
    <t>Sher Ahmad</t>
  </si>
  <si>
    <t>GPS DERA MADAT KHELAN WALA</t>
  </si>
  <si>
    <t>Madat Wala</t>
  </si>
  <si>
    <t>Madat Khelanwala, P. O  Trag, Mianwali</t>
  </si>
  <si>
    <t>Madat Khelanwala</t>
  </si>
  <si>
    <t>GPS DERA MAGHRAN</t>
  </si>
  <si>
    <t>Madharay</t>
  </si>
  <si>
    <t>GPS Dera Maghran VILL.Madharay  P.O Dhaul Teh.Phalia M.B.DIN.</t>
  </si>
  <si>
    <t>Dera Maghran</t>
  </si>
  <si>
    <t>Dhaul</t>
  </si>
  <si>
    <t>GPS DERA MAKHANA</t>
  </si>
  <si>
    <t>Dera makhanawala jaswal</t>
  </si>
  <si>
    <t>Nouman Sarwar</t>
  </si>
  <si>
    <t>GPS DERA MALIK MANZOOR</t>
  </si>
  <si>
    <t>Kot faqira</t>
  </si>
  <si>
    <t>Basti bari moza kot faqira dakhana muhammed pur lamma, tehsil sadik abad</t>
  </si>
  <si>
    <t>Basti bari</t>
  </si>
  <si>
    <t>Muhammed pur Lamma</t>
  </si>
  <si>
    <t>Asif Shabbir</t>
  </si>
  <si>
    <t>GPS DERA MALIK PAHELWAN WALA</t>
  </si>
  <si>
    <t>Jandanwala Wala</t>
  </si>
  <si>
    <t>DERA  MALIK PEHLWAN WALA</t>
  </si>
  <si>
    <t>DERA MALIK PEHLWAN WALA</t>
  </si>
  <si>
    <t>GPS DERA MALLIAN WALLA</t>
  </si>
  <si>
    <t>Mallain Wala</t>
  </si>
  <si>
    <t>GPS Dera Mallain Wala Farooq Abad</t>
  </si>
  <si>
    <t>Dera Mallain Wala</t>
  </si>
  <si>
    <t>GPS DERA MANGAL WALA</t>
  </si>
  <si>
    <t>Dera Mangal Dera Dera MangalWala</t>
  </si>
  <si>
    <t>dera mangal wala teh noshehra virkan p/o muraliwala district gujranwala</t>
  </si>
  <si>
    <t>Dera Mangal Wala</t>
  </si>
  <si>
    <t>Murali Wala</t>
  </si>
  <si>
    <t>GPS DERA MANGLI</t>
  </si>
  <si>
    <t>dera mangli ,bhaseen ,p/o bata pur lahore</t>
  </si>
  <si>
    <t>Dera Mangli</t>
  </si>
  <si>
    <t>Azzam Iqbal</t>
  </si>
  <si>
    <t>GPS DERA MASOOR</t>
  </si>
  <si>
    <t>Gps dera masoor basti naseeba bad dera dildar</t>
  </si>
  <si>
    <t>Nasseba bad</t>
  </si>
  <si>
    <t>Meero khan</t>
  </si>
  <si>
    <t>GPS DERA MASTI</t>
  </si>
  <si>
    <t>Deramasti</t>
  </si>
  <si>
    <t>Basti dera masti Markez Deramasti</t>
  </si>
  <si>
    <t>GHAREEBABAD</t>
  </si>
  <si>
    <t>Salamat Ali</t>
  </si>
  <si>
    <t>GPS DERA MEHMAND KHAN</t>
  </si>
  <si>
    <t>THATTI NOOR</t>
  </si>
  <si>
    <t>GPS DERA MEHMAND KHAN THATTI NOOR</t>
  </si>
  <si>
    <t>GPS DERA MEHRAY WALA JASWAL</t>
  </si>
  <si>
    <t>GPS Dera Mehray Wala</t>
  </si>
  <si>
    <t>Muhammad Irfan Azam</t>
  </si>
  <si>
    <t>GPS DERA MEHROU</t>
  </si>
  <si>
    <t>Deera Mehrou</t>
  </si>
  <si>
    <t>raheem kali massa kotha tehsil kehror pecca disst lodhran</t>
  </si>
  <si>
    <t>Raheem Kali</t>
  </si>
  <si>
    <t>GPS DERA MERMANA</t>
  </si>
  <si>
    <t>Gps dera marmana kot raja teh, kot momman dis,sargodha</t>
  </si>
  <si>
    <t>Dera Marmana</t>
  </si>
  <si>
    <t>GPS DERA MIAN BASHIR</t>
  </si>
  <si>
    <t>nawankot tehsil choubara distt.layyah</t>
  </si>
  <si>
    <t>GPS DERA MIAN KHAN TALOKAR</t>
  </si>
  <si>
    <t>Talokar Janobi</t>
  </si>
  <si>
    <t>Post office kurar village Talokar 03075265149</t>
  </si>
  <si>
    <t>GPS DERA MIAN NASEER-UD-DIN</t>
  </si>
  <si>
    <t>Dera Mian Nassir Ud Din</t>
  </si>
  <si>
    <t>dhoke nasir ud din Lilla Bhera P O LILLA TOWN TEHSIL PIND DADAN KHAN DISTRICT Jhelum</t>
  </si>
  <si>
    <t>GPS DERA MIAN SHER</t>
  </si>
  <si>
    <t>dera mian sher lilhani</t>
  </si>
  <si>
    <t>Lilliani Dera Jat</t>
  </si>
  <si>
    <t>Rural Lilhani</t>
  </si>
  <si>
    <t>Zulafqar Hussain</t>
  </si>
  <si>
    <t>GPS DERA MISHRI</t>
  </si>
  <si>
    <t>gps dera misri</t>
  </si>
  <si>
    <t>GPS DERA MITT SINGH</t>
  </si>
  <si>
    <t>dera mitt singh</t>
  </si>
  <si>
    <t>GPS DERA MITT SINGH LAGAR</t>
  </si>
  <si>
    <t>Usman Ghani</t>
  </si>
  <si>
    <t>GPS DERA MOHABBAT WALA</t>
  </si>
  <si>
    <t>Rakh H Abad</t>
  </si>
  <si>
    <t>Chak No 1 Rakh Haider Abad Thall Distt Bhakkar</t>
  </si>
  <si>
    <t>Dera Mohabat Wala</t>
  </si>
  <si>
    <t>Syed Musarat Abbas Shaheen</t>
  </si>
  <si>
    <t>GPS DERA MOHAMMAD NAWAZ KHAN WALA</t>
  </si>
  <si>
    <t>Pai Khel Pacca</t>
  </si>
  <si>
    <t>Deera Muhammad Nawaz Khan Wala , Pai Khel</t>
  </si>
  <si>
    <t>GPS DERA MOLADAD</t>
  </si>
  <si>
    <t>Hamoka More  .Dera Mola Dad .</t>
  </si>
  <si>
    <t>Dera Mola Dad</t>
  </si>
  <si>
    <t>GPS DERA MOULVI HUSSAIN ALI WALA</t>
  </si>
  <si>
    <t>Wain Bahcharan Shumali</t>
  </si>
  <si>
    <t>dera moulvi hussain ali wala</t>
  </si>
  <si>
    <t>Dera  Moulvi Hussain Ali Wala</t>
  </si>
  <si>
    <t>Muhammad Taj</t>
  </si>
  <si>
    <t>GPS DERA MUHAMMAD AKBAR KHAN SAMEEN WALA</t>
  </si>
  <si>
    <t>Jandan Wala</t>
  </si>
  <si>
    <t>GPS DERA MUHAMMAD AKRAM</t>
  </si>
  <si>
    <t>Chote Dheeran</t>
  </si>
  <si>
    <t>GPS DERA MUHAMMAD ALI</t>
  </si>
  <si>
    <t>Gps Dera Muhammad ali</t>
  </si>
  <si>
    <t>Kamran Naseem</t>
  </si>
  <si>
    <t>GPS DERA MUHAMMAD ASHRAF, PINDI RAWAN</t>
  </si>
  <si>
    <t>Dera M.Ashraf Pindi Rawan</t>
  </si>
  <si>
    <t>Atif Sultan</t>
  </si>
  <si>
    <t>GPS DERA MUHAMMAD BAKSH</t>
  </si>
  <si>
    <t>dera muhammad baksh bashamula mirza virka</t>
  </si>
  <si>
    <t>Dera muhammad baksh</t>
  </si>
  <si>
    <t>mirza virka</t>
  </si>
  <si>
    <t>usman younas</t>
  </si>
  <si>
    <t>GPS DERA MUHAMMAD BOOTA</t>
  </si>
  <si>
    <t>Dera Muhammad Boota</t>
  </si>
  <si>
    <t>Zafar Iqbal Hasrat</t>
  </si>
  <si>
    <t>GPS DERA MUHAMMAD HANIF</t>
  </si>
  <si>
    <t>Gps dera Muhammad  hanif pathana Wala noorpur thal</t>
  </si>
  <si>
    <t>Dera pathana Wala</t>
  </si>
  <si>
    <t>GPS DERA MUHAMMAD HUSSAIN WALA</t>
  </si>
  <si>
    <t>Tinda Thall</t>
  </si>
  <si>
    <t>DHUDI HEAD # 212 TEHSIL KALLUR KOT BHAKKAR</t>
  </si>
  <si>
    <t>Dhudi Head</t>
  </si>
  <si>
    <t>MUHAMMAD  MUMTAZ SAJID</t>
  </si>
  <si>
    <t>GPS DERA MUHAMMAD NAWAZ</t>
  </si>
  <si>
    <t>Khaliqabad</t>
  </si>
  <si>
    <t>gps dera m nawaz</t>
  </si>
  <si>
    <t>Usama Mustafa</t>
  </si>
  <si>
    <t>GPS DERA MUHAMMAD SIDDIQUE</t>
  </si>
  <si>
    <t>village/post office sandral tehsil/district khushab</t>
  </si>
  <si>
    <t>GPS DERA MUHAMMAD YAR</t>
  </si>
  <si>
    <t>gps Dera Muhammad Yar, Salam, tehsil Bhalwal, Sargodha</t>
  </si>
  <si>
    <t>GPS DERA MUHAMMAD YAR KA</t>
  </si>
  <si>
    <t>Mustafabad Mateela Tehsil Kot moman</t>
  </si>
  <si>
    <t>Mustafabad Mateela</t>
  </si>
  <si>
    <t>GPS DERA MUMTAZ HUSSAIN</t>
  </si>
  <si>
    <t>p/o Dhingana mankera  Bhakkar</t>
  </si>
  <si>
    <t>Deramumtazhussein</t>
  </si>
  <si>
    <t>GPS DERA MURAD ABAD</t>
  </si>
  <si>
    <t>vpo pandowal bala teh and dist m.b.din</t>
  </si>
  <si>
    <t>GPS DERA MURED KHAN</t>
  </si>
  <si>
    <t>JHABBRAN</t>
  </si>
  <si>
    <t>DERA MUREED KHAN TEHSIL AND DISTRICT SHEIKHUPURA</t>
  </si>
  <si>
    <t>DERA MUREED KHAN</t>
  </si>
  <si>
    <t>GPS DERA MUZAFFAR ALI</t>
  </si>
  <si>
    <t>gps dera muzafir ali bucha kalan kot momin east 2</t>
  </si>
  <si>
    <t>GPS DERA MUZAFFAR WALA</t>
  </si>
  <si>
    <t>Dera Muzaffar Ghanjera Taala</t>
  </si>
  <si>
    <t>Tala</t>
  </si>
  <si>
    <t>GPS DERA NABU</t>
  </si>
  <si>
    <t>Dera Nabu Uc Dhori</t>
  </si>
  <si>
    <t>GPS DERA NADIR SHAH</t>
  </si>
  <si>
    <t>Dera Nadir Shah</t>
  </si>
  <si>
    <t>GPS Dera Nadir Shah tehsil Pindi Bhattian</t>
  </si>
  <si>
    <t>Muhammad Atiq Ul  Rehman</t>
  </si>
  <si>
    <t>GPS DERA NALIAN</t>
  </si>
  <si>
    <t>GPS dera nalian</t>
  </si>
  <si>
    <t>Dera Naliyan</t>
  </si>
  <si>
    <t>Makii 460</t>
  </si>
  <si>
    <t>GPS DERA NARIAN WALA</t>
  </si>
  <si>
    <t>Dera Narian Wala</t>
  </si>
  <si>
    <t>dera narin wala manawala road farooqabad</t>
  </si>
  <si>
    <t>Dera Narin Wala</t>
  </si>
  <si>
    <t>Makki</t>
  </si>
  <si>
    <t>GPS DERA NASEER DIN</t>
  </si>
  <si>
    <t>Waran</t>
  </si>
  <si>
    <t>Dera Naseer Din, village Waran, Sheikhupura</t>
  </si>
  <si>
    <t>Muhammad Abbas Bhatti</t>
  </si>
  <si>
    <t>GPS DERA NAWAB</t>
  </si>
  <si>
    <t>Kurana Janobi</t>
  </si>
  <si>
    <t>link road near sufi more moza kurana Janobi</t>
  </si>
  <si>
    <t>Dera Hawaldar</t>
  </si>
  <si>
    <t>Shiekh Chuhar</t>
  </si>
  <si>
    <t>GPS DERA NAWAB KALOO</t>
  </si>
  <si>
    <t>GPS Dera Nawab Khail VPO Biland  Nurpur Thal Khushab</t>
  </si>
  <si>
    <t>Dera Nawab Khail Biland</t>
  </si>
  <si>
    <t>Muhammad Naseer Shahid</t>
  </si>
  <si>
    <t>GPS DERA NAWAB SAHIB</t>
  </si>
  <si>
    <t>Dera nawab sahib</t>
  </si>
  <si>
    <t>dera nawab sahib chakrala tehsil shahpur district sargodha</t>
  </si>
  <si>
    <t>Muhammad Hussain Mavia</t>
  </si>
  <si>
    <t>GPS DERA NAZIR ABAD</t>
  </si>
  <si>
    <t>Govt Primary School Dera Nazir Abad Chak no 2 RH Tehsil Mankera District Bhakkar</t>
  </si>
  <si>
    <t>Chak No 2RH</t>
  </si>
  <si>
    <t>Mahboob Ali</t>
  </si>
  <si>
    <t>GPS DERA NIGAH</t>
  </si>
  <si>
    <t>Dera Nigah</t>
  </si>
  <si>
    <t>Sucha Soda Gaon</t>
  </si>
  <si>
    <t>GPS DERA NISOWANA</t>
  </si>
  <si>
    <t>dera nissowana</t>
  </si>
  <si>
    <t>GPS DERA NOOR DIN</t>
  </si>
  <si>
    <t>Dera Noor Din</t>
  </si>
  <si>
    <t>Dera Noor Din farooq Abad</t>
  </si>
  <si>
    <t>GPS DERA NOOR MOHAMMAD WALA</t>
  </si>
  <si>
    <t>JANDAN WALA</t>
  </si>
  <si>
    <t>GPS DERA NOOR MUHAMMAD WALA</t>
  </si>
  <si>
    <t>Dera Noora Muhammad Wala</t>
  </si>
  <si>
    <t>NOORA</t>
  </si>
  <si>
    <t>GPS DERA NOOR MUHAMMAD</t>
  </si>
  <si>
    <t>GPS Dera Noor Muhammad</t>
  </si>
  <si>
    <t>Dear Noor Muhammad</t>
  </si>
  <si>
    <t>GPS DERA NOORAY KHAIL SHIMAR</t>
  </si>
  <si>
    <t>Gunjial Jnubi</t>
  </si>
  <si>
    <t>Shemar QBD khushab</t>
  </si>
  <si>
    <t>Shemar Qaid</t>
  </si>
  <si>
    <t>GPS DERA PAHORAN WALA</t>
  </si>
  <si>
    <t>gps Pahoran wala Noorpur Thal khushab</t>
  </si>
  <si>
    <t>Dera Pahoran wala</t>
  </si>
  <si>
    <t>GPS DERA PHULRAN</t>
  </si>
  <si>
    <t>Dera Phulran</t>
  </si>
  <si>
    <t>Gps Dera phuran jugian</t>
  </si>
  <si>
    <t>Deouri</t>
  </si>
  <si>
    <t>Muhammad Toheed khan</t>
  </si>
  <si>
    <t>GPS DERA PIR MANADYNA</t>
  </si>
  <si>
    <t>Pirmandyana</t>
  </si>
  <si>
    <t>GPS pirmandyan bhasin bata pur lahore</t>
  </si>
  <si>
    <t>Pir Mandyana</t>
  </si>
  <si>
    <t>GPS DERA QADEEM</t>
  </si>
  <si>
    <t>Dera qadeem</t>
  </si>
  <si>
    <t>Dera Qadeem</t>
  </si>
  <si>
    <t>Ders Jara</t>
  </si>
  <si>
    <t>GPS DERA QASOO</t>
  </si>
  <si>
    <t>Bucha  Kalan</t>
  </si>
  <si>
    <t>GPS  Dera Qasso,Tehsil Kotmomin District Sargodha</t>
  </si>
  <si>
    <t>Babar Naveed</t>
  </si>
  <si>
    <t>GPS DERA RABBANI WALA</t>
  </si>
  <si>
    <t>GPS Dera Rabbani wala</t>
  </si>
  <si>
    <t>GPS DERA RAFIQUE PATWARI</t>
  </si>
  <si>
    <t>Dera Rafique Patwari</t>
  </si>
  <si>
    <t>Dera Rafique Patwari, Nangal Dunna Singh</t>
  </si>
  <si>
    <t>GPS DERA RAHIMIA</t>
  </si>
  <si>
    <t>Saidoana</t>
  </si>
  <si>
    <t>Dera Rahimia,Dakhli Badla, Chak Saidoana Sargodha</t>
  </si>
  <si>
    <t>Khubaib Jabbar Shaker</t>
  </si>
  <si>
    <t>GPS DERA RAJA JURA</t>
  </si>
  <si>
    <t>Jura sakesar</t>
  </si>
  <si>
    <t>Rata pind colony dera raja jura jura sakesar</t>
  </si>
  <si>
    <t>Rata Pind Colony Dera Raja jura</t>
  </si>
  <si>
    <t>Jura Sakesar Bar</t>
  </si>
  <si>
    <t>Muhammed Saleem Usman</t>
  </si>
  <si>
    <t>GPS DERA RAJPUTAN</t>
  </si>
  <si>
    <t>sikanderabad</t>
  </si>
  <si>
    <t>Adnan Ahmad Khan</t>
  </si>
  <si>
    <t>GPS DERA RAJU HASNEE</t>
  </si>
  <si>
    <t>Haveli balikram tehsil kotmomin district sargodha</t>
  </si>
  <si>
    <t>Haveli Balikram</t>
  </si>
  <si>
    <t>GPS DERA RAMTANA</t>
  </si>
  <si>
    <t>Dera Ramtana</t>
  </si>
  <si>
    <t>village dera ramtana post office noor Jamal shumali</t>
  </si>
  <si>
    <t>Sandhawala  Wala</t>
  </si>
  <si>
    <t>Jamshaid Inayat Zia</t>
  </si>
  <si>
    <t>GPS DERA RANGLA</t>
  </si>
  <si>
    <t>gps dera rangla lilliani</t>
  </si>
  <si>
    <t>GPS DERA RANJIAN WALA</t>
  </si>
  <si>
    <t>Moazzam abad</t>
  </si>
  <si>
    <t>Moazzam abad Tehsil kotmomin district sargodha</t>
  </si>
  <si>
    <t>Ghulam Sarwar Qais</t>
  </si>
  <si>
    <t>GPS DERA RASHID KHAN</t>
  </si>
  <si>
    <t>Dera Rasheed Khan</t>
  </si>
  <si>
    <t>GPS Dera Rasheed Khan</t>
  </si>
  <si>
    <t>Kakar Gil</t>
  </si>
  <si>
    <t>ABDUR UR REHMAN</t>
  </si>
  <si>
    <t>GPS DERA RAWAN</t>
  </si>
  <si>
    <t>near dera rawan salam</t>
  </si>
  <si>
    <t>Hasnain Iqbal</t>
  </si>
  <si>
    <t>GPS DERA REHMAN WALA</t>
  </si>
  <si>
    <t>GBPS Rehman wala</t>
  </si>
  <si>
    <t>GPS DERA RORAN WALA</t>
  </si>
  <si>
    <t>Roran Wala</t>
  </si>
  <si>
    <t>Dera Roran Wala</t>
  </si>
  <si>
    <t>Naeem Abdullah</t>
  </si>
  <si>
    <t>GPS DERA RORAN WALA RASUL NAGAR</t>
  </si>
  <si>
    <t>Dera roran Wala post office rasool nagar Tehsil.wazirabad</t>
  </si>
  <si>
    <t>GPS DERA RUB NAWAZ</t>
  </si>
  <si>
    <t>Kashmirian Wala</t>
  </si>
  <si>
    <t>Dera Rub Nawaz Shahpur</t>
  </si>
  <si>
    <t>Dera Rub Nawaz</t>
  </si>
  <si>
    <t>SAQIB NAVEED</t>
  </si>
  <si>
    <t>GPS DERA SAICH</t>
  </si>
  <si>
    <t>gps dera saich</t>
  </si>
  <si>
    <t>gps dera saich Nowshera virkan Gujranwala</t>
  </si>
  <si>
    <t>dera saich</t>
  </si>
  <si>
    <t>muhammad Irshad</t>
  </si>
  <si>
    <t>GPS DERA SALEH FAQIR</t>
  </si>
  <si>
    <t>Chak No 137/p</t>
  </si>
  <si>
    <t>Chak no 137/p dera saleh faqir</t>
  </si>
  <si>
    <t>chak No 139/p</t>
  </si>
  <si>
    <t>Iqra Yousaf</t>
  </si>
  <si>
    <t>GPS DERA SALEH MUHAMMAD</t>
  </si>
  <si>
    <t>Dera Saleh Muhammad</t>
  </si>
  <si>
    <t>Tasawar Iqbal</t>
  </si>
  <si>
    <t>GPS DERA SALEHON MOHAMMAD</t>
  </si>
  <si>
    <t>Dera Salehon Muhammad Chak no 2 Tehsil Pindi Bhattian</t>
  </si>
  <si>
    <t>Dera Salehon Muhammad</t>
  </si>
  <si>
    <t>Chaman Abbas</t>
  </si>
  <si>
    <t>GPS DERA SANGRANA</t>
  </si>
  <si>
    <t>Dodah</t>
  </si>
  <si>
    <t>Dodah Tehsil kotmoman dist Sargodha</t>
  </si>
  <si>
    <t>Nalka Masjid</t>
  </si>
  <si>
    <t>Faisal Nazir</t>
  </si>
  <si>
    <t>GPS DERA SARDAR KHAN MAHIL</t>
  </si>
  <si>
    <t>GPS sardar Mahal</t>
  </si>
  <si>
    <t>Sardar Mahal</t>
  </si>
  <si>
    <t>Muhammad Najeeb Ur Rehman</t>
  </si>
  <si>
    <t>GPS DERA SARDARA</t>
  </si>
  <si>
    <t>GPS dera sardara</t>
  </si>
  <si>
    <t>Dera Sardara</t>
  </si>
  <si>
    <t>M C Kotmomin</t>
  </si>
  <si>
    <t>Muhammad Zain Ul Abideen</t>
  </si>
  <si>
    <t>GPS DERA SAROO ANA</t>
  </si>
  <si>
    <t>Dera Saroo Ana</t>
  </si>
  <si>
    <t>MC Kot Momin</t>
  </si>
  <si>
    <t>aziz-ur-rahman</t>
  </si>
  <si>
    <t>GPS DERA SARWAR</t>
  </si>
  <si>
    <t>Uc gada nar basti muhammad murad tehsil rojhan disst rajan pur</t>
  </si>
  <si>
    <t>Basti Muhammad Murad</t>
  </si>
  <si>
    <t>Muhammad Ramzan Saqib</t>
  </si>
  <si>
    <t>GPS DERA SHAH MUHAMMAD WALA</t>
  </si>
  <si>
    <t>4 db</t>
  </si>
  <si>
    <t>dera shah muhammad wala tehsil piplan dist mianwali</t>
  </si>
  <si>
    <t>chak no 4 db</t>
  </si>
  <si>
    <t>waqas moin shah</t>
  </si>
  <si>
    <t>GPS DERA SHAHAN DA</t>
  </si>
  <si>
    <t>Dera Shahan</t>
  </si>
  <si>
    <t>GPS DERA SHAKRA DHAKLI</t>
  </si>
  <si>
    <t>dera shakru laluwali wali</t>
  </si>
  <si>
    <t>Laluwali Wali</t>
  </si>
  <si>
    <t>GPS DERA SHAMIR JHUNJ</t>
  </si>
  <si>
    <t>Soha Jhunj</t>
  </si>
  <si>
    <t>Dera shamir jhunj moza soha jhunj p.o chack no 55/d.b tehsil kaloor kot disst bhakkar</t>
  </si>
  <si>
    <t>Dera Shamir Jhunj</t>
  </si>
  <si>
    <t>Chack No 63/db</t>
  </si>
  <si>
    <t>GPS DERA SHARIF WARN SKP</t>
  </si>
  <si>
    <t>Dera Sharif</t>
  </si>
  <si>
    <t>Dera Sharif Warn</t>
  </si>
  <si>
    <t>GPS DERA SHEIKH GHULAM RASOOL</t>
  </si>
  <si>
    <t>Dera Sheikh Ghulam Rasool rang Pur Baghoor</t>
  </si>
  <si>
    <t>GPS DERA SHER MUHAMMAD WALA</t>
  </si>
  <si>
    <t>Uttra South teh_quaid District KHUSHAB</t>
  </si>
  <si>
    <t>Uttra Janoobi</t>
  </si>
  <si>
    <t>GPS DERA SHIANWALA</t>
  </si>
  <si>
    <t>gps dera shianawala</t>
  </si>
  <si>
    <t>Dera Shianawala</t>
  </si>
  <si>
    <t>Muhammad Tanzeel Ur Rehman</t>
  </si>
  <si>
    <t>GPS DERA SIPRAWAN</t>
  </si>
  <si>
    <t>faiznawazgondal@gmail.com</t>
  </si>
  <si>
    <t>Faiz Nawaz</t>
  </si>
  <si>
    <t>GPS DERA SIYAL WALA</t>
  </si>
  <si>
    <t>chah dera siyal Wala choubara</t>
  </si>
  <si>
    <t>Dera Siyal Wala</t>
  </si>
  <si>
    <t>GPS DERA SOIAN</t>
  </si>
  <si>
    <t>dera soian p/o box kharianwala</t>
  </si>
  <si>
    <t>GPS DERA SONA KHAN</t>
  </si>
  <si>
    <t>dera sona khan jharkil khushab</t>
  </si>
  <si>
    <t>GPS DERA SUBIDARAN</t>
  </si>
  <si>
    <t>Dera Sobidaran</t>
  </si>
  <si>
    <t>GPS DERA SUFI GHULAM MUHAMMAD</t>
  </si>
  <si>
    <t>Chak 40-B/TDA</t>
  </si>
  <si>
    <t>Dera Awana Wala chak 40-B/TDA Bhakkar</t>
  </si>
  <si>
    <t>Dera Awana Wala</t>
  </si>
  <si>
    <t>GPS DERA SULEMAN</t>
  </si>
  <si>
    <t>Waha Kahna</t>
  </si>
  <si>
    <t>Dera Suleman, Chak #112/p,</t>
  </si>
  <si>
    <t>112/P</t>
  </si>
  <si>
    <t>Arshad Iqbal</t>
  </si>
  <si>
    <t>GPS DERA SULEMAN BIJAR</t>
  </si>
  <si>
    <t>p/o bijar teh&amp;distt khushab</t>
  </si>
  <si>
    <t>GPS DERA SUNJAN SINGH</t>
  </si>
  <si>
    <t>Pakka Dera Near Istaqlalabad Colony Sargodha</t>
  </si>
  <si>
    <t>Istaqlalabad Colony</t>
  </si>
  <si>
    <t>GPS DERA TAHLI WALA</t>
  </si>
  <si>
    <t>Rehmat Colony Sadhoke</t>
  </si>
  <si>
    <t>GPS DERA TAJ DIN</t>
  </si>
  <si>
    <t>Dera Taj Din</t>
  </si>
  <si>
    <t>GPS DERA TAJ DIN SAHNA MBDIN</t>
  </si>
  <si>
    <t>Farhat Nasim</t>
  </si>
  <si>
    <t>GPS DERA TARKHANA</t>
  </si>
  <si>
    <t>Dera Tarkhana p.o said a Sharif tehsil phalia district mbdin</t>
  </si>
  <si>
    <t>Dera Tarkhana</t>
  </si>
  <si>
    <t>GPS DERA TARNANA</t>
  </si>
  <si>
    <t>Dera tarnana</t>
  </si>
  <si>
    <t>dera tarnana bhikhi sharif</t>
  </si>
  <si>
    <t>GPS DERA TIRKHANAN WALA</t>
  </si>
  <si>
    <t>53 Mb</t>
  </si>
  <si>
    <t>Dera Tirkhanan wala</t>
  </si>
  <si>
    <t>51 Mb</t>
  </si>
  <si>
    <t>Mumtaz Raja</t>
  </si>
  <si>
    <t>GPS DERA TIWANA WALA</t>
  </si>
  <si>
    <t>post office bijar tehsil/district khushab.</t>
  </si>
  <si>
    <t>GPS DERA TOPIAN</t>
  </si>
  <si>
    <t>Dera Topian, Chailianwala</t>
  </si>
  <si>
    <t>MUHAMMAD AMIR SHOAIB</t>
  </si>
  <si>
    <t>GPS DERA TOPREE</t>
  </si>
  <si>
    <t>Dera Topree</t>
  </si>
  <si>
    <t>dera topree</t>
  </si>
  <si>
    <t>GPS DERA TUFAIL</t>
  </si>
  <si>
    <t>Chak 8 Ucc</t>
  </si>
  <si>
    <t>GPS dera tufail</t>
  </si>
  <si>
    <t>Dera Tufail</t>
  </si>
  <si>
    <t>Muhammad Ikram Ul Haq</t>
  </si>
  <si>
    <t>GPS DERA UMER HAYAT KHAN WALA</t>
  </si>
  <si>
    <t>Mochh Pakka</t>
  </si>
  <si>
    <t>dera umer hayat, sawance mor</t>
  </si>
  <si>
    <t>GPS DERA WAILAN WALA</t>
  </si>
  <si>
    <t>Waillan Wala</t>
  </si>
  <si>
    <t>GPS dera waillan wala</t>
  </si>
  <si>
    <t>Mohammed Mustafa</t>
  </si>
  <si>
    <t>GPS DERA WALI MUHAMMAD</t>
  </si>
  <si>
    <t>Dera Wali Muhammad</t>
  </si>
  <si>
    <t>p/o Pindi rawan Distt M B din</t>
  </si>
  <si>
    <t>GPS DERA WARIS</t>
  </si>
  <si>
    <t>Dera Waris Daiwal</t>
  </si>
  <si>
    <t>mountain</t>
  </si>
  <si>
    <t>GPS DERA ZAHID WALA</t>
  </si>
  <si>
    <t>GPS Dera Zahid Wala Katimar Noor Pur Thal Khushab</t>
  </si>
  <si>
    <t>GPS DERA ZAMAN JARR</t>
  </si>
  <si>
    <t>Jandan wala</t>
  </si>
  <si>
    <t>dera zaman jar P/O shaheedan shumali kalur kot bhakkar</t>
  </si>
  <si>
    <t>Dera Zaman Jar</t>
  </si>
  <si>
    <t>GPS DERA ZAMAN KHEL PO CHASHMA BERAJ COLONY</t>
  </si>
  <si>
    <t>Bahkra</t>
  </si>
  <si>
    <t>Gps Dera zaman khel kacha kalo</t>
  </si>
  <si>
    <t>GPS DERA ZULIFQAR</t>
  </si>
  <si>
    <t>GPS DERAH</t>
  </si>
  <si>
    <t>Nazar M Jhullan</t>
  </si>
  <si>
    <t>Basti Old Dingra P/O Jamaldinwali Teh.Sadiq Abad Dist. Ryk</t>
  </si>
  <si>
    <t>Basti Old Dingra</t>
  </si>
  <si>
    <t>GPS DERAH AHMAD SHER WALA</t>
  </si>
  <si>
    <t>sakna Derah Ahmad Sher Wala</t>
  </si>
  <si>
    <t>Sakna Derah Ahmad Sher Wala</t>
  </si>
  <si>
    <t>GPS DERAN WALA</t>
  </si>
  <si>
    <t>gps deran wala markaz esa khel tehsil isa khel dist mianwali</t>
  </si>
  <si>
    <t>Deran Wala</t>
  </si>
  <si>
    <t>MUHAMMAD ASGHAR KHAN</t>
  </si>
  <si>
    <t>GPS DERBAR BABA SHAHEED</t>
  </si>
  <si>
    <t>Maira Shamas</t>
  </si>
  <si>
    <t>maira shamas post office daryala Saigon Gujarkhan</t>
  </si>
  <si>
    <t>Usi Cheemian</t>
  </si>
  <si>
    <t>Parvaiz Akhter</t>
  </si>
  <si>
    <t>GPS DERH SHAHANI</t>
  </si>
  <si>
    <t>Derh Shahani</t>
  </si>
  <si>
    <t>derh shahani</t>
  </si>
  <si>
    <t>GPS DERKHANI WALA</t>
  </si>
  <si>
    <t>GPS DERMANI</t>
  </si>
  <si>
    <t>Daramari</t>
  </si>
  <si>
    <t>P/O muradabad mouza dermari</t>
  </si>
  <si>
    <t>Dermari</t>
  </si>
  <si>
    <t>Muradabaf</t>
  </si>
  <si>
    <t>GPS DERVASHKAY</t>
  </si>
  <si>
    <t>Dervaishkey</t>
  </si>
  <si>
    <t>dervaishkey, p.o box dhamonkey,tehsil Daska, Distt sialkot</t>
  </si>
  <si>
    <t>GPS DERVESH PURA</t>
  </si>
  <si>
    <t>Mohalla Dervesh Pura, Tehsil Kamoke, Gujranwala</t>
  </si>
  <si>
    <t>Mohallah Dervesh Pura</t>
  </si>
  <si>
    <t>Kamoke-VII</t>
  </si>
  <si>
    <t>GPS DERYA KEY</t>
  </si>
  <si>
    <t>Deryakay</t>
  </si>
  <si>
    <t>Deryakay rasoolpur post office DHUTTAY tehsil chunian district kasur</t>
  </si>
  <si>
    <t>Akikay</t>
  </si>
  <si>
    <t>GPS DEV KHURD</t>
  </si>
  <si>
    <t>GULBERG-MALE</t>
  </si>
  <si>
    <t>Deo Khurd</t>
  </si>
  <si>
    <t>GPS dev khurd Lahore</t>
  </si>
  <si>
    <t>Dev Khurd</t>
  </si>
  <si>
    <t>Kmahan</t>
  </si>
  <si>
    <t>Tahir Mahmood khan</t>
  </si>
  <si>
    <t>GPS DEVI GARH</t>
  </si>
  <si>
    <t>Devi Garh</t>
  </si>
  <si>
    <t>GPS Devi Garh P/O Saddique abad Teh Phalia Dist M B Din</t>
  </si>
  <si>
    <t>Bhoa Hasan</t>
  </si>
  <si>
    <t>EHSAN ULLAH</t>
  </si>
  <si>
    <t>GPS DEVSANI</t>
  </si>
  <si>
    <t>village devsani Lahore cantt</t>
  </si>
  <si>
    <t>Naseer Ahmad Sindhu</t>
  </si>
  <si>
    <t>GPS DEWALA</t>
  </si>
  <si>
    <t>Maoza Jhoke, Ghulab Shah P /O Thul Hamza Tehsil Liaquat Pur</t>
  </si>
  <si>
    <t>Muhammad Aslam Malik</t>
  </si>
  <si>
    <t>GPS DEWAN GARH</t>
  </si>
  <si>
    <t>Dewan Garah</t>
  </si>
  <si>
    <t>GPS Dewan Garah</t>
  </si>
  <si>
    <t>GPS DEWAN WALA</t>
  </si>
  <si>
    <t>diwan wala markaz manawala</t>
  </si>
  <si>
    <t>GPS DEWOAL</t>
  </si>
  <si>
    <t>Dewoal</t>
  </si>
  <si>
    <t>Post Office Bajra ghari Tehsil Pasrur district Sialkot</t>
  </si>
  <si>
    <t>chahar Bajwa</t>
  </si>
  <si>
    <t>Tahir Akbar</t>
  </si>
  <si>
    <t>GPS DHAARI GUJRAN</t>
  </si>
  <si>
    <t>Dhari Gujjran</t>
  </si>
  <si>
    <t>dhari gujjran fsd road kharianwala skp</t>
  </si>
  <si>
    <t>GPS DHAB KARAN</t>
  </si>
  <si>
    <t>Mohalla Ghouse Nager Uchhali</t>
  </si>
  <si>
    <t>GPS DHAB PARI</t>
  </si>
  <si>
    <t>Dhab Pari</t>
  </si>
  <si>
    <t>Vpo Dhab pari Chakwal</t>
  </si>
  <si>
    <t>Mozzaman Minhas</t>
  </si>
  <si>
    <t>GPS DHAB SAID MUHAMMAD</t>
  </si>
  <si>
    <t>Dhab Said Muhammad Muhammad</t>
  </si>
  <si>
    <t>moza dhab said muhammad</t>
  </si>
  <si>
    <t>GPS DHABAN KALAN CHAK NO.13/RB</t>
  </si>
  <si>
    <t>Dhaban Kalan chak no.13R / B</t>
  </si>
  <si>
    <t>GPS DHABAN KHURD CHAK NO. 13/RB</t>
  </si>
  <si>
    <t>Dhaban Khurd Chak #13 Tehsil Safdarabad District Sheikhupura</t>
  </si>
  <si>
    <t>Dhaban Khurd Chak #13</t>
  </si>
  <si>
    <t>Muhammad Sakhwat Hussain</t>
  </si>
  <si>
    <t>GPS DHABBI</t>
  </si>
  <si>
    <t>Dhabbi</t>
  </si>
  <si>
    <t>dhabbi</t>
  </si>
  <si>
    <t>GPS DHABOOLA</t>
  </si>
  <si>
    <t>villege Dhaboola Post office Agroya Tehsil Phalia distt mbdin</t>
  </si>
  <si>
    <t>Dehrekan</t>
  </si>
  <si>
    <t>GPS DHABOOLA (DHOK SHARQI)</t>
  </si>
  <si>
    <t>v PO Dhaboola, Pindigheb, attock</t>
  </si>
  <si>
    <t>GPS DHADIALA</t>
  </si>
  <si>
    <t>adda dhadiala</t>
  </si>
  <si>
    <t>Bola bajwa</t>
  </si>
  <si>
    <t>GPS DHADIMBER</t>
  </si>
  <si>
    <t>p/o pichnand village dhadumber Colony TEH LAWA DISTT chakwal</t>
  </si>
  <si>
    <t>Dhadhumber Colony</t>
  </si>
  <si>
    <t>GPS DHADWAL</t>
  </si>
  <si>
    <t>Dhadwal p/o Kot Nainan Shakar Garh NWL</t>
  </si>
  <si>
    <t>Amar Hussain</t>
  </si>
  <si>
    <t>GPS DHAGI PAR</t>
  </si>
  <si>
    <t>Chah Pakka</t>
  </si>
  <si>
    <t>chinioti road jalaibi chowk moh.noor wala chiniot</t>
  </si>
  <si>
    <t>Mohnoorwala</t>
  </si>
  <si>
    <t>GPS DHAIR</t>
  </si>
  <si>
    <t>gbps dhair</t>
  </si>
  <si>
    <t>Village Dhair</t>
  </si>
  <si>
    <t>Dakhnir</t>
  </si>
  <si>
    <t>Abdul Khamim</t>
  </si>
  <si>
    <t>GPS DHAIR SHAHDRA</t>
  </si>
  <si>
    <t>Akbar bad dhair shahdra</t>
  </si>
  <si>
    <t>Majeed Psrk</t>
  </si>
  <si>
    <t>Rashid Mukhtar</t>
  </si>
  <si>
    <t>GPS DHAIR VIRKAN</t>
  </si>
  <si>
    <t>Dhair virkan</t>
  </si>
  <si>
    <t>Moazzam Shahbaz</t>
  </si>
  <si>
    <t>GPS DHAK</t>
  </si>
  <si>
    <t>village dhak musyari murree</t>
  </si>
  <si>
    <t>GPS DHAK (RANGLI)</t>
  </si>
  <si>
    <t>PO choora Sharif village dhak Teh jand district attock</t>
  </si>
  <si>
    <t>GPS DHAKAR FARM PO PAKPATTAN</t>
  </si>
  <si>
    <t>Dhakar Farm</t>
  </si>
  <si>
    <t>Syed Abdulaziz Shah</t>
  </si>
  <si>
    <t>GPS DHAKARI</t>
  </si>
  <si>
    <t>VPO Malhowali tehsil pindigheb district attock</t>
  </si>
  <si>
    <t>Dhakari</t>
  </si>
  <si>
    <t>GPS DHAKKAR</t>
  </si>
  <si>
    <t>Dhakkar</t>
  </si>
  <si>
    <t>village and p.o. dhakkar</t>
  </si>
  <si>
    <t>GPS DHAKKI</t>
  </si>
  <si>
    <t>vpo angoori dhok dhakki</t>
  </si>
  <si>
    <t>Dhakki</t>
  </si>
  <si>
    <t>javeria abbasi</t>
  </si>
  <si>
    <t>GPS DHAKKO FARM CHAK NO. 36/SP SALAMAT PURA</t>
  </si>
  <si>
    <t>36/sp dhakoo farm salamat pura</t>
  </si>
  <si>
    <t>36/p Dhakoo Farm</t>
  </si>
  <si>
    <t>GPS DHAKOO CHISHTI PO PAKPATTAN</t>
  </si>
  <si>
    <t>Dhakku Chishti pakpattan</t>
  </si>
  <si>
    <t>Mehtab Samuel</t>
  </si>
  <si>
    <t>GPS DHAKOO SHAHAN KOHNA</t>
  </si>
  <si>
    <t>Shahana</t>
  </si>
  <si>
    <t>p/o rasul pur tarar tehsil Hafizabad District Hafizabad</t>
  </si>
  <si>
    <t>Shahana Dhakoo  Kohna</t>
  </si>
  <si>
    <t>Syed Hassan Raza Sherazi</t>
  </si>
  <si>
    <t>GPS DHAKOO SHAHAN NAU</t>
  </si>
  <si>
    <t>Dhakoo Shahana Nau</t>
  </si>
  <si>
    <t>Dhakoo shahana nau</t>
  </si>
  <si>
    <t>Dhkoo Shahana Nau</t>
  </si>
  <si>
    <t>GPS DHAKUAN WALA</t>
  </si>
  <si>
    <t>dhakuanwala Po shadia teh&amp;distt mianwali</t>
  </si>
  <si>
    <t>Sardar Muhammad Mumtaz</t>
  </si>
  <si>
    <t>GPS DHAKUM PURA</t>
  </si>
  <si>
    <t>dhakam pura</t>
  </si>
  <si>
    <t>GPS DHAL</t>
  </si>
  <si>
    <t>post office ban village dhall</t>
  </si>
  <si>
    <t>Muhammad Shahzad Haroon</t>
  </si>
  <si>
    <t>GPS DHALA</t>
  </si>
  <si>
    <t>village Dhalla Adyala Road Rawalpindi</t>
  </si>
  <si>
    <t>Burnice Daniel</t>
  </si>
  <si>
    <t>GPS DHALAN KALAN</t>
  </si>
  <si>
    <t>village dhala kalan</t>
  </si>
  <si>
    <t>Farooq Azam Shahzad</t>
  </si>
  <si>
    <t>GPS DHALAN KE BOUREY</t>
  </si>
  <si>
    <t>Moh.Bouray. Bouray Bucheki</t>
  </si>
  <si>
    <t>Abdulhaq</t>
  </si>
  <si>
    <t>bring from outside the masjid</t>
  </si>
  <si>
    <t>GPS DHALAR DURGA MAL</t>
  </si>
  <si>
    <t>Dhalar Durgamal</t>
  </si>
  <si>
    <t>village dhalar durgha mal post office dhoke mian jeewan tehsil sohawa distt jhelum</t>
  </si>
  <si>
    <t>Muhammad Rafaqat</t>
  </si>
  <si>
    <t>GPS DHALAY WALI</t>
  </si>
  <si>
    <t>dhalley wali head Marsala sialkot</t>
  </si>
  <si>
    <t>GPS DHALKE KALAN</t>
  </si>
  <si>
    <t>Dhalkay kalan</t>
  </si>
  <si>
    <t>city hafizabad</t>
  </si>
  <si>
    <t>Mudahra Kalan</t>
  </si>
  <si>
    <t>Muhammad Haris Naeem</t>
  </si>
  <si>
    <t>GPS DHALKE KHURD</t>
  </si>
  <si>
    <t>Dhalkey</t>
  </si>
  <si>
    <t>dhalkey kalan</t>
  </si>
  <si>
    <t>Dhalkey Kalan</t>
  </si>
  <si>
    <t>GPS DHALL</t>
  </si>
  <si>
    <t>dhall p. o nothia qureshian tehsil Sarai alamgir</t>
  </si>
  <si>
    <t>Muhammad Umer</t>
  </si>
  <si>
    <t>GPS DHALURA</t>
  </si>
  <si>
    <t>Dhalora</t>
  </si>
  <si>
    <t>Dhulara</t>
  </si>
  <si>
    <t>GPS DHALWAN (DHALAM)</t>
  </si>
  <si>
    <t>village dhilwan, p.o. barki, lahore cantt</t>
  </si>
  <si>
    <t>M.Ashraf Awan</t>
  </si>
  <si>
    <t>GPS DHALYA</t>
  </si>
  <si>
    <t>DALEH</t>
  </si>
  <si>
    <t>vill daleh  p/o Tret teh murree  distt rwp</t>
  </si>
  <si>
    <t>Daleh</t>
  </si>
  <si>
    <t>Ikram Mahmood</t>
  </si>
  <si>
    <t>GPS DHAMALA</t>
  </si>
  <si>
    <t>Dhamala</t>
  </si>
  <si>
    <t>govt primary scool dhamalm</t>
  </si>
  <si>
    <t>abduljabbar</t>
  </si>
  <si>
    <t>GPS DHAMANI</t>
  </si>
  <si>
    <t>Bhunbha</t>
  </si>
  <si>
    <t>basti dhamani p/o jhoke bodo tehsil taunsa Sharif district dera ghazi khan</t>
  </si>
  <si>
    <t>Dhamani</t>
  </si>
  <si>
    <t>GPS DHAMIAN</t>
  </si>
  <si>
    <t>moza dhamian village dhamian teh. samberyal distt, sialkot</t>
  </si>
  <si>
    <t>Yasir Altaf</t>
  </si>
  <si>
    <t>GPS DHAMIANA P/O 26/SP PAKPATTAN</t>
  </si>
  <si>
    <t>Dhamyana</t>
  </si>
  <si>
    <t>Chak Dhamyana</t>
  </si>
  <si>
    <t>GPS DHAMKEY</t>
  </si>
  <si>
    <t>Village Dhamkey p/o Dhamkey Teh: Sharaqpur Disst: Sheikhura</t>
  </si>
  <si>
    <t>Naveed Abid</t>
  </si>
  <si>
    <t>GPS DHAMNAL</t>
  </si>
  <si>
    <t>village dhamnal p\o sar suba shah tehsil kallar syedan distt Rawalpindi</t>
  </si>
  <si>
    <t>Dhanmal</t>
  </si>
  <si>
    <t>nazia hassan</t>
  </si>
  <si>
    <t>GPS DHAMONKAY</t>
  </si>
  <si>
    <t>Dhamonkay</t>
  </si>
  <si>
    <t>dhamonkay tehsil daska district Sialkot</t>
  </si>
  <si>
    <t>GPS DHAMRAY WALA</t>
  </si>
  <si>
    <t>basti bijar buzdar tehsil kot chuttah dgkhan</t>
  </si>
  <si>
    <t>Basti bijar Buzdar</t>
  </si>
  <si>
    <t>GPS DHAN</t>
  </si>
  <si>
    <t>Dhan</t>
  </si>
  <si>
    <t>GPS DHAN KEY</t>
  </si>
  <si>
    <t>dhan kay</t>
  </si>
  <si>
    <t>Dhan Kay</t>
  </si>
  <si>
    <t>Muhammad Muzammil Sharif</t>
  </si>
  <si>
    <t>GPS DHAN MIANI</t>
  </si>
  <si>
    <t>Dhan Miani</t>
  </si>
  <si>
    <t>ahmadabad mouza dhan miani</t>
  </si>
  <si>
    <t>Hasnain Ahmad Shafi</t>
  </si>
  <si>
    <t>GPS DHANA KHOKHAR</t>
  </si>
  <si>
    <t>Dhana Khokhar</t>
  </si>
  <si>
    <t>dhana khokhar markaz phoolnagar</t>
  </si>
  <si>
    <t>samina Ashraf</t>
  </si>
  <si>
    <t>GPS DHANCHACKAL</t>
  </si>
  <si>
    <t>Sang</t>
  </si>
  <si>
    <t>GPS Dhanchakal</t>
  </si>
  <si>
    <t>Dhanchakal</t>
  </si>
  <si>
    <t>Muhsin Ali</t>
  </si>
  <si>
    <t>GPS DHAND GAGARY</t>
  </si>
  <si>
    <t>basti diam arrian  ,Dhand gagri teh. Khan pur distt. r.y.khan</t>
  </si>
  <si>
    <t>Basti Diam Arrain</t>
  </si>
  <si>
    <t>Dhand Ggri</t>
  </si>
  <si>
    <t>Sajjad ahmad</t>
  </si>
  <si>
    <t>GPS DHANDAL</t>
  </si>
  <si>
    <t>village dhandal ,tehsil daska,district sialkot</t>
  </si>
  <si>
    <t>Mohammad Amkram</t>
  </si>
  <si>
    <t>GPS DHANDALI</t>
  </si>
  <si>
    <t>dhandali.p/o dinga  tehsil kharian .  district Gujrat</t>
  </si>
  <si>
    <t>GPS DHANDAR</t>
  </si>
  <si>
    <t>dhandar ( zafarwal)</t>
  </si>
  <si>
    <t>Dhandar</t>
  </si>
  <si>
    <t>GPS DHANDIAN WALA</t>
  </si>
  <si>
    <t>wanda dhandian wala</t>
  </si>
  <si>
    <t>Dhandian Wala</t>
  </si>
  <si>
    <t>Amir Azam Khan</t>
  </si>
  <si>
    <t>GPS DHANDO</t>
  </si>
  <si>
    <t>DHANDOO</t>
  </si>
  <si>
    <t>basti bolaki</t>
  </si>
  <si>
    <t>Bolaki Wali</t>
  </si>
  <si>
    <t>Islam Din</t>
  </si>
  <si>
    <t>GPS DHANGORIAN</t>
  </si>
  <si>
    <t>GPS Dangorian</t>
  </si>
  <si>
    <t>GPS DHANI GHULAM FAREED</t>
  </si>
  <si>
    <t>GPS DHANI GHULAM FAREED gulab ali p/o same tehsil and district bahawal nagar</t>
  </si>
  <si>
    <t>Dhani Ghulam Fared</t>
  </si>
  <si>
    <t>Muhammad Tariq Nadeem</t>
  </si>
  <si>
    <t>GPS DHANI MALAPAR</t>
  </si>
  <si>
    <t>Dhanraj Pura</t>
  </si>
  <si>
    <t>Dhani Malapar tehsil and district Bahawal Nagar</t>
  </si>
  <si>
    <t>Dhani Malapar</t>
  </si>
  <si>
    <t>GPS DHANNO SHAH</t>
  </si>
  <si>
    <t>RAKH PURYWAR</t>
  </si>
  <si>
    <t>BASTI DHANO SHAH MOZA RAKH PURYWAR UMER KOT TEHSIL ROJHAN DISTRICT RAJANPUR</t>
  </si>
  <si>
    <t>DHANO SHAH</t>
  </si>
  <si>
    <t>SABZANI</t>
  </si>
  <si>
    <t>Shamsa Masood</t>
  </si>
  <si>
    <t>GPS DHANYAM</t>
  </si>
  <si>
    <t>Bamloot</t>
  </si>
  <si>
    <t>dhanyam, bamloot, post office sai, tehsil kahuta, District rawalpindi.</t>
  </si>
  <si>
    <t>Dhanyam</t>
  </si>
  <si>
    <t>Muhammad Omer Farooq</t>
  </si>
  <si>
    <t>carriage</t>
  </si>
  <si>
    <t>GPS DHAP SIAL</t>
  </si>
  <si>
    <t>DHAP SIAL</t>
  </si>
  <si>
    <t>DHAP sial</t>
  </si>
  <si>
    <t>SIAL</t>
  </si>
  <si>
    <t>Hafiz Zafar Iqbal</t>
  </si>
  <si>
    <t>GPS DHAPAI</t>
  </si>
  <si>
    <t>dhapai p/o sair bajwa tehsil zafarwal district narowal</t>
  </si>
  <si>
    <t>GPS DHAPIE AMIR SINGH</t>
  </si>
  <si>
    <t>Dhapy Ameer Singh</t>
  </si>
  <si>
    <t>dhapy ameer singh</t>
  </si>
  <si>
    <t>Jaura Sian</t>
  </si>
  <si>
    <t>Naveed Iqbal Anjum</t>
  </si>
  <si>
    <t>GPS DHAR MACHHI</t>
  </si>
  <si>
    <t>Dhar Machi</t>
  </si>
  <si>
    <t>vill dhar machi p/o takia shah murad</t>
  </si>
  <si>
    <t>GPS DHARAM KOT</t>
  </si>
  <si>
    <t>GPS Dharam kot p/o Ali pur chattha Teh. Wazir abad</t>
  </si>
  <si>
    <t>GPS DHARAM PURA</t>
  </si>
  <si>
    <t>Mohallah dharam pura Mailsi</t>
  </si>
  <si>
    <t>City Mailsi</t>
  </si>
  <si>
    <t>MC Mailsi Ward 11</t>
  </si>
  <si>
    <t>GPS DHAREMA DHARAT PATI</t>
  </si>
  <si>
    <t>p/o dharema,tehsil &amp; district Sargodha</t>
  </si>
  <si>
    <t>Dharat Pati</t>
  </si>
  <si>
    <t>Rifat Abbas</t>
  </si>
  <si>
    <t>GPS DHARI</t>
  </si>
  <si>
    <t>village Dhari post office Dhari sub office Chakri Teh and dist Rawalpindi</t>
  </si>
  <si>
    <t>GPS DHARI BHATIAN</t>
  </si>
  <si>
    <t>Dhari Bhattian</t>
  </si>
  <si>
    <t>village Dhari Bhattian p/o More khunda district nankana sahib</t>
  </si>
  <si>
    <t>Shan Ali</t>
  </si>
  <si>
    <t>GPS DHARI BHATTAIN</t>
  </si>
  <si>
    <t>DHARI BHATIAN</t>
  </si>
  <si>
    <t>DHARI BHATIAN  Morekhunda</t>
  </si>
  <si>
    <t>GPS DHARI RAI DITTA</t>
  </si>
  <si>
    <t>Dhari rai Ditta</t>
  </si>
  <si>
    <t>post office Dhari rai ditta</t>
  </si>
  <si>
    <t>Salma Barkat</t>
  </si>
  <si>
    <t>GPS DHARI WAL</t>
  </si>
  <si>
    <t>Mudkey</t>
  </si>
  <si>
    <t>GPS BOYS DHARIWAL</t>
  </si>
  <si>
    <t>M.AFZAAL ELAHI</t>
  </si>
  <si>
    <t>GPS DHARI WALA</t>
  </si>
  <si>
    <t>Dhari Wala</t>
  </si>
  <si>
    <t>Dhari wala</t>
  </si>
  <si>
    <t>GPS DHARIAN</t>
  </si>
  <si>
    <t>GPS DHARINGAR</t>
  </si>
  <si>
    <t>DHRANGER</t>
  </si>
  <si>
    <t>tahli Wala moza DHRANGER</t>
  </si>
  <si>
    <t>GPS DHARO WAL</t>
  </si>
  <si>
    <t>Dharworal</t>
  </si>
  <si>
    <t>v.p.o. Dhaworal kang</t>
  </si>
  <si>
    <t>Dhaworal</t>
  </si>
  <si>
    <t>Akhlaq Saber</t>
  </si>
  <si>
    <t>GPS DHARO WALA</t>
  </si>
  <si>
    <t>Govt primary school Dharowal, gujrat</t>
  </si>
  <si>
    <t>Mahtab Azam</t>
  </si>
  <si>
    <t>GPS DHARUGGI</t>
  </si>
  <si>
    <t>Dharugigi</t>
  </si>
  <si>
    <t>VPO Dharuggi District &amp; Tehsil Chakwal</t>
  </si>
  <si>
    <t>Shujat Amin</t>
  </si>
  <si>
    <t>GPS DHAT LAK</t>
  </si>
  <si>
    <t>dhat lak</t>
  </si>
  <si>
    <t>govt primary school dhat lak</t>
  </si>
  <si>
    <t>GPS DHATTU KHELAN WALA</t>
  </si>
  <si>
    <t>mitha khatak</t>
  </si>
  <si>
    <t>wandha laddu khel sultan khel</t>
  </si>
  <si>
    <t>laddu khel</t>
  </si>
  <si>
    <t>Altaf Khan</t>
  </si>
  <si>
    <t>GPS DHAU</t>
  </si>
  <si>
    <t>Village Dhau P/O Miana Chak</t>
  </si>
  <si>
    <t>GPS DHAWANA</t>
  </si>
  <si>
    <t>Chak Dhawna</t>
  </si>
  <si>
    <t>GPS DHEDIAN WALA</t>
  </si>
  <si>
    <t>Wandhi peer phul shah wali Paikhel Mianwali</t>
  </si>
  <si>
    <t>GPS DHEDUANA</t>
  </si>
  <si>
    <t>Dhedawona</t>
  </si>
  <si>
    <t>Moza dhedawona p/o pir kot</t>
  </si>
  <si>
    <t>MASSAN</t>
  </si>
  <si>
    <t>GPS DHEEDIAN WALA</t>
  </si>
  <si>
    <t>Dheedian Wala Roda Tehsil &amp;District Khushab</t>
  </si>
  <si>
    <t>GPS DHEEDO WALI</t>
  </si>
  <si>
    <t>Mundekigoraya</t>
  </si>
  <si>
    <t>GPS DHEENGRAN WALI</t>
  </si>
  <si>
    <t>dheengranwali hafizabad</t>
  </si>
  <si>
    <t>Syed Nadeem Naqvi</t>
  </si>
  <si>
    <t>GPS DHEERJE KAY</t>
  </si>
  <si>
    <t>Dheerjakey</t>
  </si>
  <si>
    <t>dheerjakey</t>
  </si>
  <si>
    <t>KUL</t>
  </si>
  <si>
    <t>GPS DHEERKAY LHR CANTT</t>
  </si>
  <si>
    <t>village dheerkay post office barki Lahore cantt</t>
  </si>
  <si>
    <t>Abdul Wahid</t>
  </si>
  <si>
    <t>GPS DHEERKOT KETHWALAN</t>
  </si>
  <si>
    <t>Dhir kot kethwalan</t>
  </si>
  <si>
    <t>Dhir kot kethwalan kotli Sattian  Rawalpindi</t>
  </si>
  <si>
    <t>GPS DHELA</t>
  </si>
  <si>
    <t>Dheela</t>
  </si>
  <si>
    <t>DHEELA P/O MIANI TEHSIL BHERA DISTT SARGODHA</t>
  </si>
  <si>
    <t>Kalyan  Pur</t>
  </si>
  <si>
    <t>GPS DHELUM</t>
  </si>
  <si>
    <t>Basti Hasan Khan</t>
  </si>
  <si>
    <t>basti hasan khan dhilum</t>
  </si>
  <si>
    <t>Dulukhurd</t>
  </si>
  <si>
    <t>Afzal Nisar Sakee</t>
  </si>
  <si>
    <t>GPS DHENDA</t>
  </si>
  <si>
    <t>Dhenda</t>
  </si>
  <si>
    <t>Dhenda p/o lalamusa Teh. Kharian Dist. Gujrat</t>
  </si>
  <si>
    <t>kuliwal syedian</t>
  </si>
  <si>
    <t>atif shahzad</t>
  </si>
  <si>
    <t>GPS DHENGAN</t>
  </si>
  <si>
    <t>Village Dhengan Nazad Adda Qila Sattar Shah Tehsil Ferozewala Distt. Sheikhupura</t>
  </si>
  <si>
    <t>GPS DHENGHAN WALI</t>
  </si>
  <si>
    <t>dhengawali</t>
  </si>
  <si>
    <t>mozo dhengawali</t>
  </si>
  <si>
    <t>Dhengawali</t>
  </si>
  <si>
    <t>Maria Sarfraz</t>
  </si>
  <si>
    <t>GPS DHENGREE WALA</t>
  </si>
  <si>
    <t>Dhengriwala</t>
  </si>
  <si>
    <t>Gps dhengri Wala</t>
  </si>
  <si>
    <t>Ghfoor Ahmad</t>
  </si>
  <si>
    <t>GPS DHENSER BALA</t>
  </si>
  <si>
    <t>Dhanser Bala</t>
  </si>
  <si>
    <t>vill dhanser bala teh kamoki distt gujranwala</t>
  </si>
  <si>
    <t>Dhanser Paien</t>
  </si>
  <si>
    <t>Raheel Ilyas Bhatti</t>
  </si>
  <si>
    <t>GPS DHER</t>
  </si>
  <si>
    <t>v.p.o dher teh kharian Gujrat</t>
  </si>
  <si>
    <t>Panjan Kisana</t>
  </si>
  <si>
    <t>GPS DHER PINDI</t>
  </si>
  <si>
    <t>Dher pindi</t>
  </si>
  <si>
    <t>village dher pindi opposite new Airport Lahore Cantt</t>
  </si>
  <si>
    <t>Dher Pindi</t>
  </si>
  <si>
    <t>GPS DHERA P/O MANDI FAIZABAD</t>
  </si>
  <si>
    <t>Qila Korka</t>
  </si>
  <si>
    <t>GPS Dhera Markaz Mangtanwala Distt&amp;Teh Nankana sahib</t>
  </si>
  <si>
    <t>Haft madar</t>
  </si>
  <si>
    <t>GPS DHEREKRI</t>
  </si>
  <si>
    <t>Dherekri</t>
  </si>
  <si>
    <t>village.  dherekri p/o.daulat nagar Teh. &amp;distance. gujrat</t>
  </si>
  <si>
    <t>Ch Ejaz Akbar</t>
  </si>
  <si>
    <t>GPS DHERI</t>
  </si>
  <si>
    <t>Malik ahmad sher</t>
  </si>
  <si>
    <t>GPS DHERI JAIBA</t>
  </si>
  <si>
    <t>Dheri Jaaba</t>
  </si>
  <si>
    <t>p.o dheri Jaba teh choa &amp; distt chakwal</t>
  </si>
  <si>
    <t>GPS DHERI KOT</t>
  </si>
  <si>
    <t>Dherikot</t>
  </si>
  <si>
    <t>dherikot teh.attock</t>
  </si>
  <si>
    <t>Surg Salarr</t>
  </si>
  <si>
    <t>GPS DHERI MALHU</t>
  </si>
  <si>
    <t>Dheri malhu</t>
  </si>
  <si>
    <t>Village, dherimalhu, PO BOX, godhu, Tehsil Hassan abdal attock.</t>
  </si>
  <si>
    <t>Dheri Malhu</t>
  </si>
  <si>
    <t>Saeed ahmad</t>
  </si>
  <si>
    <t>GPS DHERI MALYARAN</t>
  </si>
  <si>
    <t>Dhari arian</t>
  </si>
  <si>
    <t>markiz chack shadi tehsil Pind dadan khan district jhelum</t>
  </si>
  <si>
    <t>Jalalpur sharif</t>
  </si>
  <si>
    <t>GPS DHERKEY KALAN</t>
  </si>
  <si>
    <t>Dheerkey Kalan</t>
  </si>
  <si>
    <t>village deerky kalan</t>
  </si>
  <si>
    <t>Ashiqh Hussain</t>
  </si>
  <si>
    <t>GPS DHERO GHUNA</t>
  </si>
  <si>
    <t>Dheru Ghunna</t>
  </si>
  <si>
    <t>Village Dheru Ghunna Gujrat</t>
  </si>
  <si>
    <t>GPS DHERO SIAL</t>
  </si>
  <si>
    <t>Dak khna khudlathi arra village dhero sial</t>
  </si>
  <si>
    <t>Abdul Rasool</t>
  </si>
  <si>
    <t>GPS DHERO WALI</t>
  </si>
  <si>
    <t>Dheerowali</t>
  </si>
  <si>
    <t>Po wadala sandhuan Village dherowali distt gujranwala</t>
  </si>
  <si>
    <t>Nadala Sandhuan</t>
  </si>
  <si>
    <t>GPS DHEROKAY BAMBAY</t>
  </si>
  <si>
    <t>Dherokay banbay</t>
  </si>
  <si>
    <t>Dherokay  Banbay</t>
  </si>
  <si>
    <t>Niamat Masih</t>
  </si>
  <si>
    <t>GPS DHIBBA HERMAL</t>
  </si>
  <si>
    <t>Dhibba heal</t>
  </si>
  <si>
    <t>Dhibba Hermal</t>
  </si>
  <si>
    <t>GPS DHIDAR</t>
  </si>
  <si>
    <t>Dedhar</t>
  </si>
  <si>
    <t>dedhar</t>
  </si>
  <si>
    <t>Fateh pur Afghana</t>
  </si>
  <si>
    <t>GPS DHIDHO DUGGAL</t>
  </si>
  <si>
    <t>Dhido Duggal</t>
  </si>
  <si>
    <t>Abu Bakar Mian Khan</t>
  </si>
  <si>
    <t>GPS DHIG</t>
  </si>
  <si>
    <t>Dhig</t>
  </si>
  <si>
    <t>gs DHIG tehsil chunian Distt Kasur</t>
  </si>
  <si>
    <t>Mondeki</t>
  </si>
  <si>
    <t>GPS DHILAM LOONEKAY</t>
  </si>
  <si>
    <t>Lunekay</t>
  </si>
  <si>
    <t>Lunekay P/O Khudian Khas Kasur</t>
  </si>
  <si>
    <t>GPS DHILAM TONG</t>
  </si>
  <si>
    <t>Dhilam</t>
  </si>
  <si>
    <t>village Dhilam tong post office Badiana Tehsil pasrur district sialkot</t>
  </si>
  <si>
    <t>GPS DHILLAM</t>
  </si>
  <si>
    <t>village dhilam  teh/distt sheikhupura</t>
  </si>
  <si>
    <t>Ahsan Ullah Khan</t>
  </si>
  <si>
    <t>GPS DHILLAN WALA (CHAK NO.387 TDA)</t>
  </si>
  <si>
    <t>Noshehra Janoobi</t>
  </si>
  <si>
    <t>chah dhillan wala p/o peer baru sharif tehsil choubara district layyah</t>
  </si>
  <si>
    <t>Dhillan Wala</t>
  </si>
  <si>
    <t>GPS DHILLAN WALI</t>
  </si>
  <si>
    <t>GPS DHILWAN</t>
  </si>
  <si>
    <t>Govt. Primary School, Dhilwan</t>
  </si>
  <si>
    <t>Rana Khalid Pervaiz</t>
  </si>
  <si>
    <t>GPS DHILWAN WALA</t>
  </si>
  <si>
    <t>Dhilam Hithar</t>
  </si>
  <si>
    <t>Dhilam Hithar ,post office khudian khas, kasur</t>
  </si>
  <si>
    <t>GPS DHINGAR</t>
  </si>
  <si>
    <t>Dhingar</t>
  </si>
  <si>
    <t>village Dhingar p/o Baramanga Tehsil Shakargarh District Narowal</t>
  </si>
  <si>
    <t>GPS DHINGAR BATH</t>
  </si>
  <si>
    <t>Dhiengrbath</t>
  </si>
  <si>
    <t>Dhiengrbath District Sheikhupura</t>
  </si>
  <si>
    <t>GPS DHLIAN WALA</t>
  </si>
  <si>
    <t>dhillianwala mitha tiwana tehsil and distric khushab</t>
  </si>
  <si>
    <t>Dhillianwala</t>
  </si>
  <si>
    <t>GPS DHODAY</t>
  </si>
  <si>
    <t>Doday p/o More khunda T&amp;D Nankana sahib</t>
  </si>
  <si>
    <t>GPS DHODHA SHARIF</t>
  </si>
  <si>
    <t>dhodha sharif</t>
  </si>
  <si>
    <t>vill and p o dhodha sharif gujrat</t>
  </si>
  <si>
    <t>Dhodha Sharif</t>
  </si>
  <si>
    <t>Ghulam Waheed</t>
  </si>
  <si>
    <t>GPS DHODHARA</t>
  </si>
  <si>
    <t>Dhodhara</t>
  </si>
  <si>
    <t>GPS Mouza Dhodhara tehsil tandliawala district faisalabad</t>
  </si>
  <si>
    <t>Mouza Dhodhara</t>
  </si>
  <si>
    <t>Asiad Ali</t>
  </si>
  <si>
    <t>GPS DHOK  KADHI</t>
  </si>
  <si>
    <t>Dhok Kadhi</t>
  </si>
  <si>
    <t>GpsDhok kadhi vpo thoa mehram kha n</t>
  </si>
  <si>
    <t>Thoa Mehram khan</t>
  </si>
  <si>
    <t>GPS DHOK ABDUL RAUF</t>
  </si>
  <si>
    <t>dhoke Abdul rauf p/o chakrala tehsil &amp; district mianwali</t>
  </si>
  <si>
    <t>Dhoke Abdul Rauf</t>
  </si>
  <si>
    <t>ABDULREHMAN</t>
  </si>
  <si>
    <t>GPS DHOK ABKI</t>
  </si>
  <si>
    <t>Abaki</t>
  </si>
  <si>
    <t>Gps Abaki PO Misrial Talagang</t>
  </si>
  <si>
    <t>GPS DHOK AHMED KHAN</t>
  </si>
  <si>
    <t>zamin bajal</t>
  </si>
  <si>
    <t>v.zamin bajal p.o. kot fateh khan teh fateh jang disst attock</t>
  </si>
  <si>
    <t>mumtaz khan</t>
  </si>
  <si>
    <t>GPS DHOK ALFOO</t>
  </si>
  <si>
    <t>village dhoke alfoo post office mangwal tehsil and district chakwal</t>
  </si>
  <si>
    <t>Ayesha Maryam</t>
  </si>
  <si>
    <t>GPS DHOK ALI KHAN</t>
  </si>
  <si>
    <t>Dhiba Cursail</t>
  </si>
  <si>
    <t>dhok Ali khan</t>
  </si>
  <si>
    <t>Muhammad Arshad Hussain</t>
  </si>
  <si>
    <t>GPS DHOK ALI MUHAMMAD</t>
  </si>
  <si>
    <t>Dhok Ali Muhammad</t>
  </si>
  <si>
    <t>village dhok ali muhammad P.O. Malal</t>
  </si>
  <si>
    <t>Dhok Ali muhammad</t>
  </si>
  <si>
    <t>GPS DHOK ALLAH BAKSHS</t>
  </si>
  <si>
    <t>Dhoke Allah Bakhsh</t>
  </si>
  <si>
    <t>Muhammad Tahir Moine</t>
  </si>
  <si>
    <t>GPS DHOK AMRAL</t>
  </si>
  <si>
    <t>Village Dhok Amral Post Office Fathepur Tehsil Saraialamgir District Gujrat</t>
  </si>
  <si>
    <t>Muhammad Sufian</t>
  </si>
  <si>
    <t>GPS DHOK ATA MUHAMMAD</t>
  </si>
  <si>
    <t>Village dhok Atta Muhammad P.O Chakrala Tehsil &amp; District Mianwali</t>
  </si>
  <si>
    <t>Dhok Atta Muhammad</t>
  </si>
  <si>
    <t>Muhammad IQBAL Khan</t>
  </si>
  <si>
    <t>GPS DHOK AWAN (GHARIBAL)</t>
  </si>
  <si>
    <t>Tehsil pindi gheb, dist Attock</t>
  </si>
  <si>
    <t>Imran Jalil</t>
  </si>
  <si>
    <t>GPS DHOK AWAN (KHUMAR)</t>
  </si>
  <si>
    <t>dhok awan pindi gheb</t>
  </si>
  <si>
    <t>Natasha Azhar</t>
  </si>
  <si>
    <t>GPS DHOK AYUB</t>
  </si>
  <si>
    <t>Post Office Dhoke Meher Muhammad, Tehsil and District Mianwali</t>
  </si>
  <si>
    <t>TAUSEEF ABBAS</t>
  </si>
  <si>
    <t>GPS DHOK AZIZ</t>
  </si>
  <si>
    <t>GBPA Dhoke Aziz, P/O Chhab, Tehsil Jand, District Attock.</t>
  </si>
  <si>
    <t>Dhoke Aziz</t>
  </si>
  <si>
    <t>MUHAMMAD RIAZ KHAN</t>
  </si>
  <si>
    <t>GPS DHOK BABA NOOR</t>
  </si>
  <si>
    <t>Dhok Baba Noor, PO Dhoong,Tehseel Gujar Khan, District Rawalpindi</t>
  </si>
  <si>
    <t>Dhok Baba Noor</t>
  </si>
  <si>
    <t>GPS DHOK BABIALA</t>
  </si>
  <si>
    <t>DHOK babiala</t>
  </si>
  <si>
    <t>DHOK babiala teh pd Khan district Jhelum</t>
  </si>
  <si>
    <t>DHOK Babiala</t>
  </si>
  <si>
    <t>Imran Hayat</t>
  </si>
  <si>
    <t>portable water cooler</t>
  </si>
  <si>
    <t>GPS DHOK BABRAAL NO.1</t>
  </si>
  <si>
    <t>dhok babral vpo lawa</t>
  </si>
  <si>
    <t>GPS DHOK BABRAL NO. 2</t>
  </si>
  <si>
    <t>Aziz Khan</t>
  </si>
  <si>
    <t>GPS DHOK BAGHA</t>
  </si>
  <si>
    <t>dhoke bagha chakrala</t>
  </si>
  <si>
    <t>Nawab Khan</t>
  </si>
  <si>
    <t>GPS DHOK BAGHAN</t>
  </si>
  <si>
    <t>Dhoke Baghan</t>
  </si>
  <si>
    <t>Village dhok bagan po hattar tehsil Fateh jang district attock</t>
  </si>
  <si>
    <t>GPS DHOK BALL FAQIR</t>
  </si>
  <si>
    <t>Dhok Ball Faqeer</t>
  </si>
  <si>
    <t>Dhok Ball Faqeer v.p.o Khokhar Bala</t>
  </si>
  <si>
    <t>Khokhar Bala</t>
  </si>
  <si>
    <t>GPS DHOK BALOCH</t>
  </si>
  <si>
    <t>dhok baloch</t>
  </si>
  <si>
    <t>village dhok baloch po ameer khan teh fateh jang attock</t>
  </si>
  <si>
    <t>dhraik</t>
  </si>
  <si>
    <t>Haider Zaman</t>
  </si>
  <si>
    <t>GPS DHOK BANERA</t>
  </si>
  <si>
    <t>Dhok banera tehsil and district mianwali</t>
  </si>
  <si>
    <t>GPS DHOK BAQA</t>
  </si>
  <si>
    <t>Saqqa Bad</t>
  </si>
  <si>
    <t>village dhok baka district Attock</t>
  </si>
  <si>
    <t>Dhoke Baka</t>
  </si>
  <si>
    <t>Ali Bahadur</t>
  </si>
  <si>
    <t>GPS DHOK BARRAKI</t>
  </si>
  <si>
    <t>Bhoona Wali</t>
  </si>
  <si>
    <t>dhoke Bharaki</t>
  </si>
  <si>
    <t>Dhoke Bharaki</t>
  </si>
  <si>
    <t>Water tanker rented.</t>
  </si>
  <si>
    <t>GPS DHOK BASERA</t>
  </si>
  <si>
    <t>Dhoke Baseera</t>
  </si>
  <si>
    <t>Dhoke Baseera VPO Kandwal</t>
  </si>
  <si>
    <t>Faisal Mehmood</t>
  </si>
  <si>
    <t>GPS DHOK BATKALLA</t>
  </si>
  <si>
    <t>Village &amp; Post Office Dhadhar Tehsil Naushera District Khushab</t>
  </si>
  <si>
    <t>GPS DHOK BAZGUL</t>
  </si>
  <si>
    <t>Gbps dk bazgul po lakarmar tehsil jand district attock</t>
  </si>
  <si>
    <t>Dhoke Bazgul</t>
  </si>
  <si>
    <t>SAI KHAN</t>
  </si>
  <si>
    <t>GPS DHOK BHANDER</t>
  </si>
  <si>
    <t>village dhok bhandar'P.O Dullah</t>
  </si>
  <si>
    <t>Dhok Bhandar</t>
  </si>
  <si>
    <t>MUJTABA HASAN</t>
  </si>
  <si>
    <t>GPS DHOK BHATIAN</t>
  </si>
  <si>
    <t>Chakral</t>
  </si>
  <si>
    <t>village and post office chakral tehsil and district chakwal</t>
  </si>
  <si>
    <t>Naveed Ahmed Tarar</t>
  </si>
  <si>
    <t>GPS DHOK BHATTI</t>
  </si>
  <si>
    <t>DHOK BHATTI</t>
  </si>
  <si>
    <t>vpo pira fatehal GPS Dhok Bhatti</t>
  </si>
  <si>
    <t>Pira Fateha</t>
  </si>
  <si>
    <t>GPS DHOK BHATTI DAKHLI KOT SARANG</t>
  </si>
  <si>
    <t>Dhoke Bhatti</t>
  </si>
  <si>
    <t>Dhoke Bhatti kotsarang p/o Kotsarang Tehsil Talagang Distt Chakwal</t>
  </si>
  <si>
    <t>GPS DHOK BHATTIAN NO. 2</t>
  </si>
  <si>
    <t>Dhoke bhattian Jound</t>
  </si>
  <si>
    <t>GPS dhoke bhattian Jound p/o Chakumra</t>
  </si>
  <si>
    <t>GPS DHOK BHIRRA</t>
  </si>
  <si>
    <t>Dhoke Bhira</t>
  </si>
  <si>
    <t>Dhoke bhira Fateh jang Attock</t>
  </si>
  <si>
    <t>GPS DHOK BHURA</t>
  </si>
  <si>
    <t>Gbps Dhoke bhura</t>
  </si>
  <si>
    <t>Dhoke Bhura</t>
  </si>
  <si>
    <t>GPS DHOK BIDDER</t>
  </si>
  <si>
    <t>Dhoke Bidder</t>
  </si>
  <si>
    <t>vpo dhoke bidder teh &amp; distt jhelum</t>
  </si>
  <si>
    <t>Akmal Ijaz Arif</t>
  </si>
  <si>
    <t>GPS DHOK BILAL</t>
  </si>
  <si>
    <t>Thatti Syedan</t>
  </si>
  <si>
    <t>v&amp;p.o  thatti syedan  dk Bilal</t>
  </si>
  <si>
    <t>GPS DHOK BODA</t>
  </si>
  <si>
    <t>Dhok Boda</t>
  </si>
  <si>
    <t>vill p/ o shah pur syedan dis/ teh chakwal</t>
  </si>
  <si>
    <t>Dk Boda</t>
  </si>
  <si>
    <t>gulshan batool</t>
  </si>
  <si>
    <t>GPS DHOK BUDHAL</t>
  </si>
  <si>
    <t>Dhoke Budhal</t>
  </si>
  <si>
    <t>Vill Dk budhal p.o changa</t>
  </si>
  <si>
    <t>lawa rural</t>
  </si>
  <si>
    <t>Syed Ali Hussnain Shah Hamdani</t>
  </si>
  <si>
    <t>GPS DHOK BURJ</t>
  </si>
  <si>
    <t>vpo karooli teh kallar kahar</t>
  </si>
  <si>
    <t>GPS DHOK CHAB</t>
  </si>
  <si>
    <t>Chab</t>
  </si>
  <si>
    <t>Itrat-U-Zahra</t>
  </si>
  <si>
    <t>GPS DHOK CHACH</t>
  </si>
  <si>
    <t>Dhok Chach Tehsil Fateh Jang District Attock</t>
  </si>
  <si>
    <t>Waheed Akhtar</t>
  </si>
  <si>
    <t>GPS DHOK CHANDI</t>
  </si>
  <si>
    <t>Dhok Chandi</t>
  </si>
  <si>
    <t>village muthrala dhok chandi talagang</t>
  </si>
  <si>
    <t>GPS DHOK CHAPRI</t>
  </si>
  <si>
    <t>Dhok Chapri</t>
  </si>
  <si>
    <t>dhok chapri po box herdosodhi khushab</t>
  </si>
  <si>
    <t>GPS DHOK CHATHA</t>
  </si>
  <si>
    <t>Dk Chatha</t>
  </si>
  <si>
    <t>dk chatha p.o larrian</t>
  </si>
  <si>
    <t>Kot Gulla</t>
  </si>
  <si>
    <t>Sher Khan</t>
  </si>
  <si>
    <t>GPS DHOK CHATTA</t>
  </si>
  <si>
    <t>dhoke chatta chakri road rwp</t>
  </si>
  <si>
    <t>Dhoke Chatta</t>
  </si>
  <si>
    <t>Munir Begum</t>
  </si>
  <si>
    <t>GPS DHOK CHATTAH</t>
  </si>
  <si>
    <t>GBPS Dk. Chattah</t>
  </si>
  <si>
    <t>Dk Chattah</t>
  </si>
  <si>
    <t>AAMIR SALEEM</t>
  </si>
  <si>
    <t>GPS DHOK CHHAB</t>
  </si>
  <si>
    <t>dhok chhab dakhli mirjan</t>
  </si>
  <si>
    <t>Amna Ajmal</t>
  </si>
  <si>
    <t>GPS DHOK CHHAB (BHATIOT)</t>
  </si>
  <si>
    <t>GBPS Chhab Bhatiot</t>
  </si>
  <si>
    <t>Shahid Amir</t>
  </si>
  <si>
    <t>GPS DHOK CHHAB (MIAN WALA)</t>
  </si>
  <si>
    <t>Dhoke Chhab</t>
  </si>
  <si>
    <t>Dhok Chhab</t>
  </si>
  <si>
    <t>GPS DHOK CHHAB (SAGHRI)</t>
  </si>
  <si>
    <t>GBPS Dhoke Chabb Saghri P O Pindi Sarhal Tehsil Jand District Attock</t>
  </si>
  <si>
    <t>GPS DHOK CHHAJI P/O TAMMAN</t>
  </si>
  <si>
    <t>DK Chajji</t>
  </si>
  <si>
    <t>Hameed Ullah Khan</t>
  </si>
  <si>
    <t>GPS DHOK CHHOI (JALWAL)</t>
  </si>
  <si>
    <t>Dhok chhoi , vpo jalwal teh jand district attock</t>
  </si>
  <si>
    <t>Nasir Jamal Ahmad</t>
  </si>
  <si>
    <t>GPS DHOK CHOHAK</t>
  </si>
  <si>
    <t>Dhok Chohak</t>
  </si>
  <si>
    <t>Dhok chohak</t>
  </si>
  <si>
    <t>Ahmed Iqbal</t>
  </si>
  <si>
    <t>near by hand pump .</t>
  </si>
  <si>
    <t>GPS DHOK CHOI</t>
  </si>
  <si>
    <t>Jabbi S Dilawar</t>
  </si>
  <si>
    <t>dhok choi p/o jabbi shah dilawar teh Talagang Dist Chakwal</t>
  </si>
  <si>
    <t>Dhok Choi</t>
  </si>
  <si>
    <t>Jabbi shah Dilawar</t>
  </si>
  <si>
    <t>GPS DHOK CHOUDRIAN (DINGI NARI)</t>
  </si>
  <si>
    <t>dk choudrian tehsil Jand district attock</t>
  </si>
  <si>
    <t>Bibi Sania Zahra</t>
  </si>
  <si>
    <t>GPS DHOK CHUNWAL</t>
  </si>
  <si>
    <t>dhok chanwal</t>
  </si>
  <si>
    <t>Dhok Chanwal</t>
  </si>
  <si>
    <t>GPS DHOK DABRI</t>
  </si>
  <si>
    <t>vpo dhoke dabri tehsil and district chakwal</t>
  </si>
  <si>
    <t>Sanawar Mehmood</t>
  </si>
  <si>
    <t>GPS DHOK DAFRAL PO DHER MOND TEH TLG</t>
  </si>
  <si>
    <t>Dhoke Dafral</t>
  </si>
  <si>
    <t>VPO Dhermond Tehsil Talagang District Chakwal</t>
  </si>
  <si>
    <t>Muhammad Aamir Shehzad</t>
  </si>
  <si>
    <t>GPS DHOK DALI</t>
  </si>
  <si>
    <t>DHOKE DALI, VPO DHOLAR, TEHSIL TALAGANG DISTT CHAKWAL</t>
  </si>
  <si>
    <t>GPS DHOK DALTAL</t>
  </si>
  <si>
    <t>Dhok daltal</t>
  </si>
  <si>
    <t>vpo dhurnal teh lawa district chakwal</t>
  </si>
  <si>
    <t>GPS DHOK DAND</t>
  </si>
  <si>
    <t>Dhoke Dand Vill Sethi, Tehsil Kallar Kahar, Distt Chakwal</t>
  </si>
  <si>
    <t>Dhoke Dand</t>
  </si>
  <si>
    <t>GPS DHOK DAOUD</t>
  </si>
  <si>
    <t>Dhok daoud</t>
  </si>
  <si>
    <t>p/ o dhok daoud</t>
  </si>
  <si>
    <t>GPS DHOK DARA</t>
  </si>
  <si>
    <t>Dhoke Dara</t>
  </si>
  <si>
    <t>Village Dhok Dara P.O Dhoke Faqira.</t>
  </si>
  <si>
    <t>FOZIA BIBI</t>
  </si>
  <si>
    <t>GPS DHOK DARSAKI</t>
  </si>
  <si>
    <t>Darsaki</t>
  </si>
  <si>
    <t>GBPS DHOK DARSAKI.</t>
  </si>
  <si>
    <t>Kousar Ameer</t>
  </si>
  <si>
    <t>GPS DHOK DERA</t>
  </si>
  <si>
    <t>Dk dera</t>
  </si>
  <si>
    <t>dhoke dera</t>
  </si>
  <si>
    <t>Dhoke dera</t>
  </si>
  <si>
    <t>GPS DHOK DHAIR</t>
  </si>
  <si>
    <t>dk dhair</t>
  </si>
  <si>
    <t>GPS DHOK DHALL</t>
  </si>
  <si>
    <t>VPO krahi dhoke dhal dakhli kurar rawalpindi</t>
  </si>
  <si>
    <t>neighbours well</t>
  </si>
  <si>
    <t>GPS DHOK DHALLU</t>
  </si>
  <si>
    <t>gps dhok dhullu village dhok dhullu po jangle</t>
  </si>
  <si>
    <t>Dhok Dhullu</t>
  </si>
  <si>
    <t>Rabnawaz Khan</t>
  </si>
  <si>
    <t>GPS DHOK DHARAL</t>
  </si>
  <si>
    <t>dk dharal</t>
  </si>
  <si>
    <t>GPS DHOK DHATTI</t>
  </si>
  <si>
    <t>vpo jalwal district attack jand</t>
  </si>
  <si>
    <t>Arfat Ahmed</t>
  </si>
  <si>
    <t>GPS DHOK DIN ABAD DAKHLY NAKODAR</t>
  </si>
  <si>
    <t>Dk Dinabad</t>
  </si>
  <si>
    <t>GBPS Dhoke Din-Abad</t>
  </si>
  <si>
    <t>Nakoder</t>
  </si>
  <si>
    <t>GPS DHOK DOBA</t>
  </si>
  <si>
    <t>VPO TARAP DHOK DOBA TEH JAND DIST ATTOCK</t>
  </si>
  <si>
    <t>SHAGUFTA NAZ</t>
  </si>
  <si>
    <t>GPS DHOK DOSA</t>
  </si>
  <si>
    <t>Dhoke Dosa</t>
  </si>
  <si>
    <t>vpo rangli tehsil jand distt attock</t>
  </si>
  <si>
    <t>Pinsultani</t>
  </si>
  <si>
    <t>GPS DHOK DURAB</t>
  </si>
  <si>
    <t>entrance village thatha khalil dhok durab tahsil taxila</t>
  </si>
  <si>
    <t>Dhok Durab</t>
  </si>
  <si>
    <t>local tuwell</t>
  </si>
  <si>
    <t>GPS DHOK ETBAAR NO.2</t>
  </si>
  <si>
    <t>Dhok Itabar</t>
  </si>
  <si>
    <t>Dhok Itabar VPO Saghar</t>
  </si>
  <si>
    <t>Gohar Bano</t>
  </si>
  <si>
    <t>GPS DHOK FATEH SARWALA</t>
  </si>
  <si>
    <t>dk.fateh fateh attock</t>
  </si>
  <si>
    <t>dk.fateh</t>
  </si>
  <si>
    <t>GPS DHOK FAZAL</t>
  </si>
  <si>
    <t>Dhoke Fazal</t>
  </si>
  <si>
    <t>Dhoke Fazal ,post office Dandi tehsil Talagang district Chakwal.</t>
  </si>
  <si>
    <t>Amir Baz</t>
  </si>
  <si>
    <t>GPS DHOK FIDA HUSSAIN</t>
  </si>
  <si>
    <t>KOT FATEH KHAN</t>
  </si>
  <si>
    <t>GBPS Dhoke Fida Hussain PO Kot Fateh Khan Tehsil Fateh Jang District Attock</t>
  </si>
  <si>
    <t>Dhoke Fida Hussain</t>
  </si>
  <si>
    <t>Zubair Khalid</t>
  </si>
  <si>
    <t>GPS DHOK FIRDOUS</t>
  </si>
  <si>
    <t>Dhok Firdous Jhelum</t>
  </si>
  <si>
    <t>dhok firdous jhelum</t>
  </si>
  <si>
    <t>Dhok Firdous</t>
  </si>
  <si>
    <t>Tayaba Jabeen</t>
  </si>
  <si>
    <t>GPS DHOK GALI</t>
  </si>
  <si>
    <t>Village dhok gali PO Malhowali</t>
  </si>
  <si>
    <t>GPS DHOK GAMA</t>
  </si>
  <si>
    <t>dk.gama</t>
  </si>
  <si>
    <t>Dhoke Gama</t>
  </si>
  <si>
    <t>Shah Rafi Ud Din</t>
  </si>
  <si>
    <t>GPS DHOK GANDA</t>
  </si>
  <si>
    <t>GB Primary School Dhoke Ganda</t>
  </si>
  <si>
    <t>Arfana Kalsoom</t>
  </si>
  <si>
    <t>GPS DHOK GAR</t>
  </si>
  <si>
    <t>vpo thoha mehram khan distt chakwal teh talagang</t>
  </si>
  <si>
    <t>Navid Hussain</t>
  </si>
  <si>
    <t>GPS DHOK GHAGGI</t>
  </si>
  <si>
    <t>Village Dk Ghaghi Teh Jand Distt Attok</t>
  </si>
  <si>
    <t>Dk Ghaghi</t>
  </si>
  <si>
    <t>GPS DHOK GHANDIAN</t>
  </si>
  <si>
    <t>vpo langar tehsil jand district attock</t>
  </si>
  <si>
    <t>Amraz Begum</t>
  </si>
  <si>
    <t>GPS DHOK GHARKIAL</t>
  </si>
  <si>
    <t>GPS Dhok Gharkial VPO Bilalabad</t>
  </si>
  <si>
    <t>Gharkial</t>
  </si>
  <si>
    <t>GPS DHOK GHAZAN</t>
  </si>
  <si>
    <t>Dhoke Ghazan</t>
  </si>
  <si>
    <t>GES Dhok Ghazan</t>
  </si>
  <si>
    <t>Dhoke ghazan</t>
  </si>
  <si>
    <t>Khalid Mehmood Khan</t>
  </si>
  <si>
    <t>GPS DHOK GHAZI KHEL</t>
  </si>
  <si>
    <t>p/o chadha village dhoke ghazi khel</t>
  </si>
  <si>
    <t>Dhoke Ghazi Khel</t>
  </si>
  <si>
    <t>GPS DHOK GILL</t>
  </si>
  <si>
    <t>Dhoke Gill</t>
  </si>
  <si>
    <t>GPS DHOK GORORI</t>
  </si>
  <si>
    <t>Garori</t>
  </si>
  <si>
    <t>Samiullah</t>
  </si>
  <si>
    <t>GPS DHOK GUJRAN MISRIAL</t>
  </si>
  <si>
    <t>GPS Dhoke Gujran Misrial</t>
  </si>
  <si>
    <t>Dhoke Gujran Misrial</t>
  </si>
  <si>
    <t>GPS DHOK HABIB</t>
  </si>
  <si>
    <t>P o dhok sarfraz vill dhok habib tehsil jand district attock</t>
  </si>
  <si>
    <t>Dhok Habib</t>
  </si>
  <si>
    <t>GPS DHOK HAFEEZ ULLAH</t>
  </si>
  <si>
    <t>village dhoke hafeez ullah p/o baragowah tehsil sohawa distt jhelum</t>
  </si>
  <si>
    <t>Dhoke Hafeez Ullah</t>
  </si>
  <si>
    <t>Farhat Mehmood</t>
  </si>
  <si>
    <t>GPS DHOK HAFIZ ABAD</t>
  </si>
  <si>
    <t>Dhoke Hafiz Abad</t>
  </si>
  <si>
    <t>VPO Dhoke Hafiz Abad</t>
  </si>
  <si>
    <t>GPS DHOK HAFIZ SAID MIR DAKHLI CHAK BHOUN</t>
  </si>
  <si>
    <t>Chakbhoun</t>
  </si>
  <si>
    <t>VPO CHAKBHOUN CHAKWAL</t>
  </si>
  <si>
    <t>Attia Yasmin</t>
  </si>
  <si>
    <t>GPS DHOK HAFZAAL</t>
  </si>
  <si>
    <t>GPS  DHOK HAFZAL DHERMOND TEH TALAGANG DIST CHAKWAL</t>
  </si>
  <si>
    <t>Muhammad riaz</t>
  </si>
  <si>
    <t>GPS DHOK HAJI</t>
  </si>
  <si>
    <t>Shah M Wali</t>
  </si>
  <si>
    <t>dhok haji p/o Ali haider pur village shah Muhammad wali</t>
  </si>
  <si>
    <t>Dhok Haji</t>
  </si>
  <si>
    <t>Jabi Shah Dilawar</t>
  </si>
  <si>
    <t>GPS DHOK HAJI MUNDIAL</t>
  </si>
  <si>
    <t>Dhok haji mandial guliyal kalan</t>
  </si>
  <si>
    <t>Kiran Qayoum</t>
  </si>
  <si>
    <t>GPS DHOK HAJJIAN</t>
  </si>
  <si>
    <t>GujarKhan</t>
  </si>
  <si>
    <t>Dhoke Hajjian</t>
  </si>
  <si>
    <t>GPS DHOK HAJVERI BHOUN</t>
  </si>
  <si>
    <t>moh.toti mohra bhoun</t>
  </si>
  <si>
    <t>Mufeez Ahmad</t>
  </si>
  <si>
    <t>GPS DHOK HALEEM</t>
  </si>
  <si>
    <t>Village Dhok Haleem</t>
  </si>
  <si>
    <t>GPS DHOK HAM</t>
  </si>
  <si>
    <t>Dhok Ham</t>
  </si>
  <si>
    <t>GPS DHOK HAMMIT</t>
  </si>
  <si>
    <t>Dhoke Himmat</t>
  </si>
  <si>
    <t>GPS DHOK HAMMON</t>
  </si>
  <si>
    <t>BikharI Kalan</t>
  </si>
  <si>
    <t>Gps Dhoke Hammun Village Bikhari Kalan tehsil and District Chakwl</t>
  </si>
  <si>
    <t>GPS DHOK HASSA</t>
  </si>
  <si>
    <t>Thala Mughlan teh:sohawa,District: Jhelum,p/o: Bangial</t>
  </si>
  <si>
    <t>Dhok Hassa</t>
  </si>
  <si>
    <t>Khuram Raza</t>
  </si>
  <si>
    <t>GPS DHOK HASSU</t>
  </si>
  <si>
    <t>DhoK Hassu</t>
  </si>
  <si>
    <t>dhok hasuu</t>
  </si>
  <si>
    <t>Dhok Hassu</t>
  </si>
  <si>
    <t>Dhok Hasu</t>
  </si>
  <si>
    <t>Rabia Isma</t>
  </si>
  <si>
    <t>GPS DHOK HAYAT MUHAMMAD JARGAR</t>
  </si>
  <si>
    <t>Dhok jarger  HM</t>
  </si>
  <si>
    <t>Gps Dhk jarger  Hayyat Muhammad</t>
  </si>
  <si>
    <t>Malhowli</t>
  </si>
  <si>
    <t>GPS DHOK HAYAT TATAIR</t>
  </si>
  <si>
    <t>village dhoke Hayat P/O Thamewali  T/D Mianwali</t>
  </si>
  <si>
    <t>Dhoke Hayat</t>
  </si>
  <si>
    <t>GPS DHOK HAYAT ULLAH</t>
  </si>
  <si>
    <t>dhok hayat ullah tehsil naushehra District khushab</t>
  </si>
  <si>
    <t>Mardawal</t>
  </si>
  <si>
    <t>Azhar Iftikhar</t>
  </si>
  <si>
    <t>labour</t>
  </si>
  <si>
    <t>GPS DHOK HERAL</t>
  </si>
  <si>
    <t>Dhoke Harrel</t>
  </si>
  <si>
    <t>dhoke harrel</t>
  </si>
  <si>
    <t>GPS DHOK HINDU</t>
  </si>
  <si>
    <t>GBPS Dhok hindo jand Attock</t>
  </si>
  <si>
    <t>Hindo</t>
  </si>
  <si>
    <t>GPS DHOK INAYAT</t>
  </si>
  <si>
    <t>Dhoke Inayat</t>
  </si>
  <si>
    <t>GPS Dhoke Inayat Teh Pindi Gheb District Attock</t>
  </si>
  <si>
    <t>Qasim Shah</t>
  </si>
  <si>
    <t>GPS DHOK ISHRAL</t>
  </si>
  <si>
    <t>Dhok Ishral VPO letti tehsil lawa district chakwal</t>
  </si>
  <si>
    <t>Nazeer Hussain</t>
  </si>
  <si>
    <t>GPS DHOK JAKHAR</t>
  </si>
  <si>
    <t>Dhoke Jakhar</t>
  </si>
  <si>
    <t>Village dhoke jakhar post office dorey teh and distt chakwal</t>
  </si>
  <si>
    <t>Ibrar Hussain</t>
  </si>
  <si>
    <t>GPS DHOK JALLO</t>
  </si>
  <si>
    <t>village jallo gt road</t>
  </si>
  <si>
    <t>GPS DHOK JANDER</t>
  </si>
  <si>
    <t>DHOK JANDER</t>
  </si>
  <si>
    <t>Village DHOK JANDER PO  BHILOWAL TEHSIL PUND DADAN KHAN DISTRICT JHELUM</t>
  </si>
  <si>
    <t>DHOKJANDER</t>
  </si>
  <si>
    <t>HAFIZ MUHAMMAD RAMZAN</t>
  </si>
  <si>
    <t>GPS DHOK JAT</t>
  </si>
  <si>
    <t>Dhoke Jatt</t>
  </si>
  <si>
    <t>gbps dhoke Jatt</t>
  </si>
  <si>
    <t>GPS DHOK JAWANDA</t>
  </si>
  <si>
    <t>nawa</t>
  </si>
  <si>
    <t>dk.jawinda attock</t>
  </si>
  <si>
    <t>GPS DHOK JHAGRA</t>
  </si>
  <si>
    <t>Dhok Jhagra</t>
  </si>
  <si>
    <t>dhok jhagra post office daiwal tehsil and district khushab</t>
  </si>
  <si>
    <t>Muhammad Azad</t>
  </si>
  <si>
    <t>GPS DHOK JHAMAL</t>
  </si>
  <si>
    <t>Dhoke jhmal durnal</t>
  </si>
  <si>
    <t>Jhmal Durnal</t>
  </si>
  <si>
    <t>ALAM KHATOON</t>
  </si>
  <si>
    <t>GPS DHOK JHAMAT</t>
  </si>
  <si>
    <t>Govt ps dk jhamat  pindi gheb attock</t>
  </si>
  <si>
    <t>GPS DHOK JHODAL</t>
  </si>
  <si>
    <t>dhok jhodal</t>
  </si>
  <si>
    <t>dhok jhodal P.O Kotgulla</t>
  </si>
  <si>
    <t>kotgulla</t>
  </si>
  <si>
    <t>Waseem Iqbal</t>
  </si>
  <si>
    <t>GPS DHOK JINWAL</t>
  </si>
  <si>
    <t>dhoke jinwal</t>
  </si>
  <si>
    <t>Dhoke Jinwal</t>
  </si>
  <si>
    <t>Shazia Bushra</t>
  </si>
  <si>
    <t>GPS DHOK JOGIAN</t>
  </si>
  <si>
    <t>dk.tarbethi</t>
  </si>
  <si>
    <t>viil.dk. jogian po sanjwal attock</t>
  </si>
  <si>
    <t>dk.jogian</t>
  </si>
  <si>
    <t>MUHAMMAD IFZAL</t>
  </si>
  <si>
    <t>GPS DHOK JUGIAL</t>
  </si>
  <si>
    <t>Dhok Jugial</t>
  </si>
  <si>
    <t>Dhok Jugial VPO Budhial Tehsil Talagang District Chakwal</t>
  </si>
  <si>
    <t>Nasim Zahra</t>
  </si>
  <si>
    <t>GPS DHOK JUNGLI</t>
  </si>
  <si>
    <t>Bhilomar Jungli</t>
  </si>
  <si>
    <t>post office bhilomar teh talagang district chakwal</t>
  </si>
  <si>
    <t>Dhok Jungli</t>
  </si>
  <si>
    <t>GPS DHOK KALAN</t>
  </si>
  <si>
    <t>Dhok Kalan</t>
  </si>
  <si>
    <t>dhok kalan p.o baisa teh sarai alamgi dist gujrat</t>
  </si>
  <si>
    <t>Sajida bibi</t>
  </si>
  <si>
    <t>GPS DHOK KAMAL</t>
  </si>
  <si>
    <t>Dhoke Kamal</t>
  </si>
  <si>
    <t>village dhoke Kamal p.o dhudial teh &amp; distt.chakwal</t>
  </si>
  <si>
    <t>GPS DHOK KANDI</t>
  </si>
  <si>
    <t>GBPS Khandi, P/O Chhab, Tehsil Jand, District Attock.</t>
  </si>
  <si>
    <t>Dhok Khandi</t>
  </si>
  <si>
    <t>GPS DHOK KANJAN</t>
  </si>
  <si>
    <t>Village and P O Kamra Teh Fateh jang Attock</t>
  </si>
  <si>
    <t>GPS DHOK KARAM SHAH</t>
  </si>
  <si>
    <t>Dhoke Karam Shah</t>
  </si>
  <si>
    <t>Har Chahar Dhab</t>
  </si>
  <si>
    <t>GPS DHOK KARYALA</t>
  </si>
  <si>
    <t>Dhok Karyala</t>
  </si>
  <si>
    <t>GPS Dhok karyala</t>
  </si>
  <si>
    <t>GPS DHOK KASHMIRIAN</t>
  </si>
  <si>
    <t>Village Gasroor P. O Thati Tehsil Gujar Khan Distt Rawalpindi.</t>
  </si>
  <si>
    <t>Saiqa Jahangir</t>
  </si>
  <si>
    <t>GPS DHOK KASI PICHNAND</t>
  </si>
  <si>
    <t>Dhok Kasi</t>
  </si>
  <si>
    <t>GPS Dhoke.Kasi</t>
  </si>
  <si>
    <t>GPS DHOK KASMAL VILLAGE MULTAN KHURD</t>
  </si>
  <si>
    <t>dhok kasmal P/ O Multan khurd</t>
  </si>
  <si>
    <t>Dhok Kasmal</t>
  </si>
  <si>
    <t>GPS DHOK KASORA</t>
  </si>
  <si>
    <t>dhok kasora tehsil &amp; district mianwali</t>
  </si>
  <si>
    <t>Dhok Kasora</t>
  </si>
  <si>
    <t>Muhammad Farid Khan</t>
  </si>
  <si>
    <t>GPS DHOK KAWA</t>
  </si>
  <si>
    <t>Muraria</t>
  </si>
  <si>
    <t>Dhoke Kawa  Teh Hazro Distt Attock</t>
  </si>
  <si>
    <t>Dhoke Kawa</t>
  </si>
  <si>
    <t>Tanweer Ahmed</t>
  </si>
  <si>
    <t>GPS DHOK KAYAL</t>
  </si>
  <si>
    <t>DHOKE Kayal</t>
  </si>
  <si>
    <t>DHOKE kayal</t>
  </si>
  <si>
    <t>Muhammad waqas</t>
  </si>
  <si>
    <t>GPS DHOK KEER</t>
  </si>
  <si>
    <t>village dhok keer tehsil fateh jang district attock</t>
  </si>
  <si>
    <t>GPS DHOK KEHNAT</t>
  </si>
  <si>
    <t>GPS Kenhat Gattal</t>
  </si>
  <si>
    <t>Saima Sattar</t>
  </si>
  <si>
    <t>GPS DHOK KHANA</t>
  </si>
  <si>
    <t>dk khana po leti teh lawa dist chakwal</t>
  </si>
  <si>
    <t>dk khana</t>
  </si>
  <si>
    <t>Khizar hayat</t>
  </si>
  <si>
    <t>GPS DHOK KHARCHAL</t>
  </si>
  <si>
    <t>Dhok Kharchal VPO Dhaular Tehsil Talagang District Chakwal</t>
  </si>
  <si>
    <t>DHOLAR</t>
  </si>
  <si>
    <t>GPS DHOK KHARMAR</t>
  </si>
  <si>
    <t>Trap South</t>
  </si>
  <si>
    <t>kharmar teh lawa disst chakwal</t>
  </si>
  <si>
    <t>Kharmar</t>
  </si>
  <si>
    <t>GPS DHOK KHASALA</t>
  </si>
  <si>
    <t>Dhok Khasala</t>
  </si>
  <si>
    <t>po khasala kalaan Rawalpindi</t>
  </si>
  <si>
    <t>Fawad inayat</t>
  </si>
  <si>
    <t>GPS DHOK KHATAR</t>
  </si>
  <si>
    <t>Dhoke Khattar</t>
  </si>
  <si>
    <t>VPO Thatti Sayedan</t>
  </si>
  <si>
    <t>Muhammad Sabir Khan</t>
  </si>
  <si>
    <t>GPS DHOK KHOKHAR</t>
  </si>
  <si>
    <t>GPS Dhok Khokhar</t>
  </si>
  <si>
    <t>GPS DHOK KHUNDA</t>
  </si>
  <si>
    <t>Dhok Khunda</t>
  </si>
  <si>
    <t>Dhok khunda post office Malikwal  Talagang</t>
  </si>
  <si>
    <t>GPS DHOK KUFRI</t>
  </si>
  <si>
    <t>kufri tehsil Naushehra distt Khushab</t>
  </si>
  <si>
    <t>GPS DHOK LADAL FATEH SHER</t>
  </si>
  <si>
    <t>UCHHALA</t>
  </si>
  <si>
    <t>DHOK FATEH SHER LADAL</t>
  </si>
  <si>
    <t>KHABAKKI</t>
  </si>
  <si>
    <t>Akhtar Iqbal</t>
  </si>
  <si>
    <t>COMMUNITY ARRANGEMENT</t>
  </si>
  <si>
    <t>GPS DHOK LADHIAL</t>
  </si>
  <si>
    <t>Dhok Ladhyal</t>
  </si>
  <si>
    <t>dhok ladhyal,</t>
  </si>
  <si>
    <t>GPS DHOK LANGRIAL</t>
  </si>
  <si>
    <t>gbps dhoke langrial post office Gaggan tehsil fateh jang distt attock</t>
  </si>
  <si>
    <t>Dhokelangrial</t>
  </si>
  <si>
    <t>GPS DHOK LARI (MALHO WALI)</t>
  </si>
  <si>
    <t>Dhok Larri</t>
  </si>
  <si>
    <t>village &amp; post office malhowali</t>
  </si>
  <si>
    <t>GPS DHOK LARI TOOT</t>
  </si>
  <si>
    <t>dhoke larri toot</t>
  </si>
  <si>
    <t>Dhoke Larri Toot</t>
  </si>
  <si>
    <t>GPS DHOK LASHKARIAL</t>
  </si>
  <si>
    <t>Thoa Mehram Khan</t>
  </si>
  <si>
    <t>GPS Lashkrial VPO Thoa Mehram Khan</t>
  </si>
  <si>
    <t>Dhok Lashkrial</t>
  </si>
  <si>
    <t>GPS DHOK LOHARAN MALAL</t>
  </si>
  <si>
    <t>Qoulyar</t>
  </si>
  <si>
    <t>Village dhok loharan dakhli qoulyar post office dhurnal tehsil fateh jang district attock</t>
  </si>
  <si>
    <t>Dhoke Loharan</t>
  </si>
  <si>
    <t>GPS DHOK LOON TARAP</t>
  </si>
  <si>
    <t>dhoke mulan po tarap teh jand distt attock</t>
  </si>
  <si>
    <t>DHOK MULLAN</t>
  </si>
  <si>
    <t>MUHAMMAD ITBAR KHAN</t>
  </si>
  <si>
    <t>GPS DHOK MACHIAN</t>
  </si>
  <si>
    <t>Dhoke Machine</t>
  </si>
  <si>
    <t>govt.primary school dhoke machine</t>
  </si>
  <si>
    <t>Dharaik</t>
  </si>
  <si>
    <t>GPS DHOK MADUH WALI</t>
  </si>
  <si>
    <t>Dhoke Maddu Wali</t>
  </si>
  <si>
    <t>easub Khan</t>
  </si>
  <si>
    <t>GPS DHOK MAGHRAL</t>
  </si>
  <si>
    <t>gps dhok maghral</t>
  </si>
  <si>
    <t>Dhok Maghral</t>
  </si>
  <si>
    <t>Banhafiz Je</t>
  </si>
  <si>
    <t>water supply pipe line</t>
  </si>
  <si>
    <t>GPS DHOK MAIDA</t>
  </si>
  <si>
    <t>gbps Dhok Maida</t>
  </si>
  <si>
    <t>Nazakat Ali Khan</t>
  </si>
  <si>
    <t>GPS DHOK MAIRA</t>
  </si>
  <si>
    <t>MAIRA sharif</t>
  </si>
  <si>
    <t>MAIRA sharif post office baisa kalan tehsil sarai alamgir district gujrat.</t>
  </si>
  <si>
    <t>Syed Muhammad Idrees</t>
  </si>
  <si>
    <t>GPS DHOK MAITAN</t>
  </si>
  <si>
    <t>dhok maitan p.o domeli tehsil sohawa distt jhelum</t>
  </si>
  <si>
    <t>Dhok maitan</t>
  </si>
  <si>
    <t>drinking water is brought from a nearby home</t>
  </si>
  <si>
    <t>GPS DHOK MAJEED</t>
  </si>
  <si>
    <t>VPo Naka Kalan teh. Pindi Gheb dist. Attock.</t>
  </si>
  <si>
    <t>Dhok Majeed</t>
  </si>
  <si>
    <t>GPS DHOK MAJHIAL</t>
  </si>
  <si>
    <t>v.p.o karooli Tehsil kallarkahar district chakwal</t>
  </si>
  <si>
    <t>Dhok Majhial</t>
  </si>
  <si>
    <t>Nazim Ali</t>
  </si>
  <si>
    <t>GPS DHOK MALIAR</t>
  </si>
  <si>
    <t>Dk MILYAR</t>
  </si>
  <si>
    <t>dk milyar Po Dhullian pindi gheb</t>
  </si>
  <si>
    <t>Dk Milyar</t>
  </si>
  <si>
    <t>Ghareeb Waal</t>
  </si>
  <si>
    <t>GPS DHOK MAMNAL</t>
  </si>
  <si>
    <t>Kanhati Garden</t>
  </si>
  <si>
    <t>vill kanhati garden p.o khabeki teh naushera distt khushab</t>
  </si>
  <si>
    <t>Sher Ali</t>
  </si>
  <si>
    <t>neighbourhood hand pump</t>
  </si>
  <si>
    <t>GPS DHOK MANGAA</t>
  </si>
  <si>
    <t>vpo saghar tehsil talagang district chakwal</t>
  </si>
  <si>
    <t>Dhok Manga</t>
  </si>
  <si>
    <t>rukhsana begum</t>
  </si>
  <si>
    <t>GPS DHOK MANGALA</t>
  </si>
  <si>
    <t>Dhurnal Tehsil Fateh Hang Attocj</t>
  </si>
  <si>
    <t>Dhoke Mangala</t>
  </si>
  <si>
    <t>GPS DHOK MANGIAL</t>
  </si>
  <si>
    <t>dhok mangial talagang</t>
  </si>
  <si>
    <t>MUNAZZA ZAHRA Malik</t>
  </si>
  <si>
    <t>GPS DHOK MANJOKHA</t>
  </si>
  <si>
    <t>po jhamat.vlg manjokha</t>
  </si>
  <si>
    <t>Sahib Un Nisa</t>
  </si>
  <si>
    <t>GPS DHOK MANNA</t>
  </si>
  <si>
    <t>Dhoke manna post office langar teh jand</t>
  </si>
  <si>
    <t>Dhoke Manna</t>
  </si>
  <si>
    <t>Yasmin Perveen</t>
  </si>
  <si>
    <t>Tanky of village</t>
  </si>
  <si>
    <t>GPS DHOK MANSOOR</t>
  </si>
  <si>
    <t>village dhoke  Mansoor post office chhab tehsil jand district attock</t>
  </si>
  <si>
    <t>Dhoke Mansoor</t>
  </si>
  <si>
    <t>school council member home</t>
  </si>
  <si>
    <t>GPS DHOK MARDWAL</t>
  </si>
  <si>
    <t>dhok mardwal Vpo mardwal</t>
  </si>
  <si>
    <t>GPS DHOK MARI</t>
  </si>
  <si>
    <t>gbps dhoke mari  villig dhoke mari p/o mari</t>
  </si>
  <si>
    <t>GPS DHOK MASTAL</t>
  </si>
  <si>
    <t>wandhi bhamjhaira wali</t>
  </si>
  <si>
    <t>p/o dhoke mustal teh &amp; dist mianwali</t>
  </si>
  <si>
    <t>dhoke mustal</t>
  </si>
  <si>
    <t>ban hafiz jee</t>
  </si>
  <si>
    <t>GPS DHOK MEER BAZ UCHHALI</t>
  </si>
  <si>
    <t>vpo Uchhali tehsil naushera district khushab</t>
  </si>
  <si>
    <t>Dhair Uchhal</t>
  </si>
  <si>
    <t>Muhammad Salik Aziz</t>
  </si>
  <si>
    <t>GPS DHOK MEHR MUHAMMADAL</t>
  </si>
  <si>
    <t>Dhok BHIRRA</t>
  </si>
  <si>
    <t>Dhok BHIRRA VPO DHULLI</t>
  </si>
  <si>
    <t>DHULLI</t>
  </si>
  <si>
    <t>BIDHER</t>
  </si>
  <si>
    <t>GPS DHOK MEHRAN</t>
  </si>
  <si>
    <t>Fore Pothi</t>
  </si>
  <si>
    <t>Dhok Mehran P.O Fore Pothi The Sohawa Disstt Jhelum</t>
  </si>
  <si>
    <t>Dhok Mehran</t>
  </si>
  <si>
    <t>GPS DHOK MEHRWAL</t>
  </si>
  <si>
    <t>Dhok Mehrwal, P/O Daiwal. Khushab</t>
  </si>
  <si>
    <t>Dhok Mehrwal</t>
  </si>
  <si>
    <t>spectacles</t>
  </si>
  <si>
    <t>GPS DHOK MERA</t>
  </si>
  <si>
    <t>Dhok mera vill.dhreak P/O Bahtar Teh.Fateh Jang Distt.Attock</t>
  </si>
  <si>
    <t>GPS DHOK MIAN HASOO</t>
  </si>
  <si>
    <t>village dhk mian hassu p.o Bahtar tehsil fateh jhang district Attock.</t>
  </si>
  <si>
    <t>Dhok Mian Hassu</t>
  </si>
  <si>
    <t>Masood ahmad</t>
  </si>
  <si>
    <t>GPS DHOK MIR DEH</t>
  </si>
  <si>
    <t>GPS Dhok Mir Deh</t>
  </si>
  <si>
    <t>Dera Mir Deh</t>
  </si>
  <si>
    <t>GPS DHOK MIRZA HASIL</t>
  </si>
  <si>
    <t>D Mirza</t>
  </si>
  <si>
    <t>hasil</t>
  </si>
  <si>
    <t>Anjum Naseer</t>
  </si>
  <si>
    <t>GPS DHOK MIRZAL</t>
  </si>
  <si>
    <t>GPS DHOK MISTRIAN</t>
  </si>
  <si>
    <t>Govt boys primary school dhoke mistriyan , dhoke syedan road Rawalpindi</t>
  </si>
  <si>
    <t>GPS DHOK MOCHIAN AKHORI</t>
  </si>
  <si>
    <t>Village Dhoke mochian P/O Akhori Tehsil &amp; District Attock</t>
  </si>
  <si>
    <t>GPS DHOK MOCHIAN PINDI SULTAN</t>
  </si>
  <si>
    <t>Village Pindsultani Tehsjl Jand District Attock</t>
  </si>
  <si>
    <t>Tariq Ayub</t>
  </si>
  <si>
    <t>GPS DHOK MORRI</t>
  </si>
  <si>
    <t>VPO Mianwala, Tehsil Pindigheb, District Attock.</t>
  </si>
  <si>
    <t>Dk Mohri</t>
  </si>
  <si>
    <t>Suraya Jabeen</t>
  </si>
  <si>
    <t>bring water from out side</t>
  </si>
  <si>
    <t>GPS DHOK MOUND</t>
  </si>
  <si>
    <t>Shrah Bahadur</t>
  </si>
  <si>
    <t>viilage dhoke mound tehsil fateh jang attock</t>
  </si>
  <si>
    <t>Dhoke Mond</t>
  </si>
  <si>
    <t>GPS DHOK MOUROSE</t>
  </si>
  <si>
    <t>V.P.O Namal ( Dhok Mourose)</t>
  </si>
  <si>
    <t>Mourose</t>
  </si>
  <si>
    <t>GPS DHOK MUDAAL</t>
  </si>
  <si>
    <t>Dhok Mudal</t>
  </si>
  <si>
    <t>Vpo dhurnl dhok modal teh lawa</t>
  </si>
  <si>
    <t>Dhurnl</t>
  </si>
  <si>
    <t>GPS DHOK MUGHAL MARDWAL</t>
  </si>
  <si>
    <t>Post office mardwal tehsil naushera district khushab</t>
  </si>
  <si>
    <t>GPS DHOK MUGHLAN</t>
  </si>
  <si>
    <t>village dhoke mughlan p.o Nara tehsil kahuta district rawalpindi</t>
  </si>
  <si>
    <t>GPS DHOK MUHAMMAD AMEER</t>
  </si>
  <si>
    <t>vpo dhibba karsial</t>
  </si>
  <si>
    <t>Dhok Kasaura</t>
  </si>
  <si>
    <t>Muhammad Inamullah</t>
  </si>
  <si>
    <t>GPS DHOK MUHAMMAD YAR</t>
  </si>
  <si>
    <t>dhok muhammad yar law</t>
  </si>
  <si>
    <t>Dhok Muhammad Yar</t>
  </si>
  <si>
    <t>Mc Lawa</t>
  </si>
  <si>
    <t>Safdar Ahmad</t>
  </si>
  <si>
    <t>GPS DHOK MUNAWAR</t>
  </si>
  <si>
    <t>Dhoke Munawar</t>
  </si>
  <si>
    <t>GPS DHOK MUNDRIAN</t>
  </si>
  <si>
    <t>village mundrian kharpw</t>
  </si>
  <si>
    <t>Mundrian</t>
  </si>
  <si>
    <t>GPS DHOK MUNSHI</t>
  </si>
  <si>
    <t>Dk Munshi Khan</t>
  </si>
  <si>
    <t>Dhoke munshi khan</t>
  </si>
  <si>
    <t>Dhoke Munshi Khan</t>
  </si>
  <si>
    <t>Naveed Ishrat</t>
  </si>
  <si>
    <t>GPS DHOK MURAD</t>
  </si>
  <si>
    <t>Dhok Murad</t>
  </si>
  <si>
    <t>Dhok  murad</t>
  </si>
  <si>
    <t>Asad Ali</t>
  </si>
  <si>
    <t>GPS DHOK MUSTA</t>
  </si>
  <si>
    <t>Dhoke Musta</t>
  </si>
  <si>
    <t>Dhoke Musta teh Taxila Dist Rwp</t>
  </si>
  <si>
    <t>GPS DHOK MUZAFFAR</t>
  </si>
  <si>
    <t>dhok muzafar</t>
  </si>
  <si>
    <t>Dhok Muzafar</t>
  </si>
  <si>
    <t>Jaura Klan</t>
  </si>
  <si>
    <t>Ahmed Hayat</t>
  </si>
  <si>
    <t>GPS DHOK NAKKA</t>
  </si>
  <si>
    <t>GBPS NAKA pindsultani</t>
  </si>
  <si>
    <t>GPS DHOK NARGHEA</t>
  </si>
  <si>
    <t>Narigha</t>
  </si>
  <si>
    <t>village narigha po dhurnal teh tehsil laws district chakwal</t>
  </si>
  <si>
    <t>Adnan Anjum</t>
  </si>
  <si>
    <t>GPS DHOK NASROO</t>
  </si>
  <si>
    <t>Niko</t>
  </si>
  <si>
    <t>GPS DHOKE NASROO</t>
  </si>
  <si>
    <t>Dhoke Nasroo</t>
  </si>
  <si>
    <t>GPS DHOK NATHEEN</t>
  </si>
  <si>
    <t>Dhok Nathain</t>
  </si>
  <si>
    <t>village dhok natheen post office dhulial tehsil fateh Jang district attock</t>
  </si>
  <si>
    <t>GPS DHOK NAWAB KHEL</t>
  </si>
  <si>
    <t>govt p/s Dhoke nawab khel</t>
  </si>
  <si>
    <t>GPS DHOK NAWAN LOK</t>
  </si>
  <si>
    <t>Dhok nawan lok teh&amp;dist M.B Din</t>
  </si>
  <si>
    <t>DHOK NAWAN LOK</t>
  </si>
  <si>
    <t>GPS DHOK NAWAZ</t>
  </si>
  <si>
    <t>village Dk  Nawaz. Post office Boots Attock</t>
  </si>
  <si>
    <t>Dhok Nawaz</t>
  </si>
  <si>
    <t>GPS DHOK NILHAD</t>
  </si>
  <si>
    <t>Makhad Sharif</t>
  </si>
  <si>
    <t>District Attock  Tehsil Jand P/O Makhad Sharif , Dhoke Nilhad</t>
  </si>
  <si>
    <t>Dk Nilhad</t>
  </si>
  <si>
    <t>GPS DHOK NOORA</t>
  </si>
  <si>
    <t>Dhok noora</t>
  </si>
  <si>
    <t>dhok noora p do khan jhelum</t>
  </si>
  <si>
    <t>Dhok Noora</t>
  </si>
  <si>
    <t>GPS DHOK NOORAL</t>
  </si>
  <si>
    <t>GPS Dk Nooral Po Tamman</t>
  </si>
  <si>
    <t>DK Nooral</t>
  </si>
  <si>
    <t>HABIB KHAN</t>
  </si>
  <si>
    <t>GPS DHOK OTHIAN</t>
  </si>
  <si>
    <t>Dhoke Othian</t>
  </si>
  <si>
    <t>Dhoke Othian, village langer, post office Bahtar, tehsil fateh jang district Attock</t>
  </si>
  <si>
    <t>GPS DHOK PANJAIN</t>
  </si>
  <si>
    <t>Dhok Panjain</t>
  </si>
  <si>
    <t>Village dhokepanjain. PO Dhudial</t>
  </si>
  <si>
    <t>Muneeba Raza</t>
  </si>
  <si>
    <t>GPS DHOK PAR</t>
  </si>
  <si>
    <t>Dhokeparr moorat Fateh jang attock</t>
  </si>
  <si>
    <t>Dhoke Parr</t>
  </si>
  <si>
    <t>Muhammad Salim  Khan</t>
  </si>
  <si>
    <t>Boring electric motor</t>
  </si>
  <si>
    <t>GPS DHOK PARI</t>
  </si>
  <si>
    <t>Dk Parri</t>
  </si>
  <si>
    <t>G B P S Dk. Parri</t>
  </si>
  <si>
    <t>Gribwal</t>
  </si>
  <si>
    <t>GPS DHOK PATHAN</t>
  </si>
  <si>
    <t>Dhoke Pathan</t>
  </si>
  <si>
    <t>Village:- Dhoke Pathan, Post Office:- Kotsarang, Tehsil:- Talagang, District:- Chakwal.</t>
  </si>
  <si>
    <t>Azhar Iqbal</t>
  </si>
  <si>
    <t>GPS DHOK PATTA</t>
  </si>
  <si>
    <t>dhok patta</t>
  </si>
  <si>
    <t>GPS DHOK PETTAL</t>
  </si>
  <si>
    <t>Pettal</t>
  </si>
  <si>
    <t>dhok pettal jhatla</t>
  </si>
  <si>
    <t>Pirh Fatehal</t>
  </si>
  <si>
    <t>Imran Saleem</t>
  </si>
  <si>
    <t>GPS DHOK PHALAARI</t>
  </si>
  <si>
    <t>Phullari</t>
  </si>
  <si>
    <t>vpo dhulli tehsil talagang</t>
  </si>
  <si>
    <t>GPS DHOK PINDI PO DHOK MUSTAL</t>
  </si>
  <si>
    <t>Wandhi  Bhambjer</t>
  </si>
  <si>
    <t>p/o dhok mustal</t>
  </si>
  <si>
    <t>Dhok Pindi</t>
  </si>
  <si>
    <t>Syed Rafiullah Shah</t>
  </si>
  <si>
    <t>GPS DHOK PIRHAL</t>
  </si>
  <si>
    <t>DHOK PIRHAL DAIWAL DISTRICT AND TEHSIL KHUSHAB</t>
  </si>
  <si>
    <t>Dhok Pirhal</t>
  </si>
  <si>
    <t>GPS DHOK POUR</t>
  </si>
  <si>
    <t>Dhok Pour</t>
  </si>
  <si>
    <t>village dhok pour taxila, rwp</t>
  </si>
  <si>
    <t>Farhan Farooq</t>
  </si>
  <si>
    <t>GPS DHOK QAZI</t>
  </si>
  <si>
    <t>Dhoke Qazi</t>
  </si>
  <si>
    <t>Dhoke qazi VPO kamrial tehsil pindigheb</t>
  </si>
  <si>
    <t>HAFIZ Muhammad Saqlain Fani</t>
  </si>
  <si>
    <t>GPS DHOK QAZI RAZA WANHAR</t>
  </si>
  <si>
    <t>dhoke qazi Raza wanhar teh talagang district chakwal</t>
  </si>
  <si>
    <t>GPS DHOK QAZIAN</t>
  </si>
  <si>
    <t>dhoke qazian post office sagri tehsil kallar syedan district rawalpindi</t>
  </si>
  <si>
    <t>Dhoke Qazian</t>
  </si>
  <si>
    <t>Ansa Iram</t>
  </si>
  <si>
    <t>GPS DHOK QAZIAN DHULLI</t>
  </si>
  <si>
    <t>Vpo dhulli tehsil talagang district chakwal</t>
  </si>
  <si>
    <t>Dhulli Dhok Qazian</t>
  </si>
  <si>
    <t>GPS DHOK QUTBAL</t>
  </si>
  <si>
    <t>Merdwal</t>
  </si>
  <si>
    <t>vpomerdwal tehsil noshehra district khushab</t>
  </si>
  <si>
    <t>Robina Akram</t>
  </si>
  <si>
    <t>GPS DHOK RAJA HUSSO KHAN</t>
  </si>
  <si>
    <t>Kolian Par</t>
  </si>
  <si>
    <t>Govt boys primary school dhoke raja hassu khan rawalpindi</t>
  </si>
  <si>
    <t>Dhok Raja Hassu  Khan Rwp</t>
  </si>
  <si>
    <t>Hamid Hassan</t>
  </si>
  <si>
    <t>GPS DHOK RAJPUTAN</t>
  </si>
  <si>
    <t>Dhoke Rajpotan</t>
  </si>
  <si>
    <t>dhoke rajpotan Lilla town teh PD khan distt jhelum</t>
  </si>
  <si>
    <t>Khansa  Irum</t>
  </si>
  <si>
    <t>GPS DHOK RANJHA</t>
  </si>
  <si>
    <t>village dhok ranjha tehsil fateh jang</t>
  </si>
  <si>
    <t>Mehwish Bibi</t>
  </si>
  <si>
    <t>GPS DHOK RAWALI</t>
  </si>
  <si>
    <t>dhok rawali</t>
  </si>
  <si>
    <t>dhok rawali thoa mahram khan</t>
  </si>
  <si>
    <t>thoa mahram khan</t>
  </si>
  <si>
    <t>Ghulam Fiza</t>
  </si>
  <si>
    <t>GPS DHOK REHMAT (PIND SULTANI)</t>
  </si>
  <si>
    <t>dhok  rehmat vpo thattisyedan tehsil jand district attock</t>
  </si>
  <si>
    <t>GPS DHOK ROSHAN DIN RAWALPINDI</t>
  </si>
  <si>
    <t>Gulistan colony Rawalpindi</t>
  </si>
  <si>
    <t>GPS DHOK ROSHANAL P/O ALI HAYDER PUR</t>
  </si>
  <si>
    <t>Shah  M  Wali</t>
  </si>
  <si>
    <t>village dhok Roshnal p/o Ali Haider pur</t>
  </si>
  <si>
    <t>Dhok Roshnal</t>
  </si>
  <si>
    <t>GPS DHOK SABAL</t>
  </si>
  <si>
    <t>Sabal</t>
  </si>
  <si>
    <t>Dhoke Sabal, VPO Dholar, Tehsil Talagang, District Chakwal</t>
  </si>
  <si>
    <t>GPS DHOK SADOO</t>
  </si>
  <si>
    <t>Dhok Saidoo</t>
  </si>
  <si>
    <t>dhok saidoo</t>
  </si>
  <si>
    <t>Muhammad Arslan Sarwar</t>
  </si>
  <si>
    <t>GPS DHOK SAGHAL</t>
  </si>
  <si>
    <t>Pind Banso</t>
  </si>
  <si>
    <t>village dhoke sagal P/O pind banso Tehsil kallar syedan dist Rawalpindi</t>
  </si>
  <si>
    <t>Dhok Saghal</t>
  </si>
  <si>
    <t>Rizwan Qamar</t>
  </si>
  <si>
    <t>GPS DHOK SAHARAN</t>
  </si>
  <si>
    <t>Dhok Saharan</t>
  </si>
  <si>
    <t>vpo dhok saharan  tehsil dist m.b.din</t>
  </si>
  <si>
    <t>Nazir Ahmad Sahi</t>
  </si>
  <si>
    <t>GPS DHOK SANGAL</t>
  </si>
  <si>
    <t>dhoke  sangal PO choha khalsa tehsil kallar syedan district Rawalpindi</t>
  </si>
  <si>
    <t>Dhoke  Sangal</t>
  </si>
  <si>
    <t>Muhammad Qamar Us Salam</t>
  </si>
  <si>
    <t>GPS DHOK SANGHAY</t>
  </si>
  <si>
    <t>DAIWAL</t>
  </si>
  <si>
    <t>Dhok Sanghay Daiwal</t>
  </si>
  <si>
    <t>Dhok Sanghay</t>
  </si>
  <si>
    <t>Hassan Akhtar</t>
  </si>
  <si>
    <t>GPS DHOK SAR</t>
  </si>
  <si>
    <t>Dhok Sar</t>
  </si>
  <si>
    <t>post office Dhok Laham village Dhok Sar</t>
  </si>
  <si>
    <t>Syed Jalil Abbas Jalal Akbar</t>
  </si>
  <si>
    <t>GPS DHOK SAR NO.1</t>
  </si>
  <si>
    <t>dk Sar no 1 kharpa</t>
  </si>
  <si>
    <t>Samina Khatoon</t>
  </si>
  <si>
    <t>GPS DHOK SARU</t>
  </si>
  <si>
    <t>Vpo warwal Tehsil &amp; District  Chakwal</t>
  </si>
  <si>
    <t>GPS DHOK SARWALI DAKHLI DHRIEK</t>
  </si>
  <si>
    <t>Dhareek</t>
  </si>
  <si>
    <t>dhok sarwali po bahter teh. fatehjung attock.</t>
  </si>
  <si>
    <t>Dhok Sarwali</t>
  </si>
  <si>
    <t>GPS DHOK SHADI</t>
  </si>
  <si>
    <t>Dhoke Shadi</t>
  </si>
  <si>
    <t>village dhoke shadi post office jamarghal tehsil and district jhelum</t>
  </si>
  <si>
    <t>RASHID HUSSAIN</t>
  </si>
  <si>
    <t>GPS DHOK SHAMIAL</t>
  </si>
  <si>
    <t>village dhoke shamiial  p/o dhoke faqira</t>
  </si>
  <si>
    <t>Dhoke Shamial</t>
  </si>
  <si>
    <t>Hafiz Abdul Lateef</t>
  </si>
  <si>
    <t>GPS DHOK SHARFA P/O LETTI</t>
  </si>
  <si>
    <t>p/o leti  dhok sharfa tehsil lawa distt chakwal</t>
  </si>
  <si>
    <t>Dhok Sharfa Baila</t>
  </si>
  <si>
    <t>ABID  HUSSAIN</t>
  </si>
  <si>
    <t>GPS DHOK SHER KHAN</t>
  </si>
  <si>
    <t>Dk Sher Khan</t>
  </si>
  <si>
    <t>vpo pira fatehal,tehsil talagang distt chakwal</t>
  </si>
  <si>
    <t>JAVIRIA SADIQ</t>
  </si>
  <si>
    <t>GPS DHOK SHER KHAN (JANWAL)</t>
  </si>
  <si>
    <t>Dhok sher khan(janwal)</t>
  </si>
  <si>
    <t>Dhok Sher Khan Janwal</t>
  </si>
  <si>
    <t>Summya Ijaz</t>
  </si>
  <si>
    <t>GPS DHOK SHERA</t>
  </si>
  <si>
    <t>Dhoke Shera</t>
  </si>
  <si>
    <t>dhoke shera po domeli</t>
  </si>
  <si>
    <t>Tahir mehmood</t>
  </si>
  <si>
    <t>GPS DHOK SIKANDAR</t>
  </si>
  <si>
    <t>vpo peelowains tehsil noorpur district khushab</t>
  </si>
  <si>
    <t>GPS DHOK SOKI</t>
  </si>
  <si>
    <t>P/O Pichnand</t>
  </si>
  <si>
    <t>MUHAMMAD ZAHID AMIN</t>
  </si>
  <si>
    <t>GPS DHOK SOMRAA</t>
  </si>
  <si>
    <t>Dhoke Somra</t>
  </si>
  <si>
    <t>v p o dhurnal dhoke somra teh lawa district chakwal</t>
  </si>
  <si>
    <t>GPS DHOK SUMMUNDAR</t>
  </si>
  <si>
    <t>Nakaghulam Shah</t>
  </si>
  <si>
    <t>village dk Samundar</t>
  </si>
  <si>
    <t>Dk Samundar</t>
  </si>
  <si>
    <t>Malohwali</t>
  </si>
  <si>
    <t>Madiha Arooj</t>
  </si>
  <si>
    <t>GPS DHOK SYEDAN (F.JANG)</t>
  </si>
  <si>
    <t>vill dhoke syedan po Fateh Jang.</t>
  </si>
  <si>
    <t>Sharrae Sadullah</t>
  </si>
  <si>
    <t>Abid Hussain Shah</t>
  </si>
  <si>
    <t>GPS DHOK TAHLI P/O ALI HAIDER PUR</t>
  </si>
  <si>
    <t>dhok tahli p/o shah Muhammad wali teh talagang distt chakwal</t>
  </si>
  <si>
    <t>Jabbi Shah Dilawer</t>
  </si>
  <si>
    <t>GPS DHOK TANDI</t>
  </si>
  <si>
    <t>v&amp;p.o pichnand</t>
  </si>
  <si>
    <t>Malik Muhammad Asim</t>
  </si>
  <si>
    <t>GPS DHOK TARAP GULYAL</t>
  </si>
  <si>
    <t>Dhoke Tarap Post office Gulyal Kalan Tehsil Jand District Attock</t>
  </si>
  <si>
    <t>Dhoke Tarap</t>
  </si>
  <si>
    <t>GPS DHOK TARBETHI (GOLRA)</t>
  </si>
  <si>
    <t>Post Office Sanjawal Village Dhok Tarbethi Tehsil and District Attock</t>
  </si>
  <si>
    <t>Dhok Tarbethi</t>
  </si>
  <si>
    <t>DILBAR KHAN</t>
  </si>
  <si>
    <t>GPS DHOK TARRAIR</t>
  </si>
  <si>
    <t>Dhok tararr</t>
  </si>
  <si>
    <t>village dhok tararr p.o Parial teh&amp;disst Rawalpindi</t>
  </si>
  <si>
    <t>Dhok Tararr</t>
  </si>
  <si>
    <t>Mehmoona Kanwal</t>
  </si>
  <si>
    <t>GPS DHOK THAPLA</t>
  </si>
  <si>
    <t>vDhokThapla po Kamrial Teh pindigheb distt Attock</t>
  </si>
  <si>
    <t>Dhok Thapla</t>
  </si>
  <si>
    <t>Tofeeq Ahmad Khan</t>
  </si>
  <si>
    <t>Electricity Motor</t>
  </si>
  <si>
    <t>GPS DHOK UJRAL</t>
  </si>
  <si>
    <t>g p s dhoke ujral</t>
  </si>
  <si>
    <t>Fouzia Noreen</t>
  </si>
  <si>
    <t>GPS DHOK UMRA</t>
  </si>
  <si>
    <t>DK.UMRA ATTOCK</t>
  </si>
  <si>
    <t>Dhok Umra</t>
  </si>
  <si>
    <t>SHEEN BAGH</t>
  </si>
  <si>
    <t>GPS DHOK VIRK</t>
  </si>
  <si>
    <t>dhoke virak</t>
  </si>
  <si>
    <t>dhoke virak uc ara</t>
  </si>
  <si>
    <t>Muhammad Ashiq Bilal</t>
  </si>
  <si>
    <t>GPS DHOK WADHIAL  MARDWAL</t>
  </si>
  <si>
    <t>Post office mardwal dhok wadhial</t>
  </si>
  <si>
    <t>Rab Nawaz Khan</t>
  </si>
  <si>
    <t>GPS DHOK WALARIAN</t>
  </si>
  <si>
    <t>gbps dhok walarian p/o ratwal ,fateh jang ,attock</t>
  </si>
  <si>
    <t>Dhok Walarian</t>
  </si>
  <si>
    <t>SaeedAkhter</t>
  </si>
  <si>
    <t>water cooler filled from neighbours</t>
  </si>
  <si>
    <t>GPS DHOK WALIAN</t>
  </si>
  <si>
    <t>Dk wallian, vpo rangli, tehsil jand distt attock</t>
  </si>
  <si>
    <t>Dhok Wallian</t>
  </si>
  <si>
    <t>Mohammad Abdullah</t>
  </si>
  <si>
    <t>GPS DHOK WALLI</t>
  </si>
  <si>
    <t>Dhoke Walli</t>
  </si>
  <si>
    <t>village dk walli post office jand</t>
  </si>
  <si>
    <t>Amrozia Hasnat</t>
  </si>
  <si>
    <t>GPS DHOK WARA</t>
  </si>
  <si>
    <t>dk wara, vpo basal</t>
  </si>
  <si>
    <t>tanveer ahmed</t>
  </si>
  <si>
    <t>GPS DHOK WAZIRA</t>
  </si>
  <si>
    <t>Dhoke Wazira</t>
  </si>
  <si>
    <t>dhoke wazira</t>
  </si>
  <si>
    <t>Jiswal</t>
  </si>
  <si>
    <t>Sajid Mehmood Malik</t>
  </si>
  <si>
    <t>GPS DHOK ZAWAR</t>
  </si>
  <si>
    <t>vill dhokezawar PO rehna sadaat tehsil kallarkahar distt chakwal</t>
  </si>
  <si>
    <t>GPS DHOK ZIARAT</t>
  </si>
  <si>
    <t>GBPS DHOKE ZIARAT RWP wapada colony</t>
  </si>
  <si>
    <t>GPS DHOKE DARAL</t>
  </si>
  <si>
    <t>dhoke drall</t>
  </si>
  <si>
    <t>Dhoke Drall</t>
  </si>
  <si>
    <t>GPS DHOKE GUJRAL</t>
  </si>
  <si>
    <t>Dhoke Gujral</t>
  </si>
  <si>
    <t>village dhoke gujral p o padhal teh dina distt jhelum</t>
  </si>
  <si>
    <t>GPS DHOKE LUND (DHAKLI TAWEEN)</t>
  </si>
  <si>
    <t>Tehsil Pondigheb District Attock</t>
  </si>
  <si>
    <t>Dhoke Lund</t>
  </si>
  <si>
    <t>GPS DHOKE MOMEN 2</t>
  </si>
  <si>
    <t>Dhoke Momen</t>
  </si>
  <si>
    <t>Fehmeeda Naz</t>
  </si>
  <si>
    <t>Community Supply</t>
  </si>
  <si>
    <t>GPS DHOKE SUDHAN</t>
  </si>
  <si>
    <t>Dhoke Sudhan Vill &amp; P.O: Nala musalmanan, Tehsil: Kallar Syedan, Distt: Rawalpindi.</t>
  </si>
  <si>
    <t>Muhammad Jehangir</t>
  </si>
  <si>
    <t>Water Suply</t>
  </si>
  <si>
    <t>GPS DHOKE SYEDAN</t>
  </si>
  <si>
    <t>Bismilla Abad</t>
  </si>
  <si>
    <t>gbps dhoke sydian bismilla abad rwalpindi</t>
  </si>
  <si>
    <t>Dhoke Sydian</t>
  </si>
  <si>
    <t>GPS DHOKKIAN</t>
  </si>
  <si>
    <t>DHOKKIAN</t>
  </si>
  <si>
    <t>Village Dhokkian P.O ChakMalook</t>
  </si>
  <si>
    <t>GPS DHOLA</t>
  </si>
  <si>
    <t>dhola</t>
  </si>
  <si>
    <t>village and post office dhola tehsil phalia district mandi bahuddin</t>
  </si>
  <si>
    <t>GPS DHOLA DHAPPI</t>
  </si>
  <si>
    <t>moza dholla dhappai uc 125 Qilla diwan sing</t>
  </si>
  <si>
    <t>Dholla Dhappai</t>
  </si>
  <si>
    <t>GPS DHOLAN WALI</t>
  </si>
  <si>
    <t>Elahi Bukhsh Dhool</t>
  </si>
  <si>
    <t>basti nambardar moza ilahi bakhsh dhool bahawalpur</t>
  </si>
  <si>
    <t>GPS DHOLI</t>
  </si>
  <si>
    <t>Dholi</t>
  </si>
  <si>
    <t>moza dholi</t>
  </si>
  <si>
    <t>pipe line from small canal</t>
  </si>
  <si>
    <t>GPS DHOLLAN</t>
  </si>
  <si>
    <t>Gps dholan teh daska disst sialkot</t>
  </si>
  <si>
    <t>Allomahar</t>
  </si>
  <si>
    <t>GPS DHONI</t>
  </si>
  <si>
    <t>Village Dhoni Po 14/66 tehsil &amp; district Nankana Sahib</t>
  </si>
  <si>
    <t>Dhoni</t>
  </si>
  <si>
    <t>zahid imran</t>
  </si>
  <si>
    <t>GPS DHOOL BALA</t>
  </si>
  <si>
    <t>dhoolbala</t>
  </si>
  <si>
    <t>lakhiwal</t>
  </si>
  <si>
    <t>Mohammad Farooq</t>
  </si>
  <si>
    <t>GPS DHOOL CHOHAR</t>
  </si>
  <si>
    <t>Dool Chohaar</t>
  </si>
  <si>
    <t>kot pelhwan dhool chohaar p.o hujra tehsile depalpur okara</t>
  </si>
  <si>
    <t>Dhool Chohaar</t>
  </si>
  <si>
    <t>Dhool Ch99o-5o51oh Hjjiaar</t>
  </si>
  <si>
    <t>GPS DHOOL KHURD</t>
  </si>
  <si>
    <t>Dhool Khurd Gujrat</t>
  </si>
  <si>
    <t>GPS DHOOL P/O KOT MAHMOOD</t>
  </si>
  <si>
    <t>GPS Dhool Post Office Kot Mehmood</t>
  </si>
  <si>
    <t>GPS DHOOL SARAI</t>
  </si>
  <si>
    <t>Dhoul Saria</t>
  </si>
  <si>
    <t>village dhoul saria tehsil and dist Gujrat</t>
  </si>
  <si>
    <t>Najma Sadaqat</t>
  </si>
  <si>
    <t>GPS DHOON WALA</t>
  </si>
  <si>
    <t>Basti Meerani wala post office Ehsan pur</t>
  </si>
  <si>
    <t>MEERANI WALA</t>
  </si>
  <si>
    <t>MUHAMMAD TOFEEQ SHAHID</t>
  </si>
  <si>
    <t>GPS DHOOP SARI CHAK NO.78</t>
  </si>
  <si>
    <t>Dhoop Sari Ch 78</t>
  </si>
  <si>
    <t>Dhoop sari chak 78 tehsil safdrabad district sheikhupura</t>
  </si>
  <si>
    <t>Dhoop sari Chak 78</t>
  </si>
  <si>
    <t>GPS DHOOP SARI NARANG</t>
  </si>
  <si>
    <t>Dhopp Sarri</t>
  </si>
  <si>
    <t>Dhoop Sarri</t>
  </si>
  <si>
    <t>Mehta Sooja</t>
  </si>
  <si>
    <t>GPS DHOOR KOT</t>
  </si>
  <si>
    <t>Dhoorkot</t>
  </si>
  <si>
    <t>dhoor Kot</t>
  </si>
  <si>
    <t>Arsalan Nazeer</t>
  </si>
  <si>
    <t>GPS DHOORI</t>
  </si>
  <si>
    <t>Village Dhoori P/O Barki Lahore cantt</t>
  </si>
  <si>
    <t>GPS DHOOTA</t>
  </si>
  <si>
    <t>mouza Dhoota</t>
  </si>
  <si>
    <t>34/Gd</t>
  </si>
  <si>
    <t>GPS DHORA HASIL</t>
  </si>
  <si>
    <t>Kota gulshair</t>
  </si>
  <si>
    <t>Kotla gulshair</t>
  </si>
  <si>
    <t>Haji Bakhtair Khan</t>
  </si>
  <si>
    <t>Ghulam  Shabir</t>
  </si>
  <si>
    <t>GPS DHORHI</t>
  </si>
  <si>
    <t>Basti Dhorhi Mouza Sheinh Wala</t>
  </si>
  <si>
    <t>Dhorhi</t>
  </si>
  <si>
    <t>ghazanfar abbass</t>
  </si>
  <si>
    <t>GPS DHORI</t>
  </si>
  <si>
    <t>ADA 2R TEHSIL KOT ADDU</t>
  </si>
  <si>
    <t>ADA 2R</t>
  </si>
  <si>
    <t>GPS DHORI LUKOO</t>
  </si>
  <si>
    <t>VPO LUKKU TEHSIL AND DISTRICT KHUSHAB</t>
  </si>
  <si>
    <t>ABDULLAH</t>
  </si>
  <si>
    <t>GPS DHOUL BAJWA</t>
  </si>
  <si>
    <t>Dhoul Bajwa</t>
  </si>
  <si>
    <t>Govt p /s dhoul bajwa</t>
  </si>
  <si>
    <t>Arfan Nazar</t>
  </si>
  <si>
    <t>GPS DHOULKA COLONY</t>
  </si>
  <si>
    <t>Dhoulka</t>
  </si>
  <si>
    <t>g p s dhoulka colony</t>
  </si>
  <si>
    <t>Mouza Dholka</t>
  </si>
  <si>
    <t>GPS DHRAIJA NAGAR</t>
  </si>
  <si>
    <t>Mosa Kanjo</t>
  </si>
  <si>
    <t>GPS Dhareja Nagar</t>
  </si>
  <si>
    <t>Malik Naeem Hussain</t>
  </si>
  <si>
    <t>GPS DHROONI</t>
  </si>
  <si>
    <t>Patti Blanda</t>
  </si>
  <si>
    <t>chah Dharooni po chak no.71ML teh mankera ditt bhakkar</t>
  </si>
  <si>
    <t>Dharooni</t>
  </si>
  <si>
    <t>GPS DHUB CHEEMA</t>
  </si>
  <si>
    <t>Dhab Cheema Gakhar</t>
  </si>
  <si>
    <t>Banks Cheema</t>
  </si>
  <si>
    <t>SAYED TAHIR MUNIR</t>
  </si>
  <si>
    <t>GPS DHUB WALI</t>
  </si>
  <si>
    <t>Dubwali</t>
  </si>
  <si>
    <t>Mozah Dubwali Mandi Sadiq Gunj</t>
  </si>
  <si>
    <t>Ata Ur Rahman</t>
  </si>
  <si>
    <t>GPS DHUD BHOUR TANDLIANWALA</t>
  </si>
  <si>
    <t>Moza Khae</t>
  </si>
  <si>
    <t>dhud Bhour</t>
  </si>
  <si>
    <t>Dhudh Bhour</t>
  </si>
  <si>
    <t>GPS DHUDDY WALA</t>
  </si>
  <si>
    <t>Dhudi wala p/o &amp; Tehseel mankera Bhakkar</t>
  </si>
  <si>
    <t>Dhuddy Wala</t>
  </si>
  <si>
    <t>GPS DHUDHI</t>
  </si>
  <si>
    <t>Basit obachr moza Dammar wala janubi Teh.Ali pur distt m.garh</t>
  </si>
  <si>
    <t>Basti obachr</t>
  </si>
  <si>
    <t>GPS DHUDI PARI</t>
  </si>
  <si>
    <t>Village Dhudi Pari P.o Tehsil Sohawa District Jhelum</t>
  </si>
  <si>
    <t>on payment</t>
  </si>
  <si>
    <t>GPS DHUDIAN WALA</t>
  </si>
  <si>
    <t>Haitho</t>
  </si>
  <si>
    <t>p/o dhudianwala</t>
  </si>
  <si>
    <t>Dhudianwala</t>
  </si>
  <si>
    <t>GPS DHUDIAN WALI</t>
  </si>
  <si>
    <t>dera khanay khail gunjial janubi tehsil quaid abad district khushab</t>
  </si>
  <si>
    <t>zafar Iqbal</t>
  </si>
  <si>
    <t>GPS DHULAT PUR</t>
  </si>
  <si>
    <t>Dhulatpur</t>
  </si>
  <si>
    <t>mouza doulaur chiniot</t>
  </si>
  <si>
    <t>Muhammad Nazir Fakhri</t>
  </si>
  <si>
    <t>GPS DHULAYKAY</t>
  </si>
  <si>
    <t>Dhulaykay</t>
  </si>
  <si>
    <t>village dhulkaykay post office dallakay</t>
  </si>
  <si>
    <t>Javid Ahmed</t>
  </si>
  <si>
    <t>GPS DHULYAN</t>
  </si>
  <si>
    <t>Govt primary school dhulian Tehsil Kharian District gujrat</t>
  </si>
  <si>
    <t>Dhulian Shareef</t>
  </si>
  <si>
    <t>Chak Jani  Kalan</t>
  </si>
  <si>
    <t>GPS DHULYANA</t>
  </si>
  <si>
    <t>GPS DHUMAN</t>
  </si>
  <si>
    <t>village,p/o dhumman teh/disst chakwal</t>
  </si>
  <si>
    <t>GPS DHUNGI</t>
  </si>
  <si>
    <t>Dhungi</t>
  </si>
  <si>
    <t>village dhungi po Diwan-e-Hazoori tehsil sohawa District  Jhelum</t>
  </si>
  <si>
    <t>GPS DHUNNI KALAN</t>
  </si>
  <si>
    <t>GPS Dhunni kalan P/O Same Tehsil Phalia District M.B Din</t>
  </si>
  <si>
    <t>Shoaib Munir</t>
  </si>
  <si>
    <t>GPS DHUP SARRI</t>
  </si>
  <si>
    <t>Gps Dhup Sarri Markaz Muhammadpur B</t>
  </si>
  <si>
    <t>Dhup Sarri</t>
  </si>
  <si>
    <t>GPS DHUPSARI</t>
  </si>
  <si>
    <t>Mouza Thatha Baig , Abadi Dhup Sari</t>
  </si>
  <si>
    <t>GPS DHUSRI</t>
  </si>
  <si>
    <t>Moza Dhusri Chiniot</t>
  </si>
  <si>
    <t>Mehran Ali</t>
  </si>
  <si>
    <t>GPS DIAL SINGH</t>
  </si>
  <si>
    <t>Dial Singh</t>
  </si>
  <si>
    <t>Jhoru khoh Moza Dial Singh</t>
  </si>
  <si>
    <t>Jhoro Khoh</t>
  </si>
  <si>
    <t>GPS DIARA WADHU</t>
  </si>
  <si>
    <t>Daira Wadhu</t>
  </si>
  <si>
    <t>Gps Daira Wadhoo p/o basheer sinawan</t>
  </si>
  <si>
    <t>Jhamat Wala</t>
  </si>
  <si>
    <t>GPS DIBI SHAH</t>
  </si>
  <si>
    <t>mouza dibbi shah UC Dibbi shah 16 tehsil kot adu</t>
  </si>
  <si>
    <t>GPS DIDAR SINGH</t>
  </si>
  <si>
    <t>Deedar Singh</t>
  </si>
  <si>
    <t>chack deedar Singh post office peer ghani pakpattan</t>
  </si>
  <si>
    <t>Noor Samand</t>
  </si>
  <si>
    <t>GPS DIGI MOHALAH FORT ABBAS (TANZEEM)</t>
  </si>
  <si>
    <t>Digi Muhalah</t>
  </si>
  <si>
    <t>digi Muhalah fortabbas</t>
  </si>
  <si>
    <t>Digi Muhala</t>
  </si>
  <si>
    <t>M C Fts</t>
  </si>
  <si>
    <t>GPS DIGROCHA</t>
  </si>
  <si>
    <t>THUL HAMZA</t>
  </si>
  <si>
    <t>BASTI MEHMOODA ABAD THUL HAMZA</t>
  </si>
  <si>
    <t>MEHMOODA ABAD</t>
  </si>
  <si>
    <t>Ashiq Rasool Farooqi</t>
  </si>
  <si>
    <t>GPS DILASA KHAN WALA</t>
  </si>
  <si>
    <t>Gps dilasa khan wala</t>
  </si>
  <si>
    <t>Khawas Khel</t>
  </si>
  <si>
    <t>Malik Muhammad Aftab</t>
  </si>
  <si>
    <t>GPS DILAWAR JASOKA</t>
  </si>
  <si>
    <t>Dilawar Jessoka</t>
  </si>
  <si>
    <t>dilawar Jasoka</t>
  </si>
  <si>
    <t>GPS DILAWAR WARN</t>
  </si>
  <si>
    <t>basti dilawar waran</t>
  </si>
  <si>
    <t>Khawaja Ali Raza</t>
  </si>
  <si>
    <t>GPS DILBER</t>
  </si>
  <si>
    <t>Chack Mat No 3</t>
  </si>
  <si>
    <t>Basti Dil shad Khan Chungali Chack Mat 3 Rojhan</t>
  </si>
  <si>
    <t>Basti Dil shade Khan Chack Mat No3</t>
  </si>
  <si>
    <t>Khurshid Ahmed Qamar</t>
  </si>
  <si>
    <t>GPS DILSHAD WALA</t>
  </si>
  <si>
    <t>Kharlazimnashib</t>
  </si>
  <si>
    <t>gpsdilshadwala moza kharl azim nashaib</t>
  </si>
  <si>
    <t>ABDUL QUYOM</t>
  </si>
  <si>
    <t>GPS DILSHAD WALA NO 2</t>
  </si>
  <si>
    <t>Mutafarq Chahan</t>
  </si>
  <si>
    <t>dilshad Wala  P/O Choti Zareen</t>
  </si>
  <si>
    <t>Dilshad Wala</t>
  </si>
  <si>
    <t>GPS DIN MUHAMMAD LAR</t>
  </si>
  <si>
    <t>Basti bhanar Lar Mouza Ahmad Ali Lar Tehsil Liaquat Pur</t>
  </si>
  <si>
    <t>Basti Bhanar Lar</t>
  </si>
  <si>
    <t>GPS DIN NAGAR SARGANA</t>
  </si>
  <si>
    <t>Mouza Sargana</t>
  </si>
  <si>
    <t>Basti Din Nagar Mouza Sargana. P/O Sargana.</t>
  </si>
  <si>
    <t>Basti Din Nagar</t>
  </si>
  <si>
    <t>GPS DIN PANAH</t>
  </si>
  <si>
    <t>Abluka</t>
  </si>
  <si>
    <t>Basti Din panah</t>
  </si>
  <si>
    <t>Din Panah</t>
  </si>
  <si>
    <t>GPS DIN PUR</t>
  </si>
  <si>
    <t>din pur</t>
  </si>
  <si>
    <t>GPS DIN PUR CHAK NO.164/TDA</t>
  </si>
  <si>
    <t>CHAK   NO  164A</t>
  </si>
  <si>
    <t>Gps Din pur 164 TDa</t>
  </si>
  <si>
    <t>Basti  Din pur 164a</t>
  </si>
  <si>
    <t>164A TDA</t>
  </si>
  <si>
    <t>GPS DIN PUR KALAN</t>
  </si>
  <si>
    <t>GPS din pur kalan</t>
  </si>
  <si>
    <t>Skg Warid</t>
  </si>
  <si>
    <t>Khalid Javeed</t>
  </si>
  <si>
    <t>GPS DIN PURA</t>
  </si>
  <si>
    <t>Dinpura</t>
  </si>
  <si>
    <t>muhalla din puratatlayaali</t>
  </si>
  <si>
    <t>din Pura</t>
  </si>
  <si>
    <t>Tatlayaali</t>
  </si>
  <si>
    <t>GPS DIN WAH</t>
  </si>
  <si>
    <t>Govt Primary School,Basti Deen Wah,Mouza Kareem Wah, Vehari</t>
  </si>
  <si>
    <t>Deen Wah</t>
  </si>
  <si>
    <t>Ch Zafar Iqbal</t>
  </si>
  <si>
    <t>GPS DIN WALA</t>
  </si>
  <si>
    <t>Tibbi Ninari</t>
  </si>
  <si>
    <t>Basti deen wala moza tibbi nunari tehsil/district muzaffar garh</t>
  </si>
  <si>
    <t>GPS DINA NATH</t>
  </si>
  <si>
    <t>GPS dina nath</t>
  </si>
  <si>
    <t>Farah Khalid</t>
  </si>
  <si>
    <t>GPS DINA NO. 4 DOMELI MOHALLHA</t>
  </si>
  <si>
    <t>domeli muhallah</t>
  </si>
  <si>
    <t>domeli muhallah dina</t>
  </si>
  <si>
    <t>khalique Ahmed Saddique</t>
  </si>
  <si>
    <t>GPS DING JANOOBI</t>
  </si>
  <si>
    <t>chahmirzaywala</t>
  </si>
  <si>
    <t>GPS DINGA KORAI</t>
  </si>
  <si>
    <t>DINGA KORAI</t>
  </si>
  <si>
    <t>KOTLA GAMOON</t>
  </si>
  <si>
    <t>Syed Mushtaq Ahmad</t>
  </si>
  <si>
    <t>GPS DINGA WADHARA</t>
  </si>
  <si>
    <t>Dinga Wadhara</t>
  </si>
  <si>
    <t>P/O Kaleke village Dinga Wadahara Tehsil and District Hafizabad</t>
  </si>
  <si>
    <t>Anwar Ali</t>
  </si>
  <si>
    <t>GPS DINGI</t>
  </si>
  <si>
    <t>dingi</t>
  </si>
  <si>
    <t>Nusrat Ali</t>
  </si>
  <si>
    <t>GPS DINGI NARI</t>
  </si>
  <si>
    <t>Dingi Nari Tehsil jand District Attock</t>
  </si>
  <si>
    <t>GPS DINPANAH LALIAN</t>
  </si>
  <si>
    <t>din panah at lian</t>
  </si>
  <si>
    <t>GPS DIRAJ</t>
  </si>
  <si>
    <t>mouza diraj</t>
  </si>
  <si>
    <t>GPS DIRIGRI</t>
  </si>
  <si>
    <t>drigri p/o lundi saidan jampur rajanpur</t>
  </si>
  <si>
    <t>GPS DIRKHAN WALA</t>
  </si>
  <si>
    <t>Chak No 567 Tda</t>
  </si>
  <si>
    <t>chak no 567 tda</t>
  </si>
  <si>
    <t>567 Tda</t>
  </si>
  <si>
    <t>sultan mahmood</t>
  </si>
  <si>
    <t>GPS DITAY WALA</t>
  </si>
  <si>
    <t>Ludda mahni</t>
  </si>
  <si>
    <t>moza ludda mahni post office same teh shor kot jhang</t>
  </si>
  <si>
    <t>Dittay wala</t>
  </si>
  <si>
    <t>GPS DITTO CHOUR</t>
  </si>
  <si>
    <t>Ditto chour</t>
  </si>
  <si>
    <t>TEHSIL  AND    DISTRICT       MANDI  BAHAUDDIN</t>
  </si>
  <si>
    <t>GPS DIYA RAAM</t>
  </si>
  <si>
    <t>diaram</t>
  </si>
  <si>
    <t>QilaTara Singh</t>
  </si>
  <si>
    <t>Abdul wahid</t>
  </si>
  <si>
    <t>GPS DOABA</t>
  </si>
  <si>
    <t>basti duaba</t>
  </si>
  <si>
    <t>Basti Duaba</t>
  </si>
  <si>
    <t>GPS DOABA HANS</t>
  </si>
  <si>
    <t>basti ghanni wala moza alurid Mahmood kot Tehsil Kot Adu District Muzaffargarh</t>
  </si>
  <si>
    <t>Basti Ghanni Wala</t>
  </si>
  <si>
    <t>Muhammad Tariq Abbas</t>
  </si>
  <si>
    <t>GPS DOABA MARU</t>
  </si>
  <si>
    <t>MARO QILA</t>
  </si>
  <si>
    <t>MOUZA MARU QILA PO SHEIKHEN TEHSIL LALIAN DISTRICT CHINIOT</t>
  </si>
  <si>
    <t>YARY KI JHALAR</t>
  </si>
  <si>
    <t>GPS DOBERAN KALAN</t>
  </si>
  <si>
    <t>Doberan kalan</t>
  </si>
  <si>
    <t>Faheem Razzaq</t>
  </si>
  <si>
    <t>GPS DOBURGI VIRKAN</t>
  </si>
  <si>
    <t>Doburgi Virkan</t>
  </si>
  <si>
    <t>Mian Muhammad Tahir Khalil</t>
  </si>
  <si>
    <t>GPS DOCTOR WALA NANKANA</t>
  </si>
  <si>
    <t>doctor wala nankana sahib</t>
  </si>
  <si>
    <t>Jaslani</t>
  </si>
  <si>
    <t>GPS DOD WALA NO. 1</t>
  </si>
  <si>
    <t>DODWALA</t>
  </si>
  <si>
    <t>Basti Dodwala Chak no 38/14-L Kassowal Tehsil Chichawatni</t>
  </si>
  <si>
    <t>38/14-L Dodwala</t>
  </si>
  <si>
    <t>MEHNAZ GULL</t>
  </si>
  <si>
    <t>GPS DODA ARAIN</t>
  </si>
  <si>
    <t>bast I doda arain the khan pur</t>
  </si>
  <si>
    <t>A BDUL RAHIM</t>
  </si>
  <si>
    <t>GPS DODA SAHOO</t>
  </si>
  <si>
    <t>Doda Sahoo</t>
  </si>
  <si>
    <t>moza dodasahoo district sahiwal</t>
  </si>
  <si>
    <t>Dadrah Bala</t>
  </si>
  <si>
    <t>GPS DODDU</t>
  </si>
  <si>
    <t>jhangi ram</t>
  </si>
  <si>
    <t>doddu mankera</t>
  </si>
  <si>
    <t>doddu</t>
  </si>
  <si>
    <t>patti Bulanda</t>
  </si>
  <si>
    <t>GPS DODHA</t>
  </si>
  <si>
    <t>dodha p/o khas dodha</t>
  </si>
  <si>
    <t>Naveed Hayat</t>
  </si>
  <si>
    <t>GPS DODHANDI</t>
  </si>
  <si>
    <t>Dodhandi</t>
  </si>
  <si>
    <t>vpo dholar,gps dodhandi,talagang,chakwal</t>
  </si>
  <si>
    <t>GPS DODHELI</t>
  </si>
  <si>
    <t>Dodehli</t>
  </si>
  <si>
    <t>Post office bhalakhar muza Dodehli teh kallar seydan Rawalpindi</t>
  </si>
  <si>
    <t>Muhammad Ibrar</t>
  </si>
  <si>
    <t>GPS DODI SINGI</t>
  </si>
  <si>
    <t>Dudi Sangi</t>
  </si>
  <si>
    <t>P/O Rukan Pur Teh. &amp; Distt. Rahim Yar Khan</t>
  </si>
  <si>
    <t>Master Khuda Bux</t>
  </si>
  <si>
    <t>Thul Khair muhammad</t>
  </si>
  <si>
    <t>GPS DOGAGE CHAK NO 18 GB</t>
  </si>
  <si>
    <t>18 Chack</t>
  </si>
  <si>
    <t>chack no 18;G.B</t>
  </si>
  <si>
    <t>18 chack</t>
  </si>
  <si>
    <t>12 Chack</t>
  </si>
  <si>
    <t>GPS DOGAL</t>
  </si>
  <si>
    <t>vill dogul p/o phalia distt MB Din</t>
  </si>
  <si>
    <t>Syed Ali Abbas</t>
  </si>
  <si>
    <t>GPS DOGAR WALI</t>
  </si>
  <si>
    <t>Chaddhar</t>
  </si>
  <si>
    <t>Govt Primary School Dogar wali P/O 59221 Chaddhar Multan Saddar</t>
  </si>
  <si>
    <t>Adha Pavi</t>
  </si>
  <si>
    <t>GPS DOGGI</t>
  </si>
  <si>
    <t>GPS doggi post office dullewala daryakhan bhakkar</t>
  </si>
  <si>
    <t>GPS DOGRAI KALAN</t>
  </si>
  <si>
    <t>Villege</t>
  </si>
  <si>
    <t>dograi kalan batapur jallo mor lahore</t>
  </si>
  <si>
    <t>Bunyaz Ahmed</t>
  </si>
  <si>
    <t>GPS DOGRAI KHURD</t>
  </si>
  <si>
    <t>Dougray khurd barki road</t>
  </si>
  <si>
    <t>Dougray Khurd</t>
  </si>
  <si>
    <t>GPS DOGRAN WALA MALIAN</t>
  </si>
  <si>
    <t>Dogranwala Malian</t>
  </si>
  <si>
    <t>Dogranwala malian</t>
  </si>
  <si>
    <t>GPS DOGRAN WALI</t>
  </si>
  <si>
    <t>Government Primary school Dogranwali</t>
  </si>
  <si>
    <t>Najma Haider</t>
  </si>
  <si>
    <t>GPS DOGRAY</t>
  </si>
  <si>
    <t>dogray</t>
  </si>
  <si>
    <t>GPS DOHARI</t>
  </si>
  <si>
    <t>VPO GATTAL</t>
  </si>
  <si>
    <t>GPS DOHATA KHURD</t>
  </si>
  <si>
    <t>dohatta khurd</t>
  </si>
  <si>
    <t>dohatta khurd tehsil pindibhattian district hafizabad</t>
  </si>
  <si>
    <t>nuthein</t>
  </si>
  <si>
    <t>Zohaib Sunny</t>
  </si>
  <si>
    <t>GPS DOHRIAN</t>
  </si>
  <si>
    <t>VPO Dohrian</t>
  </si>
  <si>
    <t>Choa Gung Ali Shah</t>
  </si>
  <si>
    <t>GPS DOKOTA P.O DOKOTA</t>
  </si>
  <si>
    <t>Koat Malik</t>
  </si>
  <si>
    <t>koat Malik Dokota</t>
  </si>
  <si>
    <t>Laal Sagoo</t>
  </si>
  <si>
    <t>Itrat Shahzad Khan</t>
  </si>
  <si>
    <t>GPS DOL WALI</t>
  </si>
  <si>
    <t>bagh wali cholistan</t>
  </si>
  <si>
    <t>Govt Primary School Dol wali markaz fazil kalro tehsil and district Muzaffargarh</t>
  </si>
  <si>
    <t>Dol wali</t>
  </si>
  <si>
    <t>Muhammad Afzal khan</t>
  </si>
  <si>
    <t>bringing filled water collor from almost 0.5Km away</t>
  </si>
  <si>
    <t>GPS DOLA BALA</t>
  </si>
  <si>
    <t>Mouza Dola Bala p/o 58/GD sahiwal</t>
  </si>
  <si>
    <t>GPS DOLLA ZEREIN</t>
  </si>
  <si>
    <t>Dolla Zarien</t>
  </si>
  <si>
    <t>dolla Zarien</t>
  </si>
  <si>
    <t>Ashraf Ali Sharazi</t>
  </si>
  <si>
    <t>GPS DOLLAY WALA</t>
  </si>
  <si>
    <t>Dollay Wala</t>
  </si>
  <si>
    <t>dollay wala</t>
  </si>
  <si>
    <t>Abdur Rashid Khan</t>
  </si>
  <si>
    <t>GPS DOLLN BUNGLA</t>
  </si>
  <si>
    <t>Dallan Bangla</t>
  </si>
  <si>
    <t>dallan bngla</t>
  </si>
  <si>
    <t>Dallan Bngla</t>
  </si>
  <si>
    <t>170eb</t>
  </si>
  <si>
    <t>GPS DOLO JAGO</t>
  </si>
  <si>
    <t>Chak 24 Kalan</t>
  </si>
  <si>
    <t>Chak 24 kalan tehsil safdarabad district sheikhupura</t>
  </si>
  <si>
    <t>Dolo Jago</t>
  </si>
  <si>
    <t>Abdullahpur Kolar</t>
  </si>
  <si>
    <t>Muhammad Ahsan Naem Saroya</t>
  </si>
  <si>
    <t>GPS DOLOWALI</t>
  </si>
  <si>
    <t>dolowali</t>
  </si>
  <si>
    <t>GPS DOM BANI</t>
  </si>
  <si>
    <t>Doom bani PO khanpur TH kot chutta DG khan</t>
  </si>
  <si>
    <t>Doombani</t>
  </si>
  <si>
    <t>ahmad khan</t>
  </si>
  <si>
    <t>GPS DOMALI</t>
  </si>
  <si>
    <t>Vlg Domali P/O Dhoong Teh &amp;Distt Chakwal</t>
  </si>
  <si>
    <t>Ansar Mehmood</t>
  </si>
  <si>
    <t>GPS DOMEL NO.1</t>
  </si>
  <si>
    <t>VPO Domel, Tehsil Jand District Attock</t>
  </si>
  <si>
    <t>GPS DOMIAN</t>
  </si>
  <si>
    <t>domian</t>
  </si>
  <si>
    <t>village domian p.o box &amp;tehsil kharian district gujrat</t>
  </si>
  <si>
    <t>GPS DONA JIWAN SARU</t>
  </si>
  <si>
    <t>GPS Dona Jiwan Saru P/O Hasil Saru Teh. Minchainabad Distt. Bahawalnagar</t>
  </si>
  <si>
    <t>GPS DONA QUTAB SARU</t>
  </si>
  <si>
    <t>Dona Quatib Saru</t>
  </si>
  <si>
    <t>Dona Quatib Saru p/o Hasil Saru.Mnd</t>
  </si>
  <si>
    <t>GPS DONAY WALA</t>
  </si>
  <si>
    <t>basti korai muza bair band tehsil jatoi distt muzaffar garh</t>
  </si>
  <si>
    <t>GPS DONGGA KHETAR</t>
  </si>
  <si>
    <t>dongga khetar</t>
  </si>
  <si>
    <t>dongga khetar malot sattian</t>
  </si>
  <si>
    <t>WAJID YAQOOB</t>
  </si>
  <si>
    <t>GPS DONGIAN</t>
  </si>
  <si>
    <t>Khanitak</t>
  </si>
  <si>
    <t>village khanitak dongian post office kuldana can't tehsil murre district Rawalpindi</t>
  </si>
  <si>
    <t>Rizwan Ali Qureshi</t>
  </si>
  <si>
    <t>natural source chashmah</t>
  </si>
  <si>
    <t>GPS DOONGA KHATAR</t>
  </si>
  <si>
    <t>Upper Chlawra</t>
  </si>
  <si>
    <t>Govt boys primary school Donga Khatar upper chlawra</t>
  </si>
  <si>
    <t>Heir man for arrange water</t>
  </si>
  <si>
    <t>GPS DORAHATA</t>
  </si>
  <si>
    <t>bait shadan tehhsil &amp; District  DG Khan</t>
  </si>
  <si>
    <t>Bait Shadan</t>
  </si>
  <si>
    <t>Roshan Zameer</t>
  </si>
  <si>
    <t>GPS DORAHATTA</t>
  </si>
  <si>
    <t>G/P.S Dorahatta  sabra nacha</t>
  </si>
  <si>
    <t>Dorahatta</t>
  </si>
  <si>
    <t>GPS DORHATA SHARQI</t>
  </si>
  <si>
    <t>CHAH DORATTA SHARQI BASTI RINDAN</t>
  </si>
  <si>
    <t>Dorata Sharqi</t>
  </si>
  <si>
    <t>Shahzad Gul</t>
  </si>
  <si>
    <t>GPS DORTAH</t>
  </si>
  <si>
    <t>mouza Kotha Utera Hasoo wale marle</t>
  </si>
  <si>
    <t>Hasoo Wale  Marle</t>
  </si>
  <si>
    <t>Muhammad Ramzan Shahid</t>
  </si>
  <si>
    <t>GPS DOSA</t>
  </si>
  <si>
    <t>Dosa colony tehsil 18 hazari district jhang</t>
  </si>
  <si>
    <t>GPS DOST MOHAMMAD KHAN WALA</t>
  </si>
  <si>
    <t>Kotki Bayroni</t>
  </si>
  <si>
    <t>p/o Manda khel  TEH Isa khel  Mianwali</t>
  </si>
  <si>
    <t>Arrwaran Wala</t>
  </si>
  <si>
    <t>Safi ullah</t>
  </si>
  <si>
    <t>GPS DOST MUHAMMAD AWAN</t>
  </si>
  <si>
    <t>VPO RODA TEHSIL AND DISTT KHUSHAB</t>
  </si>
  <si>
    <t>MUHAMMAD KAZIM</t>
  </si>
  <si>
    <t>GPS DOST PURA</t>
  </si>
  <si>
    <t>dost pura p/o same teh. and distt. kasur</t>
  </si>
  <si>
    <t>GPS DOUBLI</t>
  </si>
  <si>
    <t>Doubli</t>
  </si>
  <si>
    <t>Dobly</t>
  </si>
  <si>
    <t>GPS DOUGAL</t>
  </si>
  <si>
    <t>village dougal dist Gujranwala teh.kamoke</t>
  </si>
  <si>
    <t>GPS DOUKA BALOCHAN</t>
  </si>
  <si>
    <t>Douka Blochan</t>
  </si>
  <si>
    <t>douka blochan p/o kalaira jhang</t>
  </si>
  <si>
    <t>Mohsin Abbas Shah</t>
  </si>
  <si>
    <t>GPS DOUKA BALOCHAN, BASTI AHMAD PUR SIAL</t>
  </si>
  <si>
    <t>Doukan Balochan Mouza Doukan Balochan Basti AP Sial</t>
  </si>
  <si>
    <t>mouza doukan balochan basti ahmad pur sial</t>
  </si>
  <si>
    <t>Khawar Ayub</t>
  </si>
  <si>
    <t>GPS DOULAT PUR</t>
  </si>
  <si>
    <t>basti doulatpur</t>
  </si>
  <si>
    <t>GPS DOULAT PUR JADEED</t>
  </si>
  <si>
    <t>Doulat pur jadeed dera mah ka</t>
  </si>
  <si>
    <t>Doulat Pur Jadeed</t>
  </si>
  <si>
    <t>Hafiz Muhammad Zia Ul Hassan</t>
  </si>
  <si>
    <t>GPS DOULAT SHAH</t>
  </si>
  <si>
    <t>Doulat Shah</t>
  </si>
  <si>
    <t>chack doulat Shah okara</t>
  </si>
  <si>
    <t>Chack Doulat Shah</t>
  </si>
  <si>
    <t>GPS DOULAT WALA</t>
  </si>
  <si>
    <t>DAULAT wala kot tahir</t>
  </si>
  <si>
    <t>Muhammad Dawood</t>
  </si>
  <si>
    <t>GPS DOULO WAL</t>
  </si>
  <si>
    <t>Chak Dolowal Tehsil Depalpur District Okara</t>
  </si>
  <si>
    <t>GPS DOUNDA SUNDRANA</t>
  </si>
  <si>
    <t>Dounda Sundrana</t>
  </si>
  <si>
    <t>GPS dounda sundrana</t>
  </si>
  <si>
    <t>Asgar Ali Atif</t>
  </si>
  <si>
    <t>GPS DOYIAN</t>
  </si>
  <si>
    <t>doyian</t>
  </si>
  <si>
    <t>GPS DR. ABDULLAH SHAH WALA</t>
  </si>
  <si>
    <t>shahwala janubi tehsil noorpur thal khushab</t>
  </si>
  <si>
    <t>Shakeel Ur Rehman</t>
  </si>
  <si>
    <t>GPS DROHI</t>
  </si>
  <si>
    <t>drohi</t>
  </si>
  <si>
    <t>Ghous Bakhsh</t>
  </si>
  <si>
    <t>fetch water from nearest water pump</t>
  </si>
  <si>
    <t>GPS DUB GHORAY WAIL</t>
  </si>
  <si>
    <t>Dub Ghorrsy Wail</t>
  </si>
  <si>
    <t>dub ghorray wail</t>
  </si>
  <si>
    <t>Dub Ghorray Wail</t>
  </si>
  <si>
    <t>GPS DUB JAHNAANI</t>
  </si>
  <si>
    <t>dab jahanani</t>
  </si>
  <si>
    <t>dab jahanani uc mubarki po sakhi sarwar tehsil taunsa</t>
  </si>
  <si>
    <t>jahanani</t>
  </si>
  <si>
    <t>GPS DUBAR</t>
  </si>
  <si>
    <t>Dubar</t>
  </si>
  <si>
    <t>village dubar tehsile pindi bhattian district hafizabad</t>
  </si>
  <si>
    <t>GPS DUBGOMA</t>
  </si>
  <si>
    <t>Dub Goma</t>
  </si>
  <si>
    <t>village dub goma</t>
  </si>
  <si>
    <t>GPS DUDHU CHAK</t>
  </si>
  <si>
    <t>village p/o dudhuchak</t>
  </si>
  <si>
    <t>GPS DUDIAL</t>
  </si>
  <si>
    <t>vpo dudial</t>
  </si>
  <si>
    <t>Naeem Afzal</t>
  </si>
  <si>
    <t>GPS DUE KEY</t>
  </si>
  <si>
    <t>Duekay</t>
  </si>
  <si>
    <t>Ahmad Raza Ul Mustafa  Majid</t>
  </si>
  <si>
    <t>GPS DUGAL</t>
  </si>
  <si>
    <t>village dougal p.o dougal teh daska district Sialkot</t>
  </si>
  <si>
    <t>Peero Chack</t>
  </si>
  <si>
    <t>GPS DUGRI HARIAN</t>
  </si>
  <si>
    <t>Dogri Harrian</t>
  </si>
  <si>
    <t>village Dougri harrian</t>
  </si>
  <si>
    <t>Dogri harrian</t>
  </si>
  <si>
    <t>Dougri Harrian</t>
  </si>
  <si>
    <t>GPS DUGRI HINDWAN</t>
  </si>
  <si>
    <t>Kotli Besakha Sing</t>
  </si>
  <si>
    <t>Kotli Besakha Sing p.o Budha Goraya Tehsil Daska District Sialkot</t>
  </si>
  <si>
    <t>GPS DUGRI HUNDLAN</t>
  </si>
  <si>
    <t>Dugri hundlan</t>
  </si>
  <si>
    <t>Muhammad Usman Ashfaq</t>
  </si>
  <si>
    <t>GPS DUHMAN</t>
  </si>
  <si>
    <t>PO box barki chohan Gujar Khan</t>
  </si>
  <si>
    <t>GPS DULHAL</t>
  </si>
  <si>
    <t>Dulhal</t>
  </si>
  <si>
    <t>V.P.O. DULHAL. Tehsil Fateh Jang. District Attock</t>
  </si>
  <si>
    <t>GPS DULKA</t>
  </si>
  <si>
    <t>g p s dhoulka</t>
  </si>
  <si>
    <t>Akrainwala</t>
  </si>
  <si>
    <t>GPS DULLAN WALA</t>
  </si>
  <si>
    <t>DULLANWALA</t>
  </si>
  <si>
    <t>VPO DULLANWALA Tehsil Kharian District Gujrat</t>
  </si>
  <si>
    <t>HAJI MUHAMMAD</t>
  </si>
  <si>
    <t>GPS DULLEKE BHATTIAN</t>
  </si>
  <si>
    <t>Dulleke</t>
  </si>
  <si>
    <t>GPS Dulleke Bhattian</t>
  </si>
  <si>
    <t>Nadeem Khan</t>
  </si>
  <si>
    <t>GPS DULLO ABAD</t>
  </si>
  <si>
    <t>Dullo abad markz haider abad thal</t>
  </si>
  <si>
    <t>Dullo Abad</t>
  </si>
  <si>
    <t>Muhammad Zubair Shah Hashmi</t>
  </si>
  <si>
    <t>GPS DULLO KALAN LINK FEROZPUR ROAD LAHORE</t>
  </si>
  <si>
    <t>dullo kalan</t>
  </si>
  <si>
    <t>gps dullo kalan link ferozpur road</t>
  </si>
  <si>
    <t>dullo khurd kalan</t>
  </si>
  <si>
    <t>M Haroon</t>
  </si>
  <si>
    <t>GPS DULMAN WALI</t>
  </si>
  <si>
    <t>dulmanwali</t>
  </si>
  <si>
    <t>village dulmanwali P.O phillora tehsil Pasrur District Sialkot</t>
  </si>
  <si>
    <t>GPS DULMI TUMMA</t>
  </si>
  <si>
    <t>Dulmi Tumma</t>
  </si>
  <si>
    <t>village &amp; PO dulmi tumma</t>
  </si>
  <si>
    <t>GPS DULOO WALA</t>
  </si>
  <si>
    <t>Duloo wala</t>
  </si>
  <si>
    <t>Duloo Wala</t>
  </si>
  <si>
    <t>GPS DULYAL</t>
  </si>
  <si>
    <t>village and po dulyal teh dina distt jhelum</t>
  </si>
  <si>
    <t>Bohrian Dulyal</t>
  </si>
  <si>
    <t>GPS DUMRA</t>
  </si>
  <si>
    <t>Dumra Shumali</t>
  </si>
  <si>
    <t>basti dumra shumali, tehsil taunsa sharif</t>
  </si>
  <si>
    <t>GPS DUNGA BUNGA (JHANEY WALA)</t>
  </si>
  <si>
    <t>jahany wala donga bonga</t>
  </si>
  <si>
    <t>Mohammad Abbas</t>
  </si>
  <si>
    <t>GPS DUNIA PUR</t>
  </si>
  <si>
    <t>DUNIA PUR</t>
  </si>
  <si>
    <t>Basti Dunia pur Post Office Sahja Tehsil Khan Pur District Rahim Yar Khan</t>
  </si>
  <si>
    <t>GPS DUNYA PUR GANGA</t>
  </si>
  <si>
    <t>dunya purganga</t>
  </si>
  <si>
    <t>Muhammad Pur Question</t>
  </si>
  <si>
    <t>Siddique Ahmed</t>
  </si>
  <si>
    <t>GPS DUPPER</t>
  </si>
  <si>
    <t>Dupper</t>
  </si>
  <si>
    <t>village dupper.post office ratti Keri.tehsil hand.distt.Attock</t>
  </si>
  <si>
    <t>GPS DUR HUTTA QADIR PUR RAN</t>
  </si>
  <si>
    <t>Qadir Pur Raan</t>
  </si>
  <si>
    <t>Basti Budhen Shah Qadir Pur Raan</t>
  </si>
  <si>
    <t>Basti Budhen Shah</t>
  </si>
  <si>
    <t>GPS DUR MUHAMMAD BALOOCH</t>
  </si>
  <si>
    <t>basti kotla arib, malik pur tehseel liaqat pur</t>
  </si>
  <si>
    <t>Basti Kotla arib</t>
  </si>
  <si>
    <t>Jun Pur</t>
  </si>
  <si>
    <t>abdul razzaq khan</t>
  </si>
  <si>
    <t>GPS DURAB JATAL</t>
  </si>
  <si>
    <t>Durab Jatal</t>
  </si>
  <si>
    <t>village Durab Jatal</t>
  </si>
  <si>
    <t>GPS DURATTA, P/O MUMDAL, NAWAN SHEHR</t>
  </si>
  <si>
    <t>mamdal</t>
  </si>
  <si>
    <t>Jamshid Ali</t>
  </si>
  <si>
    <t>GPS DUREE BABBER</t>
  </si>
  <si>
    <t>Yakiwaly</t>
  </si>
  <si>
    <t>Basti durri babber</t>
  </si>
  <si>
    <t>Durri Babber</t>
  </si>
  <si>
    <t>Shakir Khalil Khan</t>
  </si>
  <si>
    <t>GPS DURGAHI WALA</t>
  </si>
  <si>
    <t>Durgahi Wala</t>
  </si>
  <si>
    <t>village dargahi wala p./o batala jhanda Singh tehsil wazir a bad</t>
  </si>
  <si>
    <t>GPS DURHATA SHEIKHWALA</t>
  </si>
  <si>
    <t>Durhatta Sheikh Wala  p/o loharwala D.G.K</t>
  </si>
  <si>
    <t>Durhata Sheikh Walla</t>
  </si>
  <si>
    <t>GPS DURHATTA</t>
  </si>
  <si>
    <t>Durhatta</t>
  </si>
  <si>
    <t>basti durhatta mouza durhatta tehsil lodhran</t>
  </si>
  <si>
    <t>GPS DURHATTA KARIM SHAH</t>
  </si>
  <si>
    <t>basti durratta karam shah</t>
  </si>
  <si>
    <t>Durhatta Karim Shah</t>
  </si>
  <si>
    <t>Malik Muhammad Fakhar Imam</t>
  </si>
  <si>
    <t>GPS DURI WALA</t>
  </si>
  <si>
    <t>Gayamal</t>
  </si>
  <si>
    <t>GPS durri wala u/c gayamal tehsil rojhan disst rajanpir</t>
  </si>
  <si>
    <t>Durri Wala</t>
  </si>
  <si>
    <t>GPS DURKHANI WALA</t>
  </si>
  <si>
    <t>Kot Chutta No 2</t>
  </si>
  <si>
    <t>Mandoo wala choti road near kot chutta</t>
  </si>
  <si>
    <t>Mandoo Wala</t>
  </si>
  <si>
    <t>GPS DURS USMAN</t>
  </si>
  <si>
    <t>Kacha Razi</t>
  </si>
  <si>
    <t>kacha razi tehsil rojhan</t>
  </si>
  <si>
    <t>Meer Hassan</t>
  </si>
  <si>
    <t>GPS EAIS PUR</t>
  </si>
  <si>
    <t>village Eais Pur P/O Jhatokey Pasrur Sialkot.</t>
  </si>
  <si>
    <t>Dogri Harin</t>
  </si>
  <si>
    <t>GPS EASAN KHAIL</t>
  </si>
  <si>
    <t>pelowains</t>
  </si>
  <si>
    <t>pelowains Teh.noorpur district khushab</t>
  </si>
  <si>
    <t>GPS EESAY WALA</t>
  </si>
  <si>
    <t>chaha essay Wala pati Ghulam ali gharbi</t>
  </si>
  <si>
    <t>Chaha Essay Wala</t>
  </si>
  <si>
    <t>Shahzad Shabir</t>
  </si>
  <si>
    <t>GPS EHSAN ABAD</t>
  </si>
  <si>
    <t>darkhast jamal khan</t>
  </si>
  <si>
    <t>mouza darkhast jamal khan gharbi no 1</t>
  </si>
  <si>
    <t>basti khohi faqeer</t>
  </si>
  <si>
    <t>GPS EHSAN PUR</t>
  </si>
  <si>
    <t>GPS EID GAH DUNGA BUNGA</t>
  </si>
  <si>
    <t>eid gah dunga bunga</t>
  </si>
  <si>
    <t>Mujahid Town</t>
  </si>
  <si>
    <t>GPS EID GAH NOOR PUR</t>
  </si>
  <si>
    <t>mohallah Bagianwala Noorpur</t>
  </si>
  <si>
    <t>M C Noorpur Thal</t>
  </si>
  <si>
    <t>GPS EID GAH OKARA</t>
  </si>
  <si>
    <t>Mansorabad</t>
  </si>
  <si>
    <t>mansorabad okara</t>
  </si>
  <si>
    <t>M Khalid</t>
  </si>
  <si>
    <t>GPS EID GAH RETRA</t>
  </si>
  <si>
    <t>Basti Tibba Malkani Retra</t>
  </si>
  <si>
    <t>Tibbi qaisrani</t>
  </si>
  <si>
    <t>GPS EISAN WALA</t>
  </si>
  <si>
    <t>Kot Mubarak Sa</t>
  </si>
  <si>
    <t>chah easan wala kot mubarak janobi dera ghazikhan</t>
  </si>
  <si>
    <t>Eisan Wala</t>
  </si>
  <si>
    <t>GPS EISER</t>
  </si>
  <si>
    <t>Eiser</t>
  </si>
  <si>
    <t>eisar</t>
  </si>
  <si>
    <t>GPS EK MINAR BLOCK NO.18</t>
  </si>
  <si>
    <t>Mall Mandi Road Chichawatni District Sahiwal</t>
  </si>
  <si>
    <t>Block no18</t>
  </si>
  <si>
    <t>ward no15</t>
  </si>
  <si>
    <t>Asif Bashir Khan</t>
  </si>
  <si>
    <t>GPS ELAH ABAD</t>
  </si>
  <si>
    <t>GPS Ellah Abad</t>
  </si>
  <si>
    <t>Mc Ellah Abad</t>
  </si>
  <si>
    <t>GPS ELAHI BAKHSH</t>
  </si>
  <si>
    <t>Chak Elahi Bakhsh P/O Chak Bedi T/D Pakpattan</t>
  </si>
  <si>
    <t>GPS EMINA CHAJJA</t>
  </si>
  <si>
    <t>Emma Chajja</t>
  </si>
  <si>
    <t>v@p!o mallot Sattian teh Kotli Sattian dist rwp</t>
  </si>
  <si>
    <t>aqida bibi</t>
  </si>
  <si>
    <t>GPS EMINABAD NO.1</t>
  </si>
  <si>
    <t>Mohalla kakkayzayyan Eminabad Town</t>
  </si>
  <si>
    <t>GPS EMINABAD NO.2</t>
  </si>
  <si>
    <t>pull wala Dara eminabad</t>
  </si>
  <si>
    <t>Rauf Ali Awan</t>
  </si>
  <si>
    <t>GPS EMINABAD NO.8</t>
  </si>
  <si>
    <t>kharal wala eminabad on sialkot road</t>
  </si>
  <si>
    <t>Khral Wala</t>
  </si>
  <si>
    <t>Uc Eminabad 41</t>
  </si>
  <si>
    <t>GPS EMINABAD NO.9</t>
  </si>
  <si>
    <t>taaj chowk eminabad</t>
  </si>
  <si>
    <t>GPS ENGINEERING UNIVERSITY LHR</t>
  </si>
  <si>
    <t>Co-operative Store</t>
  </si>
  <si>
    <t>Engineering university Lahore.</t>
  </si>
  <si>
    <t>Hazrat Makhdom  Bahaudin Shah</t>
  </si>
  <si>
    <t>Sadia Sheraz</t>
  </si>
  <si>
    <t>GPS ESAB KHAN WALA</t>
  </si>
  <si>
    <t>village dhadian wala uc musakhel</t>
  </si>
  <si>
    <t>Maraj Khalid Khan</t>
  </si>
  <si>
    <t>GPS ESANI</t>
  </si>
  <si>
    <t>Gonna</t>
  </si>
  <si>
    <t>moza gonna, gps esani</t>
  </si>
  <si>
    <t>Esani</t>
  </si>
  <si>
    <t>Awais Rehman</t>
  </si>
  <si>
    <t>GPS ESSA</t>
  </si>
  <si>
    <t>Essa</t>
  </si>
  <si>
    <t>moaza essa. tehsil kpt</t>
  </si>
  <si>
    <t>Basti Essa</t>
  </si>
  <si>
    <t>GPS ESSAN WALA</t>
  </si>
  <si>
    <t>essan wala p/o gadai dera ghazi khan</t>
  </si>
  <si>
    <t>Essan Wala</t>
  </si>
  <si>
    <t>Muhammad Munir Farooq</t>
  </si>
  <si>
    <t>GPS ESSAY WALA SHARQI NO 1</t>
  </si>
  <si>
    <t>Gps Essa Wala Sharqi No1</t>
  </si>
  <si>
    <t>SAJID ABBAS</t>
  </si>
  <si>
    <t>GPS F D SHERANWALA BAGH</t>
  </si>
  <si>
    <t>Sheran Wala Bagh</t>
  </si>
  <si>
    <t>MUHAMMAD KASHIF</t>
  </si>
  <si>
    <t>GPS FACTIRY AREA</t>
  </si>
  <si>
    <t>FactoryArea</t>
  </si>
  <si>
    <t>Factory area,samundri</t>
  </si>
  <si>
    <t>Ward No1</t>
  </si>
  <si>
    <t>GPS FAISAL TOWN</t>
  </si>
  <si>
    <t>MC Mananwala</t>
  </si>
  <si>
    <t>GPS FAISAL TOWN (VIRAK TOWN)</t>
  </si>
  <si>
    <t>Faisal town (virak town) tehsil Kamoke Gujranwala</t>
  </si>
  <si>
    <t>Kamoke-VI</t>
  </si>
  <si>
    <t>GPS FAIZ ABAD NOON</t>
  </si>
  <si>
    <t>Faiz Abad Noon</t>
  </si>
  <si>
    <t>GPS FAIZ ABAD SAGWAN</t>
  </si>
  <si>
    <t>Basti kalo wala p\0 gaily wal lodhran</t>
  </si>
  <si>
    <t>GPS FAIZ MUHAMMAD KALOI</t>
  </si>
  <si>
    <t>Somra</t>
  </si>
  <si>
    <t>GPS Faiz Muhammad Kaloi</t>
  </si>
  <si>
    <t>GPS FAIZ PUR</t>
  </si>
  <si>
    <t>FAIZ PUR</t>
  </si>
  <si>
    <t>GPS FAIZ PUR SARAI ALAMGIR GUJRAT</t>
  </si>
  <si>
    <t>ADEEL TARIQ</t>
  </si>
  <si>
    <t>GPS FAIZ PUR KHURD</t>
  </si>
  <si>
    <t>faiz pur khurd</t>
  </si>
  <si>
    <t>GPS FAIZ PUR P.O BOYLE GANJ</t>
  </si>
  <si>
    <t>Faiz pur p.o Boyle Gunj teh and distt pakpattan</t>
  </si>
  <si>
    <t>Boyle Gunj</t>
  </si>
  <si>
    <t>Shair Ali</t>
  </si>
  <si>
    <t>GPS FAIZ PURA</t>
  </si>
  <si>
    <t>Kolo Tarat</t>
  </si>
  <si>
    <t>GPS FAIZ UL ALOOM, ABDUL HAKIM</t>
  </si>
  <si>
    <t>near old sabaz mandi Abdul Hakim</t>
  </si>
  <si>
    <t>Abdulhaklm</t>
  </si>
  <si>
    <t>Bahawal Khan</t>
  </si>
  <si>
    <t>GPS FAIZ WAH</t>
  </si>
  <si>
    <t>faiz wah Vehari</t>
  </si>
  <si>
    <t>Basti Bangla Fazal</t>
  </si>
  <si>
    <t>Qdir Wah</t>
  </si>
  <si>
    <t>GPS FAIZE PUR CHAKI GHERA</t>
  </si>
  <si>
    <t>Chakki Ghera</t>
  </si>
  <si>
    <t>village chakki Ghera po Bholay shah tehsil sharaqpur district sheikhupura</t>
  </si>
  <si>
    <t>Chakki  Ghera</t>
  </si>
  <si>
    <t>GPS FAIZ-E-AM QAZAFI COLONY BADAMI BAGH</t>
  </si>
  <si>
    <t>Basti Bela Ram</t>
  </si>
  <si>
    <t>Qaddafi colony Badami Bagh lhr</t>
  </si>
  <si>
    <t>20 Larex Colony</t>
  </si>
  <si>
    <t>GPS FAIZ-E-MUHAMMADI</t>
  </si>
  <si>
    <t>kassoke road, Near Ismail School, Kamoke</t>
  </si>
  <si>
    <t>Muhammad Tauqeer ul Zafar  Sandhu</t>
  </si>
  <si>
    <t>GPS FAKHAR ABAD</t>
  </si>
  <si>
    <t>GPS FAKHAR abad</t>
  </si>
  <si>
    <t>Fazal Ilahe</t>
  </si>
  <si>
    <t>PUNNAL SHAH</t>
  </si>
  <si>
    <t>GPS FALAK SHER</t>
  </si>
  <si>
    <t>Mitha tiwana khushab</t>
  </si>
  <si>
    <t>Ghazanfar Ali Danish</t>
  </si>
  <si>
    <t>GPS FALAK SHER NOON</t>
  </si>
  <si>
    <t>GPS Falak Sher Noon</t>
  </si>
  <si>
    <t>GPS FAQEER ABAD HAFIZ WALA</t>
  </si>
  <si>
    <t>faqeerabad</t>
  </si>
  <si>
    <t>Imran Iqbal</t>
  </si>
  <si>
    <t>GPS FAQEER MEHAR DIN</t>
  </si>
  <si>
    <t>Bhambhay Shaheed</t>
  </si>
  <si>
    <t>basti faqir mehar din APL Sadiqabad</t>
  </si>
  <si>
    <t>Basti Faqeer Mehr Din</t>
  </si>
  <si>
    <t>GHULAM MURTAZA CHEEMA</t>
  </si>
  <si>
    <t>GPS FAQIR ABAD</t>
  </si>
  <si>
    <t>Sayeed Pur</t>
  </si>
  <si>
    <t>Basti gasoora mouza said pur tehsi and district rajan pur</t>
  </si>
  <si>
    <t>Basti Gasoora</t>
  </si>
  <si>
    <t>Nosushera Sharqi</t>
  </si>
  <si>
    <t>GPS FAQIR AHMAD WALA</t>
  </si>
  <si>
    <t>Bait Dryai</t>
  </si>
  <si>
    <t>basti rend ada mouza bait dryai bakaini</t>
  </si>
  <si>
    <t>Bait Drayai</t>
  </si>
  <si>
    <t>GPS FAQIR MUHAMMAD CHANG</t>
  </si>
  <si>
    <t>CHAK SARI</t>
  </si>
  <si>
    <t>HAJAIPUR ROAD NEAR TELENOR TOWER BASTI FAQEER MUHAMMAD CHANG</t>
  </si>
  <si>
    <t>BASTI CHANG</t>
  </si>
  <si>
    <t>Chak Lasa</t>
  </si>
  <si>
    <t>Snan Ullah Kamran</t>
  </si>
  <si>
    <t>GPS FAQIR PURA NO.1</t>
  </si>
  <si>
    <t>Faqir pura</t>
  </si>
  <si>
    <t>Main Bazar Faqie Pura</t>
  </si>
  <si>
    <t>Shabbir Hussain Bhatti</t>
  </si>
  <si>
    <t>GPS FAQIR PURA NO.2 (TARIQ ABAD)</t>
  </si>
  <si>
    <t>Tariq ABAD</t>
  </si>
  <si>
    <t>4 E block Aman choka khokharke Gujranwala</t>
  </si>
  <si>
    <t>Khokharke</t>
  </si>
  <si>
    <t>Muhammad Uzair</t>
  </si>
  <si>
    <t>GPS FAQIR WALA JADEED</t>
  </si>
  <si>
    <t>chah chohi masetan shadi Khan munda</t>
  </si>
  <si>
    <t>Chah Chohi Masetan</t>
  </si>
  <si>
    <t>ATTA ULLAH KHAN</t>
  </si>
  <si>
    <t>GPS FAQIRAN WALA</t>
  </si>
  <si>
    <t>faqiranwala chidru</t>
  </si>
  <si>
    <t>Faqiranwala</t>
  </si>
  <si>
    <t>GPS FAQIRIAN</t>
  </si>
  <si>
    <t>village Faqirian P/o Mona Depot Tehsil Malakwal District Mandi Bahauddin</t>
  </si>
  <si>
    <t>Ghar Qaim</t>
  </si>
  <si>
    <t>GPS FARAKHPUR NAU</t>
  </si>
  <si>
    <t>Farkh Pur Nau</t>
  </si>
  <si>
    <t>GPS.Farkh Pur Nau. P/O. Qadir abad.Teh. Phalia, Distt. M.B.Din.</t>
  </si>
  <si>
    <t>GPS FARDOS COLONY MURIDKE</t>
  </si>
  <si>
    <t>Timber Market Muridke</t>
  </si>
  <si>
    <t>timber market.g.t road muridke</t>
  </si>
  <si>
    <t>sumaira</t>
  </si>
  <si>
    <t>GPS FAREED ABAD</t>
  </si>
  <si>
    <t>bait shadan fareed abad</t>
  </si>
  <si>
    <t>GPS FAREED KOT</t>
  </si>
  <si>
    <t>Farid kot</t>
  </si>
  <si>
    <t>GPS FAREED MAHMOOD KATHIA</t>
  </si>
  <si>
    <t>Farid Mehmood FmKathia</t>
  </si>
  <si>
    <t>moza Farid Mehmood kathia  shorkot  jhang</t>
  </si>
  <si>
    <t>Farid Mehmood Farid Mehmood FmKathia</t>
  </si>
  <si>
    <t>GPS FARID ABAD, P/O CHAK HAIDER ABAD, NAWAN SHEHR (PEF,PSSP PHASE III) NOT HANDED OVER DUE TO COURT</t>
  </si>
  <si>
    <t>basti fared abad tehsil kabirwala district Khanewal</t>
  </si>
  <si>
    <t>Fared Abad</t>
  </si>
  <si>
    <t>Nasir Ali Saqi</t>
  </si>
  <si>
    <t>GPS FARID PUR DOGRAN</t>
  </si>
  <si>
    <t>Fareed Pur  Dogran</t>
  </si>
  <si>
    <t>Chak fareed pur dogran</t>
  </si>
  <si>
    <t>Fareed Pur Dogran</t>
  </si>
  <si>
    <t>GPS FARID PUR SOHAG</t>
  </si>
  <si>
    <t>farid pur sohag</t>
  </si>
  <si>
    <t>Muhammad Tariq Mehmood</t>
  </si>
  <si>
    <t>GPS FARID SHAH</t>
  </si>
  <si>
    <t>Chak Farid Shah  Muhammad Nagar Two</t>
  </si>
  <si>
    <t>chak farid shah th  arifwala dist pakpattan</t>
  </si>
  <si>
    <t>Jamoobodla</t>
  </si>
  <si>
    <t>GPS FARM CHAKAN WALI</t>
  </si>
  <si>
    <t>Chakkan Wali</t>
  </si>
  <si>
    <t>chakkan Wali Teh wazerabad distt GWR</t>
  </si>
  <si>
    <t>Farm Chakkan Wali</t>
  </si>
  <si>
    <t>Syed Ghulaam Shabbir</t>
  </si>
  <si>
    <t>GPS FAROOQ ABAD (CHAK NO. 133/ML)</t>
  </si>
  <si>
    <t>133M/l</t>
  </si>
  <si>
    <t>chak 133.m/l</t>
  </si>
  <si>
    <t>133/Ml</t>
  </si>
  <si>
    <t>Raouf shahzad</t>
  </si>
  <si>
    <t>GPS FAROOQ COLONY</t>
  </si>
  <si>
    <t>GPS Farooq Colony Walton Road Cantt Lahore</t>
  </si>
  <si>
    <t>Model Colony No 1</t>
  </si>
  <si>
    <t>GPS FAROOQ GURMANI</t>
  </si>
  <si>
    <t>muza esan wala near tari pull p/o sinawan tehsil kot adu district muzaffar garh</t>
  </si>
  <si>
    <t>GPS FAROOQ NAGAR</t>
  </si>
  <si>
    <t>PATNI</t>
  </si>
  <si>
    <t>chak ghooda basti Hazoor Bukhsh Khachi</t>
  </si>
  <si>
    <t>Basti Hazoor Bukhsh Khachi</t>
  </si>
  <si>
    <t>GPS FAROOQ PARK JARANWALA</t>
  </si>
  <si>
    <t>Bilal Gunj jrw</t>
  </si>
  <si>
    <t>Jrw City</t>
  </si>
  <si>
    <t>Nauman Irshad</t>
  </si>
  <si>
    <t>GPS FAROOQABAD</t>
  </si>
  <si>
    <t>Gps Farooqabad Teh k, kahar District Chakwal</t>
  </si>
  <si>
    <t>MC Bhaun</t>
  </si>
  <si>
    <t>Iltaf Hussain</t>
  </si>
  <si>
    <t>GPS FAROOQIA</t>
  </si>
  <si>
    <t>Farooqia</t>
  </si>
  <si>
    <t>Bestway Cement Colony, Farooqia</t>
  </si>
  <si>
    <t>Garhi SIkandar</t>
  </si>
  <si>
    <t>water supplied by colony</t>
  </si>
  <si>
    <t>GPS FARRUKH MODEL SWAMI NAGAR</t>
  </si>
  <si>
    <t>Swami Nagar</t>
  </si>
  <si>
    <t>swami nagar road Lahore</t>
  </si>
  <si>
    <t>Tazab Ahata</t>
  </si>
  <si>
    <t>Sheikh Muhammad Bilawal</t>
  </si>
  <si>
    <t>GPS FARUKH PUR</t>
  </si>
  <si>
    <t>Furakhpur</t>
  </si>
  <si>
    <t>village farukhpur post office bazurgawal Tehsil kharian District Gujarat</t>
  </si>
  <si>
    <t>Farukhpur</t>
  </si>
  <si>
    <t>Bazurgawal</t>
  </si>
  <si>
    <t>GPS FARWAN WALA</t>
  </si>
  <si>
    <t>Farwan wala</t>
  </si>
  <si>
    <t>farwan wala tehsil minchan abad dist bwn</t>
  </si>
  <si>
    <t>Farwan Wala</t>
  </si>
  <si>
    <t>GPS FATAH SHAH WALA</t>
  </si>
  <si>
    <t>Wada khoh Hisam wala</t>
  </si>
  <si>
    <t>Wada Khoh Hisam Wala</t>
  </si>
  <si>
    <t>Muhammad Lal</t>
  </si>
  <si>
    <t>GPS FATAH SINGH WALA</t>
  </si>
  <si>
    <t>Athhuwall</t>
  </si>
  <si>
    <t>fateh singh wala raiwind lahore</t>
  </si>
  <si>
    <t>Fateh Singh Wala</t>
  </si>
  <si>
    <t>M Shafeeq Majeed</t>
  </si>
  <si>
    <t>GPS FATEH ABAD</t>
  </si>
  <si>
    <t>Moza Shareenh</t>
  </si>
  <si>
    <t>Fateh abad</t>
  </si>
  <si>
    <t>GPS FATEH BELLA P/O &amp; TEH.SHUJABAD</t>
  </si>
  <si>
    <t>FATEH BELA</t>
  </si>
  <si>
    <t>BASTI FATEH BELA MOUZA FATEH BELA TEHSIL SHUJABAD DISTRICT MULTAN</t>
  </si>
  <si>
    <t>POUNTA</t>
  </si>
  <si>
    <t>GPS FATEH BUMB</t>
  </si>
  <si>
    <t>Fateh Bumb</t>
  </si>
  <si>
    <t>GPS fateh bumb p.o notak bhakkar</t>
  </si>
  <si>
    <t>GPS FATEH JANG NO.2</t>
  </si>
  <si>
    <t>Government boys primary school no.2</t>
  </si>
  <si>
    <t>Fatehjang 2</t>
  </si>
  <si>
    <t>Shahida Noreen</t>
  </si>
  <si>
    <t>GPS FATEH KHAN</t>
  </si>
  <si>
    <t>Rakh Fateh Khan</t>
  </si>
  <si>
    <t>p/o NUTKANI tehsil taunsa</t>
  </si>
  <si>
    <t>GPS FATEH KOT TAJJAH</t>
  </si>
  <si>
    <t>Fateh Kot Taja</t>
  </si>
  <si>
    <t>fateh kot taja</t>
  </si>
  <si>
    <t>GPS FATEH MUHAMMAD KHURD</t>
  </si>
  <si>
    <t>Fateh Muhammad khurd</t>
  </si>
  <si>
    <t>Roken Pura</t>
  </si>
  <si>
    <t>Ahmad  Saeed Saif</t>
  </si>
  <si>
    <t>GPS FATEH PUR ARAIN</t>
  </si>
  <si>
    <t>Fateh Pur Arain Post Office Taj Garh Tehsil And District Rahim Yar Khan</t>
  </si>
  <si>
    <t>MUHAMMAD ARSHAD  ANJUM</t>
  </si>
  <si>
    <t>GPS FATEH PUR JADEED</t>
  </si>
  <si>
    <t>GPS Fateh pur jadeed almaroof tiba shiekh wazeer</t>
  </si>
  <si>
    <t>GPS FATEH PUR MOUZA FATEH PUR DUNYA PUR</t>
  </si>
  <si>
    <t>Moza Fateh Pur</t>
  </si>
  <si>
    <t>Moza fateh pur Tehsail dunya pur lodhran</t>
  </si>
  <si>
    <t>GPS FATEH PUR NO 2</t>
  </si>
  <si>
    <t>Chak No 249/TDA</t>
  </si>
  <si>
    <t>Azam Road Fateh Pur</t>
  </si>
  <si>
    <t>249/TDA</t>
  </si>
  <si>
    <t>Usman Wali Muhammad</t>
  </si>
  <si>
    <t>GPS FATEH PUR NO. 2</t>
  </si>
  <si>
    <t>Fateh  Pur</t>
  </si>
  <si>
    <t>GPS FATEH PUR NOON</t>
  </si>
  <si>
    <t>fateh pur noon uc 16 tehsil bhera district sargodha</t>
  </si>
  <si>
    <t>Muhammad Khuram Shahzad</t>
  </si>
  <si>
    <t>GPS FATEH PUR QURESHIAN</t>
  </si>
  <si>
    <t>Fateh Pur Qureshian Rahim Yar Khan</t>
  </si>
  <si>
    <t>HAQ NAWAZ</t>
  </si>
  <si>
    <t>GPS FATEH ULLAH</t>
  </si>
  <si>
    <t>Fatehullah</t>
  </si>
  <si>
    <t>village fatehullah po  burhant</t>
  </si>
  <si>
    <t>Israr Ahmed</t>
  </si>
  <si>
    <t>GPS FATEH WALA</t>
  </si>
  <si>
    <t>Cha Fateh Wala, Moza Dogar Kalasra P/O Sanawan</t>
  </si>
  <si>
    <t>Muhammad Zia ur rehman</t>
  </si>
  <si>
    <t>GPS FATEHPUR MAIRA</t>
  </si>
  <si>
    <t>v p/o fateh pur mera</t>
  </si>
  <si>
    <t>Hafiz Muhammad Khan</t>
  </si>
  <si>
    <t>Local supply</t>
  </si>
  <si>
    <t>GPS FATIANA</t>
  </si>
  <si>
    <t>Daad Fatyana</t>
  </si>
  <si>
    <t>Mouza Daad fatyana Chicha watni distt. Sahiwal</t>
  </si>
  <si>
    <t>Mouza Daad Fatyana</t>
  </si>
  <si>
    <t>GPS FATOHAL WALA</t>
  </si>
  <si>
    <t>Patal Gharbi</t>
  </si>
  <si>
    <t>chah fatohal wala ,tehsil kot adu</t>
  </si>
  <si>
    <t>Fatohal Wala</t>
  </si>
  <si>
    <t>GPS FATOHI WALA</t>
  </si>
  <si>
    <t>Fotohi Wala P\O Ganda Sing Teh  Dist  KASUR</t>
  </si>
  <si>
    <t>Akbar Ali Sabir</t>
  </si>
  <si>
    <t>GPS FATOI MAHARAN</t>
  </si>
  <si>
    <t>Fatoi Maharan</t>
  </si>
  <si>
    <t>GPS Fatoi maharan p.o mandi sadiq gunj tehsil Minchanabad Disst. Bahawalnagar</t>
  </si>
  <si>
    <t>Muhammad Ramzan Hussain</t>
  </si>
  <si>
    <t>GPS FATOO WALA</t>
  </si>
  <si>
    <t>Fattowala</t>
  </si>
  <si>
    <t>Nawaz Ahmed</t>
  </si>
  <si>
    <t>GPS FATTO CHAK</t>
  </si>
  <si>
    <t>Fattu Chack</t>
  </si>
  <si>
    <t>village fattu chack p/o bhophalwala</t>
  </si>
  <si>
    <t>Afzaal Ahmed</t>
  </si>
  <si>
    <t>GPS FATTO WAL</t>
  </si>
  <si>
    <t>PIR FATEH DADYA</t>
  </si>
  <si>
    <t>BASTI FATTOWAL MOZA PIR FATEH DARYA SDK RYK</t>
  </si>
  <si>
    <t>BASTI FATTOWAL</t>
  </si>
  <si>
    <t>Shahzad Imran</t>
  </si>
  <si>
    <t>GPS FATTO WALA</t>
  </si>
  <si>
    <t>fattowala</t>
  </si>
  <si>
    <t>GPS FATTOWAL SULEHRIAN</t>
  </si>
  <si>
    <t>Fattowal Sulehrian</t>
  </si>
  <si>
    <t>village fattowal sulehrian p/o dudhuchak tehsil sakargarh district narowal</t>
  </si>
  <si>
    <t>Shafqaat Ahmed</t>
  </si>
  <si>
    <t>GPS FATTU WALA</t>
  </si>
  <si>
    <t>Fattu wala</t>
  </si>
  <si>
    <t>Fattu Wala</t>
  </si>
  <si>
    <t>Muhammad Shoaib Rasool</t>
  </si>
  <si>
    <t>GPS FATTU WANA</t>
  </si>
  <si>
    <t>Fatuana</t>
  </si>
  <si>
    <t>Mouza Fattu Ana</t>
  </si>
  <si>
    <t>Fattu Ana</t>
  </si>
  <si>
    <t>GPS FATU CHAK</t>
  </si>
  <si>
    <t>Fatu Chak</t>
  </si>
  <si>
    <t>VPO Fatu Chak Gondal Attock</t>
  </si>
  <si>
    <t>Nazeer Hussain Shah</t>
  </si>
  <si>
    <t>GPS FATVERA HITHAR</t>
  </si>
  <si>
    <t>Fatvera Hithar</t>
  </si>
  <si>
    <t>chack fatvera hithar p/o jhullan arian</t>
  </si>
  <si>
    <t>GPS FATWAL</t>
  </si>
  <si>
    <t>village FATWAL p/o babral</t>
  </si>
  <si>
    <t>GPS FAUJA DHARA</t>
  </si>
  <si>
    <t>Moza Allah yar juta Teh.shorkot(jhang)</t>
  </si>
  <si>
    <t>GPS FAZA AAM SAHIWAL</t>
  </si>
  <si>
    <t>mohallah Farid Gunj swl</t>
  </si>
  <si>
    <t>Sahiwal City 6</t>
  </si>
  <si>
    <t>GPS FAZAL ABAD MORE KHUNDA</t>
  </si>
  <si>
    <t>Fazal abad more khunda</t>
  </si>
  <si>
    <t>Salim Pur Pakka</t>
  </si>
  <si>
    <t>GPS FAZAL ABAD NO. 1</t>
  </si>
  <si>
    <t>Basti jalal din number daar  P/o Rajan pur kalan</t>
  </si>
  <si>
    <t>Jalal Din Number Dar</t>
  </si>
  <si>
    <t>GPS FAZAL DIN</t>
  </si>
  <si>
    <t>Fazal Din</t>
  </si>
  <si>
    <t>moza Fazal din tehsil Arifwala district Pakpattan</t>
  </si>
  <si>
    <t>Mazhar Hussain Safdar</t>
  </si>
  <si>
    <t>GPS FAZAL ELAHI</t>
  </si>
  <si>
    <t>Moza and Basti Fazal Elahi.</t>
  </si>
  <si>
    <t>basti fazal elahi</t>
  </si>
  <si>
    <t>GPS FAZAL ELLAHI</t>
  </si>
  <si>
    <t>GPS Fazal Elahi V.P.O Thoha Mehram Khan Teh Talagang Distt Chakwal</t>
  </si>
  <si>
    <t>Thoha Mehram Khan1</t>
  </si>
  <si>
    <t>Niaz Hussain</t>
  </si>
  <si>
    <t>GPS FAZAL GARH P.O BOYLE GANJ</t>
  </si>
  <si>
    <t>Fazal Garh</t>
  </si>
  <si>
    <t>Boyal Gunj</t>
  </si>
  <si>
    <t>GPS FAZAL HAQ KALRI KHUSHAB</t>
  </si>
  <si>
    <t>GPS Fazal Haq Kalri</t>
  </si>
  <si>
    <t>Muhammad Usman Farooq</t>
  </si>
  <si>
    <t>GPS FAZAL NAGAR</t>
  </si>
  <si>
    <t>basti Dewala mouza rum U/C khan bela tehsil liaqat pur district rahim yar khan</t>
  </si>
  <si>
    <t>Muhammad Farooq Arif</t>
  </si>
  <si>
    <t>GPS FAZAL PITAFI</t>
  </si>
  <si>
    <t>mutfariq chahan</t>
  </si>
  <si>
    <t>MUKHTAR HUSSAIN</t>
  </si>
  <si>
    <t>GPS FAZAL PUR</t>
  </si>
  <si>
    <t>Village Fazalpur Post Office Kanjrur Teh: Shakargarh Dist: Narowal</t>
  </si>
  <si>
    <t>GPS FAZAL WALA</t>
  </si>
  <si>
    <t>Patal Munda Sharqi</t>
  </si>
  <si>
    <t>Chah Ahmad Yar Wala Patal Munda Sharqi P/O Rangpore</t>
  </si>
  <si>
    <t>Ahmad Yar Wala</t>
  </si>
  <si>
    <t>Muhammad Waseem Akram</t>
  </si>
  <si>
    <t>GPS FAZIL JANUBI</t>
  </si>
  <si>
    <t>Fazil Kallur kot Distrit Bhakkar</t>
  </si>
  <si>
    <t>azmat ullah</t>
  </si>
  <si>
    <t>GPS FAZIL KHUND WALA</t>
  </si>
  <si>
    <t>wzeer abad nwakot chaubara layyah</t>
  </si>
  <si>
    <t>Wzeer Abad Nawakot</t>
  </si>
  <si>
    <t>GPS FAZLAY WALA</t>
  </si>
  <si>
    <t>Chah Fazlay Wala</t>
  </si>
  <si>
    <t>Fazlay Wala</t>
  </si>
  <si>
    <t>GPS FAZLOO KOKARA</t>
  </si>
  <si>
    <t>Fazloo Kokara</t>
  </si>
  <si>
    <t>fazloo kokara</t>
  </si>
  <si>
    <t>fiaz hussain</t>
  </si>
  <si>
    <t>GPS FEROZ ABAD</t>
  </si>
  <si>
    <t>Kot Admana</t>
  </si>
  <si>
    <t>jalalpursharif</t>
  </si>
  <si>
    <t>Kot admana</t>
  </si>
  <si>
    <t>Jalalpursharif</t>
  </si>
  <si>
    <t>Muhammed Amjad Mehmood</t>
  </si>
  <si>
    <t>GPS FEROZA TOWN</t>
  </si>
  <si>
    <t>HAYATLAR LAR</t>
  </si>
  <si>
    <t>Gulshan colony feroza</t>
  </si>
  <si>
    <t>HAYATLAR</t>
  </si>
  <si>
    <t>Abdul Rehman Shaheen</t>
  </si>
  <si>
    <t>GPS FEROZE</t>
  </si>
  <si>
    <t>Feroze</t>
  </si>
  <si>
    <t>Moza feroze P/O jabooka TEH AND DISTT OKARA</t>
  </si>
  <si>
    <t>GPS FEROZE WALA NO.1</t>
  </si>
  <si>
    <t>School road Ferozewala</t>
  </si>
  <si>
    <t>Sohail Aslam</t>
  </si>
  <si>
    <t>GPS FEROZI</t>
  </si>
  <si>
    <t>basti  ferozi</t>
  </si>
  <si>
    <t>Basti Ferozi</t>
  </si>
  <si>
    <t>M C 18hazari</t>
  </si>
  <si>
    <t>Waris Ali Khan</t>
  </si>
  <si>
    <t>GPS FEROZKAY NAGRA</t>
  </si>
  <si>
    <t>Ferozkey Nagra</t>
  </si>
  <si>
    <t>ferozkey Nagra teh Pasrur Distt sialkot</t>
  </si>
  <si>
    <t>GPS FEROZWALA GAON</t>
  </si>
  <si>
    <t>govt boys primary school ferozwala gaon</t>
  </si>
  <si>
    <t>Waqar Ali Shah</t>
  </si>
  <si>
    <t>GPS FIAZ ABAD</t>
  </si>
  <si>
    <t>Faizabad Kotmoman</t>
  </si>
  <si>
    <t>MC Kotmoman</t>
  </si>
  <si>
    <t>GPS FIRDOUS CO-OPRETIVE GULSHAN-E-RAVI</t>
  </si>
  <si>
    <t>Gulshan E Ravi</t>
  </si>
  <si>
    <t>F block Gulshan e Ravi.</t>
  </si>
  <si>
    <t>Gulshan e RAVI</t>
  </si>
  <si>
    <t>Gulshan e Ravi</t>
  </si>
  <si>
    <t>GPS FOJAY WALA</t>
  </si>
  <si>
    <t>basti sulemani fojay wala jampur</t>
  </si>
  <si>
    <t>Fojay Wala</t>
  </si>
  <si>
    <t>GPS FOREST COLONY  CHICHAWATNI</t>
  </si>
  <si>
    <t>forst colony block 2 cci</t>
  </si>
  <si>
    <t>114 7R</t>
  </si>
  <si>
    <t>GPS FOUJDAR GARH</t>
  </si>
  <si>
    <t>Foujdargarh</t>
  </si>
  <si>
    <t>Foujdargarh P.O Kotli Loharan West Tehsil and District Sialkot</t>
  </si>
  <si>
    <t>GPS GABOL DHUNDHI</t>
  </si>
  <si>
    <t>Chak Bangla Jahan Pur</t>
  </si>
  <si>
    <t>chak Bangla</t>
  </si>
  <si>
    <t>Ilahi Bux</t>
  </si>
  <si>
    <t>GPS GADAI SHAH</t>
  </si>
  <si>
    <t>Gadaye Shah</t>
  </si>
  <si>
    <t>Gadaye Shah Jallah Jeem Mailsi</t>
  </si>
  <si>
    <t>Warsi Wahn</t>
  </si>
  <si>
    <t>GPS GADALI</t>
  </si>
  <si>
    <t>Gadali</t>
  </si>
  <si>
    <t>vpo bhilomar T Talagang D Chakwal</t>
  </si>
  <si>
    <t>GPS GADDAI SHAH PO PAKPATTAN</t>
  </si>
  <si>
    <t>Gadai Shah</t>
  </si>
  <si>
    <t>GPS.Gadai Shah</t>
  </si>
  <si>
    <t>Muhammad Fakhar</t>
  </si>
  <si>
    <t>GPS GADDER</t>
  </si>
  <si>
    <t>BABBI</t>
  </si>
  <si>
    <t>primary school basti gadder</t>
  </si>
  <si>
    <t>GADDER</t>
  </si>
  <si>
    <t>GPS GADDI SAKHI PEHLWAN SHAH</t>
  </si>
  <si>
    <t>Gaddi Sakhi Pehlwan Shah</t>
  </si>
  <si>
    <t>village gaddi pehlwan Shah,  post office bhilowal</t>
  </si>
  <si>
    <t>GPS GADGOOR</t>
  </si>
  <si>
    <t>Gadgoor</t>
  </si>
  <si>
    <t>Gps Gadgoor</t>
  </si>
  <si>
    <t>Nawan Manaka</t>
  </si>
  <si>
    <t>Ansar Hayat</t>
  </si>
  <si>
    <t>GPS GADHEY WALA</t>
  </si>
  <si>
    <t>Ghanda Sing</t>
  </si>
  <si>
    <t>Kothea stop Minchinabad Abad</t>
  </si>
  <si>
    <t>Gadhey Wala</t>
  </si>
  <si>
    <t>Hafiz Muhammad Ahmad</t>
  </si>
  <si>
    <t>GPS GADHU KALAN</t>
  </si>
  <si>
    <t>Gadhu Kalan</t>
  </si>
  <si>
    <t>vpo Gadhu Kalan Teh Phalia Distt MBDin</t>
  </si>
  <si>
    <t>Sohail Asghar</t>
  </si>
  <si>
    <t>GPS GADHU SULTAN</t>
  </si>
  <si>
    <t>Gadhu Sultan</t>
  </si>
  <si>
    <t>Gadhu sultan Post  office pahranwali</t>
  </si>
  <si>
    <t>Pahranwali</t>
  </si>
  <si>
    <t>adnan sarwar</t>
  </si>
  <si>
    <t>GPS GADI SOUTH</t>
  </si>
  <si>
    <t>basti gadi south</t>
  </si>
  <si>
    <t>GPS GADRA</t>
  </si>
  <si>
    <t>Basti Gadra</t>
  </si>
  <si>
    <t>GPS GAFOOR ABAD</t>
  </si>
  <si>
    <t>Basti Ghafoor abad mouza Zaffar abad p/o Khan bela Teh.Liaqat pur Distt.R.Y.Khan</t>
  </si>
  <si>
    <t>Mohammad Mazhar</t>
  </si>
  <si>
    <t>GPS GAGA CHAK 29</t>
  </si>
  <si>
    <t>Gagga Chak  29</t>
  </si>
  <si>
    <t>Gagga Chak#29 Teh Pattoki Dist.kasur</t>
  </si>
  <si>
    <t>Bhopey Wal</t>
  </si>
  <si>
    <t>Shafiq Ashraf</t>
  </si>
  <si>
    <t>GPS GAGAN</t>
  </si>
  <si>
    <t>GBPS GAGGAN  TEHSIL  FATEH JANG  DISTRICT ATTOCK</t>
  </si>
  <si>
    <t>GPS GAGGAR</t>
  </si>
  <si>
    <t>GPS gagggar</t>
  </si>
  <si>
    <t>GPS GAGGAR WALI</t>
  </si>
  <si>
    <t>gagarwali P/O Buddha Goraya Tehsil Daska District Sialkot</t>
  </si>
  <si>
    <t>Malomay</t>
  </si>
  <si>
    <t>GPS GAGGU</t>
  </si>
  <si>
    <t>Guggu</t>
  </si>
  <si>
    <t>p/o samina muza gaggu</t>
  </si>
  <si>
    <t>GPS GAGRA QALANDAR, NAWAN SHEHR</t>
  </si>
  <si>
    <t>Gagra Qalandar</t>
  </si>
  <si>
    <t>Salar Wahin Nau</t>
  </si>
  <si>
    <t>Muhammad Imran Shafi</t>
  </si>
  <si>
    <t>GPS GAH</t>
  </si>
  <si>
    <t>Gah</t>
  </si>
  <si>
    <t>VPO GAH Teh. &amp; District Chakwal</t>
  </si>
  <si>
    <t>GPS GAHI</t>
  </si>
  <si>
    <t>vpo Gahi tehsil kalar kahar</t>
  </si>
  <si>
    <t>elecric motor bore</t>
  </si>
  <si>
    <t>GPS GAHI BEHRAM</t>
  </si>
  <si>
    <t>Gahi Behram</t>
  </si>
  <si>
    <t>Basti Gahi Behram P/O  Head Islam Hasil Pur</t>
  </si>
  <si>
    <t>Kheru Ghazi Khanana</t>
  </si>
  <si>
    <t>GPS GAHI SHAH P/O FAROOQ ABAD</t>
  </si>
  <si>
    <t>Gahi Shah</t>
  </si>
  <si>
    <t>moza gahi shah</t>
  </si>
  <si>
    <t>AMIR SOHAIL</t>
  </si>
  <si>
    <t>GPS GAHNWAR WALA</t>
  </si>
  <si>
    <t>chah Gahnwar wala mouza Cholani p/o box adda kareem wala</t>
  </si>
  <si>
    <t>Chah Gahnwar Wala</t>
  </si>
  <si>
    <t>GPS GAHRAN WALA</t>
  </si>
  <si>
    <t>gehrain wala moza hid</t>
  </si>
  <si>
    <t>Gehrain Wala</t>
  </si>
  <si>
    <t>GPS GAHRAY</t>
  </si>
  <si>
    <t>Gahray</t>
  </si>
  <si>
    <t>VillageGahry P/o Channi Gehna Tehsil Phalia Dist M B Din</t>
  </si>
  <si>
    <t>Bheikho</t>
  </si>
  <si>
    <t>WaqasAhmed</t>
  </si>
  <si>
    <t>GPS GAJAR GOLA</t>
  </si>
  <si>
    <t>Gaia gola tehsil wazirabad district Gujranwala</t>
  </si>
  <si>
    <t>Munib Ashraf</t>
  </si>
  <si>
    <t>GPS GAJJAN SINGH WALA</t>
  </si>
  <si>
    <t>gaGajjan singh wala p.o budhoki tehsil chunian district kasur.</t>
  </si>
  <si>
    <t>gajjan singh wala</t>
  </si>
  <si>
    <t>GPS GAJJO WAHIN</t>
  </si>
  <si>
    <t>Bsati and mouza gajuwahin</t>
  </si>
  <si>
    <t>GPS GAKHAR KHAS</t>
  </si>
  <si>
    <t>Ghakahr</t>
  </si>
  <si>
    <t>ghakahr mandi</t>
  </si>
  <si>
    <t>Rana  Suhail Irshad</t>
  </si>
  <si>
    <t>GPS GAKHAR NO.1</t>
  </si>
  <si>
    <t>G p s no 1 shabri town ghakhar</t>
  </si>
  <si>
    <t>Ghakhar City</t>
  </si>
  <si>
    <t>Hassan  Khan</t>
  </si>
  <si>
    <t>GPS GAKHAR NO.3</t>
  </si>
  <si>
    <t>Gakher</t>
  </si>
  <si>
    <t>peer kot road gakher</t>
  </si>
  <si>
    <t>Ashfaq Ahmad Toor</t>
  </si>
  <si>
    <t>GPS GAKHAR NO.6</t>
  </si>
  <si>
    <t>gakhar</t>
  </si>
  <si>
    <t>g.t road gakhar</t>
  </si>
  <si>
    <t>gakhar mandi</t>
  </si>
  <si>
    <t>GPS GALA SHAHEEDAN DASKA</t>
  </si>
  <si>
    <t>GPS Galla shaheedan daska</t>
  </si>
  <si>
    <t>GPS GALARA GALI</t>
  </si>
  <si>
    <t>PO GULEHRA GALI TEHSIL MURREE DISTRICT RAWALPINDI</t>
  </si>
  <si>
    <t>GULEHRA GALI</t>
  </si>
  <si>
    <t>Muhammad YASIR</t>
  </si>
  <si>
    <t>Line water</t>
  </si>
  <si>
    <t>GPS GALGITTI</t>
  </si>
  <si>
    <t>village Galgitti p/o dhanser paeen the kamoki distt Grw</t>
  </si>
  <si>
    <t>Dhamser Paeen</t>
  </si>
  <si>
    <t>GPS GALI WALA</t>
  </si>
  <si>
    <t>Galli wala P/ O hayder Abad thal Tehsil Mankera district Bhakkar</t>
  </si>
  <si>
    <t>Kausar Javed</t>
  </si>
  <si>
    <t>GPS GALLARY SOUTH</t>
  </si>
  <si>
    <t>Gallary South</t>
  </si>
  <si>
    <t>Mouza Gallary Janoobi Sahiwal</t>
  </si>
  <si>
    <t>KHAWAR FARID</t>
  </si>
  <si>
    <t>GPS GALLO</t>
  </si>
  <si>
    <t>Gallo</t>
  </si>
  <si>
    <t>gallo</t>
  </si>
  <si>
    <t>Hafiz Faryad Hussain</t>
  </si>
  <si>
    <t>GPS GALOI THATHA</t>
  </si>
  <si>
    <t>Galoi</t>
  </si>
  <si>
    <t>Thatha Galoi sahiwal</t>
  </si>
  <si>
    <t>59/Gd</t>
  </si>
  <si>
    <t>ZEESHAN ZAFAR</t>
  </si>
  <si>
    <t>GPS GAMAN WALI</t>
  </si>
  <si>
    <t>gaman wali teh taunsa</t>
  </si>
  <si>
    <t>Gaman Wali</t>
  </si>
  <si>
    <t>Ayaz Haider</t>
  </si>
  <si>
    <t>GPS GAMANDRA</t>
  </si>
  <si>
    <t>Ghamandra</t>
  </si>
  <si>
    <t>G.P.S GHAMANDRA  TENSILE  QUAIDABAD  DISTRICT  KHUSHAB</t>
  </si>
  <si>
    <t>self arrangment</t>
  </si>
  <si>
    <t>GPS GAMAY KHAIL BILAND</t>
  </si>
  <si>
    <t>Gps gamay khail biland vpo biland</t>
  </si>
  <si>
    <t>GPS GAMAY WALA</t>
  </si>
  <si>
    <t>gamay wala choubara layyah</t>
  </si>
  <si>
    <t>Gamay Wala</t>
  </si>
  <si>
    <t>GPS GAMAY WALA ADDA PIR GHAIB P/O NASEERPUR</t>
  </si>
  <si>
    <t>Mohan PurGharbi</t>
  </si>
  <si>
    <t>Ada Peer Ghaib</t>
  </si>
  <si>
    <t>GPS GAMMAN WALA</t>
  </si>
  <si>
    <t>SUMRA That Janoobi</t>
  </si>
  <si>
    <t>chah gamon Wala choubara</t>
  </si>
  <si>
    <t>Chah Gujar Wala</t>
  </si>
  <si>
    <t>GPS GAMOON WALA</t>
  </si>
  <si>
    <t>Haider wahan</t>
  </si>
  <si>
    <t>Chah Gamoon wala moza Haider wahan tehsil kot chutta distt dg khqn</t>
  </si>
  <si>
    <t>Gamoon wala</t>
  </si>
  <si>
    <t>GPS GAMOON WALI</t>
  </si>
  <si>
    <t>BAIT LADHA</t>
  </si>
  <si>
    <t>BASTI GANMOON WALI, MOUZA BAIT LADHA, U/C PANJGRAIN</t>
  </si>
  <si>
    <t>BASTI GANMOON WALI</t>
  </si>
  <si>
    <t>GPS GANAISH PUR</t>
  </si>
  <si>
    <t>Ganaishpur Dist&amp;tahsil Nankana Sahib.</t>
  </si>
  <si>
    <t>GPS GANASH PURA  MINCHINABAD</t>
  </si>
  <si>
    <t>Ganaish Pura</t>
  </si>
  <si>
    <t>near rest house ,
mcd</t>
  </si>
  <si>
    <t>GPS GANB</t>
  </si>
  <si>
    <t>Gunb</t>
  </si>
  <si>
    <t>gunb,tehsile Chunian,kasur</t>
  </si>
  <si>
    <t>Moola Pur</t>
  </si>
  <si>
    <t>GPS GANDA KASS</t>
  </si>
  <si>
    <t>vpo ganda Kass tehsil jand district attock</t>
  </si>
  <si>
    <t>khalid Mehmood Malik</t>
  </si>
  <si>
    <t>GPS GANDIAN</t>
  </si>
  <si>
    <t>Gandian</t>
  </si>
  <si>
    <t>village Gandian, P/o Nakrali, Tehsil: &amp; Distt: Rawalpindi.</t>
  </si>
  <si>
    <t>Muhammad Waqas Arif</t>
  </si>
  <si>
    <t>GPS GANGA</t>
  </si>
  <si>
    <t>besti &amp; mouza ganga p/mochi wali tehsil&amp; dist m garh</t>
  </si>
  <si>
    <t>GPS GANGA WALI</t>
  </si>
  <si>
    <t>GPS gangawali</t>
  </si>
  <si>
    <t>GPS GANGI</t>
  </si>
  <si>
    <t>Watta Khel Pakka</t>
  </si>
  <si>
    <t>GPS Gangi Mujqhid Town Watta khel Mianwali</t>
  </si>
  <si>
    <t>Muhammad Ramzan Malik</t>
  </si>
  <si>
    <t>GPS GANGOO JUMA</t>
  </si>
  <si>
    <t>Gangoo Juma</t>
  </si>
  <si>
    <t>GANGOO juma</t>
  </si>
  <si>
    <t>GPS GANGOTHI</t>
  </si>
  <si>
    <t>village gangothi po chowkpindori teh,kallarsyedan distt,rwp uc guff markaz guff.</t>
  </si>
  <si>
    <t>Saqib Nawaz</t>
  </si>
  <si>
    <t>GPS GANGYALI</t>
  </si>
  <si>
    <t>Gungiali</t>
  </si>
  <si>
    <t>mauza Gungiali p/o fazla kuch</t>
  </si>
  <si>
    <t>GPS GANJAY SINDHU</t>
  </si>
  <si>
    <t>GANJAY SINDHU</t>
  </si>
  <si>
    <t>VILLAGE GANJAY SINDHU P.O BATA PUR LAHORE</t>
  </si>
  <si>
    <t>AWAN DHAYE WALA</t>
  </si>
  <si>
    <t>GPS GANJAY WLAI</t>
  </si>
  <si>
    <t>basti ganjy wali</t>
  </si>
  <si>
    <t>Ganjay Wali</t>
  </si>
  <si>
    <t>GPS GANJIAN WALI KALAN</t>
  </si>
  <si>
    <t>GUnjian Wali Kalaan</t>
  </si>
  <si>
    <t>Gunjianwali Kalaan</t>
  </si>
  <si>
    <t>Moman Kalaan</t>
  </si>
  <si>
    <t>GPS GANJIAN WALI KHURD</t>
  </si>
  <si>
    <t>Ganjian Wali Khurd</t>
  </si>
  <si>
    <t>village gunjian wali khurd T\D sialkot</t>
  </si>
  <si>
    <t>Adalat Ghar</t>
  </si>
  <si>
    <t>Malik Yaseen Ahmed</t>
  </si>
  <si>
    <t>GPS GANMAN HASBANI</t>
  </si>
  <si>
    <t>GAMAN HASBANI HASBANI HASBANI</t>
  </si>
  <si>
    <t>BASTI AND MOUZA GAMAN HASBANI TEHSIL BAHAWAL PUR SADAR DISTRICT BAHAWAL PUR</t>
  </si>
  <si>
    <t>GAMAN HASBANI</t>
  </si>
  <si>
    <t>RUKRANI</t>
  </si>
  <si>
    <t>MUHAMMAD YOUSOF</t>
  </si>
  <si>
    <t>GPS GAOSHALA</t>
  </si>
  <si>
    <t>street 9 madni colony bwn</t>
  </si>
  <si>
    <t>GPS GAR JALLO</t>
  </si>
  <si>
    <t>gar</t>
  </si>
  <si>
    <t>gar kohlia tehsil hassan abdal district attock</t>
  </si>
  <si>
    <t>syed gulfam husain shah</t>
  </si>
  <si>
    <t>through motor from girls school</t>
  </si>
  <si>
    <t>GPS GARA</t>
  </si>
  <si>
    <t>Humu Wali</t>
  </si>
  <si>
    <t>basti gara teh &amp; dist bkr</t>
  </si>
  <si>
    <t>Gara</t>
  </si>
  <si>
    <t>Adeel Abbas</t>
  </si>
  <si>
    <t>GPS GARA SINGH WALA</t>
  </si>
  <si>
    <t>Gara Singh Wala</t>
  </si>
  <si>
    <t>Gara Singh wala tehsile Chunian district kasur</t>
  </si>
  <si>
    <t>GPS GARAH MORE</t>
  </si>
  <si>
    <t>Garha more</t>
  </si>
  <si>
    <t>garha more</t>
  </si>
  <si>
    <t>GPS GARAH MORE(NEW)</t>
  </si>
  <si>
    <t>GPS GARAY WALA</t>
  </si>
  <si>
    <t>Garay Wala P/O Usman Wala</t>
  </si>
  <si>
    <t>Kashif Manzoor</t>
  </si>
  <si>
    <t>GPS GARAY WALA WARD NO. 13</t>
  </si>
  <si>
    <t>ward no#13 molh Sheikh wala karor</t>
  </si>
  <si>
    <t>mazhar abbas shah</t>
  </si>
  <si>
    <t>GPS GAREY WAHIN</t>
  </si>
  <si>
    <t>makhi wala mouza garay wahin</t>
  </si>
  <si>
    <t>Makhi Wala</t>
  </si>
  <si>
    <t>Najeeb ur Rehman</t>
  </si>
  <si>
    <t>GPS GARH QAIM</t>
  </si>
  <si>
    <t>village garh qaim p.o mona depot tehsil malakwal district mandi baha u dinn</t>
  </si>
  <si>
    <t>GPS GARH SHUMALI</t>
  </si>
  <si>
    <t>Wighi</t>
  </si>
  <si>
    <t>Garh Maharaja More</t>
  </si>
  <si>
    <t>M C Garh Maharaja</t>
  </si>
  <si>
    <t>GPS GARHI ABDULLAH</t>
  </si>
  <si>
    <t>GPS GHARI ABDULLAH TEHSIL PINDI BHATTIAN DISTRICT HAFIZABAD</t>
  </si>
  <si>
    <t>Khurum Churera</t>
  </si>
  <si>
    <t>M SARWAR</t>
  </si>
  <si>
    <t>GPS GARHI GEHNA</t>
  </si>
  <si>
    <t>Garhi Gehna</t>
  </si>
  <si>
    <t>GPS GARHI GHOUS</t>
  </si>
  <si>
    <t>GARHI GHOUS</t>
  </si>
  <si>
    <t>GPS GARHI GHOUS  HAFIZABAD</t>
  </si>
  <si>
    <t>HFD WARD NO</t>
  </si>
  <si>
    <t>Mian Nasser Hussain Dogar</t>
  </si>
  <si>
    <t>GPS GARHI GOLA</t>
  </si>
  <si>
    <t>Garhi Gola</t>
  </si>
  <si>
    <t>P/O     TEH    Pindi Bhattian       District  Hafizabad</t>
  </si>
  <si>
    <t>GPS GARHI KHAIR MUHAMMAD JHAK</t>
  </si>
  <si>
    <t>Ghari Khair Muhammad Jhak</t>
  </si>
  <si>
    <t>ghari Khair Muhammad Jhak p/o tehsil sdk distric RYK</t>
  </si>
  <si>
    <t>Ghari Dho Dho</t>
  </si>
  <si>
    <t>Mohammad Sajid Fayyaz</t>
  </si>
  <si>
    <t>GPS GARHI MATTANI</t>
  </si>
  <si>
    <t>VPO garhi mattani Tehsil Hazro District attock</t>
  </si>
  <si>
    <t>Muhammad Ibrar Siddiqui</t>
  </si>
  <si>
    <t>GPS GARHI MEMBRAN</t>
  </si>
  <si>
    <t>Garhi Membran</t>
  </si>
  <si>
    <t>GPS GARHI SULTAN SHAH</t>
  </si>
  <si>
    <t>GPS Garhi Sultan Shah, Dajal Road Chah Chit Wala, Jampur Distt Rajanpur</t>
  </si>
  <si>
    <t>GPS GARI HASOO KHAN</t>
  </si>
  <si>
    <t>Garrihassukhan</t>
  </si>
  <si>
    <t>garrihassukhan  rawalpindi road  Tehsil  Fateh Jang</t>
  </si>
  <si>
    <t>GPS GARIAN WALA</t>
  </si>
  <si>
    <t>dera garianwala p/o garmula virkan Tehsil Nowshera Virkan</t>
  </si>
  <si>
    <t>Nasir Ali Khan</t>
  </si>
  <si>
    <t>GPS GARMAN</t>
  </si>
  <si>
    <t>Garman</t>
  </si>
  <si>
    <t>moza garman</t>
  </si>
  <si>
    <t>GPS GARMULA CHAK 169/RB</t>
  </si>
  <si>
    <t>garmola</t>
  </si>
  <si>
    <t>mandiala</t>
  </si>
  <si>
    <t>GPS GAROHAN WALA</t>
  </si>
  <si>
    <t>bahalike</t>
  </si>
  <si>
    <t>Grohanwalla</t>
  </si>
  <si>
    <t>GPS GAROO</t>
  </si>
  <si>
    <t>Garoo</t>
  </si>
  <si>
    <t>distt attock teh and p.o fateh jang vill garru</t>
  </si>
  <si>
    <t>Garroo</t>
  </si>
  <si>
    <t>Guliyal</t>
  </si>
  <si>
    <t>GPS GARRA BALOCHAN WALA</t>
  </si>
  <si>
    <t>chah garra blochan wala</t>
  </si>
  <si>
    <t>GPS GARROKA</t>
  </si>
  <si>
    <t>GPS garroka p/o dullewala tehsil darya khan dist.Bhakkar</t>
  </si>
  <si>
    <t>GPS GASHKORI</t>
  </si>
  <si>
    <t>Basti Gashkoori</t>
  </si>
  <si>
    <t>basti gashkoori p/o marhan wali tehsil karor district layyah</t>
  </si>
  <si>
    <t>Gashkoori</t>
  </si>
  <si>
    <t>GPS GASHKORIAN NO 1</t>
  </si>
  <si>
    <t>Gashkorian</t>
  </si>
  <si>
    <t>Gashkorian   no1</t>
  </si>
  <si>
    <t>GPS GATTA SERATI</t>
  </si>
  <si>
    <t>sarati p/o Barthi Tribal area</t>
  </si>
  <si>
    <t>Gatta Sarati</t>
  </si>
  <si>
    <t>M Bilal</t>
  </si>
  <si>
    <t>GPS GATTIA</t>
  </si>
  <si>
    <t>gattia</t>
  </si>
  <si>
    <t>government boys primary school gattia</t>
  </si>
  <si>
    <t>wah</t>
  </si>
  <si>
    <t>Yasmeen Surriya</t>
  </si>
  <si>
    <t>GPS GAUNJIAN WALA</t>
  </si>
  <si>
    <t>Ganjianwala</t>
  </si>
  <si>
    <t>village Ganjianwala HAFIZABAD</t>
  </si>
  <si>
    <t>GPS GAWANSE  PO KHAN PUR</t>
  </si>
  <si>
    <t>Gawanse</t>
  </si>
  <si>
    <t>Moza Gawanse, p/o khanpur</t>
  </si>
  <si>
    <t>GPS GAWARA</t>
  </si>
  <si>
    <t>GAWARA</t>
  </si>
  <si>
    <t>GAWARA post office sultan pur Hassan Abdal attock</t>
  </si>
  <si>
    <t>SHAZIA MUGHAL</t>
  </si>
  <si>
    <t>GPS GAWASANI</t>
  </si>
  <si>
    <t>tribal area taunsa d g khan</t>
  </si>
  <si>
    <t>Gawasani</t>
  </si>
  <si>
    <t>Khair Muhammad</t>
  </si>
  <si>
    <t>GPS GAZLOPE</t>
  </si>
  <si>
    <t>Garbun</t>
  </si>
  <si>
    <t>Garbun trible area Dg khan</t>
  </si>
  <si>
    <t>Shahbaz Rafique</t>
  </si>
  <si>
    <t>Pound</t>
  </si>
  <si>
    <t>GPS GEEGAY</t>
  </si>
  <si>
    <t>GPS GEHAL BALA</t>
  </si>
  <si>
    <t>Gehal Bala</t>
  </si>
  <si>
    <t>govt primary school gehal bala tehsil sarai alamgir dist gujrat</t>
  </si>
  <si>
    <t>GPS GHADIALA</t>
  </si>
  <si>
    <t>Ghadiala</t>
  </si>
  <si>
    <t>ghadiala</t>
  </si>
  <si>
    <t>Muhammad Arshad Shahzad</t>
  </si>
  <si>
    <t>GPS GHAFFAR ABAD</t>
  </si>
  <si>
    <t>basti ponta moza durab pur sherqi tehsil jalal pur pir wala</t>
  </si>
  <si>
    <t>Basti ponta</t>
  </si>
  <si>
    <t>Durab Pur Sherqi</t>
  </si>
  <si>
    <t>Nadeem Ahmed</t>
  </si>
  <si>
    <t>GPS GHAFOOR A SADIQABAD NO.2</t>
  </si>
  <si>
    <t>Ghafoor Abad 2 Sadiq Abad</t>
  </si>
  <si>
    <t>contactor</t>
  </si>
  <si>
    <t>GPS GHAFOOR ABAD</t>
  </si>
  <si>
    <t>ghafoor abad</t>
  </si>
  <si>
    <t>ghafoorabad khano wali</t>
  </si>
  <si>
    <t>ghafoorabad</t>
  </si>
  <si>
    <t>khan o wali</t>
  </si>
  <si>
    <t>Muhammad Aslam Shah</t>
  </si>
  <si>
    <t>GPS GHAFOOR ABAD NO.1</t>
  </si>
  <si>
    <t>GHAFOORABAD</t>
  </si>
  <si>
    <t>BASTI GHOTIYA MOZA GHAFOORABAD</t>
  </si>
  <si>
    <t>BASTI GHOTIYA</t>
  </si>
  <si>
    <t>NOOR WALA</t>
  </si>
  <si>
    <t>GPS GHAGH KALAN</t>
  </si>
  <si>
    <t>GHAGH</t>
  </si>
  <si>
    <t>TEHSIL AND DISTRICT KHUSHAB POST OFFICE SANDRAL VILLAGE GHAGH KALAN</t>
  </si>
  <si>
    <t>GHAGH KALAN</t>
  </si>
  <si>
    <t>SANDRAL</t>
  </si>
  <si>
    <t>GPS GHAGH WALA</t>
  </si>
  <si>
    <t>GPS Ghagh Wala moza nither Kay tehsilbhowana disst chiniot</t>
  </si>
  <si>
    <t>Ghagh Wala</t>
  </si>
  <si>
    <t>Chack No 195</t>
  </si>
  <si>
    <t>GPS GHAGRANA</t>
  </si>
  <si>
    <t>mouza gagrana po haveli lal</t>
  </si>
  <si>
    <t>GPS GHAIBI WALA</t>
  </si>
  <si>
    <t>basti machi jangla</t>
  </si>
  <si>
    <t>GPS GHAKHAR WALI</t>
  </si>
  <si>
    <t>village Gakharwali P/O Qilla kalarwala Tehsil Pasrur Distric Sialkot</t>
  </si>
  <si>
    <t>Qilla Kalarwala</t>
  </si>
  <si>
    <t>Hammad Asghar</t>
  </si>
  <si>
    <t>GPS GHAKHRAH KHURD</t>
  </si>
  <si>
    <t>ghakhara Kurd</t>
  </si>
  <si>
    <t>Ghakhara Kurd</t>
  </si>
  <si>
    <t>Ghakhara Kala</t>
  </si>
  <si>
    <t>Asma Liaqat</t>
  </si>
  <si>
    <t>GPS GHALA MANDI KHAN PUR</t>
  </si>
  <si>
    <t>Ghalla Mandi old Khanpur</t>
  </si>
  <si>
    <t>aslam mehmood siddiqui</t>
  </si>
  <si>
    <t>GPS GHALAH MANDI DASKA</t>
  </si>
  <si>
    <t>Ghani Pura</t>
  </si>
  <si>
    <t>Back  Alnawab Marrage Hall Chungi# 8 Daska</t>
  </si>
  <si>
    <t>GPS GHALBALIAN WALA</t>
  </si>
  <si>
    <t>Teh/Dist Mwi village Ghalballian wala</t>
  </si>
  <si>
    <t>Ghalballian Wala</t>
  </si>
  <si>
    <t>GPS GHALI</t>
  </si>
  <si>
    <t>moza douna basti ghali</t>
  </si>
  <si>
    <t>Ghali</t>
  </si>
  <si>
    <t>GPS GHALLO</t>
  </si>
  <si>
    <t>TAH MIANA</t>
  </si>
  <si>
    <t>BASTI MANGLA, P/O TIBBI QAISRANI, U/C JHOK BODO</t>
  </si>
  <si>
    <t>BASTI MANGLA</t>
  </si>
  <si>
    <t>GPS GHALLO KHUMBRA</t>
  </si>
  <si>
    <t>Kacha Mian Wall No2</t>
  </si>
  <si>
    <t>basti ghallo Khambra</t>
  </si>
  <si>
    <t>Basti Badrul Nisa Mazari</t>
  </si>
  <si>
    <t>Kacha Mian Wall</t>
  </si>
  <si>
    <t>Tasaduq Hussain</t>
  </si>
  <si>
    <t>GPS GHALOO WALI</t>
  </si>
  <si>
    <t>Jhangera</t>
  </si>
  <si>
    <t>galowali tehsil taunsa sharief disst dg khan</t>
  </si>
  <si>
    <t>Galowali</t>
  </si>
  <si>
    <t>GPS GHALOO WAR WAL</t>
  </si>
  <si>
    <t>chah oodwala wasawa shumali</t>
  </si>
  <si>
    <t>E jaz Ahmad</t>
  </si>
  <si>
    <t>GPS GHAMANDPUR</t>
  </si>
  <si>
    <t>Chubiana</t>
  </si>
  <si>
    <t>Basti Ghamand Pur. Near Ada Chabiana. Tehsil Minchinabad.</t>
  </si>
  <si>
    <t>Ghamand Pur</t>
  </si>
  <si>
    <t>GPS GHAMEE PO GOOTH ALOO</t>
  </si>
  <si>
    <t>P/ S Ghamee</t>
  </si>
  <si>
    <t>basti kamal mahar p/o goth aloo</t>
  </si>
  <si>
    <t>Basti Kamal Mahar</t>
  </si>
  <si>
    <t>GPS GHAMMAY WALA</t>
  </si>
  <si>
    <t>15/FW</t>
  </si>
  <si>
    <t>Chak no. 15/FW Hasilpur</t>
  </si>
  <si>
    <t>Muhammad Abbas Anjum</t>
  </si>
  <si>
    <t>GPS GHAMROLA</t>
  </si>
  <si>
    <t>Ghamrolla</t>
  </si>
  <si>
    <t>village ghamrolla po darman</t>
  </si>
  <si>
    <t>GPS GHANAKKAR</t>
  </si>
  <si>
    <t>Ghanakkar</t>
  </si>
  <si>
    <t>Ghanakkar Village, Tehsil Model Town, Hadyara Drain 22 km off Ferozpur Road, Lahore</t>
  </si>
  <si>
    <t>Devkhurd</t>
  </si>
  <si>
    <t>Sahib Khan Anjum</t>
  </si>
  <si>
    <t>GPS GHANAY WALA</t>
  </si>
  <si>
    <t>QASBA MARAL</t>
  </si>
  <si>
    <t>Chah Gehnay wala Qasba Sani P/O Ayazabad Maral Tehsil Multan Saddar District Multan</t>
  </si>
  <si>
    <t>GEHNAY WALA</t>
  </si>
  <si>
    <t>GPS GHANDHI HITTAR</t>
  </si>
  <si>
    <t>Gandhi Hithar</t>
  </si>
  <si>
    <t>Village Gandhi hithar tehsil chunian Distt Kasur</t>
  </si>
  <si>
    <t>Aamir Masood Khan</t>
  </si>
  <si>
    <t>GPS GHANDI</t>
  </si>
  <si>
    <t>dhoke ghandi p/o chakrala</t>
  </si>
  <si>
    <t>Naeem Farooq</t>
  </si>
  <si>
    <t>GPS GHANDI PO KUNDIAN</t>
  </si>
  <si>
    <t>Gps Ghandi</t>
  </si>
  <si>
    <t>Rural Kundian</t>
  </si>
  <si>
    <t>mazhar abbas sabir</t>
  </si>
  <si>
    <t>GPS GHANDRAN CHAK 86 RB</t>
  </si>
  <si>
    <t>Ghandran Chak 86 Tehsil Shahkot Distt Nankana Sahib</t>
  </si>
  <si>
    <t>Ghandran Chak 86</t>
  </si>
  <si>
    <t>Kot Nazam Din</t>
  </si>
  <si>
    <t>Muhammad Sohail Bin Zair</t>
  </si>
  <si>
    <t>GPS GHANG SHARIF</t>
  </si>
  <si>
    <t>Jiabagga</t>
  </si>
  <si>
    <t>GPS GHANGANAN WALI PIPLAN</t>
  </si>
  <si>
    <t>Wandhi ghangnawali</t>
  </si>
  <si>
    <t>GPS GHANGHAN</t>
  </si>
  <si>
    <t>Ghanghan</t>
  </si>
  <si>
    <t>Nasrullah khan</t>
  </si>
  <si>
    <t>GPS GHANGLA</t>
  </si>
  <si>
    <t>basti ghangla</t>
  </si>
  <si>
    <t>GPS GHANI PURA</t>
  </si>
  <si>
    <t>ghani pura p/o madrisa teh and disst .bahawal nagar</t>
  </si>
  <si>
    <t>GPS GHANIA KA CANTT-II</t>
  </si>
  <si>
    <t>Village Ghaniakey via Hadyara</t>
  </si>
  <si>
    <t>GPS GHANIAN</t>
  </si>
  <si>
    <t>1Kanal 5 Marla</t>
  </si>
  <si>
    <t>Ghanian ghazi the safdarabad SKP</t>
  </si>
  <si>
    <t>GPS GHANIAN KOHNA</t>
  </si>
  <si>
    <t>Ghania Kohna Kamoke</t>
  </si>
  <si>
    <t>Ghania Kohna Purana, Kamoke</t>
  </si>
  <si>
    <t>GPS GHANIAN NOU</t>
  </si>
  <si>
    <t>Village Ghania Nou, Kamoke</t>
  </si>
  <si>
    <t>Jackson Ilyas</t>
  </si>
  <si>
    <t>GPS GHANO KHANI</t>
  </si>
  <si>
    <t>Basti Guno khhani</t>
  </si>
  <si>
    <t>Noor Mohammad</t>
  </si>
  <si>
    <t>GPS GHANWAL</t>
  </si>
  <si>
    <t>Ghanwal</t>
  </si>
  <si>
    <t>GPS GHAON WALA</t>
  </si>
  <si>
    <t>Bait Ruk</t>
  </si>
  <si>
    <t>Moza Bait Ruk P/o sheikh umer</t>
  </si>
  <si>
    <t>Abdul Razaq Khan</t>
  </si>
  <si>
    <t>GPS GHAR</t>
  </si>
  <si>
    <t>Gharr</t>
  </si>
  <si>
    <t>ghaar murree</t>
  </si>
  <si>
    <t>Ghaar</t>
  </si>
  <si>
    <t>natural chishma</t>
  </si>
  <si>
    <t>GPS GHAR (PIND MEHRI)</t>
  </si>
  <si>
    <t>Gaar</t>
  </si>
  <si>
    <t>GPS Ghar Tehsil Hassanabdal</t>
  </si>
  <si>
    <t>Basharat Khan</t>
  </si>
  <si>
    <t>GPS GHARBI NO. 1</t>
  </si>
  <si>
    <t>mohalla madni eid gaah kallur Kot</t>
  </si>
  <si>
    <t>GPS GHARBI NO. 2 KALLUR KOT</t>
  </si>
  <si>
    <t>KALLU KOT</t>
  </si>
  <si>
    <t>GPS GHARBI WARD NO 4</t>
  </si>
  <si>
    <t>Dunyapur Gharbi ward no 4</t>
  </si>
  <si>
    <t>GPS Gharbi Wardno.4 Dunyapur</t>
  </si>
  <si>
    <t>Eidgah Wali</t>
  </si>
  <si>
    <t>Muhammad Islam Naveed</t>
  </si>
  <si>
    <t>GPS GHAREEB MOHALLA HASILPUR</t>
  </si>
  <si>
    <t>STREET NO.4 NEAR BILAL MASJID GHAREEB MOHALLA HASILPUR</t>
  </si>
  <si>
    <t>Ghareeb Mohalla</t>
  </si>
  <si>
    <t>Shah Rangilla</t>
  </si>
  <si>
    <t>Hamza Ali</t>
  </si>
  <si>
    <t>GPS GHARGAL BRAHMANAN</t>
  </si>
  <si>
    <t>Kargal Brahmanan</t>
  </si>
  <si>
    <t>kargal brahmanan</t>
  </si>
  <si>
    <t>Dinga Naryan Pur</t>
  </si>
  <si>
    <t>GPS GHARI KANDI</t>
  </si>
  <si>
    <t>ghari kandi</t>
  </si>
  <si>
    <t>mauza ghari kandi  ape bwp</t>
  </si>
  <si>
    <t>ali kharik</t>
  </si>
  <si>
    <t>Hafiz Muhammad Javed</t>
  </si>
  <si>
    <t>GPS GHARI PUSHT</t>
  </si>
  <si>
    <t>Ghari Pusht</t>
  </si>
  <si>
    <t>GPS Ghari pusht P/o khar fort munro</t>
  </si>
  <si>
    <t>GPS GHARIAL KALAN</t>
  </si>
  <si>
    <t>Gharial Kalan P/O Same</t>
  </si>
  <si>
    <t>Mohsin Ali Chand</t>
  </si>
  <si>
    <t>GPS GHARIAL KHURD</t>
  </si>
  <si>
    <t>Gharyal khurd p/o Gharyal kalan dist sheikhupura tehsil murodke</t>
  </si>
  <si>
    <t>GPS GHARIB ABAD</t>
  </si>
  <si>
    <t>mohalla faisal abad</t>
  </si>
  <si>
    <t>Mohala Faisal Abad</t>
  </si>
  <si>
    <t>GPS GHARIB ABAD INAYAT PUR, P/O HAJI PUR, KABIRWALA</t>
  </si>
  <si>
    <t>moza inayat pur p/0 haji pur tehsil kabir wala district khanewal</t>
  </si>
  <si>
    <t>Moonga Wala</t>
  </si>
  <si>
    <t>GPS GHARIB ABAD KOT SAMABA</t>
  </si>
  <si>
    <t>GPS gharib abab Kot samaba</t>
  </si>
  <si>
    <t>GPS GHARIB ABAD MULA PUR KABIRWALA</t>
  </si>
  <si>
    <t>ghareebabad mulapur kabirwala</t>
  </si>
  <si>
    <t>GPS GHARIB ABAD PIRMAHAL</t>
  </si>
  <si>
    <t>Masjid Block Near Iqbal Park  Pirmahal</t>
  </si>
  <si>
    <t>Pirmahal City</t>
  </si>
  <si>
    <t>ABDUL RAZZAQ SAJID</t>
  </si>
  <si>
    <t>GPS GHARJAKH NO.3</t>
  </si>
  <si>
    <t>GPS No 3 Garjakh Raza Abad Gali Eid Gah Wali</t>
  </si>
  <si>
    <t>Raza Abad Garjakh</t>
  </si>
  <si>
    <t>Qazafi Road</t>
  </si>
  <si>
    <t>Aamir Aslam</t>
  </si>
  <si>
    <t>GPS GHARNAJ</t>
  </si>
  <si>
    <t>Gharnaj</t>
  </si>
  <si>
    <t>gharnaj p/o hotta  tehsil and district pakpattan</t>
  </si>
  <si>
    <t>Muhammad Umar Manzoor</t>
  </si>
  <si>
    <t>GPS GHARRAT 37000</t>
  </si>
  <si>
    <t>Ghurrat</t>
  </si>
  <si>
    <t>GHURRAT 37000</t>
  </si>
  <si>
    <t>Ghurrat 37000</t>
  </si>
  <si>
    <t>Asmat Taufiq</t>
  </si>
  <si>
    <t>GPS GHARRI</t>
  </si>
  <si>
    <t>Gahri</t>
  </si>
  <si>
    <t>mohalla rarwala near darbar sain nishan Nowshera virkan</t>
  </si>
  <si>
    <t>Nowahera Virkan</t>
  </si>
  <si>
    <t>GPS GHARSHEEN</t>
  </si>
  <si>
    <t>Village Gharsheen P.O Daud Pur Tehsil Hassan Abdal District Attock</t>
  </si>
  <si>
    <t>GPS GHARTAL</t>
  </si>
  <si>
    <t>Govt p/S Ghartal tehsil Sambrial district sialkot</t>
  </si>
  <si>
    <t>GPS GHARUNO WALA</t>
  </si>
  <si>
    <t>p/o kamar mushani.teh.isakhel District mianwali.village gharounwala.</t>
  </si>
  <si>
    <t>Gharounwals</t>
  </si>
  <si>
    <t>Azmatullah Khan</t>
  </si>
  <si>
    <t>GPS GHARYAL KALAN</t>
  </si>
  <si>
    <t>Gharyal Kalan P/O Same</t>
  </si>
  <si>
    <t>hand pump and moter</t>
  </si>
  <si>
    <t>GPS GHATTI</t>
  </si>
  <si>
    <t>Village ghatti po dhokri teh quaidabad district khushab q</t>
  </si>
  <si>
    <t>Ghatti</t>
  </si>
  <si>
    <t>Muhammad Zeeshan Nazar</t>
  </si>
  <si>
    <t>GPS GHATTI NAHAR</t>
  </si>
  <si>
    <t>Ghiree</t>
  </si>
  <si>
    <t>ghatti nahar Mouza Ghiree u.c sultan pur tehsil Ali pur district muzaffar garh</t>
  </si>
  <si>
    <t>GPS GHAYYA WALA</t>
  </si>
  <si>
    <t>Kausar Abbas</t>
  </si>
  <si>
    <t>GPS GHAZANFER ABAD</t>
  </si>
  <si>
    <t>mohalla pathan wala shujabad</t>
  </si>
  <si>
    <t>GPS GHAZI ABAD</t>
  </si>
  <si>
    <t>moza ghazi abad</t>
  </si>
  <si>
    <t>Aqeel Irfan</t>
  </si>
  <si>
    <t>GPS GHAZI CHAK</t>
  </si>
  <si>
    <t>Ghazi chak, gujrat</t>
  </si>
  <si>
    <t>Umer Hassan Butt</t>
  </si>
  <si>
    <t>GPS GHAZI GHAT</t>
  </si>
  <si>
    <t>GPS GHAZI KHAIL</t>
  </si>
  <si>
    <t>Uttra Janubi</t>
  </si>
  <si>
    <t>dera ghazi khail teh.quaidabad distt.khushab</t>
  </si>
  <si>
    <t>Dera Ghazi Khail</t>
  </si>
  <si>
    <t>GPS GHAZI KOHLI</t>
  </si>
  <si>
    <t>ghazi kohli</t>
  </si>
  <si>
    <t>Younis Masih</t>
  </si>
  <si>
    <t>GPS GHAZI MARDAN P/O CHAK BEDI</t>
  </si>
  <si>
    <t>Ghazi Mardan</t>
  </si>
  <si>
    <t>Ghazi mardan pakpattan</t>
  </si>
  <si>
    <t>GPS GHAZI SHAH</t>
  </si>
  <si>
    <t>ghazi shah , p/o shahjmal</t>
  </si>
  <si>
    <t>Muhammad Adeel Mahdi</t>
  </si>
  <si>
    <t>GPS GHAZIOT</t>
  </si>
  <si>
    <t>Ghaziot</t>
  </si>
  <si>
    <t>village and p/o Ghaziot teh sohawa dist jhelum</t>
  </si>
  <si>
    <t>muhammad adnan zafar</t>
  </si>
  <si>
    <t>GPS GHAZIWAL KALAN</t>
  </si>
  <si>
    <t>ghaziwal kalan narowal</t>
  </si>
  <si>
    <t>GPS GHAZNI</t>
  </si>
  <si>
    <t>Ghazni Tehsil Sahiwal District Sargodha</t>
  </si>
  <si>
    <t>Ghazni</t>
  </si>
  <si>
    <t>GPS GHEIWAL</t>
  </si>
  <si>
    <t>Ghaiwal</t>
  </si>
  <si>
    <t>ghaiwal po midh ranjha teh kott dist sargodha</t>
  </si>
  <si>
    <t>Ghaiwall</t>
  </si>
  <si>
    <t>GPS GHEL SATTIAN</t>
  </si>
  <si>
    <t>village ghel murree ,Rawalpindi</t>
  </si>
  <si>
    <t>GPS GHENA LAR MOUZA GHOTIA</t>
  </si>
  <si>
    <t>Ghotia</t>
  </si>
  <si>
    <t>Basti ghotia Tehsil khan pur</t>
  </si>
  <si>
    <t>m.arshad</t>
  </si>
  <si>
    <t>GPS GHEREEB COLONY, ADHI KOT</t>
  </si>
  <si>
    <t>vpo adhi kot DISTRICT khushab</t>
  </si>
  <si>
    <t>GPS GHIAL ZAREEN</t>
  </si>
  <si>
    <t>Ghial Zareen</t>
  </si>
  <si>
    <t>village ghial zareen post office bulani tehsil sarai alamgir district gujrat</t>
  </si>
  <si>
    <t>GPS GHILKAN</t>
  </si>
  <si>
    <t>kachi shahani post office Dajal TEHSIL district BHAKKAR</t>
  </si>
  <si>
    <t>Ghilkan</t>
  </si>
  <si>
    <t>Muhammad Ijaz Ul Haq</t>
  </si>
  <si>
    <t>GPS GHILWAL</t>
  </si>
  <si>
    <t>Ghalwal</t>
  </si>
  <si>
    <t>village ghalwal uc Chontra distt rawalpindi</t>
  </si>
  <si>
    <t>Nouman  Sabir</t>
  </si>
  <si>
    <t>GPS GHIMMI</t>
  </si>
  <si>
    <t>moza ghimmi p/o Allah abad teh liaqat pur dist rahim yar khan</t>
  </si>
  <si>
    <t>GPS GHIRI</t>
  </si>
  <si>
    <t>Ghiri</t>
  </si>
  <si>
    <t>moza ghiri, tehsil alipur district muzaffargarh</t>
  </si>
  <si>
    <t>Basti Ghiri</t>
  </si>
  <si>
    <t>GPS GHOFOR ABAD NO 1</t>
  </si>
  <si>
    <t>arain colony</t>
  </si>
  <si>
    <t>F6</t>
  </si>
  <si>
    <t>Muhammad Muslim</t>
  </si>
  <si>
    <t>GPS GHOGA</t>
  </si>
  <si>
    <t>Ghoga</t>
  </si>
  <si>
    <t>village Ghoga tehsil kamoki district Gujranwala</t>
  </si>
  <si>
    <t>GPS GHOGNI CHAK NO 13</t>
  </si>
  <si>
    <t>Chak No 13 JB Ghoghani</t>
  </si>
  <si>
    <t>Ghoghani</t>
  </si>
  <si>
    <t>GPS GHOGRA</t>
  </si>
  <si>
    <t>vill ghogra</t>
  </si>
  <si>
    <t>Yasir Ghaffar</t>
  </si>
  <si>
    <t>GPS GHOI</t>
  </si>
  <si>
    <t>village Ghoi P O Bagh Jameri Teh Kallar Syedan Distt Rawalpindi</t>
  </si>
  <si>
    <t>Nulamuslimana</t>
  </si>
  <si>
    <t>Raja Muhammad Aeitzaz Ahsan</t>
  </si>
  <si>
    <t>GPS GHOLAN KE MALIAN</t>
  </si>
  <si>
    <t>mallian kalan</t>
  </si>
  <si>
    <t>gholen ki mallian tehsile &amp; district sheikhupura</t>
  </si>
  <si>
    <t>gholen ki mallian</t>
  </si>
  <si>
    <t>GPS GHONA</t>
  </si>
  <si>
    <t>vill,Ghona,p/o shah ghareeb,teh shakar gharh,dist Narowal</t>
  </si>
  <si>
    <t>GPS GHONATIBA PO MEERAN PUR</t>
  </si>
  <si>
    <t>Ghona Tibba</t>
  </si>
  <si>
    <t>ghona tibba</t>
  </si>
  <si>
    <t>GPS GHORA GUJRAN</t>
  </si>
  <si>
    <t>Gohra Gujran</t>
  </si>
  <si>
    <t>Gohra Gujran Po  
     pind  jhatla   Rawalpindi</t>
  </si>
  <si>
    <t>Takhat Pari</t>
  </si>
  <si>
    <t>GPS GHORAMAR</t>
  </si>
  <si>
    <t>ghora mar</t>
  </si>
  <si>
    <t>vpo ghora mar</t>
  </si>
  <si>
    <t>surg salar</t>
  </si>
  <si>
    <t>GPS GHORAY WALA</t>
  </si>
  <si>
    <t>ghoray wala</t>
  </si>
  <si>
    <t>Warch</t>
  </si>
  <si>
    <t>GPS GHORELA</t>
  </si>
  <si>
    <t>Gorhela</t>
  </si>
  <si>
    <t>Moza Gorhela</t>
  </si>
  <si>
    <t>Chak173/p</t>
  </si>
  <si>
    <t>available nearby school. we bring water from there.</t>
  </si>
  <si>
    <t>GPS GHORI WALA</t>
  </si>
  <si>
    <t>Chabri Bala Gharbi</t>
  </si>
  <si>
    <t>Chah ghori wala p/o chabri Bala D G Khan</t>
  </si>
  <si>
    <t>Ghori Wala</t>
  </si>
  <si>
    <t>MUHAMMAD SAQIB</t>
  </si>
  <si>
    <t>GPS GHORIAN WALA</t>
  </si>
  <si>
    <t>Ghorian Wala</t>
  </si>
  <si>
    <t>chak ghorian wala p/o kartar pur pak pattan</t>
  </si>
  <si>
    <t>Tahir Riaz</t>
  </si>
  <si>
    <t>GPS GHORRI WALA</t>
  </si>
  <si>
    <t>Ghorri Wala</t>
  </si>
  <si>
    <t>Ghorri Wala Jhang</t>
  </si>
  <si>
    <t>GPS GHOSAR</t>
  </si>
  <si>
    <t>dokh gosar village and post office kufri tehsil naushera district khushab</t>
  </si>
  <si>
    <t>Dhok Gosar</t>
  </si>
  <si>
    <t>Muhammad Shehzad Mumtaz</t>
  </si>
  <si>
    <t>GPS GHOURGHUSHTI NO.2</t>
  </si>
  <si>
    <t>mohalla sheikh banda vpo Ghourghushti</t>
  </si>
  <si>
    <t>GPS GHOURIAN</t>
  </si>
  <si>
    <t>Basti laran mauza nawain arain tehsil khan pur</t>
  </si>
  <si>
    <t>Ashhad Bashir</t>
  </si>
  <si>
    <t>GPS GHOUS PUR</t>
  </si>
  <si>
    <t>Kund Azeem</t>
  </si>
  <si>
    <t>Mouza kund Azeem</t>
  </si>
  <si>
    <t>MUHAMMAD GHAFFAR</t>
  </si>
  <si>
    <t>GPS GHOUS PUR GUJJRAN (GHATTAY PHAKNI)</t>
  </si>
  <si>
    <t>Ghous Pour Gujjran</t>
  </si>
  <si>
    <t>Dhool Chour</t>
  </si>
  <si>
    <t>Muhammad Akram Zia</t>
  </si>
  <si>
    <t>GPS GHOUS PUR, P/O SARDAR PUR, NAWAN SHEHR</t>
  </si>
  <si>
    <t>Khati Chor</t>
  </si>
  <si>
    <t>ghous pur p/o sardar pur  ,nawan shehr</t>
  </si>
  <si>
    <t>GPS GHOUSIA HUSNAIN ABAD</t>
  </si>
  <si>
    <t>Mianmeer</t>
  </si>
  <si>
    <t>St no 26 mianmeer colony</t>
  </si>
  <si>
    <t>sadia kousar</t>
  </si>
  <si>
    <t>GPS GHOWINDI</t>
  </si>
  <si>
    <t>Ghowindi Power</t>
  </si>
  <si>
    <t>village ghowindi border</t>
  </si>
  <si>
    <t>Ghowindi</t>
  </si>
  <si>
    <t>GPS GHROLI</t>
  </si>
  <si>
    <t>Ghroli</t>
  </si>
  <si>
    <t>ghroli village</t>
  </si>
  <si>
    <t>GPS GHUGIAN KAMBOKI</t>
  </si>
  <si>
    <t>jhugian kambokian</t>
  </si>
  <si>
    <t>Jhugian Kambokian</t>
  </si>
  <si>
    <t>Balila 28</t>
  </si>
  <si>
    <t>GPS GHUINKE NO.1</t>
  </si>
  <si>
    <t>ghiinke</t>
  </si>
  <si>
    <t>GPS GHUKAL</t>
  </si>
  <si>
    <t>Village Ghukal post office Galotian Kalan Tehsil Daska Distt.Sialkot</t>
  </si>
  <si>
    <t>GPS GHUKIANI</t>
  </si>
  <si>
    <t>ghukiani</t>
  </si>
  <si>
    <t>khan muhammad wala</t>
  </si>
  <si>
    <t>Akhtar Hayat</t>
  </si>
  <si>
    <t>GPS GHULAM ABAS WALA JALAL PUR KHAKHI TEH.SHUJABAD</t>
  </si>
  <si>
    <t>Jalalpur Khakhi</t>
  </si>
  <si>
    <t>GPS GHULAM ABBAS WALA MOZA JALALPUR KHAKHI P/O BAGREN TEHSIL SHUJABAD DISTRICT MULTAN</t>
  </si>
  <si>
    <t>GPS GHULAM AHMAD SHAHEED</t>
  </si>
  <si>
    <t>Baqar KY Mahar</t>
  </si>
  <si>
    <t>baqar k mahar</t>
  </si>
  <si>
    <t>Baqar k Mahar</t>
  </si>
  <si>
    <t>M enam Abid</t>
  </si>
  <si>
    <t>GPS GHULAM AKBER KHOKHAR</t>
  </si>
  <si>
    <t>MACHAR</t>
  </si>
  <si>
    <t>BASTI KHOKHAR TEHSIL &amp; DISTRICT BHAKKAR</t>
  </si>
  <si>
    <t>BASTI GHULAM AKBAR KHOKHAR</t>
  </si>
  <si>
    <t>BADYANI</t>
  </si>
  <si>
    <t>Amir Hussain Khan</t>
  </si>
  <si>
    <t>GPS GHULAM ALI KHAIL</t>
  </si>
  <si>
    <t>pelwains teh. noor pur distt khushab</t>
  </si>
  <si>
    <t>GPS GHULAM ALI MARIL</t>
  </si>
  <si>
    <t>SHAH MUHAMMAD MARIL</t>
  </si>
  <si>
    <t>GPS GHULAM ALI MARIL MOUZA SHAH MUHAMMAD MARIL UC MUD BHOORA TEHSIL KHAN PUR DIST RAHIM YAR KHAN</t>
  </si>
  <si>
    <t>Basti Ghulam Ali Maril</t>
  </si>
  <si>
    <t>GPS GHULAM DA KHOH</t>
  </si>
  <si>
    <t>Seena War</t>
  </si>
  <si>
    <t>GPS Ghulam Da Khoh Chak#162/P Sadiq Abad</t>
  </si>
  <si>
    <t>Ghulam Da Khoh</t>
  </si>
  <si>
    <t>Goth jangoo</t>
  </si>
  <si>
    <t>GPS GHULAM FAREED</t>
  </si>
  <si>
    <t>chandrani sharqi</t>
  </si>
  <si>
    <t>basti master khadim hussain moazah chandrani sharqi</t>
  </si>
  <si>
    <t>basti master khadim hussain moza chanrani sharqi</t>
  </si>
  <si>
    <t>Goth mehrab</t>
  </si>
  <si>
    <t>GPS GHULAM FARID GUJJAR</t>
  </si>
  <si>
    <t>Basti pachar meer wala teh jatoi m.garh</t>
  </si>
  <si>
    <t>Basti Pachar</t>
  </si>
  <si>
    <t>GPS GHULAM HAIDER GOPANG</t>
  </si>
  <si>
    <t>Taj Pur Pir Wala</t>
  </si>
  <si>
    <t>basti Bahawal Laghari rahim yar khan</t>
  </si>
  <si>
    <t>Basti Bahawal Laghari</t>
  </si>
  <si>
    <t>GPS GHULAM HASAN WALA</t>
  </si>
  <si>
    <t>mouza bahar gharbi</t>
  </si>
  <si>
    <t>Ghulam Hassan Wala</t>
  </si>
  <si>
    <t>GPS GHULAM HASSAN KHAN WALA</t>
  </si>
  <si>
    <t>Sultan Wala Ghabi</t>
  </si>
  <si>
    <t>gps Ghulam hassan khan wala</t>
  </si>
  <si>
    <t>Guam Hassan Khan Wala</t>
  </si>
  <si>
    <t>GPS GHULAM HUSSAIN</t>
  </si>
  <si>
    <t>Chak Hatyar</t>
  </si>
  <si>
    <t>basti Gul Nawaz</t>
  </si>
  <si>
    <t>Basti Gul Nawaz Somra</t>
  </si>
  <si>
    <t>Shah Wali</t>
  </si>
  <si>
    <t>GPS GHULAM HUSSAIN GHAWAN WALA</t>
  </si>
  <si>
    <t>Talai Chandigarh Gharbi</t>
  </si>
  <si>
    <t>chak no 154 ml Kot addu</t>
  </si>
  <si>
    <t>Check No154 Ml</t>
  </si>
  <si>
    <t>GPS GHULAM HUSSAIN VEROANA</t>
  </si>
  <si>
    <t>Ghulm Hussain   Ghulam Hussain Veroana</t>
  </si>
  <si>
    <t>moza ghulam hussain veroana tehsil kamalia post office mal fatyana toba tek singh</t>
  </si>
  <si>
    <t>Ghulm Hussain Veroana</t>
  </si>
  <si>
    <t>Azmat Shah Qadir Bakhash</t>
  </si>
  <si>
    <t>GPS GHULAM HUSSAIN WALA</t>
  </si>
  <si>
    <t>vpo peelowains Teh.noor pur disst khushab</t>
  </si>
  <si>
    <t>GPS GHULAM MOHAMMAD WALA</t>
  </si>
  <si>
    <t>Shadia Janoobi</t>
  </si>
  <si>
    <t>dera ghulam Muhammad  wala shadia,tehsil and district mianwali</t>
  </si>
  <si>
    <t>GPS GHULAM MUHAMMAD</t>
  </si>
  <si>
    <t>Chann</t>
  </si>
  <si>
    <t>basti ghulam m</t>
  </si>
  <si>
    <t>GPS GHULAM MUHAMMAD ABAD</t>
  </si>
  <si>
    <t>Basti Bhabhal Wala ,mouza badh rajbana Shorkot City</t>
  </si>
  <si>
    <t>Bhabhal Wala</t>
  </si>
  <si>
    <t>MUHAMMAD SIDDIQUE RIAZ</t>
  </si>
  <si>
    <t>GPS GHULAM MUHAMMAD BALOCH</t>
  </si>
  <si>
    <t>basti chohan moza deramasti Bahawalpur</t>
  </si>
  <si>
    <t>Naseer Ahmed Somro</t>
  </si>
  <si>
    <t>GPS GHULAM MUHAMMAD DALANI</t>
  </si>
  <si>
    <t>soon miani</t>
  </si>
  <si>
    <t>Basti Haji Qamar Din khan</t>
  </si>
  <si>
    <t>Basti Haji Qamar Deen</t>
  </si>
  <si>
    <t>Ahmad Farooq</t>
  </si>
  <si>
    <t>GPS GHULAM MUHAMMAD WALA PO KHANSAR</t>
  </si>
  <si>
    <t>Chah Ghulam Muhammad Wala PO Khansar</t>
  </si>
  <si>
    <t>GPS GHULAM NABI ARAIN</t>
  </si>
  <si>
    <t>GPS Ghulam Nabi Arain</t>
  </si>
  <si>
    <t>Arshad Rasool Khan</t>
  </si>
  <si>
    <t>GPS GHULAM NABI LAR</t>
  </si>
  <si>
    <t>Ghulam Nabi Lar</t>
  </si>
  <si>
    <t>basti Ghulam Nabi Lar</t>
  </si>
  <si>
    <t>Dhand gaghri</t>
  </si>
  <si>
    <t>Tahir munir</t>
  </si>
  <si>
    <t>GPS GHULAM PURA</t>
  </si>
  <si>
    <t>Gondhlanwala</t>
  </si>
  <si>
    <t>DERA SARWALA GRW</t>
  </si>
  <si>
    <t>DERA SARWALA</t>
  </si>
  <si>
    <t>GPS GHULAM QADIR JASKANI &amp; FAIZ KHALILANI</t>
  </si>
  <si>
    <t>Rakh Charowala</t>
  </si>
  <si>
    <t>rakh charowala p/o dajal</t>
  </si>
  <si>
    <t>Ghulam Qadir Jaskani</t>
  </si>
  <si>
    <t>GPS GHULAM RASOOL</t>
  </si>
  <si>
    <t>Khan Wa</t>
  </si>
  <si>
    <t>moza khan Wa p/o chk#94 N/P</t>
  </si>
  <si>
    <t>Ghulam rasool T</t>
  </si>
  <si>
    <t>Chk#94 NP</t>
  </si>
  <si>
    <t>GPS GHULAM RASOOL LUND</t>
  </si>
  <si>
    <t>Maoza Rasoolpur Tehsil jampur District Rajanpur</t>
  </si>
  <si>
    <t>Allahabad gharbi</t>
  </si>
  <si>
    <t>Hasnain Imran</t>
  </si>
  <si>
    <t>GPS GHULAM RASOOL WALA P/O MATOTLI</t>
  </si>
  <si>
    <t>KILICH PUR</t>
  </si>
  <si>
    <t>post office matotli teh shujabad district multan</t>
  </si>
  <si>
    <t>THATH GHULWAN</t>
  </si>
  <si>
    <t>MUHAMMAD INTIZAR KHALID</t>
  </si>
  <si>
    <t>GPS GHULAM SABIR KHADAN PURA</t>
  </si>
  <si>
    <t>mohallah noor shah wali city kasur</t>
  </si>
  <si>
    <t>ZUBAD YASIEN SHAH</t>
  </si>
  <si>
    <t>GPS GHULAM SARWAR THAHEEM</t>
  </si>
  <si>
    <t>jhok haji boola ,dera malik Hanif channar,post office baqir pur tehsil bahawalpur district bahawalpur</t>
  </si>
  <si>
    <t>Khanu Wali</t>
  </si>
  <si>
    <t>Hafiz M.Athar Mehmood</t>
  </si>
  <si>
    <t>GPS GHULAM SHAH BODLA  PO  PAKPATTAN</t>
  </si>
  <si>
    <t>chak bodla pir ghani road pakpattan</t>
  </si>
  <si>
    <t>Chak Bodla</t>
  </si>
  <si>
    <t>15 Sp</t>
  </si>
  <si>
    <t>GPS GHULAMOON ARAIN</t>
  </si>
  <si>
    <t>Ghulamoun Arain</t>
  </si>
  <si>
    <t>mouza ghulamoun arain.p/o noor pur.bwp</t>
  </si>
  <si>
    <t>Gouth Mehrab</t>
  </si>
  <si>
    <t>Ahsan ul Haq</t>
  </si>
  <si>
    <t>GPS GHULAMOON CHANNAR</t>
  </si>
  <si>
    <t>Ghulam Ali Channer</t>
  </si>
  <si>
    <t>basti jamal channer p/o mubarak pur ahmed pur east</t>
  </si>
  <si>
    <t>Basti Jamal Channer</t>
  </si>
  <si>
    <t>GPS GHULAMOON KHAKHI</t>
  </si>
  <si>
    <t>Ghulamun Khakhi</t>
  </si>
  <si>
    <t>mouza ghulamoon khakhi teh:ahmadpureast distt bwp</t>
  </si>
  <si>
    <t>Ghulamoon Khakhi</t>
  </si>
  <si>
    <t>Khairpurdaha</t>
  </si>
  <si>
    <t>GPS GHULLA P/O PAKPATTAN</t>
  </si>
  <si>
    <t>Aalm dhudi</t>
  </si>
  <si>
    <t>Tehsil and district. Pakpattan punjab pakistan</t>
  </si>
  <si>
    <t>Ghullah</t>
  </si>
  <si>
    <t>GPS GHULLA PUR</t>
  </si>
  <si>
    <t>GPS GHULLAH WATTOWAN</t>
  </si>
  <si>
    <t>Ghullah Wattowan</t>
  </si>
  <si>
    <t>Feroze Wattowan 2</t>
  </si>
  <si>
    <t>Hafiz Rashid Mahmood</t>
  </si>
  <si>
    <t>GPS GHULLAM MUHAMMAD</t>
  </si>
  <si>
    <t>Chodhry</t>
  </si>
  <si>
    <t>basti Khosa mouza Choudhry p/ HEAD lanjiwar tensile khan pur</t>
  </si>
  <si>
    <t>GHULM MOH UD DIN</t>
  </si>
  <si>
    <t>GPS GHULLOO BASTI GHULLOO MULTAN</t>
  </si>
  <si>
    <t>Jhowk Wains</t>
  </si>
  <si>
    <t>basti Ghulloo Jhowk Wains Parli Tehsil and District Multan Saddar</t>
  </si>
  <si>
    <t>Basti Ghulloo</t>
  </si>
  <si>
    <t>GPS GHUMMAN KE</t>
  </si>
  <si>
    <t>kot radha kishan road Phool Nagar teh. pattoki Distt.  Kasur</t>
  </si>
  <si>
    <t>Gulzar Ahmed</t>
  </si>
  <si>
    <t>GPS GHUMTI</t>
  </si>
  <si>
    <t>Kamal Muhammad</t>
  </si>
  <si>
    <t>Bastion gumty p/o dunga bunga</t>
  </si>
  <si>
    <t>Bastion Gumty</t>
  </si>
  <si>
    <t>MUHAMMAD AMIN MUGHAL</t>
  </si>
  <si>
    <t>GPS GHUNNU WALA</t>
  </si>
  <si>
    <t>Village Ghunnuwala P.O.Bharpur Tehsil Kallar Kahar Distt Chakwal.</t>
  </si>
  <si>
    <t>Ghunnuwala</t>
  </si>
  <si>
    <t>Shehneela Azeem</t>
  </si>
  <si>
    <t>GPS GHUNU MAIRA</t>
  </si>
  <si>
    <t>Village Ghunu Maira Post Office Baragowah Tehsil Sohawah District Jhelum</t>
  </si>
  <si>
    <t>Ghunu Maira</t>
  </si>
  <si>
    <t>Khizar Waseem</t>
  </si>
  <si>
    <t>GPS GHURANIAN WALA</t>
  </si>
  <si>
    <t>Musa keel</t>
  </si>
  <si>
    <t>Ghuranian wala</t>
  </si>
  <si>
    <t>Ghuranian Walla</t>
  </si>
  <si>
    <t>Anayet Ullah Khan</t>
  </si>
  <si>
    <t>GPS GHURKI</t>
  </si>
  <si>
    <t>Ghurki tehsil and dist sargodha</t>
  </si>
  <si>
    <t>GPS GHURRAH HASHAM SHAH</t>
  </si>
  <si>
    <t>Gurrah Hashim Gurrah Hashim Shah</t>
  </si>
  <si>
    <t>gurrah hashim shah</t>
  </si>
  <si>
    <t>Gurrah Hashim Shah</t>
  </si>
  <si>
    <t>Syed Kashif Ali Naqvi</t>
  </si>
  <si>
    <t>GPS GHURRY</t>
  </si>
  <si>
    <t>Ghurry</t>
  </si>
  <si>
    <t>GPS Ghurry</t>
  </si>
  <si>
    <t>ayaz ahmed</t>
  </si>
  <si>
    <t>GPS GIDDA KHEL</t>
  </si>
  <si>
    <t>Sultan Khel gharbi</t>
  </si>
  <si>
    <t>Gidda Khel post office sultan Khel tehseel Isa Khel district Mianwali</t>
  </si>
  <si>
    <t>Gidda Khel</t>
  </si>
  <si>
    <t>GPS GIDDER HATTI</t>
  </si>
  <si>
    <t>Gidder Hatti</t>
  </si>
  <si>
    <t>basti dawanj gidder hatti teh ahmed pur bwp</t>
  </si>
  <si>
    <t>GPS GIDDIAN</t>
  </si>
  <si>
    <t>village Giddian post office Gorsian Gujrat</t>
  </si>
  <si>
    <t>Lufza Ashfaq</t>
  </si>
  <si>
    <t>GPS GIDRRAN WALI</t>
  </si>
  <si>
    <t>Gidran wali</t>
  </si>
  <si>
    <t>village gidran wali Tehsil kalourkot district bhakkar</t>
  </si>
  <si>
    <t>Muhammad Haseeb</t>
  </si>
  <si>
    <t>GPS GILL KHURD</t>
  </si>
  <si>
    <t>Mouza gill p/o makhdoom rasheed multan</t>
  </si>
  <si>
    <t>Gill Khurd</t>
  </si>
  <si>
    <t>GPS GILL WALA</t>
  </si>
  <si>
    <t>gill wala chak # 170 tehsil safdr abd &amp; dstrct sheikhupura</t>
  </si>
  <si>
    <t>jhandian wali</t>
  </si>
  <si>
    <t>Muhammad Zohaib Amir</t>
  </si>
  <si>
    <t>GPS GINDI KHAKHI</t>
  </si>
  <si>
    <t>Gindi Khakhi</t>
  </si>
  <si>
    <t>GPS GIRIA ABAD</t>
  </si>
  <si>
    <t>Giria abad tehsil minchanabad distric bahawal nagar</t>
  </si>
  <si>
    <t>GPS GIRRAH SAWAG</t>
  </si>
  <si>
    <t>basti garrah sewag post office laskani wala tehsil karor district layyah</t>
  </si>
  <si>
    <t>sardar muhammad</t>
  </si>
  <si>
    <t>GPS GLASS WALI</t>
  </si>
  <si>
    <t>Labhsingh</t>
  </si>
  <si>
    <t>GPS Glass wali markaz no 17 Tehsil and Dist Bahawalnagar</t>
  </si>
  <si>
    <t>Blasspur</t>
  </si>
  <si>
    <t>Teku Rampura</t>
  </si>
  <si>
    <t>GPS GLOTIAN KHURD</t>
  </si>
  <si>
    <t>village Galotian Khurd Teh. Daska distt. Sialkot</t>
  </si>
  <si>
    <t>GPS GODHA SHAHIANWALA GOLEY WALI</t>
  </si>
  <si>
    <t>vpo Golewali tehsil quaidabad distt khushab</t>
  </si>
  <si>
    <t>Dera Gulshahi</t>
  </si>
  <si>
    <t>Hafiz Ghulam Rasool</t>
  </si>
  <si>
    <t>GPS GODIAN WALA PIPLAN MIANWALI</t>
  </si>
  <si>
    <t>GPS GODRI</t>
  </si>
  <si>
    <t>Basti Godri moaza sardar pur teh.kpt</t>
  </si>
  <si>
    <t>Basti Godri</t>
  </si>
  <si>
    <t>GPS GOGHAY WALI</t>
  </si>
  <si>
    <t>Chak Somali</t>
  </si>
  <si>
    <t>basti ghoghay wali jhang City</t>
  </si>
  <si>
    <t>Basti Ghoghay Wali Jhang City</t>
  </si>
  <si>
    <t>GPS GOHAD PUR</t>
  </si>
  <si>
    <t>P.O. Gohad Pur,Sialkot.</t>
  </si>
  <si>
    <t>Muhammad Ilyas Butt</t>
  </si>
  <si>
    <t>GPS GOHAR</t>
  </si>
  <si>
    <t>Gohar tehsil malakwal District mandi bahauddin</t>
  </si>
  <si>
    <t>Muhammad Adnan Iqbal</t>
  </si>
  <si>
    <t>GPS GOHAR CHAK NO. 8</t>
  </si>
  <si>
    <t>Duesiaal</t>
  </si>
  <si>
    <t>Amjad Masood</t>
  </si>
  <si>
    <t>GPS GOHAR JAGEER</t>
  </si>
  <si>
    <t>Gohar  Jageer</t>
  </si>
  <si>
    <t>gohar jagir post office usman wala district kasur</t>
  </si>
  <si>
    <t>GPS GOHAR JALAL</t>
  </si>
  <si>
    <t>Gohar Jalal</t>
  </si>
  <si>
    <t>Gohar jalal, Tehsil Shahpur District Sargodha</t>
  </si>
  <si>
    <t>GOhar Jalal</t>
  </si>
  <si>
    <t>Muhammad younis Afzal</t>
  </si>
  <si>
    <t>GPS GOHAR SHAH</t>
  </si>
  <si>
    <t>Mari Shiekh Shijra</t>
  </si>
  <si>
    <t>basti Gohar Shah</t>
  </si>
  <si>
    <t>GPS GOHI NO. 7</t>
  </si>
  <si>
    <t>village Gohi post office Sehr Bagla</t>
  </si>
  <si>
    <t>GPS GOHRA</t>
  </si>
  <si>
    <t>village gohra teh kallar syedan</t>
  </si>
  <si>
    <t>GPS GOHRA RAMIAL</t>
  </si>
  <si>
    <t>Ramial SHAREEF</t>
  </si>
  <si>
    <t>GPS Gorah  Ramial</t>
  </si>
  <si>
    <t>Gorah Ramial</t>
  </si>
  <si>
    <t>asma nazli</t>
  </si>
  <si>
    <t>GPS GOHRAY WALA</t>
  </si>
  <si>
    <t>Peelo Wains</t>
  </si>
  <si>
    <t>GPS Gohray Wala Peelo Wains NoorPoor Khushab</t>
  </si>
  <si>
    <t>GPS GOHRI</t>
  </si>
  <si>
    <t>Gohri</t>
  </si>
  <si>
    <t>V,Gohri .PO Chak No,16.Tehsil Malakwal,District Mandi Bahauddin</t>
  </si>
  <si>
    <t>Gohr</t>
  </si>
  <si>
    <t>Khubaib Anwar</t>
  </si>
  <si>
    <t>GPS GOIL KALA KATHAI ROAD</t>
  </si>
  <si>
    <t>goail Kala khatai road</t>
  </si>
  <si>
    <t>GPS GOINDKAY</t>
  </si>
  <si>
    <t>village and p o goindke</t>
  </si>
  <si>
    <t>GPS GOJAR WALLY</t>
  </si>
  <si>
    <t>Gujjerwali</t>
  </si>
  <si>
    <t>gujjerwali post office Ahmad abad</t>
  </si>
  <si>
    <t>GPS GOJJ DAGGAR</t>
  </si>
  <si>
    <t>Dabb Jahanani</t>
  </si>
  <si>
    <t>p\s gojj dagger markaz hill union council mubarki taunsa</t>
  </si>
  <si>
    <t>Basti Gojj Daggar</t>
  </si>
  <si>
    <t>GPS GOJRA NO.2</t>
  </si>
  <si>
    <t>vpo Gojra,tehsil Daska district Sialkot.</t>
  </si>
  <si>
    <t>GPS GOKAL WAAL</t>
  </si>
  <si>
    <t>Gokal Wala</t>
  </si>
  <si>
    <t>Gokal wala mandi ahmadabad okara</t>
  </si>
  <si>
    <t>Kalasan Paramal</t>
  </si>
  <si>
    <t>GPS GOLAY WALA</t>
  </si>
  <si>
    <t>GPS GOLAY WALI</t>
  </si>
  <si>
    <t>p/s Golaywali</t>
  </si>
  <si>
    <t>GPS GOLIAN</t>
  </si>
  <si>
    <t>gps golian</t>
  </si>
  <si>
    <t>Syed Rahat Mehmood</t>
  </si>
  <si>
    <t>GPS GOLUMALA</t>
  </si>
  <si>
    <t>DHAAB GOLU WALA</t>
  </si>
  <si>
    <t>Dhaab Golu wala mandi sadiq gunj Tehsil Minchanabad Dist Bwn</t>
  </si>
  <si>
    <t>Golu Wala</t>
  </si>
  <si>
    <t>Shahzad Rasool</t>
  </si>
  <si>
    <t>GPS GONDAL KOT</t>
  </si>
  <si>
    <t>GPS Gondal Kot Tehsil &amp; District Gujrat</t>
  </si>
  <si>
    <t>YASAR BASHIR</t>
  </si>
  <si>
    <t>GPS GONDAL WALA</t>
  </si>
  <si>
    <t>Essan wali</t>
  </si>
  <si>
    <t>Basti kanhal moza esan wali</t>
  </si>
  <si>
    <t>Basti kanhal</t>
  </si>
  <si>
    <t>GPS GONDLAN WALA</t>
  </si>
  <si>
    <t>Jamia Muslim Gondlanwala</t>
  </si>
  <si>
    <t>GPS GONDLAWALA CHAK 20 RB</t>
  </si>
  <si>
    <t>gondlanwala Chak #20</t>
  </si>
  <si>
    <t>Mandaila 95</t>
  </si>
  <si>
    <t>GPS GOPAL PUR</t>
  </si>
  <si>
    <t>Gopalpur Sialkot.</t>
  </si>
  <si>
    <t>SyedaWali</t>
  </si>
  <si>
    <t>M Naveed Aslam</t>
  </si>
  <si>
    <t>GPS GOPAL PURA</t>
  </si>
  <si>
    <t>GOPAL Pura</t>
  </si>
  <si>
    <t>GOPAL Pura BATA pur Lahore</t>
  </si>
  <si>
    <t>Muhammad Asif Habib</t>
  </si>
  <si>
    <t>GPS GOPANG NO. 1</t>
  </si>
  <si>
    <t>Therri</t>
  </si>
  <si>
    <t>p/o Mehrey wala teh&amp;district Rajan pur</t>
  </si>
  <si>
    <t>Bastii Gapang</t>
  </si>
  <si>
    <t>Mehrey Wala</t>
  </si>
  <si>
    <t>GPS GOPANG NO. 2</t>
  </si>
  <si>
    <t>Rattan Thair</t>
  </si>
  <si>
    <t>basti sontra</t>
  </si>
  <si>
    <t>Basti Sontra</t>
  </si>
  <si>
    <t>Mahre Wala</t>
  </si>
  <si>
    <t>GPS GOPAY WALA</t>
  </si>
  <si>
    <t>basti raheem abad, chah gopay wala, moza dera izzat, bahawalpur</t>
  </si>
  <si>
    <t>gopay wala</t>
  </si>
  <si>
    <t>cantonment area</t>
  </si>
  <si>
    <t>GPS GOPY RAI NO. 2</t>
  </si>
  <si>
    <t>thokar Multan road lahore</t>
  </si>
  <si>
    <t>Gopay Ray</t>
  </si>
  <si>
    <t>GPS GORAHA</t>
  </si>
  <si>
    <t>NABI BAKHSH</t>
  </si>
  <si>
    <t>GPS GORAI WALA</t>
  </si>
  <si>
    <t>Gorai Wala</t>
  </si>
  <si>
    <t>gps gorai wala</t>
  </si>
  <si>
    <t>Abdul Shakoor Anjum</t>
  </si>
  <si>
    <t>GPS GORAN THAL</t>
  </si>
  <si>
    <t>basti Goran thal fort Munroo</t>
  </si>
  <si>
    <t>Goran Thal</t>
  </si>
  <si>
    <t>Sultan Ali</t>
  </si>
  <si>
    <t>GPS GORAN THUL</t>
  </si>
  <si>
    <t>goran thul uc 90 mithwan</t>
  </si>
  <si>
    <t>Goran Thul</t>
  </si>
  <si>
    <t>GPS GORANGI WALA</t>
  </si>
  <si>
    <t>GPS Gorangi Wala, village Gorangi Wala Chidroo road  p/o GPO Mianwali</t>
  </si>
  <si>
    <t>GPS GORDIAL PUR</t>
  </si>
  <si>
    <t>GPS GORDITTA P/O DHUPAI</t>
  </si>
  <si>
    <t>Gorditta</t>
  </si>
  <si>
    <t>chak gurditta P.O Dhupai Teh. &amp; Distt. Pakpattan</t>
  </si>
  <si>
    <t>GPS GORGIG</t>
  </si>
  <si>
    <t>Qabil Lar</t>
  </si>
  <si>
    <t>GPS Gurgage</t>
  </si>
  <si>
    <t>Ghorkian</t>
  </si>
  <si>
    <t>GPS GORIAN</t>
  </si>
  <si>
    <t>village Gorian..p.o.box khabranwala..tehssi.district Sialkot</t>
  </si>
  <si>
    <t>Syed Qaiser Abbas</t>
  </si>
  <si>
    <t>GPS GORO</t>
  </si>
  <si>
    <t>basti goro vehoa</t>
  </si>
  <si>
    <t>Goro</t>
  </si>
  <si>
    <t>Vehoa Janubi</t>
  </si>
  <si>
    <t>GPS GORO KI JHUGIAN</t>
  </si>
  <si>
    <t>guru ki Jhugian p/of bhor</t>
  </si>
  <si>
    <t>Guru ki Jhugian</t>
  </si>
  <si>
    <t>GPS GORY</t>
  </si>
  <si>
    <t>Gohri P.O. Oulakh Bhaike Tehsil Nowshera Virkan District Gujranwala</t>
  </si>
  <si>
    <t>GPS GOTH ALI</t>
  </si>
  <si>
    <t>Goth ali</t>
  </si>
  <si>
    <t>Goth Ali</t>
  </si>
  <si>
    <t>GPS GOTH AMIN (MOUDIB)</t>
  </si>
  <si>
    <t>Basti Arain Mouza Goth Amin</t>
  </si>
  <si>
    <t>Ridan</t>
  </si>
  <si>
    <t>Muhammad Mohsin Ali Anjum</t>
  </si>
  <si>
    <t>GPS GOTH DARGAHI</t>
  </si>
  <si>
    <t>Goth Dargahi</t>
  </si>
  <si>
    <t>Chak 181/NP , basti jind wada mahar , mouza goth dargahi</t>
  </si>
  <si>
    <t>GPS GOTH GEHNA</t>
  </si>
  <si>
    <t>Goth Gehna</t>
  </si>
  <si>
    <t>basti ghena near sama satta</t>
  </si>
  <si>
    <t>Basti Goth Ghena</t>
  </si>
  <si>
    <t>Ayesha Aleen Raja</t>
  </si>
  <si>
    <t>GPS GOTH HAYAT</t>
  </si>
  <si>
    <t>Goth Hayyat</t>
  </si>
  <si>
    <t>Chok Kalhora Mouza Rais Pathan</t>
  </si>
  <si>
    <t>Kotla Nawb</t>
  </si>
  <si>
    <t>Niaz Ahmed</t>
  </si>
  <si>
    <t>GPS GOTH JAHGU</t>
  </si>
  <si>
    <t>Goth jungoo, Tehsil sadiqabad , district rahimyar khan</t>
  </si>
  <si>
    <t>GPS GOTH JOORA</t>
  </si>
  <si>
    <t>Basti Masorian Goth Jura Sadiqabad</t>
  </si>
  <si>
    <t>Shahid Mahmood Kokab</t>
  </si>
  <si>
    <t>GPS GOTH LAL</t>
  </si>
  <si>
    <t>Moza Goth Lal post office Samma Satta tehsile &amp; District Bahawalpur</t>
  </si>
  <si>
    <t>Marri Sheikh Shujra</t>
  </si>
  <si>
    <t>Muhammad Saddam Hussain</t>
  </si>
  <si>
    <t>GPS GOTH MAHI</t>
  </si>
  <si>
    <t>Basti panuwah Moza Goth Mahi UC Allahabad  P/O Allahabad</t>
  </si>
  <si>
    <t>Basti panuwah</t>
  </si>
  <si>
    <t>SYED AHMAD SHAH</t>
  </si>
  <si>
    <t>GPS GOTH MEER</t>
  </si>
  <si>
    <t>Goth meer</t>
  </si>
  <si>
    <t>moza Gothmeer POS Abbasnagar tehsil saddar district bahawalpur</t>
  </si>
  <si>
    <t>Chah Ghanni Wala</t>
  </si>
  <si>
    <t>GPS GOTH MEHMOOD</t>
  </si>
  <si>
    <t>basti jam wazeer ahmed khambra maoza goth mehmood the SDK distt Ryk</t>
  </si>
  <si>
    <t>Basti Jam Wazeer Ahmed Khambra</t>
  </si>
  <si>
    <t>Raiz Ahmed</t>
  </si>
  <si>
    <t>GPS GOTH MITHA</t>
  </si>
  <si>
    <t>Challe Wahin</t>
  </si>
  <si>
    <t>basti goth mitha moza challen wahin tehsil khair pur tamewali</t>
  </si>
  <si>
    <t>Goth Mitha</t>
  </si>
  <si>
    <t>GPS GOTH NOOR MUHAMMAD</t>
  </si>
  <si>
    <t>basti tokah mukhi mozah goth noor Muhammad teh. khairpur Tamewali dist. Bahawalpur</t>
  </si>
  <si>
    <t>Tokah Mukhi</t>
  </si>
  <si>
    <t>Zafar Tasleem Madni</t>
  </si>
  <si>
    <t>GPS GOTH QAZI</t>
  </si>
  <si>
    <t>Goth Qazi</t>
  </si>
  <si>
    <t>goth qazi chalk no 199p the.sdk</t>
  </si>
  <si>
    <t>Chalk No 264p</t>
  </si>
  <si>
    <t>Akbar Ali Rehmani</t>
  </si>
  <si>
    <t>GPS GOTH RAZA</t>
  </si>
  <si>
    <t>Basti and Mouza goth Raza tehsil Ahmedpur East district Bahawalpur</t>
  </si>
  <si>
    <t>GPS GOURA UTTAM SINGH</t>
  </si>
  <si>
    <t>Goura Uttam Singh</t>
  </si>
  <si>
    <t>goura uttam singh tehsil sohawa district jhelum</t>
  </si>
  <si>
    <t>Aasim Rameez</t>
  </si>
  <si>
    <t>GPS GRANG WALA P/O AYYA NAGAR KALAN</t>
  </si>
  <si>
    <t>grang wala</t>
  </si>
  <si>
    <t>grangwala</t>
  </si>
  <si>
    <t>labanwala</t>
  </si>
  <si>
    <t>Hafiz Khaliq Ur Rehman</t>
  </si>
  <si>
    <t>GPS GRAY WALA BINDA SANDILA SADDAR MULTAN</t>
  </si>
  <si>
    <t>Binda Sindeela</t>
  </si>
  <si>
    <t>basti gray wala multan</t>
  </si>
  <si>
    <t>M Rafi-ul-din</t>
  </si>
  <si>
    <t>GPS GREEN KOT</t>
  </si>
  <si>
    <t>Green Kot</t>
  </si>
  <si>
    <t>Village green kot kasur</t>
  </si>
  <si>
    <t>Muhammad Sharif Shakir</t>
  </si>
  <si>
    <t>GPS GRID STATION NISHTA ABAD FSD</t>
  </si>
  <si>
    <t>grid</t>
  </si>
  <si>
    <t>gPS 220 KV GRID STAION NISHAT ABAD FSD</t>
  </si>
  <si>
    <t>203rb</t>
  </si>
  <si>
    <t>AHSAN AHMAD</t>
  </si>
  <si>
    <t>GPS GUBBA FAZIL</t>
  </si>
  <si>
    <t>Gubba Fazil</t>
  </si>
  <si>
    <t>gps gubba fazil</t>
  </si>
  <si>
    <t>GPS GUBHRIKA</t>
  </si>
  <si>
    <t>ghubrika</t>
  </si>
  <si>
    <t>MUHAMMAD ZAFAR  IQBAL</t>
  </si>
  <si>
    <t>GPS GUDARA</t>
  </si>
  <si>
    <t>Basti Gudara P/O Rang Pur Tehsile &amp; Distt.Muzaffar Garh</t>
  </si>
  <si>
    <t>GPS GUDARA SHARQI</t>
  </si>
  <si>
    <t>GPS Gudara Sharqi Mouza Gudara</t>
  </si>
  <si>
    <t>GUDARA SHARQI</t>
  </si>
  <si>
    <t>Azhar Iqbal Khalid</t>
  </si>
  <si>
    <t>GPS GUDDAY WALA</t>
  </si>
  <si>
    <t>NAWAN kot choubara</t>
  </si>
  <si>
    <t>Gudday Wala</t>
  </si>
  <si>
    <t>GPS GUDI WALA NO. 1</t>
  </si>
  <si>
    <t>Gps Guddi wala No.1 markaz Bindi</t>
  </si>
  <si>
    <t>Sheikh Jiwanda</t>
  </si>
  <si>
    <t>GPS GUDPUR MOUZA LY WAHIN</t>
  </si>
  <si>
    <t>Lai Wahin</t>
  </si>
  <si>
    <t>Lai Wahin Lodhran</t>
  </si>
  <si>
    <t>Bsti Dhana</t>
  </si>
  <si>
    <t>GPS GUFF</t>
  </si>
  <si>
    <t>gpsguff vill guff po box khallarain tehsil kallar syedan distt rawalpindi</t>
  </si>
  <si>
    <t>WALEED MEHMOOD KHAN</t>
  </si>
  <si>
    <t>GPS GUFTAR ABAD</t>
  </si>
  <si>
    <t>Daira Din Panah Mustakil</t>
  </si>
  <si>
    <t>BASTI SAMNDRI DAIRA DIN PANAH</t>
  </si>
  <si>
    <t>Basti Samandri</t>
  </si>
  <si>
    <t>MC DAIRA DIN PANAH</t>
  </si>
  <si>
    <t>GPS GUGRANA MDK</t>
  </si>
  <si>
    <t>Gugrana</t>
  </si>
  <si>
    <t>GPS Gugrana, Tehsil Muridke, District Sheikhupura</t>
  </si>
  <si>
    <t>Touqeer Hussain Shah</t>
  </si>
  <si>
    <t>GPS GUJAR KHAN NO. 2</t>
  </si>
  <si>
    <t>Government primary school gujar khan no 2</t>
  </si>
  <si>
    <t>GPS GUJAR KULAH</t>
  </si>
  <si>
    <t>Gujar Kulah</t>
  </si>
  <si>
    <t>p/o box adam daraz village gujjar kullah</t>
  </si>
  <si>
    <t>Gujjar Kulkah</t>
  </si>
  <si>
    <t>GPS GUJAR MAIRA</t>
  </si>
  <si>
    <t>Choi Gujjaran</t>
  </si>
  <si>
    <t>Village GUJJAR MAIRA post office pind swika Tehsil &amp; district jhelum</t>
  </si>
  <si>
    <t>GUJJAR MAIRA</t>
  </si>
  <si>
    <t>GPS GUJAR PUR</t>
  </si>
  <si>
    <t>village gujarpur  pobox kalagujran,  teh and district Jhelum</t>
  </si>
  <si>
    <t>Muhammad Usman Ali Dar</t>
  </si>
  <si>
    <t>GPS GUJAR TOWN MURALI WALA</t>
  </si>
  <si>
    <t>muraliwala</t>
  </si>
  <si>
    <t>Muhammad Afzal Sohail</t>
  </si>
  <si>
    <t>GPS GUJAYANI</t>
  </si>
  <si>
    <t>Basti Ramzan Moza Wadoor</t>
  </si>
  <si>
    <t>Wajiha Sana</t>
  </si>
  <si>
    <t>GPS GUJGRAN</t>
  </si>
  <si>
    <t>Village Gujgran post box Tanda Gujrat</t>
  </si>
  <si>
    <t>GPS GUJJAN DHUDY</t>
  </si>
  <si>
    <t>Gujjan Dhudi</t>
  </si>
  <si>
    <t>gujjan dhudi</t>
  </si>
  <si>
    <t>GPS GUJJAR</t>
  </si>
  <si>
    <t>Gujjar tehsil pind dadan khan distt.Jhelum</t>
  </si>
  <si>
    <t>GPS GUJJAR P/O MUHAMMAD SHAH</t>
  </si>
  <si>
    <t>Gojjer</t>
  </si>
  <si>
    <t>mouza gujjer p/o Muhammad shah</t>
  </si>
  <si>
    <t>Lubna Yasin</t>
  </si>
  <si>
    <t>GPS GUJJAR PURA</t>
  </si>
  <si>
    <t>gujjarpura</t>
  </si>
  <si>
    <t>GPS GUJJAR WALA</t>
  </si>
  <si>
    <t>Bsati Amin Sial, Mouza Sukhail, APE</t>
  </si>
  <si>
    <t>Basti Amin Sial</t>
  </si>
  <si>
    <t>GPS GUL BAIG WALA</t>
  </si>
  <si>
    <t>Golay Wali</t>
  </si>
  <si>
    <t>post office golewala tehsil quaidabad distric khushab</t>
  </si>
  <si>
    <t>Muhammad Sher Khan</t>
  </si>
  <si>
    <t>GPS GUL BHORE TANDLIANWALA</t>
  </si>
  <si>
    <t>ghrh fath i sha</t>
  </si>
  <si>
    <t>Thatha gulbhore ghrh fat i sha Tehsil Tandlianwala dist faisalabad</t>
  </si>
  <si>
    <t>gulbhore</t>
  </si>
  <si>
    <t>garh Fateh Shah</t>
  </si>
  <si>
    <t>GPS GUL GANHWAR</t>
  </si>
  <si>
    <t>basti saibaan khan</t>
  </si>
  <si>
    <t>WAZIR AHMED</t>
  </si>
  <si>
    <t>GPS GUL KHAN</t>
  </si>
  <si>
    <t>GPS GULL KHAN</t>
  </si>
  <si>
    <t>Basti Traicheri</t>
  </si>
  <si>
    <t>GPS GUL KHAN WALA</t>
  </si>
  <si>
    <t>wandha Gul Khan Wala p o kotki beruni</t>
  </si>
  <si>
    <t>Wandha Gul Khan Wala</t>
  </si>
  <si>
    <t>Sadiq Rasool</t>
  </si>
  <si>
    <t>GPS GUL MUHAMMAD KALOI</t>
  </si>
  <si>
    <t>Ghari pusht</t>
  </si>
  <si>
    <t>Mauza ghari pusht p/o sakhi sarwar rakhi muhn D g khan</t>
  </si>
  <si>
    <t>Tuman Leghari Zairien</t>
  </si>
  <si>
    <t>GPS GUL MUHAMMAD LAR</t>
  </si>
  <si>
    <t>Gul Muhammad Lar</t>
  </si>
  <si>
    <t>p/o pakka laran teh.Liaquat pur Distt. Rahim yar khan</t>
  </si>
  <si>
    <t>Jahanzaib Sohail</t>
  </si>
  <si>
    <t>GPS GUL MUHAMMAD MOHANA</t>
  </si>
  <si>
    <t>Chak 45np</t>
  </si>
  <si>
    <t>p/o Goth Aaloo Tehsil sadiq abad distt Rahim yar Khan.</t>
  </si>
  <si>
    <t>Gul M Mohana</t>
  </si>
  <si>
    <t>GPS GUL MUHAMMAD WALA MULTAN</t>
  </si>
  <si>
    <t>gull muhammad</t>
  </si>
  <si>
    <t>kohati wala mouza gull muhammad wala tehsil saddar multan</t>
  </si>
  <si>
    <t>kohati wala</t>
  </si>
  <si>
    <t>sher singh</t>
  </si>
  <si>
    <t>GPS GUL MUHAMMAD WALA, SARAI SIDHU</t>
  </si>
  <si>
    <t>Shakroo Wala</t>
  </si>
  <si>
    <t>moza shakroo wala p/o sarai sidhu kabirwala district khanewal</t>
  </si>
  <si>
    <t>Bharaj Sargana</t>
  </si>
  <si>
    <t>Raza Muhammad</t>
  </si>
  <si>
    <t>GPS GUL PUR ICHRANI</t>
  </si>
  <si>
    <t>adda mochi wala</t>
  </si>
  <si>
    <t>Adda Mochi Wala</t>
  </si>
  <si>
    <t>GPS GULAANI</t>
  </si>
  <si>
    <t>Basti Shareef Shah Tehsil Liaquat Pur District Rahim Yar khan</t>
  </si>
  <si>
    <t>Basti Shareef Shah</t>
  </si>
  <si>
    <t>GPS GULAB DEVI HOSPITAL</t>
  </si>
  <si>
    <t>Gulab Devi Hospital</t>
  </si>
  <si>
    <t>GPS Gulab Devi Hospital Lahore</t>
  </si>
  <si>
    <t>Gulab Devi</t>
  </si>
  <si>
    <t>GPS GULAB GURMANI</t>
  </si>
  <si>
    <t>Gulabgurmani</t>
  </si>
  <si>
    <t>basti nawa mouza gulab gurmani p/o karam dad qureshi</t>
  </si>
  <si>
    <t>Muhammad Sohail Asghar</t>
  </si>
  <si>
    <t>GPS GULAN LAR</t>
  </si>
  <si>
    <t>Basti Lar, Moza Gulan Lar, Tehsil Ahmed Pur East.</t>
  </si>
  <si>
    <t>BASHEER AHMED</t>
  </si>
  <si>
    <t>GPS GULAN LAR LIAQAT PUR</t>
  </si>
  <si>
    <t>Mir Muhammad Lar</t>
  </si>
  <si>
    <t>village Gulan Lar</t>
  </si>
  <si>
    <t>Muhammad Zahid Jamaaa</t>
  </si>
  <si>
    <t>GPS GULAY WALI</t>
  </si>
  <si>
    <t>Gullaywali</t>
  </si>
  <si>
    <t>gullaywali,p.o.wadianawala. pasrur.sialkot</t>
  </si>
  <si>
    <t>Muhammad Asif Butt</t>
  </si>
  <si>
    <t>GPS GULBAZI WALA</t>
  </si>
  <si>
    <t>Gulbaziwala</t>
  </si>
  <si>
    <t>Malik Muhammad Hanif</t>
  </si>
  <si>
    <t>GPS GULBERG ALLAH YAR JUTA</t>
  </si>
  <si>
    <t>allah yar jutta</t>
  </si>
  <si>
    <t>2.5 km west kot Muhammad yar, Basti bahadar khan jutta</t>
  </si>
  <si>
    <t>Basti Bahadar khan jutta</t>
  </si>
  <si>
    <t>Muhammad usman tuayyab</t>
  </si>
  <si>
    <t>GPS GULERAH</t>
  </si>
  <si>
    <t>vill and po gulera gali</t>
  </si>
  <si>
    <t>gulera gali</t>
  </si>
  <si>
    <t>Muhammad Gayyas</t>
  </si>
  <si>
    <t>pipe</t>
  </si>
  <si>
    <t>GPS GULGALLA</t>
  </si>
  <si>
    <t>Basti gulgla mouza nari shumali tehsil taunsa district dgkhan</t>
  </si>
  <si>
    <t>Basti Gulgla</t>
  </si>
  <si>
    <t>Nari Janobi</t>
  </si>
  <si>
    <t>GPS GULHARI MAILSI</t>
  </si>
  <si>
    <t>GULHARI</t>
  </si>
  <si>
    <t>Mouza GULHARI</t>
  </si>
  <si>
    <t>Wazir Ahmad</t>
  </si>
  <si>
    <t>GPS GULISTAN COLONY</t>
  </si>
  <si>
    <t>gulistan colony</t>
  </si>
  <si>
    <t>Gulistan Colony shahkot</t>
  </si>
  <si>
    <t>GPS GULISTAN COLONY  FSD</t>
  </si>
  <si>
    <t>gulistan colony tahir road</t>
  </si>
  <si>
    <t>GPS GULISTAN JUNIOR MODEL MUGHALPURA (JAMIL ABAD)</t>
  </si>
  <si>
    <t>Jamil Abad</t>
  </si>
  <si>
    <t>Jamil Abad mughalpura lahore</t>
  </si>
  <si>
    <t>GPS GULL HASSAN</t>
  </si>
  <si>
    <t>Mud Ilyaz</t>
  </si>
  <si>
    <t>Gps gull hassan muza mud ilyas</t>
  </si>
  <si>
    <t>Basti Gull Hassan</t>
  </si>
  <si>
    <t>Akhter Ali</t>
  </si>
  <si>
    <t>GPS GULLA KHEL</t>
  </si>
  <si>
    <t>Malakhel</t>
  </si>
  <si>
    <t>Gulla Khel Moza Malla Khel Uc Vanjari Tehsil isakhel District Mianwali,Punjab Pakistan</t>
  </si>
  <si>
    <t>Gulla Khel</t>
  </si>
  <si>
    <t>GPS GULLAM MUHAMMAD ABAD</t>
  </si>
  <si>
    <t>Chak Naseer abad</t>
  </si>
  <si>
    <t>Chak Naseer union council kot Sankar Khan tensile Sadiq Abad</t>
  </si>
  <si>
    <t>Ghulam Muhammad Abad</t>
  </si>
  <si>
    <t>GPS GULLAN DAD PUTRA</t>
  </si>
  <si>
    <t>DARI AZEEM KHAN</t>
  </si>
  <si>
    <t>BASTI RUSTUM KI HAWELI</t>
  </si>
  <si>
    <t>Sulatana Shahabaz</t>
  </si>
  <si>
    <t>GPS GULLEY WALA</t>
  </si>
  <si>
    <t>Gulley Wala Jhawarian</t>
  </si>
  <si>
    <t>Tehsil Shah pur District Sargodha</t>
  </si>
  <si>
    <t>Muhammad Umar Draz</t>
  </si>
  <si>
    <t>GPS GULOOWALI</t>
  </si>
  <si>
    <t>moza gullu wali tehsil Khanpur</t>
  </si>
  <si>
    <t>Gullu wali</t>
  </si>
  <si>
    <t>GPS GULPUR HITHAR</t>
  </si>
  <si>
    <t>Gulpur Hithar</t>
  </si>
  <si>
    <t>mauza gulpur hithar tehsil khairpur tamewali district bahawalpur</t>
  </si>
  <si>
    <t>Enaam Ul Haq</t>
  </si>
  <si>
    <t>GPS GULSHAN ABAD PO KAMAR MUSHANI</t>
  </si>
  <si>
    <t>PAKA KAMAR MUSHANI</t>
  </si>
  <si>
    <t>Gulshan Caloni</t>
  </si>
  <si>
    <t>GPS GULSHAN PURA</t>
  </si>
  <si>
    <t>Gulshn pura</t>
  </si>
  <si>
    <t>Chak19 SB</t>
  </si>
  <si>
    <t>Naeem Ullah</t>
  </si>
  <si>
    <t>GPS GULSHANDARA</t>
  </si>
  <si>
    <t>Qubba lal pir</t>
  </si>
  <si>
    <t>Gulshan Dara mauza qubba lal pir Teh.&amp; Distt.R.Y.Khan</t>
  </si>
  <si>
    <t>Gulshan Dara</t>
  </si>
  <si>
    <t>Mohammad Idrees</t>
  </si>
  <si>
    <t>GPS GULSHER WALA</t>
  </si>
  <si>
    <t>Vaince</t>
  </si>
  <si>
    <t>basti hajan Shah Moza vaince tehsil jatoi district muzaffargarh</t>
  </si>
  <si>
    <t>Hajan Shah</t>
  </si>
  <si>
    <t>GPS GULWAL</t>
  </si>
  <si>
    <t>Dhoke Gulwal, Village Rehmanabad, Teh Talagang, Distt Chakwal</t>
  </si>
  <si>
    <t>GPS GULWEHRA</t>
  </si>
  <si>
    <t>Gulwahra</t>
  </si>
  <si>
    <t>gulwahra</t>
  </si>
  <si>
    <t>AAS MUHAMMAD</t>
  </si>
  <si>
    <t>GPS GULZAR PUR</t>
  </si>
  <si>
    <t>Gulzar pur</t>
  </si>
  <si>
    <t>Mouza Gulzar pur p.o adda zakhera dunya pur</t>
  </si>
  <si>
    <t>Chak no237/wb no237no237wno237wb</t>
  </si>
  <si>
    <t>GPS GULZAR PUR NO.1 P/O GULZAR PUR</t>
  </si>
  <si>
    <t>GPS Gulzarpur no.1 P/O Gulzarpur</t>
  </si>
  <si>
    <t>Basti Ameer Pur</t>
  </si>
  <si>
    <t>Muhammad Ghulam Ijaz</t>
  </si>
  <si>
    <t>GPS GUMTI</t>
  </si>
  <si>
    <t>Gumti</t>
  </si>
  <si>
    <t>V.p.o Gumti Teh:Kharian Disst Gujrat</t>
  </si>
  <si>
    <t>sikeryali</t>
  </si>
  <si>
    <t>Afzaal Shah</t>
  </si>
  <si>
    <t>GPS GUNA KHURD NO.1</t>
  </si>
  <si>
    <t>village Gunna khurd post office sahowali chamrangan tehsil and distt sialkot</t>
  </si>
  <si>
    <t>Aqeel Ashraf</t>
  </si>
  <si>
    <t>GPS GUNDAY WALA</t>
  </si>
  <si>
    <t>Daggar Kotli Darmiyani</t>
  </si>
  <si>
    <t>GPS Gunday Wala</t>
  </si>
  <si>
    <t>Gunday Wala</t>
  </si>
  <si>
    <t>GPS GUNGOO WAL</t>
  </si>
  <si>
    <t>Gangoowal</t>
  </si>
  <si>
    <t>moza gangoowal p/o hujra shah muqeem tehsil depalpur</t>
  </si>
  <si>
    <t>GPS GUNJA TALA</t>
  </si>
  <si>
    <t>Ganja Tala</t>
  </si>
  <si>
    <t>ganja gala</t>
  </si>
  <si>
    <t>Saleem  Iqbal</t>
  </si>
  <si>
    <t>GPS GUNPAL WALA, MOUZA HAVELI MUBARAK SHAH, SARAI SIDHU</t>
  </si>
  <si>
    <t>Havaili Mubark Shah</t>
  </si>
  <si>
    <t>gunpal wala markaz sarai sidhu kabirwala khanewal</t>
  </si>
  <si>
    <t>Gunpal Wala</t>
  </si>
  <si>
    <t>Hafiz Khalid Iqbal</t>
  </si>
  <si>
    <t>GPS GURAM BAGRAON</t>
  </si>
  <si>
    <t>Goram Baghraon</t>
  </si>
  <si>
    <t>moza goram baghrown teh&amp;distt muzaffargarh</t>
  </si>
  <si>
    <t>Goram Shreef</t>
  </si>
  <si>
    <t>GPS GURAY WALA 496-A/TDA</t>
  </si>
  <si>
    <t>chak no. 496/TDA Tehsil choubara layyah</t>
  </si>
  <si>
    <t>496/TDA</t>
  </si>
  <si>
    <t>GPS GURJAKH NO.2</t>
  </si>
  <si>
    <t>Garhakh</t>
  </si>
  <si>
    <t>street No.10 Hassanpura Garjakh Gujranwala</t>
  </si>
  <si>
    <t>GPS GURMAKH SINGH WALA</t>
  </si>
  <si>
    <t>Gurmukh Singh Wala</t>
  </si>
  <si>
    <t>Gurmukh singh wala Teh. Chunian Distt. Kasur</t>
  </si>
  <si>
    <t>Rana Muhammad Sarwar Shakir</t>
  </si>
  <si>
    <t>GPS GURMANI</t>
  </si>
  <si>
    <t>Basti gurmani sumra nashaib layyah</t>
  </si>
  <si>
    <t>Basti Gurmani</t>
  </si>
  <si>
    <t>GPS GURNA</t>
  </si>
  <si>
    <t>Gurna Tehsil kot momin district Sargodha</t>
  </si>
  <si>
    <t>GPS GURRA</t>
  </si>
  <si>
    <t>Villege Gurrah</t>
  </si>
  <si>
    <t>GPS GURRAH</t>
  </si>
  <si>
    <t>gurrah jattan</t>
  </si>
  <si>
    <t>vill gurrah jattan p/o nathwala teh. dina distt jhelum</t>
  </si>
  <si>
    <t>janjeel</t>
  </si>
  <si>
    <t>Aqsa Naheed</t>
  </si>
  <si>
    <t>well and hand pump</t>
  </si>
  <si>
    <t>GPS GURRAH JATTAN</t>
  </si>
  <si>
    <t>vpo gurrah jattan teh.sara i alamgir disstt.gujrat</t>
  </si>
  <si>
    <t>GPS GURU NANAK PURA</t>
  </si>
  <si>
    <t>Mohallah Gurunanakpura Farooqabad</t>
  </si>
  <si>
    <t>GPS GURU WALA</t>
  </si>
  <si>
    <t>Guruwala</t>
  </si>
  <si>
    <t>Chak Guruwala p/o Kalyana teh.&amp; Distt. Pakpattan</t>
  </si>
  <si>
    <t>Arshid Mehmood</t>
  </si>
  <si>
    <t>GPS GURUMANGAT NAU ABAD</t>
  </si>
  <si>
    <t>Gurumangat Nau Abad</t>
  </si>
  <si>
    <t>Gurumangat Nau Abad, PO Khana Nau, Tehsil Cantt Lahore</t>
  </si>
  <si>
    <t>GPS GURUMANGET</t>
  </si>
  <si>
    <t>Ghous-e-azam Colony</t>
  </si>
  <si>
    <t>462 A1 gulburg 3 lahore</t>
  </si>
  <si>
    <t>Ghous-e-azam</t>
  </si>
  <si>
    <t>Mehwish jubeen</t>
  </si>
  <si>
    <t>GPS GURWAN WALI</t>
  </si>
  <si>
    <t>Gurwanwali post office Manawala District Skp</t>
  </si>
  <si>
    <t>Muhammad Hussain Naz</t>
  </si>
  <si>
    <t>GPS GURZ BARDAR</t>
  </si>
  <si>
    <t>GPS gurzbardar</t>
  </si>
  <si>
    <t>GPS HAANCE THAL</t>
  </si>
  <si>
    <t>Hance thal</t>
  </si>
  <si>
    <t>Hance Thal</t>
  </si>
  <si>
    <t>bashir ahmed</t>
  </si>
  <si>
    <t>GPS HABBIBA SIAL BASTI KOT RAB NAWAZ</t>
  </si>
  <si>
    <t>Habiba Sial</t>
  </si>
  <si>
    <t>Kot Rabnwaz vehari road Multan</t>
  </si>
  <si>
    <t>MUHAMMAD ASIF MUSHTAQ</t>
  </si>
  <si>
    <t>GPS HABIB KA</t>
  </si>
  <si>
    <t>moza habib ka thes ,minchinabad dist,bahawalnager</t>
  </si>
  <si>
    <t>GPS HABIB KHERA</t>
  </si>
  <si>
    <t>kandewali</t>
  </si>
  <si>
    <t>GPS HABIB KHERA,BASTI HAJI PATHAN SIAL,MOUZA KANDE WALI,TEHSIL AND DISTRICT RAHIM YAR KHAN</t>
  </si>
  <si>
    <t>basti haji pathan sial</t>
  </si>
  <si>
    <t>Dari Azeem</t>
  </si>
  <si>
    <t>Hafiz M Faisal Asghar</t>
  </si>
  <si>
    <t>GPS HABIB NAGAR</t>
  </si>
  <si>
    <t>Kanwanwala</t>
  </si>
  <si>
    <t>Habib Nagar Tehsil Lalian District Chiniot</t>
  </si>
  <si>
    <t>Habib Nagar</t>
  </si>
  <si>
    <t>GPS HABIB PURA</t>
  </si>
  <si>
    <t>Muhalla Habib Pura Tehsil kamoke, Gujranwala</t>
  </si>
  <si>
    <t>Habib pura</t>
  </si>
  <si>
    <t>GPS HABIB PURA DASKA</t>
  </si>
  <si>
    <t>Muhalla Habib pura Daska</t>
  </si>
  <si>
    <t>Zaheer-ud-din</t>
  </si>
  <si>
    <t>GPS HABIB SHAH WALA, KABIRWALA</t>
  </si>
  <si>
    <t>Qitta habib shah near jhang road kabirwala</t>
  </si>
  <si>
    <t>Habib Shah Wala</t>
  </si>
  <si>
    <t>GPS HABIB ULLAH JHULLAN</t>
  </si>
  <si>
    <t>KACHA MIANWALI NO2</t>
  </si>
  <si>
    <t>BASTI HABIB ULLAH JHULLAN ROJHAN</t>
  </si>
  <si>
    <t>HABIB ULLAH JHULLAN</t>
  </si>
  <si>
    <t>KACHA MIANWALI</t>
  </si>
  <si>
    <t>GPS HABIB ULLAH NO. 1</t>
  </si>
  <si>
    <t>Mouza Wah Machka Basti Jam Ameer Bakhsh Chack Mut  (60) P/O Rojhan Tehsil Rojhan District Rajanpur</t>
  </si>
  <si>
    <t>Jam Ameer Bakhsh</t>
  </si>
  <si>
    <t>GPS HABIB ULLAH NO. 2</t>
  </si>
  <si>
    <t>chuk Matt no 2</t>
  </si>
  <si>
    <t>Chuk Matt No 2</t>
  </si>
  <si>
    <t>GPS HABIB WALA</t>
  </si>
  <si>
    <t>basti rind pul maggsan</t>
  </si>
  <si>
    <t>Habib Wala</t>
  </si>
  <si>
    <t>Muhammad Toheed</t>
  </si>
  <si>
    <t>GPS HABIB ZOUR WALA</t>
  </si>
  <si>
    <t>Bait Zour</t>
  </si>
  <si>
    <t>Moza bait zour p/o bakhri ahmed khan</t>
  </si>
  <si>
    <t>GPS HABOKE BALA</t>
  </si>
  <si>
    <t>Habokey Bsla</t>
  </si>
  <si>
    <t>Village Habokey Bala Tehsil and District Nankana Sahib.</t>
  </si>
  <si>
    <t>Habokey Bala</t>
  </si>
  <si>
    <t>GPS HABOKE ZAREEN</t>
  </si>
  <si>
    <t>Haiboke Zareen</t>
  </si>
  <si>
    <t>Haboke zareen tehsil&amp;district nankana sahib.</t>
  </si>
  <si>
    <t>GPS HACHER</t>
  </si>
  <si>
    <t>G ps hacher</t>
  </si>
  <si>
    <t>Amar Sohail</t>
  </si>
  <si>
    <t>GPS HADALI</t>
  </si>
  <si>
    <t>HADALI</t>
  </si>
  <si>
    <t>VILLAGE HADALI P/O CHAPRAR</t>
  </si>
  <si>
    <t>CHAK JOGO</t>
  </si>
  <si>
    <t>GPS HADER MALANA</t>
  </si>
  <si>
    <t>Shah Wala Mouza Haji Kamand Tehsil Kot Chutta District D G Khan</t>
  </si>
  <si>
    <t>Rashid Majeed</t>
  </si>
  <si>
    <t>GPS HADI HASSAN</t>
  </si>
  <si>
    <t>Chak No 253 J B Basti Had I Hussain Tehdil &amp; District Jhng</t>
  </si>
  <si>
    <t>Chak No 253 J B</t>
  </si>
  <si>
    <t>Chak No 250 J B</t>
  </si>
  <si>
    <t>GPS HADI PURA</t>
  </si>
  <si>
    <t>Hadi Pura</t>
  </si>
  <si>
    <t>Street no 3 hadi pura bhalwal</t>
  </si>
  <si>
    <t>riksha</t>
  </si>
  <si>
    <t>GPS HADOKAY</t>
  </si>
  <si>
    <t>Hoddokey</t>
  </si>
  <si>
    <t>Jathekey</t>
  </si>
  <si>
    <t>Ansar Mahmood</t>
  </si>
  <si>
    <t>GPS HADSANI</t>
  </si>
  <si>
    <t>Bait Mir Ahmad</t>
  </si>
  <si>
    <t>Basti hadsani</t>
  </si>
  <si>
    <t>Hadsani</t>
  </si>
  <si>
    <t>GPS HADWAR</t>
  </si>
  <si>
    <t>HADWAR</t>
  </si>
  <si>
    <t>GPS HADWAR SHUMALI</t>
  </si>
  <si>
    <t>HADWAR SHUMAL</t>
  </si>
  <si>
    <t>Asif Nazir</t>
  </si>
  <si>
    <t>Drinking cooler</t>
  </si>
  <si>
    <t>GPS HAFAT GATH</t>
  </si>
  <si>
    <t>Hafat Gath</t>
  </si>
  <si>
    <t>Hafat Gath Tribal Area Dgk</t>
  </si>
  <si>
    <t>rahmatullah</t>
  </si>
  <si>
    <t>GPS HAFIZ ABAD KALOI WALA</t>
  </si>
  <si>
    <t>Kaloi Wala</t>
  </si>
  <si>
    <t>kaloi wala  P/o Dajal Teh.. Jampur..Dist..Rajanpur</t>
  </si>
  <si>
    <t>GPS HAFIZ ABAD NO.1</t>
  </si>
  <si>
    <t>Rakh Chabri Zareen</t>
  </si>
  <si>
    <t>Hafiz Abad Dist D.G.khan</t>
  </si>
  <si>
    <t>GPS HAFIZ ABAD NO.2</t>
  </si>
  <si>
    <t>Rakh Chabbry Zareen</t>
  </si>
  <si>
    <t>chah budhan Wala mouza Rakh Chabbry Zareen Dera Ghazi Khan</t>
  </si>
  <si>
    <t>Chah Budhan Wala</t>
  </si>
  <si>
    <t>Chabbry Zareen</t>
  </si>
  <si>
    <t>GPS HAFIZ GHULAM HUSSAIN SANDILA</t>
  </si>
  <si>
    <t>Pakka Sandila</t>
  </si>
  <si>
    <t>besti ghulam Hussain bait shori</t>
  </si>
  <si>
    <t>Besti Ghulam Hussain</t>
  </si>
  <si>
    <t>Abdul Sami</t>
  </si>
  <si>
    <t>GPS HAFIZ IBRAHIM</t>
  </si>
  <si>
    <t>Wah Bohar</t>
  </si>
  <si>
    <t>wah bohar dajal</t>
  </si>
  <si>
    <t>GPS HAFIZ MUSOO</t>
  </si>
  <si>
    <t>basti seerak khan mouza noor wah</t>
  </si>
  <si>
    <t>Basti Seerak Khan</t>
  </si>
  <si>
    <t>GPS HAFIZ SIDDIQUE</t>
  </si>
  <si>
    <t>Hafiz Siddique</t>
  </si>
  <si>
    <t>moza hafiz siddique</t>
  </si>
  <si>
    <t>M Faheem Yousaf</t>
  </si>
  <si>
    <t>GPS HAFIZ WALI</t>
  </si>
  <si>
    <t>125 Wb</t>
  </si>
  <si>
    <t>125 wb</t>
  </si>
  <si>
    <t>AbdulShakoor</t>
  </si>
  <si>
    <t>GPS HAIBAT MASTOI</t>
  </si>
  <si>
    <t>Haibat Mastoi</t>
  </si>
  <si>
    <t>Haibat mastoi</t>
  </si>
  <si>
    <t>Ghausabad</t>
  </si>
  <si>
    <t>AFAQ SALEEM</t>
  </si>
  <si>
    <t>GPS HAIBAT PUR</t>
  </si>
  <si>
    <t>Haibat Pur</t>
  </si>
  <si>
    <t>GPS HAIBAT WALA</t>
  </si>
  <si>
    <t>chakno160atda</t>
  </si>
  <si>
    <t>160Atda</t>
  </si>
  <si>
    <t>GPS HAIDER ABAD, TULAMBA</t>
  </si>
  <si>
    <t>govt primary school Haider Abad p/o 20/AR tehsil main channu district khanewal</t>
  </si>
  <si>
    <t>GPS HAIDER KARAR WALA</t>
  </si>
  <si>
    <t>Marhra Grbi</t>
  </si>
  <si>
    <t>post office mahra teh:&amp;dist m garh</t>
  </si>
  <si>
    <t>Mundhi Wala</t>
  </si>
  <si>
    <t>Jam Rustam Shahzad</t>
  </si>
  <si>
    <t>GPS HAIDER QURESHI</t>
  </si>
  <si>
    <t>basti bhanu wala</t>
  </si>
  <si>
    <t>Basti Bhanu Wala</t>
  </si>
  <si>
    <t>GPS HAIDER SHAH</t>
  </si>
  <si>
    <t>Basti Hayder Shah Mauza QasimKa p.o same Tehsil &amp; District Bahawalnagar</t>
  </si>
  <si>
    <t>Hayder Shah</t>
  </si>
  <si>
    <t>Qasim Ka</t>
  </si>
  <si>
    <t>GPS HAIDER SHAH WALA</t>
  </si>
  <si>
    <t>Shahpur Baron</t>
  </si>
  <si>
    <t>basti haider shah wala teh.karor dist.layyah</t>
  </si>
  <si>
    <t>Haider Shah Wala</t>
  </si>
  <si>
    <t>Syed Qamrain Haider Bukhari</t>
  </si>
  <si>
    <t>GPS HAIDER THAL</t>
  </si>
  <si>
    <t>Palia Thal</t>
  </si>
  <si>
    <t>Haider thal,Basti Allha Yar</t>
  </si>
  <si>
    <t>Haider Thal</t>
  </si>
  <si>
    <t>from community.</t>
  </si>
  <si>
    <t>GPS HAIDER WALA</t>
  </si>
  <si>
    <t>Basti halili mauza jangal jatoi dist m.garh</t>
  </si>
  <si>
    <t>Halili</t>
  </si>
  <si>
    <t>GPS HAIGAR WALA</t>
  </si>
  <si>
    <t>VPO Haigerwala Tehsil Phalia District M. B. Din</t>
  </si>
  <si>
    <t>GPS HAIRAN</t>
  </si>
  <si>
    <t>VILLAGE HAIRAN P/O MANAWALA TEHSIL &amp; DISTT SHEIKHUPURA</t>
  </si>
  <si>
    <t>GPS HAIRO GHARBI NO 1</t>
  </si>
  <si>
    <t>Hairo Gharbi teh taunsa District DG Khan</t>
  </si>
  <si>
    <t>Irshad Muhammad</t>
  </si>
  <si>
    <t>GPS HAIRO SHARQI</t>
  </si>
  <si>
    <t>Hairo sharqi Uc Bindi</t>
  </si>
  <si>
    <t>GPS HAJAN MURAD</t>
  </si>
  <si>
    <t>Nawan shumali</t>
  </si>
  <si>
    <t>basti hajan murad choti zareen kot chutta dera ghazi khan</t>
  </si>
  <si>
    <t>Basti hajan Murad</t>
  </si>
  <si>
    <t>GPS HAJI ABAD HAJI PUR</t>
  </si>
  <si>
    <t>GPS hajiabad markaz hajipur tehcile jampur disst rajanpur</t>
  </si>
  <si>
    <t>Siraj Ahmad</t>
  </si>
  <si>
    <t>GPS HAJI ABBAS HUSSAIN KHOSA</t>
  </si>
  <si>
    <t>THUL HAIRO</t>
  </si>
  <si>
    <t>MAUZA THUL HAIRO TEHSIL JAMPUR DISTT RAJANPUR</t>
  </si>
  <si>
    <t>HAJI ABBAS HUSSAIN KHOSA</t>
  </si>
  <si>
    <t>Muhammad Saleem Ullah</t>
  </si>
  <si>
    <t>GPS HAJI AHMAD</t>
  </si>
  <si>
    <t>basti Shah wali</t>
  </si>
  <si>
    <t>Shah wali</t>
  </si>
  <si>
    <t>GPS HAJI BANOON KHAN</t>
  </si>
  <si>
    <t>basti haji banoon khan p/o rukan pur tehsil and disttric rahim yar khan</t>
  </si>
  <si>
    <t>basti haji banoon khan</t>
  </si>
  <si>
    <t>Aqeel Raza</t>
  </si>
  <si>
    <t>GPS HAJI DEI KHOUI</t>
  </si>
  <si>
    <t>Haji Di Khoi</t>
  </si>
  <si>
    <t>haji Di Khoi Feroze pur road lahore</t>
  </si>
  <si>
    <t>Imran Talib</t>
  </si>
  <si>
    <t>GPS HAJI FAIZ ULLAH</t>
  </si>
  <si>
    <t>Rakh Dhaoo Shekhani</t>
  </si>
  <si>
    <t>chah daroghy wala u.c dhaoo no 38 d.g,khan</t>
  </si>
  <si>
    <t>Chah Daroghy Wala</t>
  </si>
  <si>
    <t>GPS HAJI FIDA HUSSAIN JUIYA</t>
  </si>
  <si>
    <t>Chak Nourange</t>
  </si>
  <si>
    <t>moza chak nourang uc noushera jadeed 39 Ahmad pur east</t>
  </si>
  <si>
    <t>Fida Hussain Joiya</t>
  </si>
  <si>
    <t>Syed Mohsin Abbas</t>
  </si>
  <si>
    <t>GPS HAJI GAGAN SHARIF</t>
  </si>
  <si>
    <t>Haji Gagan</t>
  </si>
  <si>
    <t>haji Gagan kasur</t>
  </si>
  <si>
    <t>MC kasur</t>
  </si>
  <si>
    <t>GPS HAJI GHALWAN</t>
  </si>
  <si>
    <t>Aliwahan</t>
  </si>
  <si>
    <t>Basti Dado waly Near pul Sadeeqa Abad</t>
  </si>
  <si>
    <t>DADO WALI</t>
  </si>
  <si>
    <t>Adeel Moavia</t>
  </si>
  <si>
    <t>GPS HAJI GHULAM HUSSAIN</t>
  </si>
  <si>
    <t>Basti Haji Ghulam Hussain shadan lund</t>
  </si>
  <si>
    <t>Basti Haji Ghulam Hussain</t>
  </si>
  <si>
    <t>Ahamdani</t>
  </si>
  <si>
    <t>GPS HAJI KHAMEESA</t>
  </si>
  <si>
    <t>GHULAM MUHAMMAD CHANNER</t>
  </si>
  <si>
    <t>Mouza Ghulam Muhammad Channer PO Noorpur Nouranga Tehsil &amp; District Bahawalpur</t>
  </si>
  <si>
    <t>BASTI HAJI KHAMEESA</t>
  </si>
  <si>
    <t>JAMAL CHANNER</t>
  </si>
  <si>
    <t>MUHAMMAD MUBEEN SHAKIR</t>
  </si>
  <si>
    <t>GPS HAJI KHAN QADEEM</t>
  </si>
  <si>
    <t>basti shaikhaan maoza zafar abad</t>
  </si>
  <si>
    <t>syed imdad hussain bukhari</t>
  </si>
  <si>
    <t>GPS HAJI LAL BUX</t>
  </si>
  <si>
    <t>Meral wasa</t>
  </si>
  <si>
    <t>Lal Bux</t>
  </si>
  <si>
    <t>GPS HAJI MEROO</t>
  </si>
  <si>
    <t>mouza fazilpur teh,liaqutpur</t>
  </si>
  <si>
    <t>GPS HAJI MIR HAZAR KALYA</t>
  </si>
  <si>
    <t>Muhammad Horra</t>
  </si>
  <si>
    <t>Mouza Muhammad Horra</t>
  </si>
  <si>
    <t>Meer Hazar Kalya</t>
  </si>
  <si>
    <t>Muhammad Amaan Ullah</t>
  </si>
  <si>
    <t>GPS HAJI MUHAMMAD DIN BUZDAR</t>
  </si>
  <si>
    <t>basti hadyani moza sir thokh</t>
  </si>
  <si>
    <t>Basti Muhammad Din</t>
  </si>
  <si>
    <t>GPS HAJI MUHAMMAD EASA BOSAN</t>
  </si>
  <si>
    <t>Rakh Bait Bagh Shah</t>
  </si>
  <si>
    <t>Basti Haji Muhammad Easa Bosan</t>
  </si>
  <si>
    <t>GPS HAJI MUHAMMAD ISMAEEL</t>
  </si>
  <si>
    <t>basti boson near 5 star filling station kandani road p.o firoza</t>
  </si>
  <si>
    <t>Basti Bosan</t>
  </si>
  <si>
    <t>GPS HAJI MUHAMMAD KAMAL BHAROKA</t>
  </si>
  <si>
    <t>GPS HAJI MUHAMMAD KAMAL BHAROKA, rang pur, tehsil noor pur, distt khushab</t>
  </si>
  <si>
    <t>Rang Pur Baghor</t>
  </si>
  <si>
    <t>Muhammad Umair Malik</t>
  </si>
  <si>
    <t>GPS HAJI NAWAB</t>
  </si>
  <si>
    <t>Muhammad Ali Magsi</t>
  </si>
  <si>
    <t>Basti Haji Nawab Mouza Muhammad Ali Magsi T/D Rahim Yar Khan</t>
  </si>
  <si>
    <t>Haji Nawab</t>
  </si>
  <si>
    <t>GPS HAJI NAZAR MUHAMMAD</t>
  </si>
  <si>
    <t>gps boys haji nazar mohammad katchi mandi liaquat pur</t>
  </si>
  <si>
    <t>Basti Haji Nazar Mohammad Waseer Lqp</t>
  </si>
  <si>
    <t>Seraj Ahmad Waseer</t>
  </si>
  <si>
    <t>GPS HAJI PERHAR</t>
  </si>
  <si>
    <t>Basti Haji perhar moza tibbi data khan Bahawalpur Saddar</t>
  </si>
  <si>
    <t>Haji Perhar</t>
  </si>
  <si>
    <t>GPS HAJI PHULLAY WALA</t>
  </si>
  <si>
    <t>gps haji phullay wala</t>
  </si>
  <si>
    <t>haji phullay wala</t>
  </si>
  <si>
    <t>RIAZ HUSSAIN SAJID</t>
  </si>
  <si>
    <t>GPS HAJI PUR MOZA DURANA LANGANA P/O RASHIDABAD</t>
  </si>
  <si>
    <t>Durana libgana</t>
  </si>
  <si>
    <t>GPS Haji pur Near Wapda Town Phase 1, Dirana lingana</t>
  </si>
  <si>
    <t>Durana Lingana</t>
  </si>
  <si>
    <t>GPS HAJI PURA DASKA</t>
  </si>
  <si>
    <t>Haji Pura Daska</t>
  </si>
  <si>
    <t>Mohallah Haji Pura Daska district Sialkot</t>
  </si>
  <si>
    <t>Imtyaz Ahmad Bajwa</t>
  </si>
  <si>
    <t>GPS HAJI PURA-WEST</t>
  </si>
  <si>
    <t>Cutta Bhuk Utar</t>
  </si>
  <si>
    <t>Govt.P.S.Haji Pura West  chak salamat mouza chutta bhok otar Tehsil and Distt.Bahawal nagar Markaz Bahawal Nagar iii</t>
  </si>
  <si>
    <t>Chak Salamat</t>
  </si>
  <si>
    <t>Noor us Samad</t>
  </si>
  <si>
    <t>GPS HAJI RAHIM BAKHASH AWAN</t>
  </si>
  <si>
    <t>GothHayat</t>
  </si>
  <si>
    <t>PoAminAbad.MouzaGothHayat.Teh.LQP</t>
  </si>
  <si>
    <t>HajiRahimBuxAwan</t>
  </si>
  <si>
    <t>Jam Muhamad Rafique</t>
  </si>
  <si>
    <t>GPS HAJI RAKH WALA</t>
  </si>
  <si>
    <t>Gps Haji Rakh wala</t>
  </si>
  <si>
    <t>Khoje wala</t>
  </si>
  <si>
    <t>GPS HAJI SARFARAZ</t>
  </si>
  <si>
    <t>GPS dera hajisarfraz</t>
  </si>
  <si>
    <t>Haji Sarfraz</t>
  </si>
  <si>
    <t>GPS HAJIAL</t>
  </si>
  <si>
    <t>hajial</t>
  </si>
  <si>
    <t>Shabana Akram</t>
  </si>
  <si>
    <t>GPS HAJIN SHER 126/10-R, JAHANIAN</t>
  </si>
  <si>
    <t>Hajan Sher</t>
  </si>
  <si>
    <t>Hajan sher chak no. 126/10r</t>
  </si>
  <si>
    <t>Chak 126/10-R</t>
  </si>
  <si>
    <t>Chak 127/10-R</t>
  </si>
  <si>
    <t>GPS HAJKA</t>
  </si>
  <si>
    <t>GPS hajka</t>
  </si>
  <si>
    <t>Jhmat Ranjha Wala</t>
  </si>
  <si>
    <t>Ghulam Raza Shah</t>
  </si>
  <si>
    <t>GPS HAJUN DARWASH</t>
  </si>
  <si>
    <t>Basti Bilani Mauza saidpur tehsil liaqut pur</t>
  </si>
  <si>
    <t>Basti Bilani</t>
  </si>
  <si>
    <t>GPS HAJWANI</t>
  </si>
  <si>
    <t>Basti Hajwani UC Kot Qaisrani</t>
  </si>
  <si>
    <t>Basti Hajwani</t>
  </si>
  <si>
    <t>GPS HAKAM SADHAR KEY</t>
  </si>
  <si>
    <t>Hakim Sadharkzy</t>
  </si>
  <si>
    <t>Hakim Sadharkay</t>
  </si>
  <si>
    <t>Hakim Sadharky</t>
  </si>
  <si>
    <t>Pandat Manfoolpur</t>
  </si>
  <si>
    <t>GPS HAKEEM ABAD</t>
  </si>
  <si>
    <t>Hakkeemabad liaquatpur</t>
  </si>
  <si>
    <t>City98</t>
  </si>
  <si>
    <t>GPS HAKEEM GHARY</t>
  </si>
  <si>
    <t>GPS HAKEEM GAHRRI SHARQPUR SHARIF</t>
  </si>
  <si>
    <t>GPS HAKEEM WALA CHAH KARMU WALA</t>
  </si>
  <si>
    <t>GPS Hakeem wala chah karmu wala markz lar multan</t>
  </si>
  <si>
    <t>Karmu Wala</t>
  </si>
  <si>
    <t>Bili Wala</t>
  </si>
  <si>
    <t>Rifaqat Masih</t>
  </si>
  <si>
    <t>GPS HAKEEMAN WALA</t>
  </si>
  <si>
    <t>P/O Chhidru Village Gole Khelanwala Teh &amp; Distt Mianwali</t>
  </si>
  <si>
    <t>Gole Khelanwala</t>
  </si>
  <si>
    <t>Kamran Khan</t>
  </si>
  <si>
    <t>GPS HAKIM ABAD</t>
  </si>
  <si>
    <t>GPS HAKIM FAIZ ULLAH</t>
  </si>
  <si>
    <t>Basti akbar gandi</t>
  </si>
  <si>
    <t>GPS HAKIM FATIANA I</t>
  </si>
  <si>
    <t>53/5 Tukra Darbar Hafiz Anayt Walayt, Tandlianwala. Distt: Faisalabad</t>
  </si>
  <si>
    <t>53/5 Tukra GB. Darbar Hafiz Anayt Walayt</t>
  </si>
  <si>
    <t>GPS HAKIM FATIANA II</t>
  </si>
  <si>
    <t>Jalli Fatiana</t>
  </si>
  <si>
    <t>GPS hakim Fatiana 2 moza Jalli Fatiana Tandlianwals</t>
  </si>
  <si>
    <t>Hakim Kot</t>
  </si>
  <si>
    <t>NISAR Ahmad Anjum</t>
  </si>
  <si>
    <t>GPS HAKIM WALA P/O MUKHDOOM RASHID</t>
  </si>
  <si>
    <t>GPS HAKIM WALA P/O MAKHDOOM RASHEED</t>
  </si>
  <si>
    <t>Dara Kallu</t>
  </si>
  <si>
    <t>GPS HAKIMAN WALA RAIWIND</t>
  </si>
  <si>
    <t>Burhanpura</t>
  </si>
  <si>
    <t>raiwind</t>
  </si>
  <si>
    <t>GPS HAKLA</t>
  </si>
  <si>
    <t>village hakla p o panjan kisana teh kharian distt gujrat</t>
  </si>
  <si>
    <t>Sitara Shabbir</t>
  </si>
  <si>
    <t>GPS HAKOOMAT GARH</t>
  </si>
  <si>
    <t>Hakoomat garh</t>
  </si>
  <si>
    <t>Muhammad Zareen</t>
  </si>
  <si>
    <t>GPS HAKRA</t>
  </si>
  <si>
    <t>basti hakra ryk road khanpur</t>
  </si>
  <si>
    <t>Mc Khan Pur</t>
  </si>
  <si>
    <t>syed muhammad saleem akhter</t>
  </si>
  <si>
    <t>GPS HAKU WARA P/O WARBURTON</t>
  </si>
  <si>
    <t>Haku Wara</t>
  </si>
  <si>
    <t>haku Wara</t>
  </si>
  <si>
    <t>TANVEER ILAHI</t>
  </si>
  <si>
    <t>GPS HALA</t>
  </si>
  <si>
    <t>Mauza hala</t>
  </si>
  <si>
    <t>Muhammad Tahir Qureshi</t>
  </si>
  <si>
    <t>GPS HALA GOTH CHAK HALA GOTH</t>
  </si>
  <si>
    <t>212p</t>
  </si>
  <si>
    <t>212p SDK</t>
  </si>
  <si>
    <t>Hala Goth</t>
  </si>
  <si>
    <t>GPS HALEEM KHICHI</t>
  </si>
  <si>
    <t>Mozambique haleem khichi</t>
  </si>
  <si>
    <t>GPS HALEEM PUR</t>
  </si>
  <si>
    <t>mauza haleem pur</t>
  </si>
  <si>
    <t>GPS HALLA SYEDAN</t>
  </si>
  <si>
    <t>hallah syedan</t>
  </si>
  <si>
    <t>GPS HALQA NO.6</t>
  </si>
  <si>
    <t>maqam e hayat Sargodha</t>
  </si>
  <si>
    <t>MC15</t>
  </si>
  <si>
    <t>Muhammad Zain Shehzad</t>
  </si>
  <si>
    <t>GPS HALQA NO.7</t>
  </si>
  <si>
    <t>Izzet Hayat Colony</t>
  </si>
  <si>
    <t>halqa#7 izzet hayat colony sargodha</t>
  </si>
  <si>
    <t>MC 16</t>
  </si>
  <si>
    <t>GPS HAMALARHI SHARQI</t>
  </si>
  <si>
    <t>chak Hamalari choti bala</t>
  </si>
  <si>
    <t>Basti Gull Khan</t>
  </si>
  <si>
    <t>Nabi Bux</t>
  </si>
  <si>
    <t>GPS HAMALRI GHARBI</t>
  </si>
  <si>
    <t>Chak hamalari choti bala</t>
  </si>
  <si>
    <t>Basti Lalani</t>
  </si>
  <si>
    <t>Faiz Kareem</t>
  </si>
  <si>
    <t>GPS HAMBO TARRAN</t>
  </si>
  <si>
    <t>thatha tarran</t>
  </si>
  <si>
    <t>thatha tarran p.o. tibbi hambo chak no. 578 tehsil &amp; district sheikhupura</t>
  </si>
  <si>
    <t>mohsan latif butt</t>
  </si>
  <si>
    <t>GPS HAMBOKAY</t>
  </si>
  <si>
    <t>Hamboke</t>
  </si>
  <si>
    <t>GPS HAMEED</t>
  </si>
  <si>
    <t>VILLAGE HAMEED  TEHSIL HAZRO DISTICT ATTOCK</t>
  </si>
  <si>
    <t>MUHAMMAD LIAQAT</t>
  </si>
  <si>
    <t>GPS HAMEED ABAD</t>
  </si>
  <si>
    <t>Gowans</t>
  </si>
  <si>
    <t>basti gulam qadir veins mouza gowans p/o anaiti tehsil khair pur tamewali district bahawalpur.</t>
  </si>
  <si>
    <t>Basti Gulam Qadir Veins</t>
  </si>
  <si>
    <t>GPS HAMEED KOT (MEHMOOD KOT)</t>
  </si>
  <si>
    <t>govt primary school Hameed kot (mehmood Kot)</t>
  </si>
  <si>
    <t>Tariq Saeed  Tahir</t>
  </si>
  <si>
    <t>GPS HAMEED PUR</t>
  </si>
  <si>
    <t>p/o Chawinda village Hameedpur</t>
  </si>
  <si>
    <t>Hameedpur</t>
  </si>
  <si>
    <t>Madssar Hayat Junjua</t>
  </si>
  <si>
    <t>GPS HAMEED PURA</t>
  </si>
  <si>
    <t>Hameedpura</t>
  </si>
  <si>
    <t>village hameedpura p/o vinni</t>
  </si>
  <si>
    <t>GPS HAMEED WALA</t>
  </si>
  <si>
    <t>Punnar</t>
  </si>
  <si>
    <t>basti hameed wala jhoke uttra kot chutta d g khan</t>
  </si>
  <si>
    <t>GPS HAMID ILYANI MOUZA GHAL EGA</t>
  </si>
  <si>
    <t>Ghleja</t>
  </si>
  <si>
    <t>basti alyani</t>
  </si>
  <si>
    <t>GPS HAMID NOON WALA</t>
  </si>
  <si>
    <t>basti noon mouza bait sohni thesil Kot addu district Muzaffar garh (Punjab)</t>
  </si>
  <si>
    <t>Muhammad Muzaffar Abbas</t>
  </si>
  <si>
    <t>GPS HAMID PUR KALAN</t>
  </si>
  <si>
    <t>Hamid pur kalan p/o Kotla musa khan Ahmad pur east bahawal pur</t>
  </si>
  <si>
    <t>Wahi Bahawal Shah</t>
  </si>
  <si>
    <t>GPS HAMID PUR KHURD</t>
  </si>
  <si>
    <t>Hamid Pur Khurd</t>
  </si>
  <si>
    <t>Basti Jhulan</t>
  </si>
  <si>
    <t>kot Khalifa</t>
  </si>
  <si>
    <t>GPS HAMID PUR MURAKHA</t>
  </si>
  <si>
    <t>Hamid Pur Murakha</t>
  </si>
  <si>
    <t>Moza Hamid pur Murakha</t>
  </si>
  <si>
    <t>GPS HAMID SULTAN</t>
  </si>
  <si>
    <t>basti Hamid sultan u.c danreen</t>
  </si>
  <si>
    <t>Hamid Sultan</t>
  </si>
  <si>
    <t>Syed Farhan Aleem Shah</t>
  </si>
  <si>
    <t>GPS HAMID WAH</t>
  </si>
  <si>
    <t>basti Hamid Wah p/o ratta tiba t/d vehari</t>
  </si>
  <si>
    <t>Hamid Wah</t>
  </si>
  <si>
    <t>GPS HAMID WALA</t>
  </si>
  <si>
    <t>Chakramin</t>
  </si>
  <si>
    <t>Chah said Khan Wala mouza chakramin  p/o Kala teh&amp;distt dgkhan</t>
  </si>
  <si>
    <t>Said Khan Wala</t>
  </si>
  <si>
    <t>Hafiz Ghulam Sarwar</t>
  </si>
  <si>
    <t>GPS HAMIDIA KHAYABAN-E-SIR SYED</t>
  </si>
  <si>
    <t>Khayaban-e-Sirsyed Sector#2 Rawalpindi</t>
  </si>
  <si>
    <t>Khayaban-e-Sirsyed</t>
  </si>
  <si>
    <t>Nasira Tabassum</t>
  </si>
  <si>
    <t>GPS HAMIDPUR KHASS</t>
  </si>
  <si>
    <t>Hamid Pur Knora</t>
  </si>
  <si>
    <t>Basti hamid put khas</t>
  </si>
  <si>
    <t>M Iqbal Arshid</t>
  </si>
  <si>
    <t>GPS HAMMAD PUR</t>
  </si>
  <si>
    <t>Moza Hammad Pur P/O Muradabad Multan</t>
  </si>
  <si>
    <t>Fakhur-ul-Zaman</t>
  </si>
  <si>
    <t>GPS HAMMAL WALI SHUMALI</t>
  </si>
  <si>
    <t>chatha Gata</t>
  </si>
  <si>
    <t>Gps hamal wali shumali basti thori</t>
  </si>
  <si>
    <t>Thori</t>
  </si>
  <si>
    <t>GPS HAMMER</t>
  </si>
  <si>
    <t>basti hammar p/o miran pur muzaffar garh</t>
  </si>
  <si>
    <t>Hammar</t>
  </si>
  <si>
    <t>Muhammad Essa</t>
  </si>
  <si>
    <t>GPS HAMOON KARLOO</t>
  </si>
  <si>
    <t>Basti jatto mauza hamon kalru</t>
  </si>
  <si>
    <t>GPS HAMOON MEERO KA</t>
  </si>
  <si>
    <t>Kot  Langah</t>
  </si>
  <si>
    <t>basti  hamoon Meeroka mouza kot Langah  tehsil and distric bahawal Nagar</t>
  </si>
  <si>
    <t>Hamoon Meeroka</t>
  </si>
  <si>
    <t>mohsan Ali</t>
  </si>
  <si>
    <t>GPS HAMROOT MULTAN</t>
  </si>
  <si>
    <t>Hamrot</t>
  </si>
  <si>
    <t>Govt. primary school ,basti siyalan wali mouza hamrot, Multan</t>
  </si>
  <si>
    <t>Mouza Hamrot</t>
  </si>
  <si>
    <t>GPS HAMZA GHOUS</t>
  </si>
  <si>
    <t>new Hamza Ghous Sialkot</t>
  </si>
  <si>
    <t>Hamza GHous</t>
  </si>
  <si>
    <t>Hamza ghous</t>
  </si>
  <si>
    <t>GPS HAMZAY WALI</t>
  </si>
  <si>
    <t>HAMZAYWALI</t>
  </si>
  <si>
    <t>GPS HANDAY SANTAL</t>
  </si>
  <si>
    <t>Handay</t>
  </si>
  <si>
    <t>village Handay post office Hajiwala</t>
  </si>
  <si>
    <t>Adnan ul haq</t>
  </si>
  <si>
    <t>GPS HANDOKE</t>
  </si>
  <si>
    <t>Handoki</t>
  </si>
  <si>
    <t>village handoki, post office bara ghar, teh and distt nankana sahib</t>
  </si>
  <si>
    <t>GPS HANJRA</t>
  </si>
  <si>
    <t>village hunjra tehsil and district gujrat</t>
  </si>
  <si>
    <t>Muneer akhtar</t>
  </si>
  <si>
    <t>GPS HANJRAN WALA</t>
  </si>
  <si>
    <t>Kot Hunjran Wala</t>
  </si>
  <si>
    <t>hanjran wala</t>
  </si>
  <si>
    <t>Hanjran Wala</t>
  </si>
  <si>
    <t>GPS HANSNANI</t>
  </si>
  <si>
    <t>Chack Hasnani</t>
  </si>
  <si>
    <t>basti hasnani</t>
  </si>
  <si>
    <t>Basti hasnani</t>
  </si>
  <si>
    <t>Choti bala</t>
  </si>
  <si>
    <t>GPS HANSOWALA</t>
  </si>
  <si>
    <t>GPS HAPHI</t>
  </si>
  <si>
    <t>village haphi p/o chakora tehsil&amp;district chakwal</t>
  </si>
  <si>
    <t>Mushtaq Ur Rehman</t>
  </si>
  <si>
    <t>GPS HAQ BAHU COLONY</t>
  </si>
  <si>
    <t>Kot Nolan</t>
  </si>
  <si>
    <t>haq bahoo colony</t>
  </si>
  <si>
    <t>Haq Bahoo</t>
  </si>
  <si>
    <t>GPS HAQ NAWAZ KHAN WALA</t>
  </si>
  <si>
    <t>Village Ghoranian wala p/o Musa khel district Mianwali</t>
  </si>
  <si>
    <t>Ghoranian Wala</t>
  </si>
  <si>
    <t>Umar Hayat Khan</t>
  </si>
  <si>
    <t>GPS HAQ NAWAZ WALA</t>
  </si>
  <si>
    <t>Haq nawaz wala post office rodi tehsil kaloor kot district bhakkar</t>
  </si>
  <si>
    <t>GPS HAQANIA</t>
  </si>
  <si>
    <t>Gharib Abad (Pir Kot), Yaroo Khosa, DGKhan</t>
  </si>
  <si>
    <t>ABDUL MAJID</t>
  </si>
  <si>
    <t>GPS HAQQANIA</t>
  </si>
  <si>
    <t>Basti tibi haqqania mouza Gul dera,tehsil and district bahawalpur</t>
  </si>
  <si>
    <t>Tibi Haqqania</t>
  </si>
  <si>
    <t>GPS HAR DOSABA</t>
  </si>
  <si>
    <t>Saba Rajgan</t>
  </si>
  <si>
    <t>vpo saba rajgan tehsil and District chakwal</t>
  </si>
  <si>
    <t>Muhammad Tahir Naheed</t>
  </si>
  <si>
    <t>GPS HARAJ</t>
  </si>
  <si>
    <t>post office narang village haraj</t>
  </si>
  <si>
    <t>Thanil Kaml</t>
  </si>
  <si>
    <t>GPS HARAM WALI</t>
  </si>
  <si>
    <t>vpo Kani teh jand distt attock</t>
  </si>
  <si>
    <t>GPS HARAPPA NO.2</t>
  </si>
  <si>
    <t>Lakanwala</t>
  </si>
  <si>
    <t>GPS HARAPPA STATION</t>
  </si>
  <si>
    <t>Janah Town</t>
  </si>
  <si>
    <t>Janah Town Harappa Station</t>
  </si>
  <si>
    <t>GPS HARAYA MORE KHUNDA</t>
  </si>
  <si>
    <t>Haraya</t>
  </si>
  <si>
    <t>Village Haraya p/o More Khunda Th &amp; Distt Nankana Sahib</t>
  </si>
  <si>
    <t>Jallal New</t>
  </si>
  <si>
    <t>Arshid  Mehmood</t>
  </si>
  <si>
    <t>GPS HARBHAN</t>
  </si>
  <si>
    <t>HARBHAN</t>
  </si>
  <si>
    <t>LURKA</t>
  </si>
  <si>
    <t>TARIQ ALI</t>
  </si>
  <si>
    <t>GPS HARDIT PUR</t>
  </si>
  <si>
    <t>Hard it Pur</t>
  </si>
  <si>
    <t>chak  hard it pur</t>
  </si>
  <si>
    <t>17-sp</t>
  </si>
  <si>
    <t>GPS HARDO BAGH</t>
  </si>
  <si>
    <t>Har Do Bagh</t>
  </si>
  <si>
    <t>har do bagh</t>
  </si>
  <si>
    <t>GPS HARDO BAGH (MARKAZ TAHLI GORAYA)</t>
  </si>
  <si>
    <t>gps hardo bagh</t>
  </si>
  <si>
    <t>GPS Hareen</t>
  </si>
  <si>
    <t>Para Gharbi</t>
  </si>
  <si>
    <t>barthi</t>
  </si>
  <si>
    <t>Hareen</t>
  </si>
  <si>
    <t>muhammad zeeshan</t>
  </si>
  <si>
    <t>GPS HARI CHAND</t>
  </si>
  <si>
    <t>Basti Hari Chand P/O Adda Hari Chand Tehsil Mailsi Vehari</t>
  </si>
  <si>
    <t>GPS HARI CHAND PURA</t>
  </si>
  <si>
    <t>Hari  Chand Pura</t>
  </si>
  <si>
    <t>Hari chand pura</t>
  </si>
  <si>
    <t>Hari Chand Pura</t>
  </si>
  <si>
    <t>GPS HARI KAY NOUL</t>
  </si>
  <si>
    <t>Herri Key Noul</t>
  </si>
  <si>
    <t>GPS HARI PURA</t>
  </si>
  <si>
    <t>Hari Pura No 2</t>
  </si>
  <si>
    <t>dewan wala</t>
  </si>
  <si>
    <t>GPS HARI PURA NO.1</t>
  </si>
  <si>
    <t>GPS Haripura No.1 Moza Sohail Singh Minchinabad</t>
  </si>
  <si>
    <t>Haripura No1</t>
  </si>
  <si>
    <t>GPS HARI RAM PURA</t>
  </si>
  <si>
    <t>hari ram pura</t>
  </si>
  <si>
    <t>massay waly chack hari ram pura p/o dunga bunga teh.&amp; distt. bahawal nagar</t>
  </si>
  <si>
    <t>massay wali</t>
  </si>
  <si>
    <t>abdulrehman</t>
  </si>
  <si>
    <t>GPS HARLANWALI</t>
  </si>
  <si>
    <t>Harlanwali P/O Dhariwal Tehsil &amp; District Gujranwala</t>
  </si>
  <si>
    <t>Hafiz Muhammad Nisar Arshad</t>
  </si>
  <si>
    <t>GPS HARNI WALI</t>
  </si>
  <si>
    <t>basti harnay wali.. teh taunsa</t>
  </si>
  <si>
    <t>Harnay Wali</t>
  </si>
  <si>
    <t>GPS HARNIDAH</t>
  </si>
  <si>
    <t>Harinda mallot sattian tehsil kotli sattian District Rawalpindi</t>
  </si>
  <si>
    <t>Harinda</t>
  </si>
  <si>
    <t>Asim Shahid</t>
  </si>
  <si>
    <t>GPS HAROON ABAD</t>
  </si>
  <si>
    <t>Basti Kotla Ray Walihan Moza Haroon Abad teh Liaqutpur District Rahim Yar Khan</t>
  </si>
  <si>
    <t>Kotla Ray Walihan</t>
  </si>
  <si>
    <t>GPS HARPAL</t>
  </si>
  <si>
    <t>harpal post office mehrajke pasrur sialkot</t>
  </si>
  <si>
    <t>Bajraghari</t>
  </si>
  <si>
    <t>Ghuffar Ahmad Shad</t>
  </si>
  <si>
    <t>GPS HARRIAN WALA KALAN</t>
  </si>
  <si>
    <t>Hairanwala Kalan</t>
  </si>
  <si>
    <t>village PO Hairanwala Kalan</t>
  </si>
  <si>
    <t>GPS HARRIAN WALA KHURID</t>
  </si>
  <si>
    <t>Hairanwsla Khurd</t>
  </si>
  <si>
    <t>vil hairanwala khurd the wzd dist grw</t>
  </si>
  <si>
    <t>GPS HARRY KAY KALAN</t>
  </si>
  <si>
    <t>Harray Kay Kalan</t>
  </si>
  <si>
    <t>GPS Harray Kay Kalan</t>
  </si>
  <si>
    <t>Shamad</t>
  </si>
  <si>
    <t>GPS HARRY PUR</t>
  </si>
  <si>
    <t>ARAZI TAKE CHAND</t>
  </si>
  <si>
    <t>Shaiwal road adda harri pur</t>
  </si>
  <si>
    <t>HARRI PUR</t>
  </si>
  <si>
    <t>Sandy khan</t>
  </si>
  <si>
    <t>Malik Haqnawaz Bakyana</t>
  </si>
  <si>
    <t>GPS HARYALL</t>
  </si>
  <si>
    <t>HARYAL</t>
  </si>
  <si>
    <t>Village Haryal p/o Bara Manga Tesil Shahkargarh District Narowal</t>
  </si>
  <si>
    <t>Haryal</t>
  </si>
  <si>
    <t>Bara Manga</t>
  </si>
  <si>
    <t>GPS HASAN ABAD</t>
  </si>
  <si>
    <t>Moaza Hussain Abad</t>
  </si>
  <si>
    <t>GPS  hassanabad moaza hussainabad  bwn</t>
  </si>
  <si>
    <t>Moaza Hussainabad</t>
  </si>
  <si>
    <t>GPS HASHAM CHAKER BUB</t>
  </si>
  <si>
    <t>Hasham Chakar Bub</t>
  </si>
  <si>
    <t>hasham chakar bub</t>
  </si>
  <si>
    <t>Hasham Chakar</t>
  </si>
  <si>
    <t>GPS HASHIM WALA</t>
  </si>
  <si>
    <t>Kachi Jai</t>
  </si>
  <si>
    <t>Govt. PS Hashim wala Kachi Jai Thatta Qureshi (Muzaffargarh)</t>
  </si>
  <si>
    <t>Thatta Qureshi</t>
  </si>
  <si>
    <t>Ashraf Hussain</t>
  </si>
  <si>
    <t>GPS HASHMAT WALA</t>
  </si>
  <si>
    <t>Chah Hashmat Wala</t>
  </si>
  <si>
    <t>GPS HASIL LAR</t>
  </si>
  <si>
    <t>basti hasil lar markaz chani goth</t>
  </si>
  <si>
    <t>Muhammad Tariq Majeed</t>
  </si>
  <si>
    <t>GPS HASIL PANWAR</t>
  </si>
  <si>
    <t>Basti Mughal Khan Dera Dildar Tehsil Rojhan District Rajanpur</t>
  </si>
  <si>
    <t>Basti Mughal Khan</t>
  </si>
  <si>
    <t>Aurangzaib Mazari</t>
  </si>
  <si>
    <t>GPS HASILPUR CITY OLD</t>
  </si>
  <si>
    <t>Hasilpur old</t>
  </si>
  <si>
    <t>GPS HASLAN WALA</t>
  </si>
  <si>
    <t>VILLAGE HASLANWALA, TEHSIL PHALIA, DISTRICT MANDI BAHAUDDIN</t>
  </si>
  <si>
    <t>GPS HASNAY WALA</t>
  </si>
  <si>
    <t>G.P.S.Hasnay wala</t>
  </si>
  <si>
    <t>Hasnay Wala</t>
  </si>
  <si>
    <t>Ghulam Hussain Siddique</t>
  </si>
  <si>
    <t>GPS HASNIA BARWIA SADIQ RUDD</t>
  </si>
  <si>
    <t>Sadeeq Rid kotsultan</t>
  </si>
  <si>
    <t>sadeeq Rid kotsultan</t>
  </si>
  <si>
    <t>Ghulam wala</t>
  </si>
  <si>
    <t>GPS HASSAIN NAGAR JARANWALA</t>
  </si>
  <si>
    <t>Hussain Nagar</t>
  </si>
  <si>
    <t>Hussain Nagar JARANWALA. Faisal Abad</t>
  </si>
  <si>
    <t>Saeed Bashir</t>
  </si>
  <si>
    <t>GPS HASSAL</t>
  </si>
  <si>
    <t>Hassal</t>
  </si>
  <si>
    <t>Village &amp;P.O Hassal</t>
  </si>
  <si>
    <t>GPS HASSAM</t>
  </si>
  <si>
    <t>mouza hassam</t>
  </si>
  <si>
    <t>Hafiz Irfan Elahi</t>
  </si>
  <si>
    <t>GPS HASSAM WALA NASEER ABAD</t>
  </si>
  <si>
    <t>Thyklan Shumali</t>
  </si>
  <si>
    <t>chah norang Wala near bumb mor Multan road jalal pur Pir Wala district Multan</t>
  </si>
  <si>
    <t>GPS HASSAN ABAD JADID</t>
  </si>
  <si>
    <t>Basti hassan abad jadeed Ryk</t>
  </si>
  <si>
    <t>Hassan A bad Jadeed</t>
  </si>
  <si>
    <t>Bahudi Pur Qureshin</t>
  </si>
  <si>
    <t>GPS HASSAN ABDAL NO.1</t>
  </si>
  <si>
    <t>GBPS NO.1 HASSAN ABDAL NEAR PANJA</t>
  </si>
  <si>
    <t>MC Hassan Abdal</t>
  </si>
  <si>
    <t>Zaman  Ali</t>
  </si>
  <si>
    <t>GPS HASSAN ABDAL NO.2</t>
  </si>
  <si>
    <t>Mohallah naya near bazar Hassan abdal</t>
  </si>
  <si>
    <t>TMA Hassan abdal</t>
  </si>
  <si>
    <t>Syed Manzoor Haider Shah</t>
  </si>
  <si>
    <t>GPS HASSAN ABDAL NO.3</t>
  </si>
  <si>
    <t>GPS Hassanabdal No 3.Mohala Maher Abad.</t>
  </si>
  <si>
    <t>QAISAR ZEESHAN</t>
  </si>
  <si>
    <t>GPS HASSAN BODLA</t>
  </si>
  <si>
    <t>Hakima Wala</t>
  </si>
  <si>
    <t>chowk zahir pir, jalalpur pirwala.</t>
  </si>
  <si>
    <t>Jalalpur pirwala</t>
  </si>
  <si>
    <t>Ward 8</t>
  </si>
  <si>
    <t>Mudassir Mehmood</t>
  </si>
  <si>
    <t>GPS HASSAN FLOOR MILLS MULTAN</t>
  </si>
  <si>
    <t>Pandat Ram Narayn</t>
  </si>
  <si>
    <t>Peer Colony no 3 near Baloch Chowk Multan</t>
  </si>
  <si>
    <t>Mutan City</t>
  </si>
  <si>
    <t>Shabir Nadeem</t>
  </si>
  <si>
    <t>GPS HASSAN KHAN</t>
  </si>
  <si>
    <t>Cheena Daggar</t>
  </si>
  <si>
    <t>basti hassan khan p/o chheena thesil o distt bhakkar</t>
  </si>
  <si>
    <t>GPS HASSAN KHAN WALA</t>
  </si>
  <si>
    <t>BALOCH KHAN</t>
  </si>
  <si>
    <t>BALOCH KHAN UC BAKHRI AHMAD KHAN</t>
  </si>
  <si>
    <t>BAKHRI AHMAD KHAN</t>
  </si>
  <si>
    <t>Syed Qaim Raza</t>
  </si>
  <si>
    <t>GPS HASSAN PATHAN</t>
  </si>
  <si>
    <t>village Hassan Pathan PO Kotla Arab Ali Khan</t>
  </si>
  <si>
    <t>Muhammad rafi</t>
  </si>
  <si>
    <t>GPS HASSAN PUR KHAS</t>
  </si>
  <si>
    <t>Hussan Pur Khass</t>
  </si>
  <si>
    <t>Moza hassan pur khass basti habib Jhangermarha Muzaffergarh</t>
  </si>
  <si>
    <t>Hussan Pur Kacha</t>
  </si>
  <si>
    <t>Nawab Sajid</t>
  </si>
  <si>
    <t>GPS HASSAN PUR TAROR</t>
  </si>
  <si>
    <t>Hasanpur Taror</t>
  </si>
  <si>
    <t>Gps hasanpur taror</t>
  </si>
  <si>
    <t>Hasanpur Kacha</t>
  </si>
  <si>
    <t>Zia Ur rehman</t>
  </si>
  <si>
    <t>GPS HASSAN RAIKA</t>
  </si>
  <si>
    <t>Hassan Raika</t>
  </si>
  <si>
    <t>chak hassan raika tehsil and district Bahawalnagar</t>
  </si>
  <si>
    <t>GPS HASSAN SHAH PO KARAM PUR</t>
  </si>
  <si>
    <t>Hassan Shah 1966</t>
  </si>
  <si>
    <t>Hassan shah p/o karam pur tehsil mailsi District vehari</t>
  </si>
  <si>
    <t>Karamazov Pur</t>
  </si>
  <si>
    <t>Muhammad Rashid Mukhtar</t>
  </si>
  <si>
    <t>GPS HASSAN SHODO</t>
  </si>
  <si>
    <t>Matu Khel</t>
  </si>
  <si>
    <t>hasan Shodo Uc tola bangi khel teh esakhel</t>
  </si>
  <si>
    <t>Hassan Shodo</t>
  </si>
  <si>
    <t>GPS HASSAN WAL</t>
  </si>
  <si>
    <t>Hassan wal</t>
  </si>
  <si>
    <t>GPS HASSAN WALI</t>
  </si>
  <si>
    <t>VPO HASSANWALI</t>
  </si>
  <si>
    <t>Ladhywala Cheema</t>
  </si>
  <si>
    <t>GPS HASSANA PO ELAH ABAD CHUNIAN</t>
  </si>
  <si>
    <t>village Hasna p/o illahabad tehsil chunian district kasur</t>
  </si>
  <si>
    <t>Azad Ahmed</t>
  </si>
  <si>
    <t>GPS HASSAR</t>
  </si>
  <si>
    <t>vpo hassar</t>
  </si>
  <si>
    <t>GPS HASSAY WALA</t>
  </si>
  <si>
    <t>darkhast Jamal Khan</t>
  </si>
  <si>
    <t>basti hassay wala mouza darkhast jamal khan darmiyani</t>
  </si>
  <si>
    <t>basti Hassay Wala</t>
  </si>
  <si>
    <t>darkhast Jamal Khan Darmiyani</t>
  </si>
  <si>
    <t>GPS HASSOKAY NAOABAD</t>
  </si>
  <si>
    <t>Hasso K No Abad</t>
  </si>
  <si>
    <t>hasso k no abad p/o fazal abad mandi ahmad abad</t>
  </si>
  <si>
    <t>Gudr Mulkana</t>
  </si>
  <si>
    <t>syed naveed abbas</t>
  </si>
  <si>
    <t>GPS HASSU HASSAN KA</t>
  </si>
  <si>
    <t>Belara Lakho Ka</t>
  </si>
  <si>
    <t>hassu hassan ka tehsil arifwala dist.pakpatan</t>
  </si>
  <si>
    <t>Hassu Hassan Ka</t>
  </si>
  <si>
    <t>Arazi Delawar</t>
  </si>
  <si>
    <t>GPS HASTAL</t>
  </si>
  <si>
    <t>Village Hastal P/O Thoha bahadur Distt chakwal</t>
  </si>
  <si>
    <t>Raesa Bano</t>
  </si>
  <si>
    <t>GPS HASTAN WALI</t>
  </si>
  <si>
    <t>Govt Boys Primary School Hastanwali</t>
  </si>
  <si>
    <t>GPS HATARAN ABDUL HAKIM</t>
  </si>
  <si>
    <t>Hataran</t>
  </si>
  <si>
    <t>GPS Hataran near bagar sargana kabirwala</t>
  </si>
  <si>
    <t>Chuck Hataran</t>
  </si>
  <si>
    <t>Hussein Abad</t>
  </si>
  <si>
    <t>Muhammad Qaswer</t>
  </si>
  <si>
    <t>GPS HATHI MAR</t>
  </si>
  <si>
    <t>BARTHI SHUMALI</t>
  </si>
  <si>
    <t>HATHI MAR BARTHI SHUMALI</t>
  </si>
  <si>
    <t>GPS HATHI WIND</t>
  </si>
  <si>
    <t>Hathi Wind</t>
  </si>
  <si>
    <t>Government Primary school Hathi wind</t>
  </si>
  <si>
    <t>Muhammad Mumtaz Sipra</t>
  </si>
  <si>
    <t>GPS HATHIA PINE</t>
  </si>
  <si>
    <t>Hathia Dhemial</t>
  </si>
  <si>
    <t>village Hathia pine p/o Dewan_e_Hazoori Teh Sohawa Distt Jhelum</t>
  </si>
  <si>
    <t>Hathia Pine</t>
  </si>
  <si>
    <t>Pail bannay Khan</t>
  </si>
  <si>
    <t>Arbab Anwar</t>
  </si>
  <si>
    <t>GPS HATHIANA</t>
  </si>
  <si>
    <t>Village Hathiana Manawala</t>
  </si>
  <si>
    <t>GPS HAVAILY WALA</t>
  </si>
  <si>
    <t>Paki</t>
  </si>
  <si>
    <t>Havaily wala moza paki Tehsil &amp; Dist.D G Khan</t>
  </si>
  <si>
    <t>Havaily Wala</t>
  </si>
  <si>
    <t>GPS HAVALI KHUSHAL SINGH</t>
  </si>
  <si>
    <t>Chrewan</t>
  </si>
  <si>
    <t>Haveli Khushal Singh</t>
  </si>
  <si>
    <t>Hafiz Najeeb Ullah</t>
  </si>
  <si>
    <t>GPS HAVALI SOHAN SING</t>
  </si>
  <si>
    <t>Haveli Sohan  Singh</t>
  </si>
  <si>
    <t>haveli sohan Singh p/o Bhamba kalan tehsil kot radha kishen district kasur</t>
  </si>
  <si>
    <t>Muhammad Siddiq ur Rehman</t>
  </si>
  <si>
    <t>GPS HAVELI BATA</t>
  </si>
  <si>
    <t>Nitherkey</t>
  </si>
  <si>
    <t>haveli Bata tehsil bhowana distt chiniot</t>
  </si>
  <si>
    <t>Haveli Bata</t>
  </si>
  <si>
    <t>Muhammad Ghaffar</t>
  </si>
  <si>
    <t>GPS HAVELI BATI KHAN</t>
  </si>
  <si>
    <t>Haveli Bati Khan Bosal</t>
  </si>
  <si>
    <t>gps havaili bati khan bosal</t>
  </si>
  <si>
    <t>GPS HAVELI BHADUR KHAN</t>
  </si>
  <si>
    <t>KotRaja</t>
  </si>
  <si>
    <t>Haveli Bahadur Khan KotRaja</t>
  </si>
  <si>
    <t>Haveli Bahadur Khan</t>
  </si>
  <si>
    <t>GPS HAVELI BRAHMAN ABAD</t>
  </si>
  <si>
    <t>mojoki p/o barki tehsil shalimar Lahore</t>
  </si>
  <si>
    <t>Din Muhammad</t>
  </si>
  <si>
    <t>GPS HAVELI CHAITU WALI</t>
  </si>
  <si>
    <t>They Panjo</t>
  </si>
  <si>
    <t>havali chetu  wali,kahna nau lahore</t>
  </si>
  <si>
    <t>Havali Chetu Wali</t>
  </si>
  <si>
    <t>They Panjoo</t>
  </si>
  <si>
    <t>GPS HAVELI DEWAN</t>
  </si>
  <si>
    <t>Haveli Dewan</t>
  </si>
  <si>
    <t>Haveli Dewan kot han jhang</t>
  </si>
  <si>
    <t>Havei Dewan</t>
  </si>
  <si>
    <t>Kot Kan</t>
  </si>
  <si>
    <t>Muhammad AMIN</t>
  </si>
  <si>
    <t>GPS HAVELI GATHIAN WALI</t>
  </si>
  <si>
    <t>Ahmad pur haveli gathian wali</t>
  </si>
  <si>
    <t>Haveli Gathian Wali</t>
  </si>
  <si>
    <t>GPS HAVELI HANJRANWAN</t>
  </si>
  <si>
    <t>Haveli Hanjranwan</t>
  </si>
  <si>
    <t>haveli hanjranwan</t>
  </si>
  <si>
    <t>Waqas Sarfraz</t>
  </si>
  <si>
    <t>GPS HAVELI HARI KHAN</t>
  </si>
  <si>
    <t>Railway phatak Jodhu Dheer , Haveli Jammu wali</t>
  </si>
  <si>
    <t>Haveli Hari Khan</t>
  </si>
  <si>
    <t>GPS HAVELI KAMILAY KHAN</t>
  </si>
  <si>
    <t>Haveli Kamilay Khan</t>
  </si>
  <si>
    <t>Haveli kamilay Khan</t>
  </si>
  <si>
    <t>Ram THAMMAN</t>
  </si>
  <si>
    <t>neighboring</t>
  </si>
  <si>
    <t>GPS HAVELI KARBATH</t>
  </si>
  <si>
    <t>village  Havalian Karbath</t>
  </si>
  <si>
    <t>Have listed Karbath</t>
  </si>
  <si>
    <t>Muhammad Imtiaz Ahmad</t>
  </si>
  <si>
    <t>GPS HAVELI KARIM DAD</t>
  </si>
  <si>
    <t>village kareem dad</t>
  </si>
  <si>
    <t>Haweli Kareem Dad</t>
  </si>
  <si>
    <t>GPS HAVELI MAHLEY KHAN DAKHLI GUNNIAN</t>
  </si>
  <si>
    <t>Haveli Mahley Khan</t>
  </si>
  <si>
    <t>vpo Gunnian Tehsil Malakwal District Mandi Bahauddin</t>
  </si>
  <si>
    <t>Gunnian</t>
  </si>
  <si>
    <t>Moazam Ali</t>
  </si>
  <si>
    <t>GPS HAVELI MAHTAB KHAN</t>
  </si>
  <si>
    <t>Haveli Mehtab Khan</t>
  </si>
  <si>
    <t>Raja jang  kasur</t>
  </si>
  <si>
    <t>HaveliMehtab Khan</t>
  </si>
  <si>
    <t>GPS HAVELI MIAN SHER ALI</t>
  </si>
  <si>
    <t>Havali Mian Sher Ali</t>
  </si>
  <si>
    <t>havali mian sher ali</t>
  </si>
  <si>
    <t>GPS HAVELI MIDHIANI</t>
  </si>
  <si>
    <t>Haveli Midhiani</t>
  </si>
  <si>
    <t>Haveli Midhiani p/o pindi bhattian</t>
  </si>
  <si>
    <t>GPS HAVELI MONGAR</t>
  </si>
  <si>
    <t>Pahar pur</t>
  </si>
  <si>
    <t>Dahara Wala</t>
  </si>
  <si>
    <t>GHULAM Ali</t>
  </si>
  <si>
    <t>GPS HAVELI MUBARAK SHAH, SARAI SIDHU</t>
  </si>
  <si>
    <t>Havaily Mubarak Shah</t>
  </si>
  <si>
    <t>Havaily Mubarak Shah sarai sidhu kabirwala khanewal</t>
  </si>
  <si>
    <t>Barag Sargana</t>
  </si>
  <si>
    <t>Gulbaz Ahmad</t>
  </si>
  <si>
    <t>GPS HAVELI NARAIN DAS</t>
  </si>
  <si>
    <t>Haveli narain das</t>
  </si>
  <si>
    <t>government primary school Haveli narain das tehsile Bhalwal district sargodha</t>
  </si>
  <si>
    <t>Haveli Narain Das</t>
  </si>
  <si>
    <t>GPS HAVELI NATHOKA</t>
  </si>
  <si>
    <t>Baggi</t>
  </si>
  <si>
    <t>Haveli nathoka post office Sail Sharif District Sargodha</t>
  </si>
  <si>
    <t>Haveli nathoka</t>
  </si>
  <si>
    <t>Sail Sharif</t>
  </si>
  <si>
    <t>GPS HAVELI NATHU WALI</t>
  </si>
  <si>
    <t>Haveli Natho Wali</t>
  </si>
  <si>
    <t>haveli Natho wali p/o Qadiwind kasur</t>
  </si>
  <si>
    <t>GPS HAVELI PHARIAN WALI KRK ROAD</t>
  </si>
  <si>
    <t>Pharian Wali</t>
  </si>
  <si>
    <t>pharian wali krk road</t>
  </si>
  <si>
    <t>Faheem Akbar</t>
  </si>
  <si>
    <t>filter.plant hand pump water.pump</t>
  </si>
  <si>
    <t>GPS HAVELI QURESHIAN</t>
  </si>
  <si>
    <t>haveli quraishian</t>
  </si>
  <si>
    <t>Pob mela haveli quraishian kotmomin</t>
  </si>
  <si>
    <t>Haveli quraishian</t>
  </si>
  <si>
    <t>mela</t>
  </si>
  <si>
    <t>GPS HAVELI RAMDAS</t>
  </si>
  <si>
    <t>HAVELI RAMDAS SALAM</t>
  </si>
  <si>
    <t>GPS HAVELI RAMIANA</t>
  </si>
  <si>
    <t>Ramyna</t>
  </si>
  <si>
    <t>GPS Haveli Ramyna dist. &amp; teh. Kasur</t>
  </si>
  <si>
    <t>GPS HAVELI RASOOL KHAN</t>
  </si>
  <si>
    <t>Haveli Muhammad Ali Numbardar Wali handal krk</t>
  </si>
  <si>
    <t>Haveli Muhammad ali numbardar wali</t>
  </si>
  <si>
    <t>handal</t>
  </si>
  <si>
    <t>Amanullah Siddique</t>
  </si>
  <si>
    <t>GPS HAVELI SATHAN</t>
  </si>
  <si>
    <t>Davidaspura</t>
  </si>
  <si>
    <t>tehsil, kotmomin. district Sargodha</t>
  </si>
  <si>
    <t>Haveli sathan</t>
  </si>
  <si>
    <t>GPS HAVELI SHAHANI</t>
  </si>
  <si>
    <t>Haveli Shahani</t>
  </si>
  <si>
    <t>Moza Haveli Shahani, Chak No 13 SB, Tehsil Bhalwal, District Sargodha</t>
  </si>
  <si>
    <t>Chak No 13 SB</t>
  </si>
  <si>
    <t>Chak No 15 SB</t>
  </si>
  <si>
    <t>Saba Sherien</t>
  </si>
  <si>
    <t>GPS HAVELI SOHAN SOHAN SING</t>
  </si>
  <si>
    <t>Jhalar sohan Singh Bhuchoki Mahja Raiwind Lahore</t>
  </si>
  <si>
    <t>Babalyana Ottar</t>
  </si>
  <si>
    <t>Parvaiz Mahmood</t>
  </si>
  <si>
    <t>GPS HAVELI SUFAID KHAN</t>
  </si>
  <si>
    <t>haveli sufaid khan</t>
  </si>
  <si>
    <t>Haveli Sufaid Khan</t>
  </si>
  <si>
    <t>Shafqat Shafaat Khan</t>
  </si>
  <si>
    <t>GPS HAVELI TAILIAN WALI</t>
  </si>
  <si>
    <t>Haveli Talian Wali</t>
  </si>
  <si>
    <t>Ahmad Ali Abid</t>
  </si>
  <si>
    <t>GPS HAVELI TELIAAN</t>
  </si>
  <si>
    <t>GPS Haveli Telian</t>
  </si>
  <si>
    <t>GPS HAVELI WALA</t>
  </si>
  <si>
    <t>pattan road shor kot</t>
  </si>
  <si>
    <t>Mian Imran Mehdi</t>
  </si>
  <si>
    <t>GPS HAVELIAN</t>
  </si>
  <si>
    <t>Havelian</t>
  </si>
  <si>
    <t>havelian uc daftoo kasur</t>
  </si>
  <si>
    <t>GPS HAVIALY</t>
  </si>
  <si>
    <t>Havely</t>
  </si>
  <si>
    <t>village  Havaily  tehsil jand district Attock</t>
  </si>
  <si>
    <t>GPS HAWA PURA</t>
  </si>
  <si>
    <t>dhok  Hawapura T.M Khan TALAGANG</t>
  </si>
  <si>
    <t>T M Khan Hawapura</t>
  </si>
  <si>
    <t>GPS HAWALI LAL CHAND</t>
  </si>
  <si>
    <t>Haveli Lal Chand</t>
  </si>
  <si>
    <t>mouza haveli lal Chand post office 17p khan pur</t>
  </si>
  <si>
    <t>hawali lal chand</t>
  </si>
  <si>
    <t>1P</t>
  </si>
  <si>
    <t>GPS HAWELI JEEWAN SHAH SHARIF ABAD</t>
  </si>
  <si>
    <t>Hawely Jeewsn Hawely Jeewan Shah JeewanShah</t>
  </si>
  <si>
    <t>hawely jeewan shah markaz kot bahadar teh.ap.sial distt.jhang</t>
  </si>
  <si>
    <t>Hawely Jeewan Shah</t>
  </si>
  <si>
    <t>GPS HAYAL</t>
  </si>
  <si>
    <t>GPS Hayal UC Dhamial Rwp</t>
  </si>
  <si>
    <t>GPS HAYAT DAN WALA</t>
  </si>
  <si>
    <t>Chah Choti Wala Basti Deen Pur Near Pul Manah Moza Radho Union Drigh Tehsile Kot Addu District Muzaffargarh</t>
  </si>
  <si>
    <t>Chah Choti Wala</t>
  </si>
  <si>
    <t>GPS HAYAT KHAN WALA</t>
  </si>
  <si>
    <t>Hayat Wala, Moza Darigh, Bukhi Road. Tehsil Kot Addu</t>
  </si>
  <si>
    <t>MUKHTIAR AHMAD BHUTTA</t>
  </si>
  <si>
    <t>GPS HAYAT KHAN WALI</t>
  </si>
  <si>
    <t>Chah Mochani Wala..Moza Hala.Kot Adu.</t>
  </si>
  <si>
    <t>Mochani Wala</t>
  </si>
  <si>
    <t>Daregh</t>
  </si>
  <si>
    <t>Gulam Akbar</t>
  </si>
  <si>
    <t>GPS HAYAT KHANJAR LOKRI DAKHALI</t>
  </si>
  <si>
    <t>Mohalla Khanjar Jhawarian</t>
  </si>
  <si>
    <t>Khanjar</t>
  </si>
  <si>
    <t>GPS HAYAT LAR</t>
  </si>
  <si>
    <t>Hyayat Lar</t>
  </si>
  <si>
    <t>Basti Haji Saleh Muhammad. Mouza Hayat Lar Tehsil LQP District RYK</t>
  </si>
  <si>
    <t>Basti Saleh Muhammad Muhammad</t>
  </si>
  <si>
    <t>Qazi Muhammad Iqbal</t>
  </si>
  <si>
    <t>GPS HAYAT MACHI</t>
  </si>
  <si>
    <t>basti manglay Khan mouza hayat Machi Tehsil liaqatpur District Rahim Yar khan</t>
  </si>
  <si>
    <t>Manglay Khan</t>
  </si>
  <si>
    <t>Waqas Mehmood</t>
  </si>
  <si>
    <t>GPS HAYAT MOCHI WALA</t>
  </si>
  <si>
    <t>GPS HAYAT MUHAMMAD PAKHIWAR</t>
  </si>
  <si>
    <t>pakhiwar</t>
  </si>
  <si>
    <t>basti pahiwar moza pakhiwar po amin abad teh Liaquat pur distt:Rahim yar khan</t>
  </si>
  <si>
    <t>GHULAM YASIN</t>
  </si>
  <si>
    <t>GPS HAYAT PUR, KHANEWAL</t>
  </si>
  <si>
    <t>Hayat pur.Near 3 kasi stop.khanewal</t>
  </si>
  <si>
    <t>GPS HAYAT ULLAH LAGHARI</t>
  </si>
  <si>
    <t>laghari</t>
  </si>
  <si>
    <t>village&amp;post office laghari</t>
  </si>
  <si>
    <t>jaurakalan</t>
  </si>
  <si>
    <t>GPS HAYAT WALA</t>
  </si>
  <si>
    <t>moza ali dasti kot sultan</t>
  </si>
  <si>
    <t>Chachu wala</t>
  </si>
  <si>
    <t>GPS HAYDAR DHUDY</t>
  </si>
  <si>
    <t>Haider Dhudi</t>
  </si>
  <si>
    <t>mouza haider dhudi village haider dhudi</t>
  </si>
  <si>
    <t>Lakela</t>
  </si>
  <si>
    <t>GPS HAYYAT WALA NO.2</t>
  </si>
  <si>
    <t>Mustaqil Ahsan Pur</t>
  </si>
  <si>
    <t>Mouza Mustaqil Ahsan Pur P/o ahsan Pur teh kot Adu district M.garh</t>
  </si>
  <si>
    <t>Chah Khob Kali</t>
  </si>
  <si>
    <t>GPS HAZAREE</t>
  </si>
  <si>
    <t>Hazaree</t>
  </si>
  <si>
    <t>Solengi Kharal</t>
  </si>
  <si>
    <t>GPS HAZOOR BAKHSH BALHORA</t>
  </si>
  <si>
    <t>Kotla Rubait</t>
  </si>
  <si>
    <t>basti hazoorbux balhora fazilpur</t>
  </si>
  <si>
    <t>Basti Hazoor Bux Balhora</t>
  </si>
  <si>
    <t>Chack Lassa</t>
  </si>
  <si>
    <t>Muhammad Moonis Javed</t>
  </si>
  <si>
    <t>GPS HAZOOR BAKHSH KATCHALA</t>
  </si>
  <si>
    <t>basti chan abdullah wala</t>
  </si>
  <si>
    <t>Chan Abdullah Wala</t>
  </si>
  <si>
    <t>Hafiz Muhammad Muneeb Arshad</t>
  </si>
  <si>
    <t>GPS HAZOOR BUX JUT</t>
  </si>
  <si>
    <t>Basti haji bela khan sakhani shah wali rojhan</t>
  </si>
  <si>
    <t>Basti Haji Bela Khan Sakhani</t>
  </si>
  <si>
    <t>Gadanar</t>
  </si>
  <si>
    <t>muhammad ibrahim</t>
  </si>
  <si>
    <t>GPS HAZOOR SINGH</t>
  </si>
  <si>
    <t>Gurmukh Sing</t>
  </si>
  <si>
    <t>P/O KHATAIN CHACK HAZOOR SINGH</t>
  </si>
  <si>
    <t>Takoo Rampura</t>
  </si>
  <si>
    <t>GPS HAZRAT WALA</t>
  </si>
  <si>
    <t>hazrat wala nawan janubi</t>
  </si>
  <si>
    <t>GPS HAZRO NO.3</t>
  </si>
  <si>
    <t>mohallah azeem khan  tehsil hazro moza hazro district attock</t>
  </si>
  <si>
    <t>Muhammad Saeed Khan</t>
  </si>
  <si>
    <t>GPS HAZUR PUR BALA</t>
  </si>
  <si>
    <t>hazoor pur bala</t>
  </si>
  <si>
    <t>Hazoor Pur Bala</t>
  </si>
  <si>
    <t>Liaqat Naseer</t>
  </si>
  <si>
    <t>GPS HEAD BALI</t>
  </si>
  <si>
    <t>Chak # 14 TDA</t>
  </si>
  <si>
    <t>gps headbali p/o ninetda DaryaKhandistrictbhakkar</t>
  </si>
  <si>
    <t>Head Bali</t>
  </si>
  <si>
    <t>Daggarqureshi</t>
  </si>
  <si>
    <t>GPS HEAD BALLOKI</t>
  </si>
  <si>
    <t>Head Balloki</t>
  </si>
  <si>
    <t>Head Balloki Tehsil Pattoki</t>
  </si>
  <si>
    <t>Jhugian Lalu</t>
  </si>
  <si>
    <t>GPS HEAD CHANNAN WALA</t>
  </si>
  <si>
    <t>Patti Chakir Khan</t>
  </si>
  <si>
    <t>Patti Chakir Khan Head Chanan Wala</t>
  </si>
  <si>
    <t>GPS HEAD FAQIRIAN</t>
  </si>
  <si>
    <t>head faqirian teh malikwal distt m.b.din</t>
  </si>
  <si>
    <t>GPS HEAD KIRYAN WALA</t>
  </si>
  <si>
    <t>Head Kiryan Wala</t>
  </si>
  <si>
    <t>Gps head kariyan wala Dunyapur</t>
  </si>
  <si>
    <t>Chak No 11 M</t>
  </si>
  <si>
    <t>MUHAMMAD MUBUSHER</t>
  </si>
  <si>
    <t>GPS HEAD LANJI WAR</t>
  </si>
  <si>
    <t>Lanjiwar</t>
  </si>
  <si>
    <t>Head lanji war Moza lanji war p/o head lanji war UC chandia Tehsil khan pur Dist Rahim yar khan</t>
  </si>
  <si>
    <t>Head Lanji War</t>
  </si>
  <si>
    <t>GPS HEAD NO. 26</t>
  </si>
  <si>
    <t>Patti Sultan Mahmood Gharbi</t>
  </si>
  <si>
    <t>moza patti sultan mehmood gharbi</t>
  </si>
  <si>
    <t>Mithoo Wala</t>
  </si>
  <si>
    <t>GPS HEAD PACCA</t>
  </si>
  <si>
    <t>headpacca mianwali</t>
  </si>
  <si>
    <t>GPS HEEMAY WALA</t>
  </si>
  <si>
    <t>Heemay Wala</t>
  </si>
  <si>
    <t>heemay wala khudian khas kasur</t>
  </si>
  <si>
    <t>Muhammad Yasir</t>
  </si>
  <si>
    <t>GPS HEER CAMP</t>
  </si>
  <si>
    <t>BASTI HEER CAMP JHANG</t>
  </si>
  <si>
    <t>MAI HEER</t>
  </si>
  <si>
    <t>MUHAMMAD ASLAM RAFIQUE</t>
  </si>
  <si>
    <t>GPS HEKEEM KAY KATHIAY</t>
  </si>
  <si>
    <t>Hakeem Kay Kathiay</t>
  </si>
  <si>
    <t>hakeem kay kathiay uc 95 darbar salah din mamukanjan</t>
  </si>
  <si>
    <t>GPS HELLA WATWAN</t>
  </si>
  <si>
    <t>Hella wattowan</t>
  </si>
  <si>
    <t>cahck hella wattowan</t>
  </si>
  <si>
    <t>GPS HEMRAJ PURA CHAK 40/RB</t>
  </si>
  <si>
    <t>hamraj pura Chak No 40</t>
  </si>
  <si>
    <t>GPS HERAJUN</t>
  </si>
  <si>
    <t>herajhun</t>
  </si>
  <si>
    <t>vilage herajhun p/o kot nainan teh. SKG narowal</t>
  </si>
  <si>
    <t>GPS HERAY</t>
  </si>
  <si>
    <t>Haray</t>
  </si>
  <si>
    <t>haray teh&amp;disst.narowal</t>
  </si>
  <si>
    <t>Chanderkerajputan</t>
  </si>
  <si>
    <t>M Farooq</t>
  </si>
  <si>
    <t>GPS HERBUNS PURA</t>
  </si>
  <si>
    <t>Haweli Sodian</t>
  </si>
  <si>
    <t>haweli sodian</t>
  </si>
  <si>
    <t>Wazir Ali</t>
  </si>
  <si>
    <t>GPS HERCHOKI HITTAR</t>
  </si>
  <si>
    <t>Mokal p/o mokal tehsil chunian district kasur</t>
  </si>
  <si>
    <t>GPS HERDO JEOKE</t>
  </si>
  <si>
    <t>Herdo Jeoki</t>
  </si>
  <si>
    <t>herdo jeoki teh. wazirabad distt.gujranwala</t>
  </si>
  <si>
    <t>Jmke Chattha</t>
  </si>
  <si>
    <t>Ghulam Abbas Mirza</t>
  </si>
  <si>
    <t>GPS HERDO RATTA</t>
  </si>
  <si>
    <t>GPS Herdoratta</t>
  </si>
  <si>
    <t>GPS HERDO SAHBNI WALA</t>
  </si>
  <si>
    <t>Herdo</t>
  </si>
  <si>
    <t>Herdo sahbni wala  markaz khai hithar district kasur</t>
  </si>
  <si>
    <t>Herdo Sahbni Wala</t>
  </si>
  <si>
    <t>Nadeem pervaz</t>
  </si>
  <si>
    <t>GPS HERDO SARAKHI</t>
  </si>
  <si>
    <t>Herdo Sarakhi</t>
  </si>
  <si>
    <t>Village Herdo Sarakhi P/o Miana Potha, Tehsil Gujar khan,  Distt Rawalpindi.</t>
  </si>
  <si>
    <t>GPS HERDO SOHIL HINDU</t>
  </si>
  <si>
    <t>Sohal Hindu</t>
  </si>
  <si>
    <t>herdo sohal hindu</t>
  </si>
  <si>
    <t>Herdo Sohal Hindu</t>
  </si>
  <si>
    <t>GPS HERDO UDDAY</t>
  </si>
  <si>
    <t>Hardo Uddhy</t>
  </si>
  <si>
    <t>P/O Mari khurad village Hardo Uddhy Teh Noshera Virkan Disst.Gujranwala</t>
  </si>
  <si>
    <t>Majju Chakk</t>
  </si>
  <si>
    <t>GPS HEROO</t>
  </si>
  <si>
    <t>Heroo</t>
  </si>
  <si>
    <t>heroo</t>
  </si>
  <si>
    <t>GPS HERSA NEHRA</t>
  </si>
  <si>
    <t>Harsa Nehra</t>
  </si>
  <si>
    <t>Thatha Nahra harsa nehra Tehsil Bhowana distt. Chiniot</t>
  </si>
  <si>
    <t>Thatha Nehra</t>
  </si>
  <si>
    <t>Muhammad Riaz Kaleem</t>
  </si>
  <si>
    <t>GPS HICHKEY PUR</t>
  </si>
  <si>
    <t>Hichky Pur</t>
  </si>
  <si>
    <t>village hichky pur post office nazar lubana tehsil sharaqpur (skp) district sheikhupura</t>
  </si>
  <si>
    <t>Nazar Lubana</t>
  </si>
  <si>
    <t>GPS HIDDAL WALA CHAK NO.457 TDA</t>
  </si>
  <si>
    <t>Sumra Thal Clan Janubi</t>
  </si>
  <si>
    <t>GPS hiddal Wala Sumra thal clan janobi</t>
  </si>
  <si>
    <t>Hiddal Wala</t>
  </si>
  <si>
    <t>Rashid ahmad</t>
  </si>
  <si>
    <t>GPS HILAL WAJAH SHUJABAD</t>
  </si>
  <si>
    <t>mouza hilal wajha</t>
  </si>
  <si>
    <t>GPS HIMMAT PURA</t>
  </si>
  <si>
    <t>Mohallah Himmat pura khudian khas tehsil kasur</t>
  </si>
  <si>
    <t>Munciple Committee Khudian</t>
  </si>
  <si>
    <t>GPS HINDAL KHEL</t>
  </si>
  <si>
    <t>govt. p/s Hindalkhel   Sultan khel  isakhel</t>
  </si>
  <si>
    <t>Muhammad Saifullah Khan</t>
  </si>
  <si>
    <t>GPS HINDAL WALA</t>
  </si>
  <si>
    <t>Hindalawala</t>
  </si>
  <si>
    <t>Gps Hindalwala post office Mochh</t>
  </si>
  <si>
    <t>Hindalwala</t>
  </si>
  <si>
    <t>Muhammad Hasham</t>
  </si>
  <si>
    <t>GPS HINDO DOGAR</t>
  </si>
  <si>
    <t>Hindke Dogar</t>
  </si>
  <si>
    <t>hindke dogar narowal</t>
  </si>
  <si>
    <t>Ransee Wal</t>
  </si>
  <si>
    <t>Malk  Ijaz  Ahmd</t>
  </si>
  <si>
    <t>GPS HINNI</t>
  </si>
  <si>
    <t>HiNNI</t>
  </si>
  <si>
    <t>Hinni Post office diyal sohawa jhelum</t>
  </si>
  <si>
    <t>Muhammad idrees</t>
  </si>
  <si>
    <t>GPS HINO WALA</t>
  </si>
  <si>
    <t>Heno Wala</t>
  </si>
  <si>
    <t>Chak Heno wala tehsil Minchin abad Dist Bahawal nagar</t>
  </si>
  <si>
    <t>Griabad</t>
  </si>
  <si>
    <t>GPS HOON</t>
  </si>
  <si>
    <t>V.P.O Hoon Tehsil &amp; District Jhelum</t>
  </si>
  <si>
    <t>water connection from Headmistress house</t>
  </si>
  <si>
    <t>GPS HOORI WALA</t>
  </si>
  <si>
    <t>Hoori wala p/o bahadar pur jalal pur pir wala</t>
  </si>
  <si>
    <t>Hoori Wala</t>
  </si>
  <si>
    <t>Shoaib Abbas</t>
  </si>
  <si>
    <t>GPS HOOT</t>
  </si>
  <si>
    <t>village hout, p/o Tola Bangi Khel , tehsil ESA Khel dist mianwali</t>
  </si>
  <si>
    <t>Hout</t>
  </si>
  <si>
    <t>Changez Khan</t>
  </si>
  <si>
    <t>GPS HORIAK</t>
  </si>
  <si>
    <t>vill oriak p-o narar teh kahuta dist rwp</t>
  </si>
  <si>
    <t>Horiak</t>
  </si>
  <si>
    <t>GPS HOSI HERAJ, ABDUL HAKIM</t>
  </si>
  <si>
    <t>Hossi Heraj</t>
  </si>
  <si>
    <t>Mouza hossi heraj P/O kot Islam</t>
  </si>
  <si>
    <t>Kashif Murtaza</t>
  </si>
  <si>
    <t>GPS HOTAN WALA</t>
  </si>
  <si>
    <t>Kotla Jam Nshaib</t>
  </si>
  <si>
    <t>Basti Hotanwali kotla jam nashaib</t>
  </si>
  <si>
    <t>Hotanwala</t>
  </si>
  <si>
    <t>Dollat Wala</t>
  </si>
  <si>
    <t>Arif Mehmood Qazi</t>
  </si>
  <si>
    <t>GPS HOUSING COLONY</t>
  </si>
  <si>
    <t>Housing Colony 152</t>
  </si>
  <si>
    <t>Housing Colony haroonabad</t>
  </si>
  <si>
    <t>Hassan Azeem</t>
  </si>
  <si>
    <t>GPS HOUSING COLONY CHICHAWATNI</t>
  </si>
  <si>
    <t>HAJI WALLI MUHAMMAD ROAD HOUSING COLONY CHICHAWATNI DISTRICT SAHIWAL</t>
  </si>
  <si>
    <t>URBAN AREA  2ND</t>
  </si>
  <si>
    <t>MUHAMMAD JAVED IQBAL</t>
  </si>
  <si>
    <t>GPS HOYWALI</t>
  </si>
  <si>
    <t>p.o talwandi musa khan hoywali gujranwala</t>
  </si>
  <si>
    <t>Hoywali</t>
  </si>
  <si>
    <t>GPS HUJJAN</t>
  </si>
  <si>
    <t>GPS HUJJAN SHARQI</t>
  </si>
  <si>
    <t>Dera Ahme Rahme ka Hujjan</t>
  </si>
  <si>
    <t>Naveed Ahmed Yousufi</t>
  </si>
  <si>
    <t>GPS HUKAM PUR</t>
  </si>
  <si>
    <t>Hukampur</t>
  </si>
  <si>
    <t>GPS HUMWALA</t>
  </si>
  <si>
    <t>Humwala</t>
  </si>
  <si>
    <t>village humwala  p/o hoon</t>
  </si>
  <si>
    <t>Muhammad Javid</t>
  </si>
  <si>
    <t>GPS HUMZA TOWN MAILSI</t>
  </si>
  <si>
    <t>hamza town mailsi</t>
  </si>
  <si>
    <t>GPS HUNJRA</t>
  </si>
  <si>
    <t>hanjra</t>
  </si>
  <si>
    <t>hanjra,p/o mohrikey jajja,pasrur,sialkot</t>
  </si>
  <si>
    <t>saukinwind</t>
  </si>
  <si>
    <t>Abu Bakar</t>
  </si>
  <si>
    <t>GPS HUSAIN ABAD</t>
  </si>
  <si>
    <t>GhareebShah</t>
  </si>
  <si>
    <t>PS HussainAbad Basti Sheir MuhammadMuza Ghareeb Shah</t>
  </si>
  <si>
    <t>Bast Sheir Muhamm</t>
  </si>
  <si>
    <t>GPS HUSNAIN ABAD</t>
  </si>
  <si>
    <t>moza bait dewan bakhri ahmad khan kot sultan layyah</t>
  </si>
  <si>
    <t>muhammad sarfaraz ahmad</t>
  </si>
  <si>
    <t>GPS HUSSA JAJJA</t>
  </si>
  <si>
    <t>GPS hussa jajja</t>
  </si>
  <si>
    <t>Sukinwind</t>
  </si>
  <si>
    <t>GPS HUSSAIN ABAD NO.2</t>
  </si>
  <si>
    <t>Ahmad yar Tanwri</t>
  </si>
  <si>
    <t>basti sadaat mauza ahmad yar tanwri tehsil lqp district rahim yar khan</t>
  </si>
  <si>
    <t>GPS HUSSAIN ABAD SANI, ABDUL HAKIM</t>
  </si>
  <si>
    <t>HUSSAIN ABAD Sani</t>
  </si>
  <si>
    <t>HUSSAIN ABAD SANI MARKAZ ABDUL HAKIM TEHSIL KABIRWALA DISTRICT KHANEWAL</t>
  </si>
  <si>
    <t>HUSSAIN ABAD SANI</t>
  </si>
  <si>
    <t>UMEED GARH</t>
  </si>
  <si>
    <t>GPS HUSSAIN KOT</t>
  </si>
  <si>
    <t>HUSSAIN KOT</t>
  </si>
  <si>
    <t>HUSSAIN KOT p/o bonga hyat Pakpattan</t>
  </si>
  <si>
    <t>Zeeshan Farid</t>
  </si>
  <si>
    <t>GPS HUSSAIN NAGAR</t>
  </si>
  <si>
    <t>kotla nawqb</t>
  </si>
  <si>
    <t>mouza kotla nawab</t>
  </si>
  <si>
    <t>Hussain nagar</t>
  </si>
  <si>
    <t>M Abid Khan</t>
  </si>
  <si>
    <t>GPS HUSSAIN PUR</t>
  </si>
  <si>
    <t>Hussain pur</t>
  </si>
  <si>
    <t>Muhammad Zaryab Zafar</t>
  </si>
  <si>
    <t>GPS HUSSAIN PURA BERI WALA</t>
  </si>
  <si>
    <t>Hussain Pura</t>
  </si>
  <si>
    <t>Muhallah Hussain pura Beriwala</t>
  </si>
  <si>
    <t>Dernka Lalka</t>
  </si>
  <si>
    <t>Muhammad Tayyab Qazi</t>
  </si>
  <si>
    <t>GPS HUSSEKI</t>
  </si>
  <si>
    <t>Husseke Awal tehsil pindi bhattian district hafizabad</t>
  </si>
  <si>
    <t>Muhammad Taqi</t>
  </si>
  <si>
    <t>GPS HYDER ABAD</t>
  </si>
  <si>
    <t>Hyder Abad</t>
  </si>
  <si>
    <t>SABIR HUSSAIN</t>
  </si>
  <si>
    <t>GPS HYDER WAHAN</t>
  </si>
  <si>
    <t>Haider Wahan Teh Kot chutta DG Khan</t>
  </si>
  <si>
    <t>Muhammad Khushhal</t>
  </si>
  <si>
    <t>GPS HYDERABAD</t>
  </si>
  <si>
    <t>Muhallah Bakht ali khan</t>
  </si>
  <si>
    <t>Bakht Ali Khan</t>
  </si>
  <si>
    <t>Khawaja Muhammad Ishaq</t>
  </si>
  <si>
    <t>GPS IBRAHIM KAMBOH</t>
  </si>
  <si>
    <t>basti. ibrahim   kamboh</t>
  </si>
  <si>
    <t>GPS IBRAHIM KHEL PO TRAGH ISA KHEL MIANWALI</t>
  </si>
  <si>
    <t>Sharki</t>
  </si>
  <si>
    <t>Mohalla ibrahimkhel Trag</t>
  </si>
  <si>
    <t>faiz rasool shah</t>
  </si>
  <si>
    <t>GPS IBRAHIM PUR JADEED, P/O CHAK HAIDER ABAD, NAWAN SHEHR</t>
  </si>
  <si>
    <t>khoo balochaa wala mouza Rasoolpur ibrahimpur jadeed</t>
  </si>
  <si>
    <t>Muhammad shafiq u rehman</t>
  </si>
  <si>
    <t>GPS IBRAHIM WALA</t>
  </si>
  <si>
    <t>Khakh wala mouza panwar shumali mehmood kot city tehsil kotaddu</t>
  </si>
  <si>
    <t>Khakh Wala</t>
  </si>
  <si>
    <t>Abdul Rafay</t>
  </si>
  <si>
    <t>GPS ICHHAR</t>
  </si>
  <si>
    <t>ichar shah pur sargodha</t>
  </si>
  <si>
    <t>GPS ICHRIAL</t>
  </si>
  <si>
    <t>village Ichral, post office Gaggan, tehsil Fateh jang, District Attock</t>
  </si>
  <si>
    <t>GPS IFTIKHAR ABAD</t>
  </si>
  <si>
    <t>shah jewana city</t>
  </si>
  <si>
    <t>Iftikhar Abad</t>
  </si>
  <si>
    <t>Abdur Rehman Javied</t>
  </si>
  <si>
    <t>GPS IHSAN ABAD</t>
  </si>
  <si>
    <t>Gps ehsan abad basti rehmani sial mouza murad pur sial</t>
  </si>
  <si>
    <t>Basti Rehmani Sial</t>
  </si>
  <si>
    <t>GPS IHSAN PUR, P/O MAAN KOT, NAWAN SHEHR</t>
  </si>
  <si>
    <t>mouza salar wahin nau</t>
  </si>
  <si>
    <t>Man Kot</t>
  </si>
  <si>
    <t>GPS IHTISHAM COLONY MANANWALA</t>
  </si>
  <si>
    <t>Madeena Town Mananwala</t>
  </si>
  <si>
    <t>Mc Mananwala</t>
  </si>
  <si>
    <t>Mehar Elahi</t>
  </si>
  <si>
    <t>GPS IKHLAS</t>
  </si>
  <si>
    <t>VPO ikhlas</t>
  </si>
  <si>
    <t>GPS IKHLAS SHARKI</t>
  </si>
  <si>
    <t>near union council VPO ikhlas</t>
  </si>
  <si>
    <t>GPS IKHTIAR KHAN</t>
  </si>
  <si>
    <t>Bhumbha</t>
  </si>
  <si>
    <t>Basti Ikhtiar khan moza bhumbha u/c Harrand teh.Jampur</t>
  </si>
  <si>
    <t>Water coolers</t>
  </si>
  <si>
    <t>GPS ILYAS COLONY</t>
  </si>
  <si>
    <t>shkiupura road main bazar ilyas colony</t>
  </si>
  <si>
    <t>Arshad Javaid</t>
  </si>
  <si>
    <t>GPS ILYAS WALA PO THATHI SAMEEJA</t>
  </si>
  <si>
    <t>Ilyas Wala moza Thathi Sameja</t>
  </si>
  <si>
    <t>Ilyas Wala</t>
  </si>
  <si>
    <t>Riaz Yousaf Sajid</t>
  </si>
  <si>
    <t>GPS IMAM BAKHASH ARAIN</t>
  </si>
  <si>
    <t>post office jan pur.teh.liaquat pur.distt.Rahim yar khan</t>
  </si>
  <si>
    <t>Imam Bux Arain</t>
  </si>
  <si>
    <t>GPS IMAM BAKHSH QADEEM</t>
  </si>
  <si>
    <t>Turkry</t>
  </si>
  <si>
    <t>Moza Turkry  tehsil Liaqat pur Dissthe RYK</t>
  </si>
  <si>
    <t>Malik Abdul Ghafoor</t>
  </si>
  <si>
    <t>GPS IMAM SHAH</t>
  </si>
  <si>
    <t>Basti Sachal Khan Mazari, Kacha Chohan.</t>
  </si>
  <si>
    <t>Basti Sachal Khan Mazari</t>
  </si>
  <si>
    <t>GPS IMAMOON ARAIN</t>
  </si>
  <si>
    <t>IMAMOON ARAIN</t>
  </si>
  <si>
    <t>Adda zahirpeer mame wala stop</t>
  </si>
  <si>
    <t>Imamoon arain</t>
  </si>
  <si>
    <t>GPS IMDAD HUSSAIN</t>
  </si>
  <si>
    <t>Basti Babbi P/O nutkani teh taunsa distt D.G Khan</t>
  </si>
  <si>
    <t>GPS IMRAN ABAD</t>
  </si>
  <si>
    <t>moza hamuwala basti chandia fazilpur district rajanpur</t>
  </si>
  <si>
    <t>GPS INAYAT HUSSIAN SHAH</t>
  </si>
  <si>
    <t>Basti inayet Hussain shah,P/O Sardar garh Teh.&amp;Dist. Rahim Yar Khan</t>
  </si>
  <si>
    <t>Basti Inayet Hussain Shah</t>
  </si>
  <si>
    <t>Masood Ahmed Shad</t>
  </si>
  <si>
    <t>GPS INAYAT SHAH</t>
  </si>
  <si>
    <t>INAYAT SHAH</t>
  </si>
  <si>
    <t>GPS INAYAT SHAH  TEHSIL AHMAD PUR SIAL DISTRICT JHANG</t>
  </si>
  <si>
    <t>GPS INAYAT SHAH NO.2</t>
  </si>
  <si>
    <t>basti anayat  shah</t>
  </si>
  <si>
    <t>basti anayat shah</t>
  </si>
  <si>
    <t>GPS INJRA</t>
  </si>
  <si>
    <t>VPO Injra Tehsil Jand Distt Attock</t>
  </si>
  <si>
    <t>Rafiullah Khan</t>
  </si>
  <si>
    <t>GPS INJRA AFGHANA</t>
  </si>
  <si>
    <t>village  injra Afghanan  post office  injra Rs. Tehsil jand District  Attock</t>
  </si>
  <si>
    <t>Infra Afghanan</t>
  </si>
  <si>
    <t>GPS IQBAL FARM</t>
  </si>
  <si>
    <t>mirdad muafi</t>
  </si>
  <si>
    <t>chak iqbal farm</t>
  </si>
  <si>
    <t>iqbal frm</t>
  </si>
  <si>
    <t>GPS IQBAL KOT FARID</t>
  </si>
  <si>
    <t>Rehmanpora</t>
  </si>
  <si>
    <t>Iqbal kot farid</t>
  </si>
  <si>
    <t>GPS IQBAL LATAKA</t>
  </si>
  <si>
    <t>Dhoke lattaka p/o dhoke miani</t>
  </si>
  <si>
    <t>Dhoke Lattaka</t>
  </si>
  <si>
    <t>Sher Hussain</t>
  </si>
  <si>
    <t>GPS IQBAL MODEL SAMANABAD</t>
  </si>
  <si>
    <t>govt, Iqbal model p / s samanabad lhr</t>
  </si>
  <si>
    <t>Rizwana Munir Durani</t>
  </si>
  <si>
    <t>GPS IQBAL NAGAR (CHAK NO. 148 TDA)</t>
  </si>
  <si>
    <t>Lohanch Thal Jhandi</t>
  </si>
  <si>
    <t>Chak No. 148-A TDA Tehsil &amp; District Layyah</t>
  </si>
  <si>
    <t>Chak No. 148-A / TDA</t>
  </si>
  <si>
    <t>Layyah Thal Jhandi</t>
  </si>
  <si>
    <t>Shafqat Hayyat</t>
  </si>
  <si>
    <t>GPS IQBAL NAGHAR</t>
  </si>
  <si>
    <t>Iqbalnagar</t>
  </si>
  <si>
    <t>basti rais bahar iqbal nagar</t>
  </si>
  <si>
    <t>Basti Bahar</t>
  </si>
  <si>
    <t>Naila Hanif</t>
  </si>
  <si>
    <t>GPS IQBAL PURA</t>
  </si>
  <si>
    <t>Basti Iqbal Pura</t>
  </si>
  <si>
    <t>GPS IQBAL RAHIM TOWN</t>
  </si>
  <si>
    <t>rahim Town shakrial Rawalpindi</t>
  </si>
  <si>
    <t>Shakrial North</t>
  </si>
  <si>
    <t>Amrina Javed</t>
  </si>
  <si>
    <t>GPS IQBAL SAJID WALA</t>
  </si>
  <si>
    <t>Borani wala Moza Makhan Bela P/O Rohillanwali Tehsil &amp; District Muzaffargarh</t>
  </si>
  <si>
    <t>Borani Wala</t>
  </si>
  <si>
    <t>Faiz Bakhsh Shamsi</t>
  </si>
  <si>
    <t>GPS IQBAL-UL-ALOOM</t>
  </si>
  <si>
    <t>Kot Jannon</t>
  </si>
  <si>
    <t>chah gagin wala kot janon jampur</t>
  </si>
  <si>
    <t>Gagin Walla</t>
  </si>
  <si>
    <t>GPS IRFAN ABAD COLONY</t>
  </si>
  <si>
    <t>M/C JAMPUR</t>
  </si>
  <si>
    <t>GPS ISAM NAGAR</t>
  </si>
  <si>
    <t>gbps islam nagar khan pur</t>
  </si>
  <si>
    <t>Bsti Burrah</t>
  </si>
  <si>
    <t>Danish jalil</t>
  </si>
  <si>
    <t>GPS ISANI</t>
  </si>
  <si>
    <t>Rulahri</t>
  </si>
  <si>
    <t>BASTI essani</t>
  </si>
  <si>
    <t>GPS ISHAQ ABAD</t>
  </si>
  <si>
    <t>Trag gharbi</t>
  </si>
  <si>
    <t>Mohallah Ishaq Abad Trag</t>
  </si>
  <si>
    <t>GPS ISHHAAQI THAL</t>
  </si>
  <si>
    <t>Phahar Sr</t>
  </si>
  <si>
    <t>P/0 Fort Munro</t>
  </si>
  <si>
    <t>Basti Ghlum Hussain</t>
  </si>
  <si>
    <t>Nohak khan</t>
  </si>
  <si>
    <t>GPS ISLAH MODEL PINDI BHATTIAN</t>
  </si>
  <si>
    <t>GPS ISLAH MODEO PINDI BHATTIAN EMIS CODE 34520047</t>
  </si>
  <si>
    <t>Muhammad Mohtisham Khan</t>
  </si>
  <si>
    <t>GPS ISLAM HERAJ, SARAI SIDHU</t>
  </si>
  <si>
    <t>islam heraj</t>
  </si>
  <si>
    <t>moza islam heraj</t>
  </si>
  <si>
    <t>muhammad saleem</t>
  </si>
  <si>
    <t>GPS ISLAM NAGAR</t>
  </si>
  <si>
    <t>p\ o Haveli lakha Islam nagar tehsil depal pur (okakra)</t>
  </si>
  <si>
    <t>Muhammad Jhangir</t>
  </si>
  <si>
    <t>GPS ISLAM NAGAR GUJRAT</t>
  </si>
  <si>
    <t>Asia tahir</t>
  </si>
  <si>
    <t>GPS ISLAM NAGAR P.O 131 EB</t>
  </si>
  <si>
    <t>Islam nagar p.o 131/e.b</t>
  </si>
  <si>
    <t>ISLAM NAGAR</t>
  </si>
  <si>
    <t>Umar Altaf</t>
  </si>
  <si>
    <t>GPS ISLAM NAGER</t>
  </si>
  <si>
    <t>islam nagar check no. 81 rb teh shahkot distt.nankana sahib</t>
  </si>
  <si>
    <t>Dalla Jermian</t>
  </si>
  <si>
    <t>Ajmal Farooq</t>
  </si>
  <si>
    <t>GPS ISLAM PUR LOKRI</t>
  </si>
  <si>
    <t>Hatti Wind</t>
  </si>
  <si>
    <t>Islam pur lokri hattiwind tehsil bhera distt sargodha</t>
  </si>
  <si>
    <t>Islam pur Lokari</t>
  </si>
  <si>
    <t>Faisal Adnan Gondal</t>
  </si>
  <si>
    <t>GPS ISLAM PUR MARRAL P/O QADIR PUR LAR</t>
  </si>
  <si>
    <t>Qadirpur Lar</t>
  </si>
  <si>
    <t>JHOK wala moza Qadirpur Lar multan sadar</t>
  </si>
  <si>
    <t>JHOK wala</t>
  </si>
  <si>
    <t>GPS ISLAM PURA BASTI ISLAM PUR MULTAN</t>
  </si>
  <si>
    <t>Alamdi Sura</t>
  </si>
  <si>
    <t>5 Marla scheme Suraj Miani Purani pull multan</t>
  </si>
  <si>
    <t>Feroz colony</t>
  </si>
  <si>
    <t>Sakhawat Hussain</t>
  </si>
  <si>
    <t>GPS ISLAM PURA CHAK NO.17 NB</t>
  </si>
  <si>
    <t>Chak No 17 NB</t>
  </si>
  <si>
    <t>Islam pura chak no 17 NB p.o khas tehsil bhalwal district sargodha</t>
  </si>
  <si>
    <t>Islam Pura Chak 17NB</t>
  </si>
  <si>
    <t>GPS ISLAM PURA GOJRA</t>
  </si>
  <si>
    <t>Islam pura gojra</t>
  </si>
  <si>
    <t>GPS ISLAM PURA KUSHAB</t>
  </si>
  <si>
    <t>muhallah islam pura khushab</t>
  </si>
  <si>
    <t>MC KHUSHAB</t>
  </si>
  <si>
    <t>GPS ISLAM WALI MAUZA DAKHANA GHARO</t>
  </si>
  <si>
    <t>DHAKANA GHAROO</t>
  </si>
  <si>
    <t>near basti kheway wala</t>
  </si>
  <si>
    <t>Kheway wala</t>
  </si>
  <si>
    <t>GPS ISLAMI MADRISA RAJA COLONY</t>
  </si>
  <si>
    <t>Raja Colony</t>
  </si>
  <si>
    <t>raja colony metropoll road faisalabad</t>
  </si>
  <si>
    <t>Sajid Ghafoor  Gill</t>
  </si>
  <si>
    <t>GPS ISLAMIA AHMED ABAD</t>
  </si>
  <si>
    <t>Gps Islamia mandi ahmad abad</t>
  </si>
  <si>
    <t>Shahid Saleem Ahmad</t>
  </si>
  <si>
    <t>GPS ISLAMIA BHALWAL BLOCK NO 3</t>
  </si>
  <si>
    <t>Block No 3 Bhalwal</t>
  </si>
  <si>
    <t>Bhalwal I</t>
  </si>
  <si>
    <t>GPS ISLAMIA BOARDING</t>
  </si>
  <si>
    <t>muhallah Jillani colony narowal</t>
  </si>
  <si>
    <t>Nabila Khadim</t>
  </si>
  <si>
    <t>GPS ISLAMIA COMMITTEE NAROWAL</t>
  </si>
  <si>
    <t>govt islamia primary committee school narowal</t>
  </si>
  <si>
    <t>MC#2</t>
  </si>
  <si>
    <t>GPS ISLAMIA GHOUSIA KEHROR PACCA</t>
  </si>
  <si>
    <t>Kehror</t>
  </si>
  <si>
    <t>GPS Islamia ghousia Kehror Pacca</t>
  </si>
  <si>
    <t>non</t>
  </si>
  <si>
    <t>Bakshi wala</t>
  </si>
  <si>
    <t>GPS ISLAMIA JIA MUSA</t>
  </si>
  <si>
    <t>Main bazar jia musa shahdara</t>
  </si>
  <si>
    <t>Shahbaz Mukhtar</t>
  </si>
  <si>
    <t>GPS ISLAMIA KOT MOMIN</t>
  </si>
  <si>
    <t>GPS islamia moazam abad road kotmomin</t>
  </si>
  <si>
    <t>Kotmomin City</t>
  </si>
  <si>
    <t>GPS ISLAMIA MODEL KAMALIA</t>
  </si>
  <si>
    <t>Mph. Islamia kamalia</t>
  </si>
  <si>
    <t>Muhammad Amin Siddiqui</t>
  </si>
  <si>
    <t>GPS ISLAMIA MUHAMMADIA GHOUSIA BHERA</t>
  </si>
  <si>
    <t>Mohala haji gulab Bhera</t>
  </si>
  <si>
    <t>SHAFIQ UR Rehman Malik</t>
  </si>
  <si>
    <t>GPS ISLAMIA NO.1 JALAL PUR JATTAN</t>
  </si>
  <si>
    <t>circular road opposite  national bank . jpj</t>
  </si>
  <si>
    <t>GPS ISLAMIA NO.2 JP JATTAN</t>
  </si>
  <si>
    <t>Adda Tam Tam Jalal Pur Jattan</t>
  </si>
  <si>
    <t>Murtaza Sadiq</t>
  </si>
  <si>
    <t>GPS ISLAMIA P.D. KHAN</t>
  </si>
  <si>
    <t>PD KHAN</t>
  </si>
  <si>
    <t>MOHALLAH ISLAMIA SCHOOL PD KHAN</t>
  </si>
  <si>
    <t>GPS ISLAMIA RATTA AMRAL</t>
  </si>
  <si>
    <t>gps islamia ratta amral rwp</t>
  </si>
  <si>
    <t>Najam um Nisa</t>
  </si>
  <si>
    <t>GPS ISLAMPUR  SEHANIAN</t>
  </si>
  <si>
    <t>sehnian afghana</t>
  </si>
  <si>
    <t>Sehnian</t>
  </si>
  <si>
    <t>Qasir Abbas</t>
  </si>
  <si>
    <t>GPS ISMAEEL BALOCHAN</t>
  </si>
  <si>
    <t>Ismael Balochan</t>
  </si>
  <si>
    <t>GPS ismaeel Balochan</t>
  </si>
  <si>
    <t>Ismaeel Balochan</t>
  </si>
  <si>
    <t>GPS ISMAEEL PUR RATTIKA</t>
  </si>
  <si>
    <t>Ismaeel pur Ratteka</t>
  </si>
  <si>
    <t>Ismaeel pur Ratteka Tehsile Minchinabad District Bahawal Nagar</t>
  </si>
  <si>
    <t>Pir Ghar</t>
  </si>
  <si>
    <t>GPS ISMAEL ABAD</t>
  </si>
  <si>
    <t>Derawarwah</t>
  </si>
  <si>
    <t>Basti tariqabad</t>
  </si>
  <si>
    <t>Muhammad Afraz Ali</t>
  </si>
  <si>
    <t>GPS ISMAEL PUR</t>
  </si>
  <si>
    <t>Haji Jhabel</t>
  </si>
  <si>
    <t>basti vains mauza Haji Jhabel P/O Hatheji Tehsil Ahmad Pur East</t>
  </si>
  <si>
    <t>Basti Vains</t>
  </si>
  <si>
    <t>Shehzad ahmad sial</t>
  </si>
  <si>
    <t>GPS ISMAIL</t>
  </si>
  <si>
    <t>v.Ismail p.o kot fateh khan tehsil fateh jang Dist.Attock</t>
  </si>
  <si>
    <t>GPS ISMAIL ABAD HASUU BALIL</t>
  </si>
  <si>
    <t>Govt p/s ismailabad</t>
  </si>
  <si>
    <t>Muhammad Yousaf Nasir</t>
  </si>
  <si>
    <t>GPS ISMAIL PUR</t>
  </si>
  <si>
    <t>ismail pur wazirabad</t>
  </si>
  <si>
    <t>Fayyaz Nabi</t>
  </si>
  <si>
    <t>GPS ISMAIL WAL</t>
  </si>
  <si>
    <t>Ismailwal</t>
  </si>
  <si>
    <t>po gharib wal cement factory tehsil pind dadan khan district jhelum</t>
  </si>
  <si>
    <t>M Arshid</t>
  </si>
  <si>
    <t>GPS ISRA KAMBOH</t>
  </si>
  <si>
    <t>Esra kamboh</t>
  </si>
  <si>
    <t>esra kamboh teh depalpur district okara..</t>
  </si>
  <si>
    <t>Shabbir Hussain Sajid</t>
  </si>
  <si>
    <t>GPS ITTEHAD COLONY MULTAN</t>
  </si>
  <si>
    <t>GPS ittehad colony</t>
  </si>
  <si>
    <t>GPS ITTEHAD NAGAR</t>
  </si>
  <si>
    <t>ittehad nagar jatri kohna tehsil &amp; district sheikhupura</t>
  </si>
  <si>
    <t>Ittehad Nagar</t>
  </si>
  <si>
    <t>GPS JAAMKE</t>
  </si>
  <si>
    <t>Jaamkey</t>
  </si>
  <si>
    <t>jaamkey</t>
  </si>
  <si>
    <t>Jamkey</t>
  </si>
  <si>
    <t>GPS JABA (DAKHNAIR)</t>
  </si>
  <si>
    <t>Jaba union counsel dakhnair teh&amp; distt. Attick</t>
  </si>
  <si>
    <t>Muhammad Nafees</t>
  </si>
  <si>
    <t>GPS JABA V DAKHLI SETHI</t>
  </si>
  <si>
    <t>Dhoke Jaba Vs Dakhli Sthi</t>
  </si>
  <si>
    <t>vill. dhoke jaba vs dakhli sethi P.O Nurpur Teh. kallar kahar Distt. Chakwal</t>
  </si>
  <si>
    <t>Dhoke Jaba Vs Dakhli Sethi</t>
  </si>
  <si>
    <t>Syed Obaid Ullah Bokhari</t>
  </si>
  <si>
    <t>GPS JABANA</t>
  </si>
  <si>
    <t>GOVT PS JABANA</t>
  </si>
  <si>
    <t>MOHAMMAD MUNSHA</t>
  </si>
  <si>
    <t>GPS JABBAL</t>
  </si>
  <si>
    <t>jabbal po khas tehsil zafarwal district narowal</t>
  </si>
  <si>
    <t>Rashid Tanveer</t>
  </si>
  <si>
    <t>GPS JABBI</t>
  </si>
  <si>
    <t>VPO Jabbi Tehsil and District Chakwal</t>
  </si>
  <si>
    <t>GPS JABBI (JHAMAT)</t>
  </si>
  <si>
    <t>village jabbi teh jand distt attock</t>
  </si>
  <si>
    <t>GPS JABBI GHARBI</t>
  </si>
  <si>
    <t>GPS jabbi gharbi.v.p.o. jabbi .The &amp; distt .khushab</t>
  </si>
  <si>
    <t>GPS JABBI QAZIAN</t>
  </si>
  <si>
    <t>Dhok Jabbi</t>
  </si>
  <si>
    <t>dhok jabbi gpo toha mehram khan talagang distt chakwal</t>
  </si>
  <si>
    <t>GPS JABOWAL</t>
  </si>
  <si>
    <t>P/o KAMAR mushani BILAL colony Jabowal</t>
  </si>
  <si>
    <t>BILAL Colony</t>
  </si>
  <si>
    <t>Tani Khail</t>
  </si>
  <si>
    <t>Maskeen  Ullah Khan</t>
  </si>
  <si>
    <t>GPS JADA CHANDIA</t>
  </si>
  <si>
    <t>jada Chandia</t>
  </si>
  <si>
    <t>Basti Jada Chandai Mouza Jada Chandia P.O Basira Tehsil &amp; District Muzaffargarh</t>
  </si>
  <si>
    <t>GPS JADAH</t>
  </si>
  <si>
    <t>jadah shahdara town Lahore</t>
  </si>
  <si>
    <t>Jadah</t>
  </si>
  <si>
    <t>Mujeed  Park</t>
  </si>
  <si>
    <t>MUHAMMAD YASEEN</t>
  </si>
  <si>
    <t>GPS JADAY WALI</t>
  </si>
  <si>
    <t>Jaday wali Union Lakhani tehsil taunsa district Dg khan</t>
  </si>
  <si>
    <t>Jaday Wali</t>
  </si>
  <si>
    <t>Ubaid ullah</t>
  </si>
  <si>
    <t>city water supply</t>
  </si>
  <si>
    <t>GPS JADEED BAHADUR WALA</t>
  </si>
  <si>
    <t>Hinjrai Mustaqil Gharbi</t>
  </si>
  <si>
    <t>basti chandia hinjrai mustaqil gharb</t>
  </si>
  <si>
    <t>Bangla Hinjrai</t>
  </si>
  <si>
    <t>Hinjrai 2</t>
  </si>
  <si>
    <t>GPS JADEED HATYAN</t>
  </si>
  <si>
    <t>Jadeed Hatiyan</t>
  </si>
  <si>
    <t>chak no.86ml Tehsil Karor Lal Esan District Layyah</t>
  </si>
  <si>
    <t>75A TDA</t>
  </si>
  <si>
    <t>GPS JADEED MOSIYANI</t>
  </si>
  <si>
    <t>Kotla Meeran</t>
  </si>
  <si>
    <t>p/o Murghai kotla meeran GPS Jadeed Mosiyani teh and dist. Rajanpur</t>
  </si>
  <si>
    <t>GPS JADEED QURESHI</t>
  </si>
  <si>
    <t>Piru Wali</t>
  </si>
  <si>
    <t>basti noshera qureshi mouza piru wali tehsile alipur district m.garh</t>
  </si>
  <si>
    <t>Noshera Qureshi</t>
  </si>
  <si>
    <t>Maher Sabir Hussain</t>
  </si>
  <si>
    <t>GPS JADO LAKH</t>
  </si>
  <si>
    <t>Jado</t>
  </si>
  <si>
    <t>basti jadu uc mithwan</t>
  </si>
  <si>
    <t>GPS JAFAR ALI SHAH PO MALKA HANS</t>
  </si>
  <si>
    <t>Chak Jafar Ali Shah</t>
  </si>
  <si>
    <t>chak jafar Ali shah</t>
  </si>
  <si>
    <t>Jafar Ali Shah</t>
  </si>
  <si>
    <t>Hasham Ali</t>
  </si>
  <si>
    <t>GPS JAFAR KOT</t>
  </si>
  <si>
    <t>Jaffar Pur</t>
  </si>
  <si>
    <t>Basti Jafar pur 156-p road Sadiq Abad.</t>
  </si>
  <si>
    <t>GPS JAFFAR</t>
  </si>
  <si>
    <t>Village and post office jaffar</t>
  </si>
  <si>
    <t>AJuwala</t>
  </si>
  <si>
    <t>GPS JAFFAR CHACHAR</t>
  </si>
  <si>
    <t>Kacha Mianwali # 1</t>
  </si>
  <si>
    <t>basti Jaffar chachar</t>
  </si>
  <si>
    <t>Jaffar Chachar</t>
  </si>
  <si>
    <t>Abdull Qadeer Khan</t>
  </si>
  <si>
    <t>GPS JAGAL</t>
  </si>
  <si>
    <t>Jagal</t>
  </si>
  <si>
    <t>Government Boys Primary School Jagal</t>
  </si>
  <si>
    <t>Gohar Nawaz Khan</t>
  </si>
  <si>
    <t>GPS JAGEER BHATTI DAHRI</t>
  </si>
  <si>
    <t>Chak No13/BC</t>
  </si>
  <si>
    <t>Basti  Gardran  Chak No. 13/BC Bahawalpur Saddar</t>
  </si>
  <si>
    <t>Basti Gardran</t>
  </si>
  <si>
    <t>MUHAMMAD  IDREES</t>
  </si>
  <si>
    <t>GPS JAGEER SARANI</t>
  </si>
  <si>
    <t>GPS Jageer Sarani Moza Chohar Wala UC Hayat Lar Tehsile Liaqat Pur District Rahim Yar Khan</t>
  </si>
  <si>
    <t>Shah Muhammad Shakir</t>
  </si>
  <si>
    <t>GPS JAGGA SANATEKA</t>
  </si>
  <si>
    <t>Jagga Sanateka</t>
  </si>
  <si>
    <t>Chak rany wala moza jagga sanateka tehsil and district bahawal nagar</t>
  </si>
  <si>
    <t>Sobia Masood</t>
  </si>
  <si>
    <t>GPS JAGGIAN HITHAR</t>
  </si>
  <si>
    <t>Jaggian Hither</t>
  </si>
  <si>
    <t>Jaggian Hither post office khudian</t>
  </si>
  <si>
    <t>Jaggian</t>
  </si>
  <si>
    <t>Veeram Hither</t>
  </si>
  <si>
    <t>GPS JAGGU</t>
  </si>
  <si>
    <t>Vilage Jaggu tehsil  Sarai Almgir district Gujrat Pakistan</t>
  </si>
  <si>
    <t>jaggu</t>
  </si>
  <si>
    <t>Abid Mehmood</t>
  </si>
  <si>
    <t>GPS JAGO KE GHUMMAN</t>
  </si>
  <si>
    <t>Jago Kay ghumman tehsil pattoki district kasur</t>
  </si>
  <si>
    <t>Jago Kay Ghumman</t>
  </si>
  <si>
    <t>GPS JAGO WALA CHAK NO.4</t>
  </si>
  <si>
    <t>Jagoo Wala Chak 4</t>
  </si>
  <si>
    <t>gps jagoo wala chak 4</t>
  </si>
  <si>
    <t>Muhammad Siddique Rahi</t>
  </si>
  <si>
    <t>GPS JAGTA</t>
  </si>
  <si>
    <t>Jagta</t>
  </si>
  <si>
    <t>Village &amp; Post Office Jagta Jhelum</t>
  </si>
  <si>
    <t>GPS JAHABANA</t>
  </si>
  <si>
    <t>GPS jhabana</t>
  </si>
  <si>
    <t>Kcha Jhabana</t>
  </si>
  <si>
    <t>Muhammad Yusuf</t>
  </si>
  <si>
    <t>GPS JAHAN PUR</t>
  </si>
  <si>
    <t>Chak Jindo Shah</t>
  </si>
  <si>
    <t>Basti Allah Ditta Chairman chak Jindo shah</t>
  </si>
  <si>
    <t>Basti Allah Ditta Chairman</t>
  </si>
  <si>
    <t>GPS JAHAN PUR NO.2 P/O NOOR PUR, KABIRWALA</t>
  </si>
  <si>
    <t>Muhammad Arman Sohail</t>
  </si>
  <si>
    <t>GPS JAHAN PUR, P/O MAKHDOOM PUR, KABIRWALA</t>
  </si>
  <si>
    <t>Moza Jahan Pur Tehsil Kabirwala District Khanewal</t>
  </si>
  <si>
    <t>Muhammad Umar Hayat</t>
  </si>
  <si>
    <t>GPS JAHAN PURA</t>
  </si>
  <si>
    <t>Pir Ghar Chishti</t>
  </si>
  <si>
    <t>Gps Jahan pura, Tehsil Minchinabad, District Bahawalnagar.</t>
  </si>
  <si>
    <t>Jahan pura</t>
  </si>
  <si>
    <t>GPS JAHANA MIRALI</t>
  </si>
  <si>
    <t>Jahana mirali</t>
  </si>
  <si>
    <t>Jahana Merali HfgggfdhjfMerali</t>
  </si>
  <si>
    <t>Mazahir Hussain</t>
  </si>
  <si>
    <t>GPS JAHANA MOTHA MUZA MOTHA P/O KOTLA CHAKAR JPP.</t>
  </si>
  <si>
    <t>basti mosa wala mouza motha u/c kotla chakar tehsil jalal pur pir wala distt multan</t>
  </si>
  <si>
    <t>Jahana Motha</t>
  </si>
  <si>
    <t>GPS JAHANGIR</t>
  </si>
  <si>
    <t>village jahangir</t>
  </si>
  <si>
    <t>brokey kalan</t>
  </si>
  <si>
    <t>GPS JAHANGIR ABAD</t>
  </si>
  <si>
    <t>Thul Ali Muhammad Muhammad</t>
  </si>
  <si>
    <t>Thul ali Muhammad basti Jahangir Abad</t>
  </si>
  <si>
    <t>GPS JAHANGIR ABAD NEAR KHANEWAL ROAD MULTAN</t>
  </si>
  <si>
    <t>jahangir abad</t>
  </si>
  <si>
    <t>jahangir abad Multan</t>
  </si>
  <si>
    <t>Kashif Tayyab</t>
  </si>
  <si>
    <t>GPS JAHANGIR PURA</t>
  </si>
  <si>
    <t>Jahangirpura</t>
  </si>
  <si>
    <t>Govt. P/S Jahangirpura UC Mirza Virkan Markaz Sadar Sheikhupura</t>
  </si>
  <si>
    <t>Waqar Ahmad Wahla</t>
  </si>
  <si>
    <t>GPS JAHANIAN</t>
  </si>
  <si>
    <t>Jahsnian</t>
  </si>
  <si>
    <t>GPS JAHANIAN NO.2 JAHANIAN</t>
  </si>
  <si>
    <t>jahania city</t>
  </si>
  <si>
    <t>GPS JAHAR</t>
  </si>
  <si>
    <t>jahar tehsil and Distt Sialkot</t>
  </si>
  <si>
    <t>GPS JAID PUR</t>
  </si>
  <si>
    <t>Jaidpur</t>
  </si>
  <si>
    <t>village jaidpur p/o jalalpur jattan</t>
  </si>
  <si>
    <t>Alamgrah</t>
  </si>
  <si>
    <t>Yasir Iqbal</t>
  </si>
  <si>
    <t>GPS JAIDKE</t>
  </si>
  <si>
    <t>Jaidkay</t>
  </si>
  <si>
    <t>GPS Jaidkay</t>
  </si>
  <si>
    <t>imran iqbal</t>
  </si>
  <si>
    <t>GPS JAINDAY WALA P/O SIKINDARABAD</t>
  </si>
  <si>
    <t>Chaha jinday wala sikandarabad Shujabad Multan</t>
  </si>
  <si>
    <t>Jinday Wala</t>
  </si>
  <si>
    <t>GPS JAIR</t>
  </si>
  <si>
    <t>Jair</t>
  </si>
  <si>
    <t>GPS.Jair.f.w</t>
  </si>
  <si>
    <t>Check44</t>
  </si>
  <si>
    <t>MNadeem</t>
  </si>
  <si>
    <t>GPS JAISAK</t>
  </si>
  <si>
    <t>GPS Jaisak Tehsil Sahiwal District Sargodha</t>
  </si>
  <si>
    <t>GPS JAISAL</t>
  </si>
  <si>
    <t>JAISAL THAL JANDI</t>
  </si>
  <si>
    <t>BASTI JAISAL KLASRA</t>
  </si>
  <si>
    <t>BASTI JAISAL</t>
  </si>
  <si>
    <t>KOT SULTAN RURAL</t>
  </si>
  <si>
    <t>QAMAR HASSAN</t>
  </si>
  <si>
    <t>GPS JAISER WALA</t>
  </si>
  <si>
    <t>Jaiserwala</t>
  </si>
  <si>
    <t>GPS JAITO GALA</t>
  </si>
  <si>
    <t>Jaitogala</t>
  </si>
  <si>
    <t>jaitogala</t>
  </si>
  <si>
    <t>Rattan Gujran</t>
  </si>
  <si>
    <t>Fiaqa Manzoor</t>
  </si>
  <si>
    <t>GPS JAIVIAN</t>
  </si>
  <si>
    <t>GES JAIVAIN(up graded) Markaz Garh MahrajaTehsil Ahmad Pur SIAL Jhang</t>
  </si>
  <si>
    <t>Khizar Abbass Shah</t>
  </si>
  <si>
    <t>GPS JAJ</t>
  </si>
  <si>
    <t>Jaj</t>
  </si>
  <si>
    <t>p/o thackro Moza jaj tribal area DG khan</t>
  </si>
  <si>
    <t>water stream</t>
  </si>
  <si>
    <t>GPS JAJANWALA</t>
  </si>
  <si>
    <t>Jajanwala</t>
  </si>
  <si>
    <t>p.o box nangal jumshaid village jajanwala teh &amp; distt narowal</t>
  </si>
  <si>
    <t>Muhammad Rashid Khan</t>
  </si>
  <si>
    <t>GPS JAJJAL</t>
  </si>
  <si>
    <t>Post office  jajjal Tehsil Chunian District Kasur</t>
  </si>
  <si>
    <t>GPS JAJJAL MOSA</t>
  </si>
  <si>
    <t>Jajal Musa</t>
  </si>
  <si>
    <t>Jajal musa</t>
  </si>
  <si>
    <t>Naveeda Amanat</t>
  </si>
  <si>
    <t>GPS JAJJAL SARU</t>
  </si>
  <si>
    <t>Jajjal saru</t>
  </si>
  <si>
    <t>Jajjal Saru</t>
  </si>
  <si>
    <t>GPS JAJOGIL</t>
  </si>
  <si>
    <t>Jajogil</t>
  </si>
  <si>
    <t>village jajogill</t>
  </si>
  <si>
    <t>Mohammad Shakeel Ahmad</t>
  </si>
  <si>
    <t>GPS JAJOWAL</t>
  </si>
  <si>
    <t>Jajowal</t>
  </si>
  <si>
    <t>Villag jajowal p/o chakanwali teh gujrat</t>
  </si>
  <si>
    <t>GPS JAJOWALA</t>
  </si>
  <si>
    <t>JAJOWALA</t>
  </si>
  <si>
    <t>Village Jajowala tehsil &amp; distt Narowal</t>
  </si>
  <si>
    <t>GPS JAKHAR</t>
  </si>
  <si>
    <t>Village Jakhar P/o Bhaddar</t>
  </si>
  <si>
    <t>GPS JAKHAR IMAM SHAH</t>
  </si>
  <si>
    <t>Gps jakhar imam shah</t>
  </si>
  <si>
    <t>Sayyed Mehboob Haider Shah</t>
  </si>
  <si>
    <t>GPS JAL WALI</t>
  </si>
  <si>
    <t>GPS JALAL ABAD, TULAMBA</t>
  </si>
  <si>
    <t>Jalal abad markaz tulamba</t>
  </si>
  <si>
    <t>Noori Suhaag</t>
  </si>
  <si>
    <t>GPS JALAL KOT SANI</t>
  </si>
  <si>
    <t>Jalalkot Sani</t>
  </si>
  <si>
    <t>GPS Jalalkot Sani Depalpur District Okara</t>
  </si>
  <si>
    <t>Jalalkot sani</t>
  </si>
  <si>
    <t>Rattakhana</t>
  </si>
  <si>
    <t>Muhammad Saleem Akhtar</t>
  </si>
  <si>
    <t>GPS JALAL PUR KOHNA</t>
  </si>
  <si>
    <t>Jalalpur Kohna</t>
  </si>
  <si>
    <t>Jalalpur kohna post office Jalalpur Bhattian Teh; Pindi Bhattian Dist: Hafizabad</t>
  </si>
  <si>
    <t>GPS JALAL QUHAM</t>
  </si>
  <si>
    <t>Moza Jalal Quham, Tehsil Mailsi, District Vehari</t>
  </si>
  <si>
    <t>Israr Ahmad</t>
  </si>
  <si>
    <t>GPS JALAL WALA</t>
  </si>
  <si>
    <t>Chaak Gazrwani</t>
  </si>
  <si>
    <t>District and Tehsil D.G.Khan, Post office kala maoza chaak gazrwani chah jalal wala</t>
  </si>
  <si>
    <t>GPS JALALA</t>
  </si>
  <si>
    <t>village jalala tehsil taxila district rawalpindi</t>
  </si>
  <si>
    <t>Muhammad Mudassir Saeed</t>
  </si>
  <si>
    <t>GPS JALALANA</t>
  </si>
  <si>
    <t>vill. Jalal Ana P/O Mian Raheeman Teh. &amp; Distt. Hafizabad</t>
  </si>
  <si>
    <t>Naharyan Wala</t>
  </si>
  <si>
    <t>GPS JALAL-UD-DIN</t>
  </si>
  <si>
    <t>basti Jalal din</t>
  </si>
  <si>
    <t>Jalal Din</t>
  </si>
  <si>
    <t>GPS JALAN WALI</t>
  </si>
  <si>
    <t>Jallan Wali</t>
  </si>
  <si>
    <t>jallan wali p\o Mandi Ahmad Abad</t>
  </si>
  <si>
    <t>Bhella Gulag Singh</t>
  </si>
  <si>
    <t>Bashir Subhani</t>
  </si>
  <si>
    <t>GPS JALANDHER COLONY HASILPUR</t>
  </si>
  <si>
    <t>Jalandhar Colony</t>
  </si>
  <si>
    <t>GPS JALAP</t>
  </si>
  <si>
    <t>Jalap</t>
  </si>
  <si>
    <t>jalap, p.o.box chak maina, tehsil kotmomin, sargodha</t>
  </si>
  <si>
    <t>GPS JALAR SUGHLA</t>
  </si>
  <si>
    <t>Jhalar Saghla</t>
  </si>
  <si>
    <t>gps jhalar Saghla tehsil kamalia</t>
  </si>
  <si>
    <t>737/GB</t>
  </si>
  <si>
    <t>GPS JALBANI BASTI BUZDAR</t>
  </si>
  <si>
    <t>KOKO WAH</t>
  </si>
  <si>
    <t>GPS JALBANI</t>
  </si>
  <si>
    <t>JHOKE HAIDER WALI</t>
  </si>
  <si>
    <t>sajjad ahmad</t>
  </si>
  <si>
    <t>GPS JALEEYAH</t>
  </si>
  <si>
    <t>Jhallian</t>
  </si>
  <si>
    <t>village jhallian post office barki tehsil lahore cantt dist lahore</t>
  </si>
  <si>
    <t>Shams Ul Islam Sulehri</t>
  </si>
  <si>
    <t>GPS JALI WAHIN P/O RANGEEL PUR</t>
  </si>
  <si>
    <t>Jali Wahin</t>
  </si>
  <si>
    <t>mouza Basti jali wahin post office rangeelpur  Multan.</t>
  </si>
  <si>
    <t>GPS JALIAN WALA</t>
  </si>
  <si>
    <t>gps jalianwala p/o kamar mushani tehsil essa khel district mianwali</t>
  </si>
  <si>
    <t>jalian wala</t>
  </si>
  <si>
    <t>GPS JALIL PUR</t>
  </si>
  <si>
    <t>Jalil Pur</t>
  </si>
  <si>
    <t>sankhatra zafarwal</t>
  </si>
  <si>
    <t>GPS JALIL PUR, ABDUL HAKIM</t>
  </si>
  <si>
    <t>jaleel pur</t>
  </si>
  <si>
    <t>moza jalil pur</t>
  </si>
  <si>
    <t>jalil pur</t>
  </si>
  <si>
    <t>GPS JALIL WALA</t>
  </si>
  <si>
    <t>Chah kharora mouza meeran pur Khan Garh Muzaffargarh</t>
  </si>
  <si>
    <t>Chah Kharora</t>
  </si>
  <si>
    <t>GPS JALIY FETIANA</t>
  </si>
  <si>
    <t>Admeer ka thatha moza jalli fatiana tandlianwala fsd</t>
  </si>
  <si>
    <t>Admeer Ka Ththa</t>
  </si>
  <si>
    <t>ZAFAR IQBAL ASSI</t>
  </si>
  <si>
    <t>GPS JALLA ZAREEN</t>
  </si>
  <si>
    <t>Jalla Zaireen</t>
  </si>
  <si>
    <t>jalla zaireen</t>
  </si>
  <si>
    <t>Madiha Mahwish</t>
  </si>
  <si>
    <t>GPS JALLAH JEEM NO 1</t>
  </si>
  <si>
    <t>Jallahjeem</t>
  </si>
  <si>
    <t>jallahjeem</t>
  </si>
  <si>
    <t>GPS JALLAH PAHORE ABDUL HAKIM`</t>
  </si>
  <si>
    <t>Chah Gillan Wala Mauza Gobind Garh Kabirwala Khanewal</t>
  </si>
  <si>
    <t>Gillan Wala</t>
  </si>
  <si>
    <t>Naseer Ahmad Khan</t>
  </si>
  <si>
    <t>GPS JALLAL ABAD</t>
  </si>
  <si>
    <t>chak jalalabad moza Mari shouq Shah chishtian</t>
  </si>
  <si>
    <t>GPS JALLH JEEM NO 2</t>
  </si>
  <si>
    <t>Jallah Jeem</t>
  </si>
  <si>
    <t>muhalla wajar pur jallah jeem</t>
  </si>
  <si>
    <t>GPS JALLO DAKHLI PATHAR GARH</t>
  </si>
  <si>
    <t>Gps jallo dakhli pathar ghar</t>
  </si>
  <si>
    <t>Kot Sundky</t>
  </si>
  <si>
    <t>Sijjeel Khan</t>
  </si>
  <si>
    <t>GPS JALLO MORE</t>
  </si>
  <si>
    <t>jallo more</t>
  </si>
  <si>
    <t>Dogra E Kalan</t>
  </si>
  <si>
    <t>GPS JALLOKEY</t>
  </si>
  <si>
    <t>moza jaklokey p/o box usman wala kasur</t>
  </si>
  <si>
    <t>Thati Usman Wala</t>
  </si>
  <si>
    <t>GPS JALO CHAK</t>
  </si>
  <si>
    <t>jallo chak</t>
  </si>
  <si>
    <t>GPS JALO WALA</t>
  </si>
  <si>
    <t>Chorhata Shomali</t>
  </si>
  <si>
    <t>basti Dambrah block 56 chongi no. 11 dera ghazi khan</t>
  </si>
  <si>
    <t>Basti Dambrah</t>
  </si>
  <si>
    <t>GPS JALOKA</t>
  </si>
  <si>
    <t>GPS Jaloka Tehsil Kamalia District T.T. Singh</t>
  </si>
  <si>
    <t>GPS JALOKA JALMAN WALI</t>
  </si>
  <si>
    <t>Jaloka Jalman  Wali</t>
  </si>
  <si>
    <t>Moza Jaloka Jalman Wali</t>
  </si>
  <si>
    <t>Jaloka Jalmanwali</t>
  </si>
  <si>
    <t>Muhammad Asadullah</t>
  </si>
  <si>
    <t>GPS JALOKE SARGANA</t>
  </si>
  <si>
    <t>Jalloke Sargana</t>
  </si>
  <si>
    <t>Muhammad Naeem Khalid</t>
  </si>
  <si>
    <t>GPS JALOO SAHU</t>
  </si>
  <si>
    <t>Saho</t>
  </si>
  <si>
    <t>Bast Jalu Sahu mauza sahu tehsil jatoi</t>
  </si>
  <si>
    <t>Jalu Sahu</t>
  </si>
  <si>
    <t>Waqar HUSSAIN</t>
  </si>
  <si>
    <t>GPS JALWALA P/O JALWALA</t>
  </si>
  <si>
    <t>basti jalwala Moza Mattital Multan</t>
  </si>
  <si>
    <t>Basti Jalwala</t>
  </si>
  <si>
    <t>sultan ahmad shaheen</t>
  </si>
  <si>
    <t>GPS JAM</t>
  </si>
  <si>
    <t>Jam</t>
  </si>
  <si>
    <t>gps jam mouza jam p/o notak tehsil bhakkar</t>
  </si>
  <si>
    <t>Jam Wala</t>
  </si>
  <si>
    <t>GPS JAM AHMAD DIN</t>
  </si>
  <si>
    <t>Basti Mud Kalo post office mud kalo tehsil khan pur district rahim year khan</t>
  </si>
  <si>
    <t>Mud Kalo</t>
  </si>
  <si>
    <t>GPS JAM AHMED AHMED DIN KAVARD</t>
  </si>
  <si>
    <t>Kotla Meran</t>
  </si>
  <si>
    <t>basti jamm ahmad deen kewad</t>
  </si>
  <si>
    <t>Basti Kewad</t>
  </si>
  <si>
    <t>GPS JAM FAZIL</t>
  </si>
  <si>
    <t>basti matila post office uch Sharif Tehsil Ahmad pur east district Bahawalpur</t>
  </si>
  <si>
    <t>Maitla</t>
  </si>
  <si>
    <t>GPS JAM GARH</t>
  </si>
  <si>
    <t>Mirgarh</t>
  </si>
  <si>
    <t>Jamgarh</t>
  </si>
  <si>
    <t>Mir garh 289HR</t>
  </si>
  <si>
    <t>Falak Sher Abid</t>
  </si>
  <si>
    <t>GPS JAM GILL</t>
  </si>
  <si>
    <t>Jamgill</t>
  </si>
  <si>
    <t>jamgill</t>
  </si>
  <si>
    <t>Ghuchli Virk</t>
  </si>
  <si>
    <t>GPS JAM MUHAMMAD GASOORA</t>
  </si>
  <si>
    <t>khsnbela</t>
  </si>
  <si>
    <t>Basti Jam Sher Muhammad Gasoora</t>
  </si>
  <si>
    <t>GPS JAM QASIM WALA</t>
  </si>
  <si>
    <t>Jhanda Miane</t>
  </si>
  <si>
    <t>basti miyani jhanda  p/o bahader pur</t>
  </si>
  <si>
    <t>Miani Jkkjii District I i I i I i I i i i i I j U</t>
  </si>
  <si>
    <t>Hafiz muhammad Shafiq ur rehman</t>
  </si>
  <si>
    <t>GPS JAM RAZOO</t>
  </si>
  <si>
    <t>No1</t>
  </si>
  <si>
    <t>basti jam razzooo</t>
  </si>
  <si>
    <t>GPS JAMADAR WALA</t>
  </si>
  <si>
    <t>Rukan Wala</t>
  </si>
  <si>
    <t>chah jamadar wala</t>
  </si>
  <si>
    <t>Jamadarwala</t>
  </si>
  <si>
    <t>GPS JAMAIT PURA KASUR</t>
  </si>
  <si>
    <t>jamaat pura kasur</t>
  </si>
  <si>
    <t>Jamaat Pura</t>
  </si>
  <si>
    <t>City  Kasur</t>
  </si>
  <si>
    <t>GPS JAMAKI</t>
  </si>
  <si>
    <t>jamki</t>
  </si>
  <si>
    <t>machora</t>
  </si>
  <si>
    <t>GPS JAMAL ABAD</t>
  </si>
  <si>
    <t>moza Akbar Abad po basti molvian uc kotmehdishah</t>
  </si>
  <si>
    <t>Nabi Bukhsh</t>
  </si>
  <si>
    <t>GPS JAMAL ABAD P/O DAJAL</t>
  </si>
  <si>
    <t>GPS JAMAL CHANNAR</t>
  </si>
  <si>
    <t>Basti mosani moza jamal channar p/o Rehman abad teh sadar bwp district bwp</t>
  </si>
  <si>
    <t>M Rafique Abbasi</t>
  </si>
  <si>
    <t>GPS JAMAL DIN BHUK</t>
  </si>
  <si>
    <t>Basti Jamal Din Bhuk p/ o Malik pura Bahwal nagar</t>
  </si>
  <si>
    <t>Jamal Din Bhuk</t>
  </si>
  <si>
    <t>GPS JAMAL KHAIL</t>
  </si>
  <si>
    <t>Dera jamal khail vpo peelowains teh noor pur distt khushab</t>
  </si>
  <si>
    <t>GPS JAMAL MUHAMMAD NAICH</t>
  </si>
  <si>
    <t>Basti jamal M Naich</t>
  </si>
  <si>
    <t>Jamal M Naich</t>
  </si>
  <si>
    <t>Hafiz Muhammad Awais Aslam</t>
  </si>
  <si>
    <t>GPS JAMAL PUR ARAINA</t>
  </si>
  <si>
    <t>Jamal Pur Araian</t>
  </si>
  <si>
    <t>Jahangir Ali</t>
  </si>
  <si>
    <t>GPS JAMAL PUR TALI</t>
  </si>
  <si>
    <t>Jamal Pur Tahli</t>
  </si>
  <si>
    <t>Chuck Jamal Pur Tahli Pakpattan</t>
  </si>
  <si>
    <t>GPS JAMAL SHAH</t>
  </si>
  <si>
    <t>Wang 2 jamal shah</t>
  </si>
  <si>
    <t>GPS JAMAL WALA</t>
  </si>
  <si>
    <t>JAMAL wala Moza Qadirpur Bakhsha Tehsil&amp;district jhang</t>
  </si>
  <si>
    <t>JAMAL wala</t>
  </si>
  <si>
    <t>GPS JAMAL WALA P/O JALALPUR PIR WALA</t>
  </si>
  <si>
    <t>Kanhoo</t>
  </si>
  <si>
    <t>chah muhammad ali wala moza kanhoo jalal pur pir wala</t>
  </si>
  <si>
    <t>Chah Muhammad Ali Wala</t>
  </si>
  <si>
    <t>Muhammad Farhan Adil</t>
  </si>
  <si>
    <t>GPS JAMALA</t>
  </si>
  <si>
    <t>mouza dalana</t>
  </si>
  <si>
    <t>GPS JAMALIAN WALA</t>
  </si>
  <si>
    <t>Dera jamalianwala roda north</t>
  </si>
  <si>
    <t>GPS JAMAN</t>
  </si>
  <si>
    <t>Village jamman post office angoori</t>
  </si>
  <si>
    <t>Shamsa Pervaiz</t>
  </si>
  <si>
    <t>GPS JAMAN CHANDOWAL</t>
  </si>
  <si>
    <t>Village Saraan</t>
  </si>
  <si>
    <t>Govt Primary School Jaman Chandowal Waqia Saran</t>
  </si>
  <si>
    <t>Saaran</t>
  </si>
  <si>
    <t>GPS JAMAT-E-ISLAMI FAZILPUR</t>
  </si>
  <si>
    <t>Canal road right side fazilpur</t>
  </si>
  <si>
    <t>GPS JAMAY WALI</t>
  </si>
  <si>
    <t>bastijammywaliqadeempost office kot samaba rahim yar khan</t>
  </si>
  <si>
    <t>Jammay Wali Qadeem</t>
  </si>
  <si>
    <t>iqbal Ahmed</t>
  </si>
  <si>
    <t>GPS JAMI UL ALOOM DOULAT GATE MULTAN</t>
  </si>
  <si>
    <t>Sharif Pura Multan</t>
  </si>
  <si>
    <t>J block shah rukne alam colony Usman Pura multan</t>
  </si>
  <si>
    <t>Usman Pura Multan</t>
  </si>
  <si>
    <t>GPS JAMIA ABAD</t>
  </si>
  <si>
    <t>Jamiabad</t>
  </si>
  <si>
    <t>adda jamiabad tehsil bhowana distt chiniot</t>
  </si>
  <si>
    <t>Kurak Muhamdi Sharef</t>
  </si>
  <si>
    <t>GPS JAMIA ASHRAFIA GHOUSIA COLONY</t>
  </si>
  <si>
    <t>Nankana City</t>
  </si>
  <si>
    <t>ghousia colony nankanan sahib</t>
  </si>
  <si>
    <t>City 2 NNS</t>
  </si>
  <si>
    <t>GPS JAMIA HANFIA COLLEGE ROAD KASUR</t>
  </si>
  <si>
    <t>COLLAGE ROAD</t>
  </si>
  <si>
    <t>KOT MIR BAZ KHAN</t>
  </si>
  <si>
    <t>MAZHAR ISHAQ</t>
  </si>
  <si>
    <t>GPS JAMIA ISLAMIA DINGA</t>
  </si>
  <si>
    <t>moh, paswala dinga teh kharian gujrat</t>
  </si>
  <si>
    <t>Nasir Bashir</t>
  </si>
  <si>
    <t>GPS JAMIA MADINA M. GARH</t>
  </si>
  <si>
    <t>Mohalla Inam abad near purani chungi no.2 jhang road muzaffargarh</t>
  </si>
  <si>
    <t>Mohalla Inam Abad</t>
  </si>
  <si>
    <t>Hafiz Mulazim Hussain</t>
  </si>
  <si>
    <t>GPS JAMIA MADNIA VEHARI</t>
  </si>
  <si>
    <t>A-Block Chamra Mandi Vehari</t>
  </si>
  <si>
    <t>GPS JAMIA MEHRIA</t>
  </si>
  <si>
    <t>Mohala Ahmad Nagar</t>
  </si>
  <si>
    <t>Fqw II</t>
  </si>
  <si>
    <t>GPS JAMIA MUHAMMADIA WARD NO. 9 CHAK UMAR WALA</t>
  </si>
  <si>
    <t>Cha Umer Wala</t>
  </si>
  <si>
    <t>cha umer wala</t>
  </si>
  <si>
    <t>GPS JAMIA MUZAFARIA</t>
  </si>
  <si>
    <t>Wan Bhachran Janubi</t>
  </si>
  <si>
    <t>moh. Muhammad kheL Bhacherl Wan Bhachran Mianwali</t>
  </si>
  <si>
    <t>GPS JAMIA NOOR UL ISLAM</t>
  </si>
  <si>
    <t>mohallah sikanderabad khushab</t>
  </si>
  <si>
    <t>GPS JAMIA RASHIDIA NO.2</t>
  </si>
  <si>
    <t>Kot Kadam Ali</t>
  </si>
  <si>
    <t>GPS JAMIA RASHIDIA No.2 kot khadam Ali</t>
  </si>
  <si>
    <t>86/6R</t>
  </si>
  <si>
    <t>maqbool ahmed</t>
  </si>
  <si>
    <t>GPS JAMIA RIZVIA</t>
  </si>
  <si>
    <t>Kot Amin Khan</t>
  </si>
  <si>
    <t>basti Bashir kot</t>
  </si>
  <si>
    <t>Basti Bahir Kot</t>
  </si>
  <si>
    <t>Amanullah Ghazi</t>
  </si>
  <si>
    <t>GPS JAMIA TALEEM O TERBEAT INSIDE BOHER GATE MULTAN</t>
  </si>
  <si>
    <t>Shah Ghardaz</t>
  </si>
  <si>
    <t>inside bohar gate Multan</t>
  </si>
  <si>
    <t>GPS JAMIA USMANIA</t>
  </si>
  <si>
    <t>rawaly wala muzaffargarh</t>
  </si>
  <si>
    <t>GPS JAMIA-UL-ULOOM CHAK NO.569/TDA</t>
  </si>
  <si>
    <t>Chak 569/TDA</t>
  </si>
  <si>
    <t>GPS JAMILABAD</t>
  </si>
  <si>
    <t>Govt boys primary school ,jamilabad</t>
  </si>
  <si>
    <t>Mc Taxila</t>
  </si>
  <si>
    <t>GPS JAMIL-UL-ULOOM</t>
  </si>
  <si>
    <t>Kotla Rahim Ali Shah</t>
  </si>
  <si>
    <t>basti maharan moza kotla rahim ali shah</t>
  </si>
  <si>
    <t>Basti Maharan</t>
  </si>
  <si>
    <t>Mohsin Umar</t>
  </si>
  <si>
    <t>GPS JAMKAY CHEEMA</t>
  </si>
  <si>
    <t>Govt Primary School Jamke Cheema Tehseel Daska District Sialkot</t>
  </si>
  <si>
    <t>GPS JAMKAY CHEEMA WARD NO. 5</t>
  </si>
  <si>
    <t>moutra</t>
  </si>
  <si>
    <t>GPS JAMKE CHATTA</t>
  </si>
  <si>
    <t>jamke chatta</t>
  </si>
  <si>
    <t>jamke chatta tehsil wazirabad dist. gujranwala</t>
  </si>
  <si>
    <t>GPS JAMOANI</t>
  </si>
  <si>
    <t>basti khosa p/o basti khosa teh&amp; dist. dgk</t>
  </si>
  <si>
    <t>jamoani</t>
  </si>
  <si>
    <t>GPS JAMPUR NO. 5</t>
  </si>
  <si>
    <t>Haideria Colony Jampur</t>
  </si>
  <si>
    <t>haideria colony jampur</t>
  </si>
  <si>
    <t>Municipal Committee Jampur</t>
  </si>
  <si>
    <t>muhammad Qasim</t>
  </si>
  <si>
    <t>GPS JAMSHER KALAN</t>
  </si>
  <si>
    <t>JAmsher Kalan</t>
  </si>
  <si>
    <t>Govt P/S Jamsher KAlan</t>
  </si>
  <si>
    <t>Jamsher KAlan</t>
  </si>
  <si>
    <t>jamsher Kalan</t>
  </si>
  <si>
    <t>M Saifullah</t>
  </si>
  <si>
    <t>GPS JAMUN BOLA</t>
  </si>
  <si>
    <t>Jamo Bola</t>
  </si>
  <si>
    <t>Jamo Bola P/O Mangowal Gharbi Teh &amp;District  (Gujrat )</t>
  </si>
  <si>
    <t>GPS JAMUN WALA</t>
  </si>
  <si>
    <t>GPS Jamun wala, P/O 19 DB, Tehsil piplan,  District Mianwali</t>
  </si>
  <si>
    <t>Jamun Wala</t>
  </si>
  <si>
    <t>Muhammad Owais Khan</t>
  </si>
  <si>
    <t>GPS JAN MUHAMMAD KARHORA</t>
  </si>
  <si>
    <t>basti Jan M kalhora</t>
  </si>
  <si>
    <t>Basti Jan M Kalhora</t>
  </si>
  <si>
    <t>Amer Afzal</t>
  </si>
  <si>
    <t>GPS JAN MUHAMMAD WALA</t>
  </si>
  <si>
    <t>jan muhammad wala</t>
  </si>
  <si>
    <t>GPS JAN NAGAR</t>
  </si>
  <si>
    <t>jani wala muaza kotla dewan</t>
  </si>
  <si>
    <t>Jani Wala</t>
  </si>
  <si>
    <t>GPS JAN PURA</t>
  </si>
  <si>
    <t>JAN PURA</t>
  </si>
  <si>
    <t>GPS Jan PURA p/o rajowal</t>
  </si>
  <si>
    <t>Jan Pura</t>
  </si>
  <si>
    <t>Jhujh kalan</t>
  </si>
  <si>
    <t>Hussna Bi Bi</t>
  </si>
  <si>
    <t>GPS JANAY WALA NO. 2</t>
  </si>
  <si>
    <t>jindy thind wala, tehsil choubara district layyah</t>
  </si>
  <si>
    <t>GPS JAND HASSAN QATAL</t>
  </si>
  <si>
    <t>Jand Hassan Qatal</t>
  </si>
  <si>
    <t>Jand Hassan Qatal tehsil lalian</t>
  </si>
  <si>
    <t>GPS JAND KHANZADA</t>
  </si>
  <si>
    <t>tanzeela shehzad</t>
  </si>
  <si>
    <t>GPS JAND NO.2</t>
  </si>
  <si>
    <t>moh.ghousia jand</t>
  </si>
  <si>
    <t>GPS JAND NO.3</t>
  </si>
  <si>
    <t>moh langar Khana jand</t>
  </si>
  <si>
    <t>sunawar jan</t>
  </si>
  <si>
    <t>GPS JAND WALA KHURD</t>
  </si>
  <si>
    <t>Jandwala Khurd</t>
  </si>
  <si>
    <t>Jandwala Khurd. Tehsil &amp; District Bahawalnagar</t>
  </si>
  <si>
    <t>Muhammad Shahid Shahbaz</t>
  </si>
  <si>
    <t>GPS JAND WALA PO PAKPATTAN</t>
  </si>
  <si>
    <t>Moza jand wala pakpattan</t>
  </si>
  <si>
    <t>15Sp</t>
  </si>
  <si>
    <t>GPS JAND WALI</t>
  </si>
  <si>
    <t>Jand Wali</t>
  </si>
  <si>
    <t>Jand wali</t>
  </si>
  <si>
    <t>Ghulam Mohyuddin</t>
  </si>
  <si>
    <t>GPS JAND WANGA</t>
  </si>
  <si>
    <t>Jand Wanga</t>
  </si>
  <si>
    <t>basti jand wanga p/o vehova</t>
  </si>
  <si>
    <t>Basti Jand Wanga</t>
  </si>
  <si>
    <t>muhammad shahnawaz</t>
  </si>
  <si>
    <t>GPS JANDAN WALA NO.1</t>
  </si>
  <si>
    <t>Chanan Din</t>
  </si>
  <si>
    <t>GPS JANDAN WALA NO.2</t>
  </si>
  <si>
    <t>Mc Jandanwala</t>
  </si>
  <si>
    <t>Hakim Khan Niazi</t>
  </si>
  <si>
    <t>GPS JANDAN WALA NO.3</t>
  </si>
  <si>
    <t>P/O Jandanwala tehsil kuloor kot distt bhakkar</t>
  </si>
  <si>
    <t>Nosherwan</t>
  </si>
  <si>
    <t>GPS JANDAT</t>
  </si>
  <si>
    <t>Pehranna</t>
  </si>
  <si>
    <t>village Jandat P.O Bann Tehsil Murree District Rawalpindi</t>
  </si>
  <si>
    <t>Jandat</t>
  </si>
  <si>
    <t>Waseem Kousar</t>
  </si>
  <si>
    <t>GPS JANDIAL MEHMOOD</t>
  </si>
  <si>
    <t>Jandial</t>
  </si>
  <si>
    <t>jandial Mehmood tehsil and district chakwal</t>
  </si>
  <si>
    <t>Hasnat Ahmed</t>
  </si>
  <si>
    <t>GPS JANDILA</t>
  </si>
  <si>
    <t>village jandiala batapur lahore</t>
  </si>
  <si>
    <t>GPS JANDRAN</t>
  </si>
  <si>
    <t>JANDRAN</t>
  </si>
  <si>
    <t>Mehboob Alam</t>
  </si>
  <si>
    <t>GPS JANDU SAHI</t>
  </si>
  <si>
    <t>jandu sahi p/o same teh Daska Disstt Sislkot</t>
  </si>
  <si>
    <t>Bombanwala</t>
  </si>
  <si>
    <t>Talat Hameed Bajwa</t>
  </si>
  <si>
    <t>GPS JANDWALA KALAN</t>
  </si>
  <si>
    <t>Jandwala Kalan</t>
  </si>
  <si>
    <t>Jandwala, Tehsil &amp; District Bahawalnagar</t>
  </si>
  <si>
    <t>Muhammad Mehboob Alam</t>
  </si>
  <si>
    <t>GPS JANGA SINGH WALA</t>
  </si>
  <si>
    <t>Jangha Singh Janga SinghWala</t>
  </si>
  <si>
    <t>jangha Singh wala Kasur</t>
  </si>
  <si>
    <t>Jangha Singh Wala</t>
  </si>
  <si>
    <t>GPS JANHATTAL</t>
  </si>
  <si>
    <t>Village Janhatal P.O khalol tehsil kahuta district rawalpindi</t>
  </si>
  <si>
    <t>Farrukh Ur Rehman</t>
  </si>
  <si>
    <t>GPS JANI SHAH</t>
  </si>
  <si>
    <t>Jani Shah</t>
  </si>
  <si>
    <t>Jani Shah, Bhowana District Chiniot</t>
  </si>
  <si>
    <t>Toray-dar-Khan</t>
  </si>
  <si>
    <t>GPS JANI WALA FATTA THATHA</t>
  </si>
  <si>
    <t>Janiwala</t>
  </si>
  <si>
    <t>janiwala</t>
  </si>
  <si>
    <t>GPS JANIAL</t>
  </si>
  <si>
    <t>Janial</t>
  </si>
  <si>
    <t>Dhoke Janial, Village Rehmanabad, Tehsil Talagang, District Chakwal</t>
  </si>
  <si>
    <t>GPS JANJATTY</t>
  </si>
  <si>
    <t>Janjatay</t>
  </si>
  <si>
    <t>vpo janjatay near adda plot Lahore</t>
  </si>
  <si>
    <t>Jia Bagha</t>
  </si>
  <si>
    <t>GPS JANJUAN WALA</t>
  </si>
  <si>
    <t>Shadia Shomali</t>
  </si>
  <si>
    <t>dera janjuanwala shadia shomali</t>
  </si>
  <si>
    <t>Janjuanwala</t>
  </si>
  <si>
    <t>GPS JANJWANI</t>
  </si>
  <si>
    <t>Tolamangli</t>
  </si>
  <si>
    <t>Gps janjwani p.o kalabagh teh isa khel distt .Mianwali</t>
  </si>
  <si>
    <t>Janjwani</t>
  </si>
  <si>
    <t>MUHAMMAD JAN</t>
  </si>
  <si>
    <t>GPS JANNI SHAH WALA</t>
  </si>
  <si>
    <t>Basti Niaz Abad Near Pull dhamakki Multan Road Mailsi</t>
  </si>
  <si>
    <t>Basti Niaz Abad</t>
  </si>
  <si>
    <t>Muhammad Asim Javed</t>
  </si>
  <si>
    <t>GPS JANNU MUSTAQIL</t>
  </si>
  <si>
    <t>Junoo Mustaqil</t>
  </si>
  <si>
    <t>daira din pannah kot adu</t>
  </si>
  <si>
    <t>GPS JANNU NASHAIB</t>
  </si>
  <si>
    <t>Tibba Ghair Mustaqil Gharbi</t>
  </si>
  <si>
    <t>chah  Malhay wala Mauza Tibba Ghair Gharbi P/O Daira Din Panah Tehsile Kot Addu Muzaffar Garh</t>
  </si>
  <si>
    <t>Chah Malhay Wala</t>
  </si>
  <si>
    <t>Tibba #3</t>
  </si>
  <si>
    <t>Muhammad Safdar Iqbal</t>
  </si>
  <si>
    <t>GPS JANO WALI</t>
  </si>
  <si>
    <t>basti janowali teh jppw multan</t>
  </si>
  <si>
    <t>Janowali</t>
  </si>
  <si>
    <t>Karma  Ali Wala</t>
  </si>
  <si>
    <t>GPS JANOO KHANO</t>
  </si>
  <si>
    <t>Janu Khanu</t>
  </si>
  <si>
    <t>GPS Janu khanu P/O Madrissa Tehsil and District Bahawalnagar</t>
  </si>
  <si>
    <t>zia ud din</t>
  </si>
  <si>
    <t>GPS JANU KHEL</t>
  </si>
  <si>
    <t>GPS JANU KHEL TEH AND DIST MIANWALI</t>
  </si>
  <si>
    <t>Janu Khel</t>
  </si>
  <si>
    <t>Ashfaq Ahmad Khan</t>
  </si>
  <si>
    <t>GPS JANU KHELAN WALA</t>
  </si>
  <si>
    <t>Shadia Janobi</t>
  </si>
  <si>
    <t>janu khelan wala</t>
  </si>
  <si>
    <t>Janu Khelan Wala</t>
  </si>
  <si>
    <t>Aziz UR Rahman</t>
  </si>
  <si>
    <t>GPS JANUA</t>
  </si>
  <si>
    <t>JANUA</t>
  </si>
  <si>
    <t>village janua p /o box awan muslim tahseel muridkey dist. SKP</t>
  </si>
  <si>
    <t>KALAKHTAI</t>
  </si>
  <si>
    <t>GPS JANWAL</t>
  </si>
  <si>
    <t>GPS janwal at pind ratwal Jhelum Punjab</t>
  </si>
  <si>
    <t>Pind Ratwal</t>
  </si>
  <si>
    <t>Bilalshafi</t>
  </si>
  <si>
    <t>GPS JAPIAN WALA</t>
  </si>
  <si>
    <t>Jappianwala</t>
  </si>
  <si>
    <t>GPS JAPPAY</t>
  </si>
  <si>
    <t>Jappay</t>
  </si>
  <si>
    <t>GPS Jappay, Tehsil and District Nankana Sahib</t>
  </si>
  <si>
    <t>GPS JARGER</t>
  </si>
  <si>
    <t>Jarger mallhowali pindigheb Attock</t>
  </si>
  <si>
    <t>afzal khan</t>
  </si>
  <si>
    <t>GPS JARMOT KALAN</t>
  </si>
  <si>
    <t>govt boys primary school jarmot kalan</t>
  </si>
  <si>
    <t>Touqeer Ahmed</t>
  </si>
  <si>
    <t>GPS JARWAL</t>
  </si>
  <si>
    <t>Village Jarwal P/O Charwa Thesil Pasrur District Sialkot</t>
  </si>
  <si>
    <t>Inam ullah</t>
  </si>
  <si>
    <t>GPS JASIK</t>
  </si>
  <si>
    <t>jasik</t>
  </si>
  <si>
    <t>vill jasik p/o chorund teh &amp; distt mandi bahauddin</t>
  </si>
  <si>
    <t>GPS JASKANI</t>
  </si>
  <si>
    <t>Rohri</t>
  </si>
  <si>
    <t>Jaskani</t>
  </si>
  <si>
    <t>GPS JASLANI KALAN</t>
  </si>
  <si>
    <t>GPS JASLANI KHURD</t>
  </si>
  <si>
    <t>Jaslani Khurd</t>
  </si>
  <si>
    <t>Jaslani khurd</t>
  </si>
  <si>
    <t>Shabbir Ahmad Ch</t>
  </si>
  <si>
    <t>GPS JASSO KAY GURDITTA</t>
  </si>
  <si>
    <t>Jasso Key Gurditta</t>
  </si>
  <si>
    <t>jasso key gurditta hujra depalpur</t>
  </si>
  <si>
    <t>Kalassn Peramal</t>
  </si>
  <si>
    <t>Muhammed Saeed</t>
  </si>
  <si>
    <t>GPS JASSO KE KALASON</t>
  </si>
  <si>
    <t>JASSO KE KALASON</t>
  </si>
  <si>
    <t>MOUZA JASSO KE KALASON P.O JABOKA TAHSIL AND DISTRICT OKARA</t>
  </si>
  <si>
    <t>JASSO K KALASON</t>
  </si>
  <si>
    <t>GPS JASSOKE</t>
  </si>
  <si>
    <t>Jassokey</t>
  </si>
  <si>
    <t>jassokey.p/o tahli goraya.pindi bhattian hafifabad</t>
  </si>
  <si>
    <t>Tahli GORAYA</t>
  </si>
  <si>
    <t>GPS JASSOKI</t>
  </si>
  <si>
    <t>NAZIA FARDUS</t>
  </si>
  <si>
    <t>GPS JASWAL</t>
  </si>
  <si>
    <t>govt primary school jaswal post office jhatla</t>
  </si>
  <si>
    <t>Fadia Ahmed</t>
  </si>
  <si>
    <t>GPS JAT GADI</t>
  </si>
  <si>
    <t>jat gadi</t>
  </si>
  <si>
    <t>JAT GADI P/O SOKAR</t>
  </si>
  <si>
    <t>JAT GADI</t>
  </si>
  <si>
    <t>SOKAR</t>
  </si>
  <si>
    <t>GPS JAT RIA KALAN</t>
  </si>
  <si>
    <t>GPS JATRIA KALAN</t>
  </si>
  <si>
    <t>GPS JAT WALA</t>
  </si>
  <si>
    <t>Basti Jatwala</t>
  </si>
  <si>
    <t>Jatwala</t>
  </si>
  <si>
    <t>GPS JATAN DI MAIRH</t>
  </si>
  <si>
    <t>basti jattan di mairh</t>
  </si>
  <si>
    <t>Rojhan East</t>
  </si>
  <si>
    <t>RUSTUM ALI</t>
  </si>
  <si>
    <t>GPS JATHOL</t>
  </si>
  <si>
    <t>village kamahan near gghs kamahan p.o box khas lahore cantt</t>
  </si>
  <si>
    <t>Deve Kalan</t>
  </si>
  <si>
    <t>Hashim shahzad</t>
  </si>
  <si>
    <t>GPS JATOI NO. 4</t>
  </si>
  <si>
    <t>Basti lanjuwala ward no 2</t>
  </si>
  <si>
    <t>Nichrani</t>
  </si>
  <si>
    <t>Muncipal</t>
  </si>
  <si>
    <t>Muhammad Usman Jamil</t>
  </si>
  <si>
    <t>GPS JATOI ROAD</t>
  </si>
  <si>
    <t>Muradpoor</t>
  </si>
  <si>
    <t>Basti ghazi nizam shaher sultan</t>
  </si>
  <si>
    <t>Ghazi Nizam</t>
  </si>
  <si>
    <t>Fiaz Hussain Bhatti</t>
  </si>
  <si>
    <t>GPS JATOI WALA</t>
  </si>
  <si>
    <t>village Jatoi Wala Post office Shah Hussain</t>
  </si>
  <si>
    <t>GPS JATOO WALA MULTAN</t>
  </si>
  <si>
    <t>GPS jatto wala vehari road Multan</t>
  </si>
  <si>
    <t>Jattowala</t>
  </si>
  <si>
    <t>Ajmer Town</t>
  </si>
  <si>
    <t>Umair Abbas</t>
  </si>
  <si>
    <t>GPS JATRI NOU</t>
  </si>
  <si>
    <t>bhalikay</t>
  </si>
  <si>
    <t>jatri nou</t>
  </si>
  <si>
    <t>JATRI NOU</t>
  </si>
  <si>
    <t>Aqib Sarwar</t>
  </si>
  <si>
    <t>GPS JATTHAY WALA</t>
  </si>
  <si>
    <t>gps jathay wala</t>
  </si>
  <si>
    <t>GPS JATTI BAHADAR 771 GB II</t>
  </si>
  <si>
    <t>Chak 771 GB</t>
  </si>
  <si>
    <t>chak no 771 gb pirmahal toba tek singh</t>
  </si>
  <si>
    <t>Saeed  Ahmad</t>
  </si>
  <si>
    <t>GPS JATTI PUR</t>
  </si>
  <si>
    <t>Jaitipur</t>
  </si>
  <si>
    <t>gps jattipur</t>
  </si>
  <si>
    <t>Muhammad Jamil Saqib</t>
  </si>
  <si>
    <t>GPS JATTO KALAT</t>
  </si>
  <si>
    <t>Jatto. Kalat barthi trible area distt dgkhan</t>
  </si>
  <si>
    <t>Jatto Kalat</t>
  </si>
  <si>
    <t>GPS JATTU  WALA</t>
  </si>
  <si>
    <t>Chak No613/tda</t>
  </si>
  <si>
    <t>p/o zulfiqarabad</t>
  </si>
  <si>
    <t>muhammad sajjad</t>
  </si>
  <si>
    <t>GPS JATTU WALA</t>
  </si>
  <si>
    <t>Din Pur Shriff</t>
  </si>
  <si>
    <t>Govt.primary school jattuwala</t>
  </si>
  <si>
    <t>Jattuwala</t>
  </si>
  <si>
    <t>GPS JATWAL KALAN</t>
  </si>
  <si>
    <t>Jatwal Kalan</t>
  </si>
  <si>
    <t>Village Jatwal kalan, p/o lesser kalan, Tehsil Zafarwal,Dist. Narowal.</t>
  </si>
  <si>
    <t>GPS JAURA SHELLER</t>
  </si>
  <si>
    <t>Jaura Sheller</t>
  </si>
  <si>
    <t>GPS jaura sheller</t>
  </si>
  <si>
    <t>Syed Mazhar Qayyum</t>
  </si>
  <si>
    <t>GPS JAURAN WALA</t>
  </si>
  <si>
    <t>Bhan Jaurian Wala Jharkil road tehsil noor pur thal district khushab</t>
  </si>
  <si>
    <t>Bhan Jaurian Wala</t>
  </si>
  <si>
    <t>GPS JAVAD ABAD CHAK NO.467</t>
  </si>
  <si>
    <t>Chak # 467 TDA</t>
  </si>
  <si>
    <t>chak no 467 TDA tehsil &amp; District Layyah</t>
  </si>
  <si>
    <t>GPS JAVED ABAD P/O SIKANDARABAD MULTAN</t>
  </si>
  <si>
    <t>Ferooz Pur</t>
  </si>
  <si>
    <t>Moza Ferooz Pur p/o sikandar abad</t>
  </si>
  <si>
    <t>Javed Abad</t>
  </si>
  <si>
    <t>GPS JAVED COLONY</t>
  </si>
  <si>
    <t>kARNA</t>
  </si>
  <si>
    <t>JAVED COLONY BAHAWALPUR</t>
  </si>
  <si>
    <t>JAVED COLONY</t>
  </si>
  <si>
    <t>HAFIZ ZULFIQAR ALI KHAN</t>
  </si>
  <si>
    <t>GPS JAVED NAGAR</t>
  </si>
  <si>
    <t>Javeed Nagar</t>
  </si>
  <si>
    <t>javeed nagar</t>
  </si>
  <si>
    <t>GPS JAVED NAGAR P/O RADHA RAM PATTOKI</t>
  </si>
  <si>
    <t>Javad Nagar</t>
  </si>
  <si>
    <t>Javaid nagar</t>
  </si>
  <si>
    <t>Javaid Nagar</t>
  </si>
  <si>
    <t>Trady Wala Chk 13</t>
  </si>
  <si>
    <t>GPS JAWAHAR PUR</t>
  </si>
  <si>
    <t>Jawhar pur po dudhu chak Skg.</t>
  </si>
  <si>
    <t>Basharat Ali Zia</t>
  </si>
  <si>
    <t>GPS JAWAHER PUR</t>
  </si>
  <si>
    <t>jawaharpur p/o mandi faizabad</t>
  </si>
  <si>
    <t>GPS JAWAIA PANWAR</t>
  </si>
  <si>
    <t>Jawaya Punwr</t>
  </si>
  <si>
    <t>Moza Jawaya Punwar P/O Sandhilianwali Tehsil Pir Mahal District To a Tel Singh</t>
  </si>
  <si>
    <t>Jawaya Punwar</t>
  </si>
  <si>
    <t>GPS JAWALA SINGH WALA</t>
  </si>
  <si>
    <t>Chack No 35</t>
  </si>
  <si>
    <t>jawala Singh Wala</t>
  </si>
  <si>
    <t>Jawala Singh Wala</t>
  </si>
  <si>
    <t>GPS JAWAYAKALYA</t>
  </si>
  <si>
    <t>Jawaya Kalya</t>
  </si>
  <si>
    <t>Chak Jawaya Kalya p/o Chak Bedi Pakpattan</t>
  </si>
  <si>
    <t>GPS JAY SINGH WALA</t>
  </si>
  <si>
    <t>Jay Singhwala</t>
  </si>
  <si>
    <t>Jay Singh wala</t>
  </si>
  <si>
    <t>Usman Malik</t>
  </si>
  <si>
    <t>GPS JAYIANI</t>
  </si>
  <si>
    <t>Basti jyani</t>
  </si>
  <si>
    <t>Jyani</t>
  </si>
  <si>
    <t>water conection</t>
  </si>
  <si>
    <t>GPS JEENEDAY WALA</t>
  </si>
  <si>
    <t>samina sadat</t>
  </si>
  <si>
    <t>Jeenday wala</t>
  </si>
  <si>
    <t>Samina sadat</t>
  </si>
  <si>
    <t>Nasrullha</t>
  </si>
  <si>
    <t>GPS JEEWAN SHAH</t>
  </si>
  <si>
    <t>wandha nittan Khelan Wala</t>
  </si>
  <si>
    <t>Nittan Khelan Wala</t>
  </si>
  <si>
    <t>Yaru Khel Paka</t>
  </si>
  <si>
    <t>Muhammad Zeeshan Ahsan Khan</t>
  </si>
  <si>
    <t>GPS JEHIRKILL</t>
  </si>
  <si>
    <t>Uc samina chaha din pur colony samina d g khan</t>
  </si>
  <si>
    <t>Din Pur Colony</t>
  </si>
  <si>
    <t>GPS JERH LEGHARI</t>
  </si>
  <si>
    <t>GPS JESSEL</t>
  </si>
  <si>
    <t>Jessel</t>
  </si>
  <si>
    <t>jessel</t>
  </si>
  <si>
    <t>GPS JETHA MARI</t>
  </si>
  <si>
    <t>Basti Jetha Mari</t>
  </si>
  <si>
    <t>GPS JEVAN PURA KALAN</t>
  </si>
  <si>
    <t>Haji Amnat Ali</t>
  </si>
  <si>
    <t>GPS JEVEN BHINDER</t>
  </si>
  <si>
    <t>Jewan Bhinder</t>
  </si>
  <si>
    <t>gps jewen bhinder</t>
  </si>
  <si>
    <t>Raya Khas</t>
  </si>
  <si>
    <t>GPS JEVEN SHAH</t>
  </si>
  <si>
    <t>Jewan shah</t>
  </si>
  <si>
    <t>gps jeven shah</t>
  </si>
  <si>
    <t>Abid Mahmood</t>
  </si>
  <si>
    <t>GPS JEWAN ABAD</t>
  </si>
  <si>
    <t>Moza Haveli Lal P/O Same Tehsil And Ditrict  Jhang</t>
  </si>
  <si>
    <t>Jhari Wala</t>
  </si>
  <si>
    <t>GPS JEWAN GORAYA NO. 3</t>
  </si>
  <si>
    <t>Jewan Goraya Old</t>
  </si>
  <si>
    <t>jewan Goraya old no 3</t>
  </si>
  <si>
    <t>Jewan Goraya No3</t>
  </si>
  <si>
    <t>GPS JEWAN SINGH WALA</t>
  </si>
  <si>
    <t>Amrik Singh Wala</t>
  </si>
  <si>
    <t>Amrik Singh Wala, Kasur</t>
  </si>
  <si>
    <t>Rakib Iqbal</t>
  </si>
  <si>
    <t>GPS JEWAN VEROANA</t>
  </si>
  <si>
    <t>Jevan Veroana</t>
  </si>
  <si>
    <t>Jevan Veroana Tehsil Kamalia</t>
  </si>
  <si>
    <t>GPS JHABAIL</t>
  </si>
  <si>
    <t>KHAIRPUR JADID</t>
  </si>
  <si>
    <t>MOZA KHAIRPUR JADID pO KHAIRPUR DAHA TEHSIL AHMADPUR DISTRIC bAHAWALPUR</t>
  </si>
  <si>
    <t>BASTI JHABAIL</t>
  </si>
  <si>
    <t>KHAIRPUR DAHA</t>
  </si>
  <si>
    <t>RIZWAN UL ZAMAN</t>
  </si>
  <si>
    <t>GPS JHADA</t>
  </si>
  <si>
    <t>GPS JHADO</t>
  </si>
  <si>
    <t>Jhedo</t>
  </si>
  <si>
    <t>P. O kahana nau jhedu Lahore</t>
  </si>
  <si>
    <t>Thy Panju</t>
  </si>
  <si>
    <t>GPS JHAKI</t>
  </si>
  <si>
    <t>Jhakhi</t>
  </si>
  <si>
    <t>Govt Primary School Jhakhi Markaz Machiwal Tehseel 18 Hazari District Jhang</t>
  </si>
  <si>
    <t>GPS JHAKKARR</t>
  </si>
  <si>
    <t>government primary school jhakkar</t>
  </si>
  <si>
    <t>Mc Bhakkar</t>
  </si>
  <si>
    <t>GPS JHALAAR WALA</t>
  </si>
  <si>
    <t>Gps jhalaar wali mouza bhunday wali tehsil and district muzaffar garh</t>
  </si>
  <si>
    <t>Jhalaar Wala</t>
  </si>
  <si>
    <t>Muhammad Dilbar</t>
  </si>
  <si>
    <t>GPS JHALAR ABDUL QADIR</t>
  </si>
  <si>
    <t>Jhalar Abdul Qadir</t>
  </si>
  <si>
    <t>jhalar Abdul Qadir p/o jhalar Abdul Qadir tehsil pattoki district kasur</t>
  </si>
  <si>
    <t>Baghiana Kalan</t>
  </si>
  <si>
    <t>GPS JHALAR DAULTANA, SARAI SIDHU</t>
  </si>
  <si>
    <t>chah jhalar doltana village sarai sidhu.Tehsil kabirwala distt khanewal</t>
  </si>
  <si>
    <t>Jhalar Doltana</t>
  </si>
  <si>
    <t>Muhammad Ahsan Sharif</t>
  </si>
  <si>
    <t>GPS JHALAR DINA TULLA</t>
  </si>
  <si>
    <t>chak no 116/7-cr basti abubakar</t>
  </si>
  <si>
    <t>Chak No 116/7-cr</t>
  </si>
  <si>
    <t>GPS JHALAR VIRKAN</t>
  </si>
  <si>
    <t>Jhalar Virkan</t>
  </si>
  <si>
    <t>jhalar virkan KRK kasur</t>
  </si>
  <si>
    <t>GPS JHALAREEN SAADAT</t>
  </si>
  <si>
    <t>do charkanashaib</t>
  </si>
  <si>
    <t>do charkha nasheeb teh.karor dist.layyah</t>
  </si>
  <si>
    <t>docharkhanashaib</t>
  </si>
  <si>
    <t>syed muhammad naqi naqvi</t>
  </si>
  <si>
    <t>GPS JHALARIEN</t>
  </si>
  <si>
    <t>basti jhabale jhalarien</t>
  </si>
  <si>
    <t>jhalarien</t>
  </si>
  <si>
    <t>abdul qadir</t>
  </si>
  <si>
    <t>GPS JHALARIEN (NEW)</t>
  </si>
  <si>
    <t>basti  samtia p /o belay wala tehsil jatoi  district muzaffar garh</t>
  </si>
  <si>
    <t>GPS JHALAY</t>
  </si>
  <si>
    <t>Jhalay</t>
  </si>
  <si>
    <t>village Jhalay post office dhudial</t>
  </si>
  <si>
    <t>Ansa Sultana</t>
  </si>
  <si>
    <t>GPS JHALLAR ABDUL REHMAN</t>
  </si>
  <si>
    <t>Basti Hajan Shah Moza Qasimpur</t>
  </si>
  <si>
    <t>Kotla Khan Muhammad Muhammad Muhammad</t>
  </si>
  <si>
    <t>GPS JHALLAR MUHAMMAD REHAN</t>
  </si>
  <si>
    <t>Budh Dakhli</t>
  </si>
  <si>
    <t>G P S JHALLAR M REHAN BUDH DAKHLI 111/7.R</t>
  </si>
  <si>
    <t>111/7R</t>
  </si>
  <si>
    <t>HAFEEZ ULLAH</t>
  </si>
  <si>
    <t>GPS JHALLAR NATHU SHAH</t>
  </si>
  <si>
    <t>Jhalar Natho Shah</t>
  </si>
  <si>
    <t>Moza jhalar natho Shah thesil laliyan  district chiniot</t>
  </si>
  <si>
    <t>GPS JHALLAR SAWAN WAHGA</t>
  </si>
  <si>
    <t>Jhallar Sawan Wahgha</t>
  </si>
  <si>
    <t>Jhallar Sawan wahgha district. Skp</t>
  </si>
  <si>
    <t>GPS JHALLAR SUNDER</t>
  </si>
  <si>
    <t>Jhallar Sunder</t>
  </si>
  <si>
    <t>jhallar sunder farooqbad tehil and dist sheikhupura</t>
  </si>
  <si>
    <t>Farooqabad Goan</t>
  </si>
  <si>
    <t>Zafar Ullah Khan Jamal</t>
  </si>
  <si>
    <t>GPS JHALLAR ZAILDAR</t>
  </si>
  <si>
    <t>Jhalar Zaildar</t>
  </si>
  <si>
    <t>jhalar zaildar kasur</t>
  </si>
  <si>
    <t>Jhalar zaildar</t>
  </si>
  <si>
    <t>Baron Raja Jang</t>
  </si>
  <si>
    <t>GPS JHALLI</t>
  </si>
  <si>
    <t>Jhalli</t>
  </si>
  <si>
    <t>Dhoke Jhalli</t>
  </si>
  <si>
    <t>GPS JHAM WALA</t>
  </si>
  <si>
    <t>Jhamwala</t>
  </si>
  <si>
    <t>jhamwala   wzd grw</t>
  </si>
  <si>
    <t>Syed Kamran Hussain Shah</t>
  </si>
  <si>
    <t>GPS JHAMAT ABAD</t>
  </si>
  <si>
    <t>Jhamat Abad, P.O Chak Kamala, Tehsil and District  Gujrat</t>
  </si>
  <si>
    <t>GPS JHAMAT NEW ABAD</t>
  </si>
  <si>
    <t>Jhmat</t>
  </si>
  <si>
    <t>village jhmat nau Abad post office Kotli Kahala gujrat</t>
  </si>
  <si>
    <t>Jhmat New Abad</t>
  </si>
  <si>
    <t>Atif Mehmood</t>
  </si>
  <si>
    <t>GPS JHAMATH</t>
  </si>
  <si>
    <t>Jhammath</t>
  </si>
  <si>
    <t>jhammath \ Gujar Khan\  Rawalpindi</t>
  </si>
  <si>
    <t>GPS JHAMBARA</t>
  </si>
  <si>
    <t>jhmbara Bohr koihi</t>
  </si>
  <si>
    <t>Jhmbara</t>
  </si>
  <si>
    <t>Asif iqbal khan</t>
  </si>
  <si>
    <t>GPS JHAMBRA</t>
  </si>
  <si>
    <t>village jhambra.near Sargodha morr Mianwali</t>
  </si>
  <si>
    <t>GPS JHAMERA</t>
  </si>
  <si>
    <t>Jhamera mandi sadiq gunj</t>
  </si>
  <si>
    <t>Bholewala</t>
  </si>
  <si>
    <t>Muhammad Hussain Raza</t>
  </si>
  <si>
    <t>GPS JHAMET</t>
  </si>
  <si>
    <t>Adda Begowala Tehsil sambrial district sialkot</t>
  </si>
  <si>
    <t>Ali Rizwan</t>
  </si>
  <si>
    <t>GPS JHAMTAN WALA</t>
  </si>
  <si>
    <t>gps mohalah Jahamatwala</t>
  </si>
  <si>
    <t>MC Dullewla</t>
  </si>
  <si>
    <t>GPS JHANBU JALALPUR PIRWALA</t>
  </si>
  <si>
    <t>Jhanbu</t>
  </si>
  <si>
    <t>Basti jhanbu jalal pur pir wala</t>
  </si>
  <si>
    <t>Amir hussain</t>
  </si>
  <si>
    <t>GPS JHANDA CHICHI</t>
  </si>
  <si>
    <t>st.no.6 Jhanda chichi rwp</t>
  </si>
  <si>
    <t>GPS JHANDAN WALA</t>
  </si>
  <si>
    <t>GPS Jandan Wala P/O Tibba Sultan Pur Tehsil Mailsi Distt. Vehari</t>
  </si>
  <si>
    <t>Darbar Abdul Aziz</t>
  </si>
  <si>
    <t>GPS JHANDAY KHAIL</t>
  </si>
  <si>
    <t>dera jhanday khail Uttra TEHSIL QUAIDABAD district khushab</t>
  </si>
  <si>
    <t>jhanday khail uttra</t>
  </si>
  <si>
    <t>Uttra janubi</t>
  </si>
  <si>
    <t>Hakim Khan</t>
  </si>
  <si>
    <t>GPS JHANDAY WALA</t>
  </si>
  <si>
    <t>GPS Jhanday Wala</t>
  </si>
  <si>
    <t>Jhanday Wala</t>
  </si>
  <si>
    <t>Ghous abad</t>
  </si>
  <si>
    <t>GPS JHANDEER WAH</t>
  </si>
  <si>
    <t>Moza jhandirwah P /O Same Tehsil Dunyapur District Lodhran</t>
  </si>
  <si>
    <t>Ejaz Ahmed Awan</t>
  </si>
  <si>
    <t>GPS JHANDEER WALA</t>
  </si>
  <si>
    <t>Gps jhandeer wala moza sanjh Isra Tehsil Karor District layyah</t>
  </si>
  <si>
    <t>Chah Jhandeer wala</t>
  </si>
  <si>
    <t>GPS JHANDI</t>
  </si>
  <si>
    <t>Basti gahna khan jhandi Rojhan</t>
  </si>
  <si>
    <t>Mian Dad Mazari</t>
  </si>
  <si>
    <t>GPS JHANDI KHEL</t>
  </si>
  <si>
    <t>dera jhandi khel VPO Sawans TEH&amp;DISTT Mianwali</t>
  </si>
  <si>
    <t>GPS JHANDIAN WALI 170/RB</t>
  </si>
  <si>
    <t>jhandian wali chak no170 sfd skp pakistan</t>
  </si>
  <si>
    <t>Ajmal Asim Chohan</t>
  </si>
  <si>
    <t>GPS JHANDIR</t>
  </si>
  <si>
    <t>Basti jhandir UC and Moza bukhara.Tehsil Jampur District Rajanpur</t>
  </si>
  <si>
    <t>Basti Jhandir</t>
  </si>
  <si>
    <t>Muhammad Danish Shah</t>
  </si>
  <si>
    <t>GPS JHANDU</t>
  </si>
  <si>
    <t>Jhandu</t>
  </si>
  <si>
    <t>Jhandu p/o bhau ghaseet pur tehsil kharian dist gujrat</t>
  </si>
  <si>
    <t>Bhau ghaseet pur</t>
  </si>
  <si>
    <t>GPS JHANDU MAUNG</t>
  </si>
  <si>
    <t>Jhando Manj</t>
  </si>
  <si>
    <t>moza jhando manj p/o jaboka T/D okara</t>
  </si>
  <si>
    <t>Moza Jhando Manj</t>
  </si>
  <si>
    <t>GPS JHANG</t>
  </si>
  <si>
    <t>village po jhang</t>
  </si>
  <si>
    <t>TALLAT MASOOD</t>
  </si>
  <si>
    <t>GPS JHANG ABDULLAH SHAH</t>
  </si>
  <si>
    <t>Chang Abdullah Jhang Abdullah Shah</t>
  </si>
  <si>
    <t>kot Jaimal Ram</t>
  </si>
  <si>
    <t>Kot Jaimal Ram</t>
  </si>
  <si>
    <t>GPS JHANG CHAK</t>
  </si>
  <si>
    <t>Jhang Chak</t>
  </si>
  <si>
    <t>village Jhang Chak p.o Bhogi Chak Teh sohawa Dist Jhelum</t>
  </si>
  <si>
    <t>Misbah Hussain</t>
  </si>
  <si>
    <t>GPS JHANG KHUKHRAN NO.2</t>
  </si>
  <si>
    <t>jhang khokhran teh sohawa jhelum</t>
  </si>
  <si>
    <t>zafar ali khan</t>
  </si>
  <si>
    <t>GPS JHANGAR GLOTRAN</t>
  </si>
  <si>
    <t>jhangar Glotran</t>
  </si>
  <si>
    <t>jhangar glotran chiniot</t>
  </si>
  <si>
    <t>Jhangar Glotran</t>
  </si>
  <si>
    <t>Irsa Sheikh</t>
  </si>
  <si>
    <t>GPS JHANGARWAN</t>
  </si>
  <si>
    <t>Jhangarwan</t>
  </si>
  <si>
    <t>Village jhangarwan post office shahpur bhangu</t>
  </si>
  <si>
    <t>Nyla Tufail</t>
  </si>
  <si>
    <t>GPS JHANGER HAKIM WALA</t>
  </si>
  <si>
    <t>Jhangir Hakim Wala</t>
  </si>
  <si>
    <t>jhangir hakim wala</t>
  </si>
  <si>
    <t>Sharein Jhangar</t>
  </si>
  <si>
    <t>GPS JHANGER SHAH BEHLOL</t>
  </si>
  <si>
    <t>Jhanger shah behlol</t>
  </si>
  <si>
    <t>Jhanger shahbehlol</t>
  </si>
  <si>
    <t>bahiwal</t>
  </si>
  <si>
    <t>GPS JHANGHRA LALU</t>
  </si>
  <si>
    <t>Jhangar Lalu</t>
  </si>
  <si>
    <t>village jhangarlalu u.c miran pur</t>
  </si>
  <si>
    <t>Muhammad  Javed  Khan</t>
  </si>
  <si>
    <t>GPS JHANGI P/O BAGRAIN TEH SHUJABAD</t>
  </si>
  <si>
    <t>Mouza Jhangi P/O Bagrain Tehsil Shujabad District Multan</t>
  </si>
  <si>
    <t>Mukhtyar Ahmad</t>
  </si>
  <si>
    <t>GPS JHANGI PAHORAN</t>
  </si>
  <si>
    <t>Jhangi Pahoran</t>
  </si>
  <si>
    <t>GPS Jhangi pahoran</t>
  </si>
  <si>
    <t>Jhangi pahoran</t>
  </si>
  <si>
    <t>GPS JHANGI SADAT</t>
  </si>
  <si>
    <t>jhangi sadat</t>
  </si>
  <si>
    <t>jhangi Sadat kamalia</t>
  </si>
  <si>
    <t>chouki chadhar</t>
  </si>
  <si>
    <t>Subha Sadiq</t>
  </si>
  <si>
    <t>GPS JHANGI SIAL</t>
  </si>
  <si>
    <t>Jhangi Sial</t>
  </si>
  <si>
    <t>jhangi sial chichawatni sahiwal</t>
  </si>
  <si>
    <t>GPS JHANGIR ABAD SAID GUL TOWN RWP</t>
  </si>
  <si>
    <t>said gul road shakrial</t>
  </si>
  <si>
    <t>Shazia Amir</t>
  </si>
  <si>
    <t>GPS JHANGIR PUR</t>
  </si>
  <si>
    <t>Jhangir Pur</t>
  </si>
  <si>
    <t>gps jhangir pur p/o mangowal west teh &amp; distt gujrat</t>
  </si>
  <si>
    <t>GPS JHANWALA</t>
  </si>
  <si>
    <t>Harrnoli</t>
  </si>
  <si>
    <t>village jahan wala post office Harrnoli Tehsil piplan distric mianwali</t>
  </si>
  <si>
    <t>JAHAN wala</t>
  </si>
  <si>
    <t>GPS JHARI WALA</t>
  </si>
  <si>
    <t>Jhariwala</t>
  </si>
  <si>
    <t>chak jhariwala</t>
  </si>
  <si>
    <t>Muhammad Asif Raza</t>
  </si>
  <si>
    <t>GPS JHARIAN WALA</t>
  </si>
  <si>
    <t>Village Jharianwala Hafizabad</t>
  </si>
  <si>
    <t>GPS JHARKAY</t>
  </si>
  <si>
    <t>Jharakay</t>
  </si>
  <si>
    <t>village and p.o jharaky</t>
  </si>
  <si>
    <t>Amer Mehmood</t>
  </si>
  <si>
    <t>GPS JHAROLIAN</t>
  </si>
  <si>
    <t>Theh Jharolian</t>
  </si>
  <si>
    <t>village theh Jharolian p/o bedian kasur</t>
  </si>
  <si>
    <t>GPS JHATOKAY</t>
  </si>
  <si>
    <t>Jhatokay</t>
  </si>
  <si>
    <t>tehsil pasrur district sialkot</t>
  </si>
  <si>
    <t>GPS JHATWAN</t>
  </si>
  <si>
    <t>Jhatwan</t>
  </si>
  <si>
    <t>village Jhatwan post office ajnianwala tehsil and district sheikhupura</t>
  </si>
  <si>
    <t>jhatwan</t>
  </si>
  <si>
    <t>MUHAMMAD SAEED ANWAR</t>
  </si>
  <si>
    <t>GPS JHEDU CHAK NO. 36</t>
  </si>
  <si>
    <t>JHEDU</t>
  </si>
  <si>
    <t>JHEDU chak#36</t>
  </si>
  <si>
    <t>Awan Chak#39</t>
  </si>
  <si>
    <t>GPS JHEDWAN</t>
  </si>
  <si>
    <t>JHEDWAN p/o Mahta jhedu Teh.chishtian</t>
  </si>
  <si>
    <t>GPS JHEIK</t>
  </si>
  <si>
    <t>Jheik</t>
  </si>
  <si>
    <t>GPS JHAIK tehsil choa saiden shah  post office basharat Disitt chakwal</t>
  </si>
  <si>
    <t>Safeer Ahmed</t>
  </si>
  <si>
    <t>GPS JHELLA JANDRAH</t>
  </si>
  <si>
    <t>VILLAGE JHALLA JANDRAH</t>
  </si>
  <si>
    <t>JHALLA JANDRAH</t>
  </si>
  <si>
    <t>WATER CARRIER</t>
  </si>
  <si>
    <t>GPS JHENDA KOHNA</t>
  </si>
  <si>
    <t>jhenda kohna check 523 p/o farooq abad</t>
  </si>
  <si>
    <t>GPS JHENDA NOU</t>
  </si>
  <si>
    <t>Jhenda Nou</t>
  </si>
  <si>
    <t>jhenda nou</t>
  </si>
  <si>
    <t>Saheem Naeem</t>
  </si>
  <si>
    <t>GPS JHILAR QAZIAN</t>
  </si>
  <si>
    <t>Jhalar Qazian Wali</t>
  </si>
  <si>
    <t>jhalar qazian wali</t>
  </si>
  <si>
    <t>Bagyana Qalan</t>
  </si>
  <si>
    <t>GPS JHND GUJAR</t>
  </si>
  <si>
    <t>Jand gujar</t>
  </si>
  <si>
    <t>jand gujar</t>
  </si>
  <si>
    <t>Fareed Nawaz</t>
  </si>
  <si>
    <t>GPS JHOK AAHEER KEHROR PACCA</t>
  </si>
  <si>
    <t>Rappir</t>
  </si>
  <si>
    <t>govt.primary school , jhooke aheer no 2.</t>
  </si>
  <si>
    <t>Syed Mushtaq Hussain</t>
  </si>
  <si>
    <t>GPS JHOK AHEER</t>
  </si>
  <si>
    <t>Jhoke Aheer</t>
  </si>
  <si>
    <t>Mauza Jhoke Aheer</t>
  </si>
  <si>
    <t>Shah Pur Phull</t>
  </si>
  <si>
    <t>Nazir Ahmad Zahid</t>
  </si>
  <si>
    <t>GPS JHOK BALOCHAN</t>
  </si>
  <si>
    <t>Jhoke Balochan</t>
  </si>
  <si>
    <t>Tehsil  Pattoki District Kasure. post office  Halla</t>
  </si>
  <si>
    <t>Jhoke  Balochan</t>
  </si>
  <si>
    <t>Uc Meghah</t>
  </si>
  <si>
    <t>GPS JHOK BLOCHAN</t>
  </si>
  <si>
    <t>Jhok Balochan</t>
  </si>
  <si>
    <t>Jhok balochan dak-khana chandi kot warburton dist nankana</t>
  </si>
  <si>
    <t>War but on Goan</t>
  </si>
  <si>
    <t>GPS JHOK BURGAY WALA</t>
  </si>
  <si>
    <t>Bullay wahin</t>
  </si>
  <si>
    <t>GPS Jhok Burgay wala Muzaffargarh</t>
  </si>
  <si>
    <t>Jhok Burgay wala</t>
  </si>
  <si>
    <t>GPS JHOK DARAGHI SHAH</t>
  </si>
  <si>
    <t>Jhok Dargahi Shah</t>
  </si>
  <si>
    <t>Mouza Jhok Dargahi Shah Markaz Garh Maharaja Tehsil Ahmad pur Sial  Jhang</t>
  </si>
  <si>
    <t>Akhlaq Ahmad Saad</t>
  </si>
  <si>
    <t>GPS JHOK FAZAL</t>
  </si>
  <si>
    <t>Gps Jhoke Fazil</t>
  </si>
  <si>
    <t>Jhoke Fazil</t>
  </si>
  <si>
    <t>Hadia Zaheen</t>
  </si>
  <si>
    <t>GPS JHOK GHANDO WALI</t>
  </si>
  <si>
    <t>Jhok Chak#3 Ucc</t>
  </si>
  <si>
    <t>p/o Mandi faizabad jhok chak# 3ucc teh &amp; district nankana sahib</t>
  </si>
  <si>
    <t>Jhok Chak# 3ucc</t>
  </si>
  <si>
    <t>Bhuchoki Paar</t>
  </si>
  <si>
    <t>GPS JHOK HUSSAIN KHAN</t>
  </si>
  <si>
    <t>Noory Wala Pacca</t>
  </si>
  <si>
    <t>Moza Noory wala pacca Basti ghudra</t>
  </si>
  <si>
    <t>Basti Ghudra</t>
  </si>
  <si>
    <t>GPS JHOK KHURD CHAK NO. 14/RB</t>
  </si>
  <si>
    <t>Jhok Khurd</t>
  </si>
  <si>
    <t>GPS jhok khurd</t>
  </si>
  <si>
    <t>GPS JHOK NASRANA</t>
  </si>
  <si>
    <t>Nasrna</t>
  </si>
  <si>
    <t>GPS jhok nasrÃ na</t>
  </si>
  <si>
    <t>Jhok Nasrna</t>
  </si>
  <si>
    <t>GPS JHOK SINGHAR</t>
  </si>
  <si>
    <t>Weha</t>
  </si>
  <si>
    <t>jhoke singhar</t>
  </si>
  <si>
    <t>Jhoke Singhar</t>
  </si>
  <si>
    <t>GPS JHOKA</t>
  </si>
  <si>
    <t>GPS Jhoka</t>
  </si>
  <si>
    <t>village jhoka p.o masrur</t>
  </si>
  <si>
    <t>Jhoka</t>
  </si>
  <si>
    <t>H-T MUHAMMAD ASHRAF</t>
  </si>
  <si>
    <t>GPS JHOKAN</t>
  </si>
  <si>
    <t>Basti Jhokan Bhakkarh</t>
  </si>
  <si>
    <t>Jhokan</t>
  </si>
  <si>
    <t>Hammuwali</t>
  </si>
  <si>
    <t>GPS JHOKE ABBASI</t>
  </si>
  <si>
    <t>Basti jhoke abbasi Sama Satta.</t>
  </si>
  <si>
    <t>Jhoke Abbasi</t>
  </si>
  <si>
    <t>GPS JHOKE AHMAD YAR</t>
  </si>
  <si>
    <t>jhoke ahmad yar moza mangwani p.o dera bakha</t>
  </si>
  <si>
    <t>Jhoke Ahmad Yar</t>
  </si>
  <si>
    <t>GPS JHOKE ARAIN</t>
  </si>
  <si>
    <t>ARAIN SHERQI</t>
  </si>
  <si>
    <t>CHAK NO 545/TDA</t>
  </si>
  <si>
    <t>CHAK NO 632/TDA</t>
  </si>
  <si>
    <t>MUHAMMAD KAUSAR</t>
  </si>
  <si>
    <t>GPS JHOKE ARBI</t>
  </si>
  <si>
    <t>Jhoke Arbi</t>
  </si>
  <si>
    <t>Mouza jhoke Arbi Multan</t>
  </si>
  <si>
    <t>Inayat Pur Mahotta</t>
  </si>
  <si>
    <t>Ashfaq Rasool</t>
  </si>
  <si>
    <t>GPS JHOKE BALOO JHOKE BALOO</t>
  </si>
  <si>
    <t>basti jhoke ballo multan</t>
  </si>
  <si>
    <t>Jhoke Ballo</t>
  </si>
  <si>
    <t>GPS JHOKE BHUTTA</t>
  </si>
  <si>
    <t>Kotdadon</t>
  </si>
  <si>
    <t>mouza kot dadon basti jhpke bhutta  p/o wasanday wali tehsil  and distirct muzaffar garh</t>
  </si>
  <si>
    <t>GPS JHOKE CHAJRA MOUZA JHOKE CHAJRA MULTAN</t>
  </si>
  <si>
    <t>Jhoke Chajra</t>
  </si>
  <si>
    <t>basti luckwali</t>
  </si>
  <si>
    <t>Basti luckwali</t>
  </si>
  <si>
    <t>Anayat Pur Mahota</t>
  </si>
  <si>
    <t>GPS JHOKE DHAP PO SHAHANI</t>
  </si>
  <si>
    <t>Moondaywali</t>
  </si>
  <si>
    <t>village moondaywali p / o shahani tehsil DIST bhakkar</t>
  </si>
  <si>
    <t>GPS JHOKE DITTA</t>
  </si>
  <si>
    <t>Kararikot</t>
  </si>
  <si>
    <t>Bhady bakhry  wala uc kararikot kot</t>
  </si>
  <si>
    <t>Bhady Bakhry Wala</t>
  </si>
  <si>
    <t>GPS JHOKE HAFIZ WALA</t>
  </si>
  <si>
    <t>jhoke hafiz wai post office bhakkar</t>
  </si>
  <si>
    <t>Hummun Wali</t>
  </si>
  <si>
    <t>GPS JHOKE HAMID KHAN</t>
  </si>
  <si>
    <t>Jhoke hamid khan</t>
  </si>
  <si>
    <t>Ghulam Mustafa Dasti</t>
  </si>
  <si>
    <t>GPS JHOKE HAMJANA</t>
  </si>
  <si>
    <t>Jhoke haji</t>
  </si>
  <si>
    <t>Jhoke Hamjana muza jhoke haji tehsil khairpur tamewali</t>
  </si>
  <si>
    <t>Jhoke hamjana</t>
  </si>
  <si>
    <t>Muhammad Sajjad Wagi</t>
  </si>
  <si>
    <t>GPS JHOKE JASKANI</t>
  </si>
  <si>
    <t>basti Jhoke Jaskani karor nashaib</t>
  </si>
  <si>
    <t>Jhoke Jaskani</t>
  </si>
  <si>
    <t>Thal Janddi</t>
  </si>
  <si>
    <t>GPS JHOKE JINDU</t>
  </si>
  <si>
    <t>Jhok Jindo</t>
  </si>
  <si>
    <t>jhok fazil Moza jhok jindo p/o fateh pur Thesil Mailsi</t>
  </si>
  <si>
    <t>Jhok Fazil</t>
  </si>
  <si>
    <t>Zafar abbas</t>
  </si>
  <si>
    <t>GPS JHOKE KALASRA</t>
  </si>
  <si>
    <t>P/O Ehsan Pur Tehsel Kot Addu District Muzaffar Garh</t>
  </si>
  <si>
    <t>MUHAMMAD TANVEER HUSSAIN SHAH</t>
  </si>
  <si>
    <t>GPS JHOKE KHICHI</t>
  </si>
  <si>
    <t>jhoke khichi darya khan bhakkar</t>
  </si>
  <si>
    <t>GPS JHOKE KUMAR WALI NO. 1</t>
  </si>
  <si>
    <t>Ranawahain</t>
  </si>
  <si>
    <t>Pupil wala (Jhoke Kumharn wali no ) Chadhar</t>
  </si>
  <si>
    <t>Pupil Wala</t>
  </si>
  <si>
    <t>GPS JHOKE KUMHAR WALI NO. 2</t>
  </si>
  <si>
    <t>Basti Jhoke Kumhar Wali P/O Chadhar Tehsil &amp; District Multan</t>
  </si>
  <si>
    <t>Jhoke Kumhar Wali</t>
  </si>
  <si>
    <t>GPS JHOKE LAL SHAH</t>
  </si>
  <si>
    <t>Jhok Lal Shah</t>
  </si>
  <si>
    <t>Panjgrain Nasib</t>
  </si>
  <si>
    <t>Syed Hassan Ali Shah</t>
  </si>
  <si>
    <t>GPS JHOKE MAKWAL</t>
  </si>
  <si>
    <t>Jhoke makwal</t>
  </si>
  <si>
    <t>jhoke makwal teh.Jampur dist . Rajanpur</t>
  </si>
  <si>
    <t>Abdul latif</t>
  </si>
  <si>
    <t>GPS JHOKE MEHR SHAH</t>
  </si>
  <si>
    <t>Mehr Shah</t>
  </si>
  <si>
    <t>jhoke mehar shah punjgirain nashaib</t>
  </si>
  <si>
    <t>Jhok Mehr Shah</t>
  </si>
  <si>
    <t>Babar Khan</t>
  </si>
  <si>
    <t>GPS JHOKE NAICH</t>
  </si>
  <si>
    <t>mouza mahand p/o chani goth tehsil ape district bwp</t>
  </si>
  <si>
    <t>Basti Jhoke Naich</t>
  </si>
  <si>
    <t>GPS JHOKE PANDOKI</t>
  </si>
  <si>
    <t>Jhoke</t>
  </si>
  <si>
    <t>village pandoki post office kahna nau tehsil and district lahorel</t>
  </si>
  <si>
    <t>Jhoke Pandoki</t>
  </si>
  <si>
    <t>Fiyyaz Ahmed</t>
  </si>
  <si>
    <t>GPS JHOKE RAHIM BUKHSH</t>
  </si>
  <si>
    <t>jhoke Rahim bukhsh moza mangwani</t>
  </si>
  <si>
    <t>Jhoke Rahim Bukhsh</t>
  </si>
  <si>
    <t>GPS JHOKE SHEIKHUM</t>
  </si>
  <si>
    <t>GPS JHOKE WAINS PARLI P/O JHOKE VAINS</t>
  </si>
  <si>
    <t>mouza jhoke wains chah pattan wali</t>
  </si>
  <si>
    <t>GPS JHOKE WALA</t>
  </si>
  <si>
    <t>basti jhoke Wala moza sumra</t>
  </si>
  <si>
    <t>JHOKE WALA</t>
  </si>
  <si>
    <t>GPS JHONJHAN WALI</t>
  </si>
  <si>
    <t>Jhonjhan Wali</t>
  </si>
  <si>
    <t>Maoza Jhonjhan Wali, Tehsil Kot Addu, District Muzaffargarh</t>
  </si>
  <si>
    <t>Mohammad Bilal</t>
  </si>
  <si>
    <t>GPS JHORAN</t>
  </si>
  <si>
    <t>makhdoom abad  moza jhoran</t>
  </si>
  <si>
    <t>Makhdoom abad Jhoran</t>
  </si>
  <si>
    <t>GPS JHORE</t>
  </si>
  <si>
    <t>Thamey Wali</t>
  </si>
  <si>
    <t>VPO Jhore</t>
  </si>
  <si>
    <t>GPS JHOTIAN WALA</t>
  </si>
  <si>
    <t>,G P S Jhottian Wala Teh Pindi Bhattian. Distt Hafiz Abad</t>
  </si>
  <si>
    <t>Daira Oodan</t>
  </si>
  <si>
    <t>Rana Tariq Mehmood</t>
  </si>
  <si>
    <t>GPS JHOUNGLE WALA</t>
  </si>
  <si>
    <t>Bakher Wah</t>
  </si>
  <si>
    <t>basti jaungal khan,tehsil kotchutta distt dgk</t>
  </si>
  <si>
    <t>Basti Jaungal Khan</t>
  </si>
  <si>
    <t>Abdul bari</t>
  </si>
  <si>
    <t>GPS JHUGAIN SHEIKHWAL</t>
  </si>
  <si>
    <t>Sheikhwal</t>
  </si>
  <si>
    <t>sheikhwal</t>
  </si>
  <si>
    <t>Mohib Poor</t>
  </si>
  <si>
    <t>Muhammad Ateeque</t>
  </si>
  <si>
    <t>GPS JHUGGAY RAI ALLAH YAR</t>
  </si>
  <si>
    <t>jhuggay Allah yar  bhorani kaniawali</t>
  </si>
  <si>
    <t>Jhuggay Allah Yar</t>
  </si>
  <si>
    <t>Omer Hayat</t>
  </si>
  <si>
    <t>GPS JHUGGIAN DINA</t>
  </si>
  <si>
    <t>Sadique Da Khoo</t>
  </si>
  <si>
    <t>village sadiqu da khoo</t>
  </si>
  <si>
    <t>Javaid Abbas</t>
  </si>
  <si>
    <t>GPS JHUGH KHURD</t>
  </si>
  <si>
    <t>Muhammad Shahid Maqbool</t>
  </si>
  <si>
    <t>GPS JHUGI MANDAY</t>
  </si>
  <si>
    <t>botala</t>
  </si>
  <si>
    <t>GPS JHUGIAAN DANA SINGH</t>
  </si>
  <si>
    <t>Jhugian Dhana  Singh</t>
  </si>
  <si>
    <t>Jhugian Dhana singh , Tehsil pattoki district kasur markaz phool nager city</t>
  </si>
  <si>
    <t>Jhugian Dhana Singh</t>
  </si>
  <si>
    <t>Oulakh Bonga</t>
  </si>
  <si>
    <t>Muhammad Asghar Ali</t>
  </si>
  <si>
    <t>GPS JHUGIAN CHOHAR</t>
  </si>
  <si>
    <t>G.P.S.Jhugian Chohar</t>
  </si>
  <si>
    <t>Jhugian Chohar</t>
  </si>
  <si>
    <t>Mirali Hithar</t>
  </si>
  <si>
    <t>MUHAMMAD AMIN ABID</t>
  </si>
  <si>
    <t>GPS JHUGIAN CHUMBRAN</t>
  </si>
  <si>
    <t>Jhugian Chambran Chambran</t>
  </si>
  <si>
    <t>jhugian chambran multan road lahore</t>
  </si>
  <si>
    <t>Muhammad Zaman Ul Hassan</t>
  </si>
  <si>
    <t>GPS JHUGIAN GHAREEB ABAD MULTAN</t>
  </si>
  <si>
    <t>GPS ghareebabad jhugian muzafarabad multan</t>
  </si>
  <si>
    <t>GPS JHUGIAN HAMOKA</t>
  </si>
  <si>
    <t>Jhugian hamoka</t>
  </si>
  <si>
    <t>Jhugian hamoka shahpur Sargodha</t>
  </si>
  <si>
    <t>GPS JHUGIAN LAKHODHER</t>
  </si>
  <si>
    <t>gps jhuggian lakhodair</t>
  </si>
  <si>
    <t>Jhuggian Lakhodair</t>
  </si>
  <si>
    <t>Samina Safdar Ali</t>
  </si>
  <si>
    <t>GPS JHUGIAN MARATI</t>
  </si>
  <si>
    <t>Jughian Marati</t>
  </si>
  <si>
    <t>Jungian Marati phool nagar pattoki</t>
  </si>
  <si>
    <t>Jugihan Marati</t>
  </si>
  <si>
    <t>GPS JHUGIAN NOORAN</t>
  </si>
  <si>
    <t>Jhugian Nooran</t>
  </si>
  <si>
    <t>jhugian nooran uc lagar tehsil and district sheikhupura</t>
  </si>
  <si>
    <t>GPS JHUGIAN REHMOON</t>
  </si>
  <si>
    <t>Jhugian Rehmoon</t>
  </si>
  <si>
    <t>Gps Jhugian Rehmoon</t>
  </si>
  <si>
    <t>Malik Ali Nawaz</t>
  </si>
  <si>
    <t>GPS JHUGIAN SHAHAB DIN</t>
  </si>
  <si>
    <t>Jhugain  Shahab</t>
  </si>
  <si>
    <t>jhugian shahabdin. post office service Distt  sheikhupura</t>
  </si>
  <si>
    <t>Jhugian Shahabdin</t>
  </si>
  <si>
    <t>GPS JHUGIAN SYEDA UCHHALI</t>
  </si>
  <si>
    <t>VPO uchhali</t>
  </si>
  <si>
    <t>GPS JHUGIN GILLAN</t>
  </si>
  <si>
    <t>Jhugian Gillan</t>
  </si>
  <si>
    <t>Jhugian Gillan p/o more khunda</t>
  </si>
  <si>
    <t>Abdul Aziz Rashid</t>
  </si>
  <si>
    <t>GPS JHUL</t>
  </si>
  <si>
    <t>Kanjkiwala</t>
  </si>
  <si>
    <t>kanjkiwala,p/o Taranda muh panah,liaquatpur,Rahim yar khan</t>
  </si>
  <si>
    <t>Turakri</t>
  </si>
  <si>
    <t>Muhammad Ishaq Abbasi</t>
  </si>
  <si>
    <t>GPS JHULKI</t>
  </si>
  <si>
    <t>Village Jhulki P. O. Saddar Cantt Sialkot</t>
  </si>
  <si>
    <t>GPS JHULLAN CHISHTI</t>
  </si>
  <si>
    <t>Jhullan Chishti</t>
  </si>
  <si>
    <t>Jhullan chishti</t>
  </si>
  <si>
    <t>Jhullan Ariyan</t>
  </si>
  <si>
    <t>GPS JHUMMIAN KALAN</t>
  </si>
  <si>
    <t>Jhumian Kalan</t>
  </si>
  <si>
    <t>jhumian kalan</t>
  </si>
  <si>
    <t>GPS JHUNG BILAWAL</t>
  </si>
  <si>
    <t>basti Muhammad nawab numberdar mouza Jung bilawal</t>
  </si>
  <si>
    <t>Nawab Mahar</t>
  </si>
  <si>
    <t>Sajjad Ahmad Khan</t>
  </si>
  <si>
    <t>GPS JHUNJ JANUBI</t>
  </si>
  <si>
    <t>Jhunj janubi moza soha jhunj tehsil kaloor kot disst bhakkar</t>
  </si>
  <si>
    <t>Jhunj Janubi</t>
  </si>
  <si>
    <t>63/DB</t>
  </si>
  <si>
    <t>GPS JHURKAL</t>
  </si>
  <si>
    <t>jharkl teh karor layyah</t>
  </si>
  <si>
    <t>GPS JIA</t>
  </si>
  <si>
    <t>JIA</t>
  </si>
  <si>
    <t>JIA BAGGA RAIWIND</t>
  </si>
  <si>
    <t>JIA BAGGA</t>
  </si>
  <si>
    <t>Tariq Mhmood</t>
  </si>
  <si>
    <t>GPS JIA KA TIBBA</t>
  </si>
  <si>
    <t>Manga Mindi</t>
  </si>
  <si>
    <t>Jia Kia tibba manga mindi Lahore</t>
  </si>
  <si>
    <t>Jia Kia Tibba</t>
  </si>
  <si>
    <t>Talab Sary</t>
  </si>
  <si>
    <t>Numaesh Ali</t>
  </si>
  <si>
    <t>GPS JILANI WALA</t>
  </si>
  <si>
    <t>Thatha gurmani gharbi</t>
  </si>
  <si>
    <t>Chah kalo wala, p/o Thatha gurmani kotaddu muzaffar garh</t>
  </si>
  <si>
    <t>Kalu wala</t>
  </si>
  <si>
    <t>Thatha gurmani</t>
  </si>
  <si>
    <t>GPS JINAH ABADI</t>
  </si>
  <si>
    <t>Jinnahabadi</t>
  </si>
  <si>
    <t>jinnahabadi sangls hill</t>
  </si>
  <si>
    <t>Muhammad Tariq Ali</t>
  </si>
  <si>
    <t>GPS JIND WADDA</t>
  </si>
  <si>
    <t>Tarinda Meer Khan</t>
  </si>
  <si>
    <t>Basti Usman Aaraein Tarinda Meer Khan LQP</t>
  </si>
  <si>
    <t>Basti Usman Aaraein</t>
  </si>
  <si>
    <t>GPS JIND WADDA ARAIN</t>
  </si>
  <si>
    <t>Bait sountra</t>
  </si>
  <si>
    <t>basti umerwada arain moza bait sountra</t>
  </si>
  <si>
    <t>GPS JIND WANI</t>
  </si>
  <si>
    <t>jindwani,UC bela tehsil  d.g.khan</t>
  </si>
  <si>
    <t>Jindwani</t>
  </si>
  <si>
    <t>GPS JINDAR KALAN</t>
  </si>
  <si>
    <t>Jinder Kalan</t>
  </si>
  <si>
    <t>V.P.O Hajiwala Teh  &amp; Distt Gujrat</t>
  </si>
  <si>
    <t>GPS JINDER KHURD</t>
  </si>
  <si>
    <t>Jindar Khurd</t>
  </si>
  <si>
    <t>village jindar Khurd  p/ o karianwala Gujrat</t>
  </si>
  <si>
    <t>GPS JINDOO SHAH</t>
  </si>
  <si>
    <t>Khand Lorrian</t>
  </si>
  <si>
    <t>jindu shah tahsil khairpur tamiwali distric Bahawalpur</t>
  </si>
  <si>
    <t>Jindu Shah</t>
  </si>
  <si>
    <t>Hafiz Mudaser Mahmood</t>
  </si>
  <si>
    <t>GPS JINDOO SHAH HITHAR</t>
  </si>
  <si>
    <t>Jindu  Shah Hithar</t>
  </si>
  <si>
    <t>chakri  sayal  jindu shah hithar</t>
  </si>
  <si>
    <t>Jindu  Shah  Hithar</t>
  </si>
  <si>
    <t>Mudasser Ali</t>
  </si>
  <si>
    <t>GPS JINDU PEER JADDED</t>
  </si>
  <si>
    <t>Basti Murad Khan Abbasi</t>
  </si>
  <si>
    <t>Basti murad khan abbasi</t>
  </si>
  <si>
    <t>Tarkri</t>
  </si>
  <si>
    <t>GPS JINDU PEER QADEEM</t>
  </si>
  <si>
    <t>Tarukrri</t>
  </si>
  <si>
    <t>basti jindoo pir kamal teh liaqat pur district rahim yar khan</t>
  </si>
  <si>
    <t>Jindoo Pir kamal</t>
  </si>
  <si>
    <t>GPS JINDWADA</t>
  </si>
  <si>
    <t>Moza mori, Basti jindwada abbasi near basti Jan Muhammad, Nawankot, Tehsil khanpur</t>
  </si>
  <si>
    <t>Jaan Muhammad</t>
  </si>
  <si>
    <t>Asad Idrees</t>
  </si>
  <si>
    <t>GPS JINNAH ABADI (OLD CHAH JAWANA)</t>
  </si>
  <si>
    <t>Jinnah Abadi raiwind</t>
  </si>
  <si>
    <t>Raiwind Village</t>
  </si>
  <si>
    <t>GPS JINNAL</t>
  </si>
  <si>
    <t>GPS Jinnal</t>
  </si>
  <si>
    <t>Jinnal</t>
  </si>
  <si>
    <t>GPS JIWAN WALA  P/O SHUJABAD</t>
  </si>
  <si>
    <t>MIRALI WAHIN</t>
  </si>
  <si>
    <t>CHAH JEVAN WALA MOUZA MIRALI WAHIN SHUJABAD</t>
  </si>
  <si>
    <t>JEVAN WALA SHUJABAD</t>
  </si>
  <si>
    <t>TODER PUR</t>
  </si>
  <si>
    <t>Muhammad shareef</t>
  </si>
  <si>
    <t>GPS JODH SINGH WALA</t>
  </si>
  <si>
    <t>Jodh Sing Wala</t>
  </si>
  <si>
    <t>Thati Usman</t>
  </si>
  <si>
    <t>MUHAMMAD ANWAAR  AKMAL</t>
  </si>
  <si>
    <t>GPS JODHEKA EAST</t>
  </si>
  <si>
    <t>JODHEKA</t>
  </si>
  <si>
    <t>MOUZA JODHEKA P/O SAME TEHSIL AND DISTT BWN</t>
  </si>
  <si>
    <t>Muhammad Jahangeer</t>
  </si>
  <si>
    <t>GPS JODHI SULTAN</t>
  </si>
  <si>
    <t>Judhi Sultan, tehsil lalian District Chiniot</t>
  </si>
  <si>
    <t>Judhi Sultan</t>
  </si>
  <si>
    <t>GPS JOGE</t>
  </si>
  <si>
    <t>JOGE</t>
  </si>
  <si>
    <t>joge</t>
  </si>
  <si>
    <t>Ward Gran</t>
  </si>
  <si>
    <t>GPS JOGE WALA</t>
  </si>
  <si>
    <t>p/o Artali virkan village jogi wala tehsil nowshera virkan distt Gujranwala</t>
  </si>
  <si>
    <t>Shamsa Dada</t>
  </si>
  <si>
    <t>GPS JOGI WALA</t>
  </si>
  <si>
    <t>basti rasheed khan rahim yar khan</t>
  </si>
  <si>
    <t>basti rasheed khan</t>
  </si>
  <si>
    <t>muhammad pur qureshian</t>
  </si>
  <si>
    <t>faisalurrehman</t>
  </si>
  <si>
    <t>GPS JOGIANI</t>
  </si>
  <si>
    <t>basti jogiani uc bhakhir wah choti zareen kot chuta dg khan</t>
  </si>
  <si>
    <t>Bhakhar Wah</t>
  </si>
  <si>
    <t>GPS JOGIANI WALA</t>
  </si>
  <si>
    <t>Chack Kora Khan</t>
  </si>
  <si>
    <t>Band Thilay Wala, Basti Sobha, Chack Kora Khan</t>
  </si>
  <si>
    <t>Waqas Ahmad Awan</t>
  </si>
  <si>
    <t>Cement Factory Supply Lime</t>
  </si>
  <si>
    <t>GPS JOHAD</t>
  </si>
  <si>
    <t>Village Johad P O Terbathi Tehsil Fateh Jang District Attock</t>
  </si>
  <si>
    <t>Muneer  Ahmed</t>
  </si>
  <si>
    <t>GPS JOHD JATTAN</t>
  </si>
  <si>
    <t>Johd Wala</t>
  </si>
  <si>
    <t>johd Wala p o usman Wala kasur</t>
  </si>
  <si>
    <t>Nadeem Ali</t>
  </si>
  <si>
    <t>GPS JOHD KAY</t>
  </si>
  <si>
    <t>JOHD KAY</t>
  </si>
  <si>
    <t>VILLAGE JOHD KAY POST OFFICE ALI PUR</t>
  </si>
  <si>
    <t>GPS JOHDA</t>
  </si>
  <si>
    <t>Johda</t>
  </si>
  <si>
    <t>vill and p/o johda teh sohawa Distt jhelum</t>
  </si>
  <si>
    <t>MUHAMMAD ZEESHAN  NISAR</t>
  </si>
  <si>
    <t>GPS JOIYA BASTI JOIYA</t>
  </si>
  <si>
    <t>gps joiya basti joiys</t>
  </si>
  <si>
    <t>Muhammad zahid hussain</t>
  </si>
  <si>
    <t>GPS JOKALIAN</t>
  </si>
  <si>
    <t>Village &amp; P.O Jokalian Teh. Phalia, Dist. M.B.Din</t>
  </si>
  <si>
    <t>Sidra Kousar</t>
  </si>
  <si>
    <t>GPS JOONI</t>
  </si>
  <si>
    <t>Jooni</t>
  </si>
  <si>
    <t>GOVERNMENT BOYS PRIMARY SCHOOL JOONI</t>
  </si>
  <si>
    <t>Chah Hakeem Wala</t>
  </si>
  <si>
    <t>GPS JOONI CHAK NO. 243/TDA</t>
  </si>
  <si>
    <t>Chak No243A /TDA JOONI WALA</t>
  </si>
  <si>
    <t>chak no 243A/tda joni wala tehsil karor dis layyah</t>
  </si>
  <si>
    <t>Chak No 243A/tda Joni Wala</t>
  </si>
  <si>
    <t>Ghulam Sajjad</t>
  </si>
  <si>
    <t>GPS JORHA</t>
  </si>
  <si>
    <t>Maholji</t>
  </si>
  <si>
    <t>markaz manrka male taunsa,dgkhan</t>
  </si>
  <si>
    <t>GPS JORI JHLAR</t>
  </si>
  <si>
    <t>Jori Jhlar Hallar Key Pimar</t>
  </si>
  <si>
    <t>Jori Jhlar</t>
  </si>
  <si>
    <t>Hallar Key Pimar</t>
  </si>
  <si>
    <t>GPS JORKI HASHMAT</t>
  </si>
  <si>
    <t>Jorki Hashmat</t>
  </si>
  <si>
    <t>Jorki hashmat</t>
  </si>
  <si>
    <t>Geriya Abad</t>
  </si>
  <si>
    <t>Muhammad Khair Shah</t>
  </si>
  <si>
    <t>GPS JORRA</t>
  </si>
  <si>
    <t>Jorra</t>
  </si>
  <si>
    <t>taliyan vala khoo jorra pakpattan</t>
  </si>
  <si>
    <t>Ferozpurchistian</t>
  </si>
  <si>
    <t>Abdur Rahman Akbar</t>
  </si>
  <si>
    <t>GPS JOSHAN JATTAN</t>
  </si>
  <si>
    <t>Joshan Jattan post office khas teh pasrur dist sialkot</t>
  </si>
  <si>
    <t>Mohammad Amjad Son  Of  Bagh Din</t>
  </si>
  <si>
    <t>GPS JOSRIAN</t>
  </si>
  <si>
    <t>GPS  Josran  ctn.  BWN.</t>
  </si>
  <si>
    <t>Josran  Mohar Sharif</t>
  </si>
  <si>
    <t>GPS JOUNGAL</t>
  </si>
  <si>
    <t>basti joungal tehsil taunsa sharif district dg khan</t>
  </si>
  <si>
    <t>Joungle</t>
  </si>
  <si>
    <t>meer balakh sher</t>
  </si>
  <si>
    <t>GPS JOURA JALAL PUR</t>
  </si>
  <si>
    <t>Joura Jalal Pur</t>
  </si>
  <si>
    <t>Vill.Joura Jalal.pur.p.o.Teh&amp;Dist.Gujrat</t>
  </si>
  <si>
    <t>GPS JOYA</t>
  </si>
  <si>
    <t>Joya</t>
  </si>
  <si>
    <t>village joya p o kingra tehsil pasrur distt sialkot</t>
  </si>
  <si>
    <t>Shafique Ur Rehman</t>
  </si>
  <si>
    <t>GPS JOYA OTAR</t>
  </si>
  <si>
    <t>Joya Ottar</t>
  </si>
  <si>
    <t>village joya ottar p.o kalay ottar</t>
  </si>
  <si>
    <t>Joyya Ottar</t>
  </si>
  <si>
    <t>GPS JOYIA P.O NOORA PATH ARIF WALA</t>
  </si>
  <si>
    <t>mouza Joyia p/o noora rath tehsil Arif Wala district pakpattan</t>
  </si>
  <si>
    <t>Mouza Joyia</t>
  </si>
  <si>
    <t>GPS JOYIA WALA CHAK NO. 63 MB</t>
  </si>
  <si>
    <t>63 mB</t>
  </si>
  <si>
    <t>p/s joyia Walla 63mb</t>
  </si>
  <si>
    <t>63MB 17</t>
  </si>
  <si>
    <t>GPS JOYYA ABAD P/O KOTLA CHAKAR</t>
  </si>
  <si>
    <t>Motha South</t>
  </si>
  <si>
    <t>basti joyya abad mouza motha u.c kotla chakar tehsil jalal pur pirwala district multan</t>
  </si>
  <si>
    <t>Joyya Abad</t>
  </si>
  <si>
    <t>Hasan Ahmad</t>
  </si>
  <si>
    <t>GPS JUGGIAN BAJA NAGAR</t>
  </si>
  <si>
    <t>26Km near bata factory Multan Road Lahore</t>
  </si>
  <si>
    <t>Ali Hussain Abad</t>
  </si>
  <si>
    <t>GPS JUGGIAN DARS</t>
  </si>
  <si>
    <t>Juggain Dars</t>
  </si>
  <si>
    <t>juggain dars bata pur lahore</t>
  </si>
  <si>
    <t>GPS JUGGIAN KHANAKE P/O SUNDER</t>
  </si>
  <si>
    <t>Jhuggian khaneki Rangeel pur road Sundar Lahore</t>
  </si>
  <si>
    <t>Jhuggian Khaneki</t>
  </si>
  <si>
    <t>GPS JUGHIAN BHAKHANIAN</t>
  </si>
  <si>
    <t>Jhugian Bhikhanian</t>
  </si>
  <si>
    <t>Jhugian Bhikhianian, P/O: Jhawarian, Tehsil: Shah Pur, Distt: Sargodha.</t>
  </si>
  <si>
    <t>Jhugian Bhakhanian</t>
  </si>
  <si>
    <t>M Abubakar Shahzad</t>
  </si>
  <si>
    <t>GPS JUGHIAN KARNALIN</t>
  </si>
  <si>
    <t>Jhugian Karnalian</t>
  </si>
  <si>
    <t>Jhuggian Karnalian chak no 175 ,tehsil Shahkot district Nankana</t>
  </si>
  <si>
    <t>Muhammad Kashif Iqbal</t>
  </si>
  <si>
    <t>GPS JUGHIAN SHAM SINGH</t>
  </si>
  <si>
    <t>GPS Jhugian Sham Singh post office Mandi Ahmad And tehsil Depalpur district Okara</t>
  </si>
  <si>
    <t>Jhugian Sham Singh</t>
  </si>
  <si>
    <t>Jungsher</t>
  </si>
  <si>
    <t>GPS JUGIAL</t>
  </si>
  <si>
    <t>Jugial</t>
  </si>
  <si>
    <t>jugial</t>
  </si>
  <si>
    <t>Kott Naina</t>
  </si>
  <si>
    <t>GPS JUGIAN HAMOON</t>
  </si>
  <si>
    <t>jhugian hamoon p/o mandi ahmad abad teh. depalpure</t>
  </si>
  <si>
    <t>GPS JUGLANA KHOH CHAK NO. 169/TDA</t>
  </si>
  <si>
    <t>Sarishta Thal  Jandi Sharki</t>
  </si>
  <si>
    <t>juglana khoh 169p/o ladhana dis layyah</t>
  </si>
  <si>
    <t>Juglana Khoh</t>
  </si>
  <si>
    <t>GPS JUGLANI BASTI</t>
  </si>
  <si>
    <t>mouza bait dabli</t>
  </si>
  <si>
    <t>GPS JUIYA DHUDDI</t>
  </si>
  <si>
    <t>Usman Ali Shah</t>
  </si>
  <si>
    <t>Basti Usman Ali Shah,</t>
  </si>
  <si>
    <t>GPS JULKY</t>
  </si>
  <si>
    <t>Julkay Village</t>
  </si>
  <si>
    <t>Julkay Village Kahna Nau,TehsilModel town Lahore</t>
  </si>
  <si>
    <t>Julkay</t>
  </si>
  <si>
    <t>Yasmin Shoukat</t>
  </si>
  <si>
    <t>GPS JULLIANI</t>
  </si>
  <si>
    <t>Julliani</t>
  </si>
  <si>
    <t>Village Julliani P.O Mangowal Gharbi</t>
  </si>
  <si>
    <t>Usman Aslam</t>
  </si>
  <si>
    <t>GPS JUMAN SHAH</t>
  </si>
  <si>
    <t>Dasti</t>
  </si>
  <si>
    <t>Mouza Dasti, Basti Juman Shah, Teh. &amp; Distt. Lodhran</t>
  </si>
  <si>
    <t>Juman Shah</t>
  </si>
  <si>
    <t>Haveli Nasser Khan</t>
  </si>
  <si>
    <t>GPS JUMBER KHURD</t>
  </si>
  <si>
    <t>jumber khurd</t>
  </si>
  <si>
    <t>GPS JUMMA MOHANA (MOUDIB)</t>
  </si>
  <si>
    <t>Jumma Mohana</t>
  </si>
  <si>
    <t>basti trahli</t>
  </si>
  <si>
    <t>Trahli</t>
  </si>
  <si>
    <t>GPS JUNGLE BARALI NO. 1</t>
  </si>
  <si>
    <t>Moza Jungle Burali,Tehsil &amp; District, Vehari.</t>
  </si>
  <si>
    <t>GPS JUNGLE DARA WALA, TULAMBA</t>
  </si>
  <si>
    <t>Jungle Dairay Wala Janoobi</t>
  </si>
  <si>
    <t>Basti Jungle Dairay wala janoobi on bank of melsi link tulmba makhdoom pur road</t>
  </si>
  <si>
    <t>Basti Jungle Dairay Wala Janoobi</t>
  </si>
  <si>
    <t>9/8-BR</t>
  </si>
  <si>
    <t>Muhammad Mubbashir Noor</t>
  </si>
  <si>
    <t>GPS JUNGLE KALARA WALA</t>
  </si>
  <si>
    <t>Jungle Kal ran Wala</t>
  </si>
  <si>
    <t>Jungle kal range wala</t>
  </si>
  <si>
    <t>Gungle Kala range Wala</t>
  </si>
  <si>
    <t>GPS JUNGLE SARKAR</t>
  </si>
  <si>
    <t>Jungle Sarkar</t>
  </si>
  <si>
    <t>Govt. P/S Jungle Sarkar Post office Jhamra Tehsil Tandlianwala District Faisalabad</t>
  </si>
  <si>
    <t>Muhammad Shafqat Rasool</t>
  </si>
  <si>
    <t>GPS JUNGLE SHAH NIZAM 765 GB</t>
  </si>
  <si>
    <t>Chak 765gb</t>
  </si>
  <si>
    <t>Chak no 765 gb Teh: Pirmahal Toba Tek Singh</t>
  </si>
  <si>
    <t>Chak no 762 Gb</t>
  </si>
  <si>
    <t>GPS JUNIOR MODEL RATTIGAN ROAD LHR</t>
  </si>
  <si>
    <t>DJB Town</t>
  </si>
  <si>
    <t>Rattigan Road lhr</t>
  </si>
  <si>
    <t>Sobia Kausar</t>
  </si>
  <si>
    <t>GPS JUSRAT</t>
  </si>
  <si>
    <t>Jasrat</t>
  </si>
  <si>
    <t>Haveli Loharan, moza Jasrat, Tehsil &amp; Disrict Chiniot</t>
  </si>
  <si>
    <t>GPS JUSSA</t>
  </si>
  <si>
    <t>mouza  jussa  tehsil ahmad pur sial disst jhang</t>
  </si>
  <si>
    <t>Fateh Pur Pretty</t>
  </si>
  <si>
    <t>GPS JUSSO KEY DHONE</t>
  </si>
  <si>
    <t>JASSOKEY</t>
  </si>
  <si>
    <t>P/O BHUMAN SHAH TEHSIL DEPALPUR DIS:OKARA</t>
  </si>
  <si>
    <t>JAFAR ABAD</t>
  </si>
  <si>
    <t>RAUF ALI</t>
  </si>
  <si>
    <t>GPS JUTWAL GUJRAN</t>
  </si>
  <si>
    <t>Jatwal Gujjran</t>
  </si>
  <si>
    <t>jutwal gujran thsile shakargarh</t>
  </si>
  <si>
    <t>Jatwal Gujran</t>
  </si>
  <si>
    <t>GPS KAAK</t>
  </si>
  <si>
    <t>village kak Teh Gujar Khan Distt RWP</t>
  </si>
  <si>
    <t>Abdul Rauf Nadeem</t>
  </si>
  <si>
    <t>GPS KAAL CENTER</t>
  </si>
  <si>
    <t>Kall</t>
  </si>
  <si>
    <t>Village Kall P. O Panjdhera Teh and dist Chakwal</t>
  </si>
  <si>
    <t>mohsin ali</t>
  </si>
  <si>
    <t>GPS KABIAN WALI</t>
  </si>
  <si>
    <t>Khbianwali</t>
  </si>
  <si>
    <t>khbianwali</t>
  </si>
  <si>
    <t>Koe Ki Bahawal</t>
  </si>
  <si>
    <t>Muhammad Ashtaf</t>
  </si>
  <si>
    <t>GPS KABIR PUR MULTAN</t>
  </si>
  <si>
    <t>basti kabeer pur</t>
  </si>
  <si>
    <t>GPS KABIR WALA PO SARWAR ABAD</t>
  </si>
  <si>
    <t>Dagar Awan Gharbi</t>
  </si>
  <si>
    <t>chah kabirwala u/c wagwarah tehsil darya khan district bhakkar</t>
  </si>
  <si>
    <t>Wagwarah</t>
  </si>
  <si>
    <t>Irfan Mehmood</t>
  </si>
  <si>
    <t>GPS KABIR WALA SHARIF ABAD</t>
  </si>
  <si>
    <t>Dolana Sharqi</t>
  </si>
  <si>
    <t>moza dolana sharqi p/o sharifa abad tehsil ahmad pur sial dissttt jhang</t>
  </si>
  <si>
    <t>Doorigondal</t>
  </si>
  <si>
    <t>Muhammaf Taqi Raza</t>
  </si>
  <si>
    <t>GPS KABLI</t>
  </si>
  <si>
    <t>gps kabli</t>
  </si>
  <si>
    <t>GPS KACH PAK</t>
  </si>
  <si>
    <t>Kach Pak</t>
  </si>
  <si>
    <t>mauza kach pak p/o shaher sultan, tehsil jatoi, district muzaffar garh</t>
  </si>
  <si>
    <t>Pervaiz Iqbal</t>
  </si>
  <si>
    <t>GPS KACHA</t>
  </si>
  <si>
    <t>Katcha</t>
  </si>
  <si>
    <t>p.o.munoonagar village katcha</t>
  </si>
  <si>
    <t>Shahid Khan</t>
  </si>
  <si>
    <t>GPS KACHA CHISHTIAN</t>
  </si>
  <si>
    <t>p/o Heveli Majoka , kacha chishtian</t>
  </si>
  <si>
    <t>Hafiz Nadeem Farooq</t>
  </si>
  <si>
    <t>GPS KACHA CHOHAN</t>
  </si>
  <si>
    <t>Basti aman ullah khan mazari</t>
  </si>
  <si>
    <t>Basti Aman Ullah Khan</t>
  </si>
  <si>
    <t>GPS KACHA FARID ABAD</t>
  </si>
  <si>
    <t>p/o kot mithan mauza wang uc rakh dama teh rajan pur</t>
  </si>
  <si>
    <t>Chakk Malhnas</t>
  </si>
  <si>
    <t>GPS KACHA GOPANG</t>
  </si>
  <si>
    <t>KACHA GOPANG</t>
  </si>
  <si>
    <t>BASTI JAMIL AHMED KHAN GOPANG</t>
  </si>
  <si>
    <t>BASTI JAMIL  AHMED KHAN GOPANG</t>
  </si>
  <si>
    <t>Muhammad Nasir Asghar</t>
  </si>
  <si>
    <t>GPS KACHA MAHZI</t>
  </si>
  <si>
    <t>basti sardar Ahmad din khan</t>
  </si>
  <si>
    <t>Sardar Ahmad Din</t>
  </si>
  <si>
    <t>Muslamabad</t>
  </si>
  <si>
    <t>Hafiz Muhammad Mohsin</t>
  </si>
  <si>
    <t>GPS KACHA MIANWALI NO. 1</t>
  </si>
  <si>
    <t>Kacha Mianwli No  1</t>
  </si>
  <si>
    <t>Kacha  Mianwali</t>
  </si>
  <si>
    <t>Kacha Mianwali  No  1</t>
  </si>
  <si>
    <t>Hassan Bakhsh</t>
  </si>
  <si>
    <t>GPS KACHA MOHRI</t>
  </si>
  <si>
    <t>Chak Karya</t>
  </si>
  <si>
    <t>basti rasul bakhsh shaih</t>
  </si>
  <si>
    <t>Chak Matt</t>
  </si>
  <si>
    <t>Rahmatullah</t>
  </si>
  <si>
    <t>GPS KACHA PAKA</t>
  </si>
  <si>
    <t>KACHA PAKKA</t>
  </si>
  <si>
    <t>Govt.Primary Shool Kacha Pakka</t>
  </si>
  <si>
    <t>Shair Kot</t>
  </si>
  <si>
    <t>GPS KACHA RAZI</t>
  </si>
  <si>
    <t>Kacha razi</t>
  </si>
  <si>
    <t>Ps kacha razi rojhan dist rajanpur</t>
  </si>
  <si>
    <t>Dera gul muhammad</t>
  </si>
  <si>
    <t>GPS KACHAL</t>
  </si>
  <si>
    <t>kachal</t>
  </si>
  <si>
    <t>M. GHIAS UL DIN</t>
  </si>
  <si>
    <t>GPS KACHI BAHAR SHAH</t>
  </si>
  <si>
    <t>Kachi Bahar Shah</t>
  </si>
  <si>
    <t>mouza Kachi Bahar Shah p o laskani wala teh karor district layyah 10</t>
  </si>
  <si>
    <t>Anis Ul Hassan</t>
  </si>
  <si>
    <t>GPS KACHI BUX</t>
  </si>
  <si>
    <t>Dukkar</t>
  </si>
  <si>
    <t>Mauza dukar basti mastoi</t>
  </si>
  <si>
    <t>GPS KACHI GURMANI</t>
  </si>
  <si>
    <t>Katchi Gurmani</t>
  </si>
  <si>
    <t>P/o qasba gujrat mouza katchi gurmani</t>
  </si>
  <si>
    <t>Katchi Kutra Gurmani</t>
  </si>
  <si>
    <t>GPS KACHI JAMAL KALIM ABAD</t>
  </si>
  <si>
    <t>kalim abad</t>
  </si>
  <si>
    <t>Kalim Abad</t>
  </si>
  <si>
    <t>Mukhtiar Ahmed</t>
  </si>
  <si>
    <t>GPS KACHI KHAN MUHAMMAD</t>
  </si>
  <si>
    <t>Kachi Khan Muhammad</t>
  </si>
  <si>
    <t>Kachi khan Muhammad,Rajan Pur.</t>
  </si>
  <si>
    <t>Kachi Khan Muhammad Muhammad</t>
  </si>
  <si>
    <t>Rakh Mithan Kot</t>
  </si>
  <si>
    <t>Moin Akhter</t>
  </si>
  <si>
    <t>GPS KACHI KUTRA</t>
  </si>
  <si>
    <t>basti ser bagh khan wali p/o qasba gujrat teh.kot addu dist.muzaffargarh</t>
  </si>
  <si>
    <t>Ser Bagh Khan Wali</t>
  </si>
  <si>
    <t>Muhammad Safdar Hussain</t>
  </si>
  <si>
    <t>GPS KACHI MIRAN PUR</t>
  </si>
  <si>
    <t>Mouza murad</t>
  </si>
  <si>
    <t>Nasir Abbas Shah</t>
  </si>
  <si>
    <t>GPS KACHI PACKI</t>
  </si>
  <si>
    <t>Basti sair wala p/o Rukan wali Tehsil Jatoi dist M Garh</t>
  </si>
  <si>
    <t>Mahr Hassan Mahmood</t>
  </si>
  <si>
    <t>GPS KACHI RANG PUR NO. 1</t>
  </si>
  <si>
    <t>Basti Allahwasaya kacha Razi teh. Rojhan dist. rajanput</t>
  </si>
  <si>
    <t>Basti Allah Wassya Gopang</t>
  </si>
  <si>
    <t>GPS KACHI RANG PUR NO. 2</t>
  </si>
  <si>
    <t>Kacha Mian Wali#2</t>
  </si>
  <si>
    <t>basti riaz gull bangla icha tehsil rojhan dist. rajanpur</t>
  </si>
  <si>
    <t>Basti Riaz Gull</t>
  </si>
  <si>
    <t>Kacha Mian Wali</t>
  </si>
  <si>
    <t>Mehmood Ahmed</t>
  </si>
  <si>
    <t>GPS KACHI ZAMAN</t>
  </si>
  <si>
    <t>Kachi Zaman</t>
  </si>
  <si>
    <t>GPS Kachi Zaman Basti Banu da hut</t>
  </si>
  <si>
    <t>Banu Da Hut</t>
  </si>
  <si>
    <t>GPS KADHAN WALA</t>
  </si>
  <si>
    <t>Kadhan wala</t>
  </si>
  <si>
    <t>Gps Kadhan wala teh.shahpur Dist.Sargodha</t>
  </si>
  <si>
    <t>kot pehlwan</t>
  </si>
  <si>
    <t>Mazhar Qayyum</t>
  </si>
  <si>
    <t>GPS KADHAR</t>
  </si>
  <si>
    <t>kadhar p/o pail tehsil &amp; district khushab</t>
  </si>
  <si>
    <t>Muhammad Farooq Afzal</t>
  </si>
  <si>
    <t>GPS KADLOT</t>
  </si>
  <si>
    <t>Kadlot</t>
  </si>
  <si>
    <t>kadlot po same teh sohawa distt jhelum</t>
  </si>
  <si>
    <t>GPS KAHALA</t>
  </si>
  <si>
    <t>Kahala</t>
  </si>
  <si>
    <t>vill kahala p/o jandala raika</t>
  </si>
  <si>
    <t>GPS KAHAN SINGH KHURKAN</t>
  </si>
  <si>
    <t>Kahan Singh Khurkan</t>
  </si>
  <si>
    <t>kahan Singh khurkan</t>
  </si>
  <si>
    <t>GPS KAHAN SINGH P.O BLYLE GANJ</t>
  </si>
  <si>
    <t>Kahan Singh p.o Boyle Gunj</t>
  </si>
  <si>
    <t>Muhammad Hussain Naseem</t>
  </si>
  <si>
    <t>GPS KAHANIAN WALA</t>
  </si>
  <si>
    <t>City 4</t>
  </si>
  <si>
    <t>GPS kahniawala</t>
  </si>
  <si>
    <t>Kahniawala</t>
  </si>
  <si>
    <t>Mehwish Riaz</t>
  </si>
  <si>
    <t>GPS KAHEERI WALA</t>
  </si>
  <si>
    <t>Chah mosay wala moza haji ghazi dera ghazi khan</t>
  </si>
  <si>
    <t>Kaheeri Wala</t>
  </si>
  <si>
    <t>GPS KAHNA KOHNA</t>
  </si>
  <si>
    <t>Kohna Kohna</t>
  </si>
  <si>
    <t>Kahna kohna Lahore</t>
  </si>
  <si>
    <t>Mirza Kaleem Ullah Baig</t>
  </si>
  <si>
    <t>GPS KAHNA MIANI</t>
  </si>
  <si>
    <t>Kahna p/o Miani tehsil Bhera district Sargodha</t>
  </si>
  <si>
    <t>GPS KAHNA NAU NO.1</t>
  </si>
  <si>
    <t>ward no12 Kahna Nau Lahore</t>
  </si>
  <si>
    <t>Syed Muhammad Sibtain Haider</t>
  </si>
  <si>
    <t>GPS KAHNA NAU NO.2</t>
  </si>
  <si>
    <t>ward no 6 kahna nau</t>
  </si>
  <si>
    <t>GPS KAHNA NIPAL</t>
  </si>
  <si>
    <t>Khana Nipal</t>
  </si>
  <si>
    <t>Khana nipal</t>
  </si>
  <si>
    <t>Sohrab Khan</t>
  </si>
  <si>
    <t>GPS KAHOOT</t>
  </si>
  <si>
    <t>Village Kahoot P/O jhawarian Tehsil Shahpur Sargodha</t>
  </si>
  <si>
    <t>GPS KAHUTA - A</t>
  </si>
  <si>
    <t>Mohallah Rajgan Kahuta Town</t>
  </si>
  <si>
    <t>near machhi chowk kahuta town</t>
  </si>
  <si>
    <t>Mohallah Rajgan</t>
  </si>
  <si>
    <t>Gulfraz AHMED</t>
  </si>
  <si>
    <t>GPS KAHUTA - C</t>
  </si>
  <si>
    <t>MC Kahuta</t>
  </si>
  <si>
    <t>grid station</t>
  </si>
  <si>
    <t>Mc Kahuta</t>
  </si>
  <si>
    <t>Muhammad Bilal Hafeez</t>
  </si>
  <si>
    <t>GPS KAHUTA-B</t>
  </si>
  <si>
    <t>mohalla ara tehsil kahuta distt rawalpindi</t>
  </si>
  <si>
    <t>Urban Janobi</t>
  </si>
  <si>
    <t>zakia latif</t>
  </si>
  <si>
    <t>GPS KAHUTRA</t>
  </si>
  <si>
    <t>Kahutra</t>
  </si>
  <si>
    <t>Vpo Kahutra</t>
  </si>
  <si>
    <t>bring from village</t>
  </si>
  <si>
    <t>GPS KAHYIA</t>
  </si>
  <si>
    <t>Village Kahyia Post Office Kashmiri Bazar tehsil Murree district Rawalpindi</t>
  </si>
  <si>
    <t>Kahyia</t>
  </si>
  <si>
    <t>SHAHID Zaheer</t>
  </si>
  <si>
    <t>wall</t>
  </si>
  <si>
    <t>GPS KAILA TEH. &amp; DISTT. MIANWALI</t>
  </si>
  <si>
    <t>Tibba quershian near kalabagh road Mianwali</t>
  </si>
  <si>
    <t>Muhammad Uzair Khan</t>
  </si>
  <si>
    <t>GPS KAIR BAVA</t>
  </si>
  <si>
    <t>Kair Bava</t>
  </si>
  <si>
    <t>Kair Bava Farooqabad Sheikhupura</t>
  </si>
  <si>
    <t>GPS KAIR WARA</t>
  </si>
  <si>
    <t>Kair wara</t>
  </si>
  <si>
    <t>Gps Kair wara tehsil and disst. sheikhupura</t>
  </si>
  <si>
    <t>Kair Wara</t>
  </si>
  <si>
    <t>Tafheem Ahmad Liaqat</t>
  </si>
  <si>
    <t>GPS KAIRAN</t>
  </si>
  <si>
    <t>GPS KAIRAN WALA</t>
  </si>
  <si>
    <t>Kairan Wala</t>
  </si>
  <si>
    <t>Village kairan wala</t>
  </si>
  <si>
    <t>Fattah Thatta</t>
  </si>
  <si>
    <t>Rai Muhammad Afzal</t>
  </si>
  <si>
    <t>GPS KAJLAY</t>
  </si>
  <si>
    <t>Kajlay</t>
  </si>
  <si>
    <t>kajlay</t>
  </si>
  <si>
    <t>Imram Hussain</t>
  </si>
  <si>
    <t>GPS KAJLI</t>
  </si>
  <si>
    <t>Dakhlijand Khnzada Jandkhanzada</t>
  </si>
  <si>
    <t>vpo kajli teh &amp; distt chakwal</t>
  </si>
  <si>
    <t>GPS KAKA</t>
  </si>
  <si>
    <t>Village kaka p/o box jaura kalan tehsil noor pur thal district khushab</t>
  </si>
  <si>
    <t>GPS KAKA PAN</t>
  </si>
  <si>
    <t>Kaka Pun</t>
  </si>
  <si>
    <t>kaka pun, Post office Qila Ahmed Abad Pasrur, Sialkot</t>
  </si>
  <si>
    <t>Takaht Pur</t>
  </si>
  <si>
    <t>Khalid  Mehhmood</t>
  </si>
  <si>
    <t>GPS KAKAY WALA</t>
  </si>
  <si>
    <t>chah bagh wala p/o ehsan pur</t>
  </si>
  <si>
    <t>GPS KAKEY WALA</t>
  </si>
  <si>
    <t>Kakaywala</t>
  </si>
  <si>
    <t>kakaywala jhawriyan shahpur</t>
  </si>
  <si>
    <t>Khawaja Naeem Akbar</t>
  </si>
  <si>
    <t>GPS KAKHRI</t>
  </si>
  <si>
    <t>Kakhari</t>
  </si>
  <si>
    <t>GBPS kakhri near chakwal road mandra</t>
  </si>
  <si>
    <t>GPS KAKI NOU CHAK SOUM</t>
  </si>
  <si>
    <t>kaki nau soum</t>
  </si>
  <si>
    <t>kaki nau chak soumshorkot jhang</t>
  </si>
  <si>
    <t>chak soum</t>
  </si>
  <si>
    <t>GPS KAKKA</t>
  </si>
  <si>
    <t>kakka</t>
  </si>
  <si>
    <t>Ali Hasan</t>
  </si>
  <si>
    <t>GPS KAKKAY WALI</t>
  </si>
  <si>
    <t>Kakkaywali</t>
  </si>
  <si>
    <t>kakkaywali P/O kanjroor</t>
  </si>
  <si>
    <t>Kakkaywli</t>
  </si>
  <si>
    <t>Shabeer  Hussain</t>
  </si>
  <si>
    <t>GPS KAKKOO WALA</t>
  </si>
  <si>
    <t>Kakkoo Wala</t>
  </si>
  <si>
    <t>kakkoo wala p/o Qaim bharwana tehsil shorkot jhang</t>
  </si>
  <si>
    <t>GPS KAKOO</t>
  </si>
  <si>
    <t>miana thattha moza kakoo</t>
  </si>
  <si>
    <t>GPS KAKOWAL</t>
  </si>
  <si>
    <t>kakowal post office kuthiala sheikhan</t>
  </si>
  <si>
    <t>Sonia Zulfiqar</t>
  </si>
  <si>
    <t>GPS KAKRALI</t>
  </si>
  <si>
    <t>post office kakrali GPS  kakrali</t>
  </si>
  <si>
    <t>GPS KAKRANI</t>
  </si>
  <si>
    <t>kakrani</t>
  </si>
  <si>
    <t>Saif ullah khan</t>
  </si>
  <si>
    <t>GPS KAKRI WALI</t>
  </si>
  <si>
    <t>Jhangrah</t>
  </si>
  <si>
    <t>Basti kakri wali p/o tremin mouza jhangrah tehsil taunsa district D G khan</t>
  </si>
  <si>
    <t>Kakri Wali</t>
  </si>
  <si>
    <t>GPS KALA</t>
  </si>
  <si>
    <t>Post office kala</t>
  </si>
  <si>
    <t>GPS KALA BAGRAY WALA</t>
  </si>
  <si>
    <t>Bakhr Noon</t>
  </si>
  <si>
    <t>basti bakhr noon tehsil kot adu district muzaffar grah</t>
  </si>
  <si>
    <t>Muhammad Jahanzaib</t>
  </si>
  <si>
    <t>GPS KALA GANDHA</t>
  </si>
  <si>
    <t>p/o Harrand tehsil Jampur Rajanpur</t>
  </si>
  <si>
    <t>Basti Gulbaig</t>
  </si>
  <si>
    <t>GPS KALA KHAMBRAN</t>
  </si>
  <si>
    <t>Kalakhambra</t>
  </si>
  <si>
    <t>vill Kalakhambra po gohad pur sialkot</t>
  </si>
  <si>
    <t>shabir hussain</t>
  </si>
  <si>
    <t>GPS KALA MULTANI</t>
  </si>
  <si>
    <t>Ghullamo Arien</t>
  </si>
  <si>
    <t>Government p/s kala multani Basti ganjay channrah wahishah muhammad</t>
  </si>
  <si>
    <t>Basti Ganjay Channrah</t>
  </si>
  <si>
    <t>Ahmad Waqar Aslam</t>
  </si>
  <si>
    <t>GPS KALA SHAH KAKU GAON</t>
  </si>
  <si>
    <t>kala gain ferozwala skp</t>
  </si>
  <si>
    <t>GPS KALAIR</t>
  </si>
  <si>
    <t>P.O.Jatti Shah Rehman, Kalair .</t>
  </si>
  <si>
    <t>Husnain Anjum</t>
  </si>
  <si>
    <t>GPS KALAIR UNCHA</t>
  </si>
  <si>
    <t>kalair uncha teh wazirabad distt gujranwala</t>
  </si>
  <si>
    <t>GPS KALAIR WALA KHURD</t>
  </si>
  <si>
    <t>gajar Gola station hafizabad</t>
  </si>
  <si>
    <t>SAGAR Kalan</t>
  </si>
  <si>
    <t>Muhammad Sufyan</t>
  </si>
  <si>
    <t>GPS KALAIRI NO 2</t>
  </si>
  <si>
    <t>Kalairi</t>
  </si>
  <si>
    <t>P/o adda Karim wala basti jiani Tehsil Taunsa district D.G Khan</t>
  </si>
  <si>
    <t>GPS KALAIRI NO. 1</t>
  </si>
  <si>
    <t>GOUNA</t>
  </si>
  <si>
    <t>BASTI BHARGARI TAUNSA</t>
  </si>
  <si>
    <t>basti bhargari</t>
  </si>
  <si>
    <t>GPS KALAN PUR</t>
  </si>
  <si>
    <t>RATTAN THAIR</t>
  </si>
  <si>
    <t>BASTI KALANPUR PIR  BUX EAST</t>
  </si>
  <si>
    <t>BASTI KALANPUR</t>
  </si>
  <si>
    <t>SAJID ALI</t>
  </si>
  <si>
    <t>GPS KALANCH WALA</t>
  </si>
  <si>
    <t>Kalanchwala</t>
  </si>
  <si>
    <t>Basti Moaz KALANCHWALA Bahawalpur Saddar</t>
  </si>
  <si>
    <t>GPS KALANJAR HITHAR</t>
  </si>
  <si>
    <t>kalanjar hithar</t>
  </si>
  <si>
    <t>kalanjar</t>
  </si>
  <si>
    <t>GPS KALAR ABADI</t>
  </si>
  <si>
    <t>GPS kallar Abadi boys</t>
  </si>
  <si>
    <t>Kallar Abadi</t>
  </si>
  <si>
    <t>GPS KALAR WALA</t>
  </si>
  <si>
    <t>Moza Jhook bodo</t>
  </si>
  <si>
    <t>Kalar Wala markz nari sumali male</t>
  </si>
  <si>
    <t>Jhook bodo</t>
  </si>
  <si>
    <t>Shahid Shafiq</t>
  </si>
  <si>
    <t>GPS KALARA KHASA</t>
  </si>
  <si>
    <t>kalra khasa</t>
  </si>
  <si>
    <t>kalra khasa estate area gujrat</t>
  </si>
  <si>
    <t>kalra kalan</t>
  </si>
  <si>
    <t>Tanzila Munir</t>
  </si>
  <si>
    <t>GPS KALARI</t>
  </si>
  <si>
    <t>Tareel</t>
  </si>
  <si>
    <t>village kalari p/o box sagri tehsil kallar syedan rawalpindi</t>
  </si>
  <si>
    <t>Ghaznabad</t>
  </si>
  <si>
    <t>shumaila yaqub</t>
  </si>
  <si>
    <t>GPS KALAS</t>
  </si>
  <si>
    <t>moza kalas GPS Kalas Teh. Lalian dist.Chiniot</t>
  </si>
  <si>
    <t>GPS KALAS NAU</t>
  </si>
  <si>
    <t>Kalas Nau</t>
  </si>
  <si>
    <t>kalas Nau, near Kangan Pur, tehsil Chunian, kasur</t>
  </si>
  <si>
    <t>GPS KALAS WALI VILL P/O BADDOMLHI</t>
  </si>
  <si>
    <t>Kalaswali</t>
  </si>
  <si>
    <t>gps kalaswali po baddomalhi tehsil and district narowal</t>
  </si>
  <si>
    <t>GPS KALASKE</t>
  </si>
  <si>
    <t>vpo kalaske  Teh.wazirabad Distt.Gujranwala</t>
  </si>
  <si>
    <t>GPS KALASRAH CHAH FAQIR WALA</t>
  </si>
  <si>
    <t>Samtia Nasheeb</t>
  </si>
  <si>
    <t>Mouza samtia nasheeb layyah</t>
  </si>
  <si>
    <t>Chah Wakeel Wala</t>
  </si>
  <si>
    <t>Lohanch Nasheeb</t>
  </si>
  <si>
    <t>GPS KALASSAN PARAMAL</t>
  </si>
  <si>
    <t>kalassan paramal tehsil depalpur district okara</t>
  </si>
  <si>
    <t>Tahir Mehbob</t>
  </si>
  <si>
    <t>GPS KALATI</t>
  </si>
  <si>
    <t>chit paani</t>
  </si>
  <si>
    <t>basti kalati mauza chit paani tehsil taunsa</t>
  </si>
  <si>
    <t>kalati</t>
  </si>
  <si>
    <t>self management</t>
  </si>
  <si>
    <t>GPS KALAY OTTAR</t>
  </si>
  <si>
    <t>Kalay ottar</t>
  </si>
  <si>
    <t>Kotli Ray Abu Baker</t>
  </si>
  <si>
    <t>Amjad Khan</t>
  </si>
  <si>
    <t>GPS KALAY PAHAR  CHOLISTAN</t>
  </si>
  <si>
    <t>Kaly Par</t>
  </si>
  <si>
    <t>GPS KALAY PAR</t>
  </si>
  <si>
    <t>Kalay Paar</t>
  </si>
  <si>
    <t>Jalil Ahmed</t>
  </si>
  <si>
    <t>GPS KALAY WALA, MOUZA JALEEL PUR, ABDUL HAKIM</t>
  </si>
  <si>
    <t>kalaywala jalil pur</t>
  </si>
  <si>
    <t>M Aleem Shahzad</t>
  </si>
  <si>
    <t>GPS KALAYARAN WALA</t>
  </si>
  <si>
    <t>kalayaran Wala postoffice musakhel mianwali</t>
  </si>
  <si>
    <t>Kalayran Wala</t>
  </si>
  <si>
    <t>Yasir Nawaz Khan</t>
  </si>
  <si>
    <t>GPS KALAYKAY NAGRA</t>
  </si>
  <si>
    <t>Kalaykay Nagra</t>
  </si>
  <si>
    <t>kalakay nagra tehsil pasrur District sialkot p/o adamkay nagra</t>
  </si>
  <si>
    <t>Mehak Rani</t>
  </si>
  <si>
    <t>GPS KALAYWALI</t>
  </si>
  <si>
    <t>kalaywali post office chawinda tehsil pasrur distt sialkot</t>
  </si>
  <si>
    <t>Asif Bashir</t>
  </si>
  <si>
    <t>GPS KALEKE MANDI SHARQI</t>
  </si>
  <si>
    <t>kaleke mandi</t>
  </si>
  <si>
    <t>Boonday Ali</t>
  </si>
  <si>
    <t>GPS KALERI PACHADH</t>
  </si>
  <si>
    <t>chah dostan Wala p\o chabri bala</t>
  </si>
  <si>
    <t>Basti Dostan Wala</t>
  </si>
  <si>
    <t>GPS KALERI THAL</t>
  </si>
  <si>
    <t>Kalari Thal</t>
  </si>
  <si>
    <t>GPS Kalari  thal</t>
  </si>
  <si>
    <t>rainy water</t>
  </si>
  <si>
    <t>GPS KALHORA P/O DAJAL</t>
  </si>
  <si>
    <t>basti kalhora tal shumali</t>
  </si>
  <si>
    <t>GPS KALHORAY WALA</t>
  </si>
  <si>
    <t>Nooray Wala Pakka</t>
  </si>
  <si>
    <t>mouza nooray wala tehsil and district layyah</t>
  </si>
  <si>
    <t>Basti Chhajra</t>
  </si>
  <si>
    <t>GPS KALI SUBA</t>
  </si>
  <si>
    <t>Kali Suba Khan thesil kamoke District gujranwala</t>
  </si>
  <si>
    <t>Abaid Ullah</t>
  </si>
  <si>
    <t>GPS KALIA</t>
  </si>
  <si>
    <t>V:kalia p/o Anmba T/D Sheikhupura</t>
  </si>
  <si>
    <t>Kurlke androon</t>
  </si>
  <si>
    <t>GPS KALIA PEER</t>
  </si>
  <si>
    <t>Kakki Nau Doum</t>
  </si>
  <si>
    <t>kalia pir u/c kakki nau teh. shorkot</t>
  </si>
  <si>
    <t>Kalia Pir</t>
  </si>
  <si>
    <t>Nasir Ali Javed</t>
  </si>
  <si>
    <t>GPS KALIA SHAH NO 1</t>
  </si>
  <si>
    <t>basti Kalia shah tehsil and district bahawalnagar</t>
  </si>
  <si>
    <t>GPS KALIAN</t>
  </si>
  <si>
    <t>Govt primary school kalian kasur</t>
  </si>
  <si>
    <t>Sirhali Kalan</t>
  </si>
  <si>
    <t>Sajid Rehman</t>
  </si>
  <si>
    <t>GPS KALIAN WALA</t>
  </si>
  <si>
    <t>Mohallah Ali Town Hafizabad</t>
  </si>
  <si>
    <t>GPS KALIM ABAD</t>
  </si>
  <si>
    <t>moza noor Wahi Maril GPS kalim abad Teh kot chutta distt dera ghazi khan</t>
  </si>
  <si>
    <t>Jakhar imam Shah</t>
  </si>
  <si>
    <t>Haji Malik Muhammad Ayub Malana</t>
  </si>
  <si>
    <t>GPS KALIS</t>
  </si>
  <si>
    <t>Kalis</t>
  </si>
  <si>
    <t>kalas tehsil kharian district gujrat</t>
  </si>
  <si>
    <t>Adnan Aziz</t>
  </si>
  <si>
    <t>GPS KALLA</t>
  </si>
  <si>
    <t>kallah virkan lahore road skp</t>
  </si>
  <si>
    <t>Waheed Ayyub</t>
  </si>
  <si>
    <t>GPS KALLAH</t>
  </si>
  <si>
    <t>GPS Kallah</t>
  </si>
  <si>
    <t>GPS KALLAN</t>
  </si>
  <si>
    <t>Kallan Basand</t>
  </si>
  <si>
    <t>kallan basand</t>
  </si>
  <si>
    <t>Nazish Jamil</t>
  </si>
  <si>
    <t>GPS KALLAR BADHAL</t>
  </si>
  <si>
    <t>Kallar Badhal</t>
  </si>
  <si>
    <t>viill  Mora phadyal kallar Badhal  p o. &amp;Tehsil  KALLAR syedan  Diistt Rawalpindi</t>
  </si>
  <si>
    <t>Mohra Phadyal</t>
  </si>
  <si>
    <t>Mc Kallar Syedan</t>
  </si>
  <si>
    <t>GPS KALLAR WALI NO.1</t>
  </si>
  <si>
    <t>Kallarwali 2</t>
  </si>
  <si>
    <t>Basti Jaafreen, Mauza &amp; P /O Kallarwali, Tehsil Jatoi. district  Muzaffar Garh</t>
  </si>
  <si>
    <t>Jaafreen</t>
  </si>
  <si>
    <t>GPS KALLARIAN</t>
  </si>
  <si>
    <t>Saljoor</t>
  </si>
  <si>
    <t>vill kallarian  p/o kallarian Teh kallar syedan Distt Rawalpindi</t>
  </si>
  <si>
    <t>Shamaila Ishaq</t>
  </si>
  <si>
    <t>GPS KALLIANI WALA</t>
  </si>
  <si>
    <t>Rakhdhow Shekhani</t>
  </si>
  <si>
    <t>inayat Wala moza rakh dhow sheikhani</t>
  </si>
  <si>
    <t>Inayat Wala</t>
  </si>
  <si>
    <t>GPS KALLUR KOT NO. 2</t>
  </si>
  <si>
    <t>kallur kot city</t>
  </si>
  <si>
    <t>Mc Kallur Kot</t>
  </si>
  <si>
    <t>Muhammad Noman</t>
  </si>
  <si>
    <t>GPS KALO WAL</t>
  </si>
  <si>
    <t>Kalowl</t>
  </si>
  <si>
    <t>Shahbaz Ahmed</t>
  </si>
  <si>
    <t>GPS KALOKA</t>
  </si>
  <si>
    <t>Kaloka,teh Lalian,Distt Chiniot</t>
  </si>
  <si>
    <t>Jehangir Ali</t>
  </si>
  <si>
    <t>GPS KALOKAY</t>
  </si>
  <si>
    <t>village kalokay p o chicharwali tehsil pasrur district sialkot</t>
  </si>
  <si>
    <t>M  Waseem</t>
  </si>
  <si>
    <t>GPS KALON KALAN KASUR</t>
  </si>
  <si>
    <t>Kailoo Kallan</t>
  </si>
  <si>
    <t>kailoo kallan</t>
  </si>
  <si>
    <t>Bahadur Pure</t>
  </si>
  <si>
    <t>Rizwan Munir</t>
  </si>
  <si>
    <t>GPS KALOO KHARA</t>
  </si>
  <si>
    <t>KALU KHARA</t>
  </si>
  <si>
    <t>Village KALU KHARA</t>
  </si>
  <si>
    <t>GPS KALOO KHOKHAR</t>
  </si>
  <si>
    <t>Kaloo Khokhar</t>
  </si>
  <si>
    <t>jajja kalan p/o same via phool nagar teh pattoki kasur</t>
  </si>
  <si>
    <t>Sarai Noshera</t>
  </si>
  <si>
    <t>GPS KALOO WAH</t>
  </si>
  <si>
    <t>Kaloo Wah</t>
  </si>
  <si>
    <t>KalooWah</t>
  </si>
  <si>
    <t>Chak   Bawa</t>
  </si>
  <si>
    <t>GPS KALOWAL</t>
  </si>
  <si>
    <t>village and post office kolowal</t>
  </si>
  <si>
    <t>GPS KALRACHI</t>
  </si>
  <si>
    <t>kalrachi</t>
  </si>
  <si>
    <t>Kalrachi</t>
  </si>
  <si>
    <t>GPS KALS KOTLI</t>
  </si>
  <si>
    <t>Kalis Kotli</t>
  </si>
  <si>
    <t>gps Kalis kotli</t>
  </si>
  <si>
    <t>GPS KALSOOKE</t>
  </si>
  <si>
    <t>Kalsoke</t>
  </si>
  <si>
    <t>kalsoke Bara ghar</t>
  </si>
  <si>
    <t>Chak Header Abad</t>
  </si>
  <si>
    <t>GPS KALU AHMADANI</t>
  </si>
  <si>
    <t>Bakherwah</t>
  </si>
  <si>
    <t>Bakherwah sharqi basti kalu khan ahmdani</t>
  </si>
  <si>
    <t>Kalu Khan Ahmdani</t>
  </si>
  <si>
    <t>GPS KALU KHEL</t>
  </si>
  <si>
    <t>KuchTander Khel</t>
  </si>
  <si>
    <t>Kalukhel Th Isakhel Distt Mianwali po Kalabagh</t>
  </si>
  <si>
    <t>Kalu Khel</t>
  </si>
  <si>
    <t>GPS KALU KHERA</t>
  </si>
  <si>
    <t>Kalu Khera</t>
  </si>
  <si>
    <t>GPS Kalu khera</t>
  </si>
  <si>
    <t>Wali Pur Bor</t>
  </si>
  <si>
    <t>Muhammad Qaisar Majeed</t>
  </si>
  <si>
    <t>GPS KALU PIND</t>
  </si>
  <si>
    <t>Kalu Pind</t>
  </si>
  <si>
    <t>post office sabaz pir village kalu Pind</t>
  </si>
  <si>
    <t>Sultanpur Pur</t>
  </si>
  <si>
    <t>SOHAIL AKHTER</t>
  </si>
  <si>
    <t>GPS KALUAN WALA</t>
  </si>
  <si>
    <t>gps dera kaluanwala</t>
  </si>
  <si>
    <t>Uttra South</t>
  </si>
  <si>
    <t>GPS KALUSAHI KHURD</t>
  </si>
  <si>
    <t>Kale Sahi Khurd</t>
  </si>
  <si>
    <t>Kalu Sahi khurd</t>
  </si>
  <si>
    <t>Kalu Sahi Khurd</t>
  </si>
  <si>
    <t>Bagrian Wala</t>
  </si>
  <si>
    <t>Syed Raza Hussain</t>
  </si>
  <si>
    <t>GPS KALWAL</t>
  </si>
  <si>
    <t>SHAH WALA SOUTH</t>
  </si>
  <si>
    <t>Kalwal,moza ShahWala south,Teh:NoorPur Thall district Khushab</t>
  </si>
  <si>
    <t>RAHDARI</t>
  </si>
  <si>
    <t>GPS KALWAL NO 1</t>
  </si>
  <si>
    <t>kalwal Tehsil Kallur Kot distt bhakkar</t>
  </si>
  <si>
    <t>GPS KALWAL NO. 2</t>
  </si>
  <si>
    <t>Kalwal kallur kot bhakkar</t>
  </si>
  <si>
    <t>Kalwal No 2</t>
  </si>
  <si>
    <t>Sher Abbas</t>
  </si>
  <si>
    <t>GPS KALYA THAL</t>
  </si>
  <si>
    <t>basti kalyan thal karor</t>
  </si>
  <si>
    <t>Kalyan Thal</t>
  </si>
  <si>
    <t>Muhammad Jamshaid Ahmad</t>
  </si>
  <si>
    <t>GPS KALYAL</t>
  </si>
  <si>
    <t>vill. kalyal P. O Punjdhera Tehs. dist Chakwal</t>
  </si>
  <si>
    <t>Irfan Mazhar</t>
  </si>
  <si>
    <t>GPS KALYARAN MASHMOLA</t>
  </si>
  <si>
    <t>WARAN</t>
  </si>
  <si>
    <t>DERA KALYARAN UC WARAN</t>
  </si>
  <si>
    <t>DERA KALYARAN</t>
  </si>
  <si>
    <t>RIZWAN AHMED</t>
  </si>
  <si>
    <t>GPS KAMAHAN</t>
  </si>
  <si>
    <t>kamahan  Lahore</t>
  </si>
  <si>
    <t>GPS KAMAIRA</t>
  </si>
  <si>
    <t>Kamera</t>
  </si>
  <si>
    <t>Chak.kamera. tehseel minchnabad</t>
  </si>
  <si>
    <t>GPS KAMAL ABAD</t>
  </si>
  <si>
    <t>villages kamalabad Post office gulehre Gali teh murree dist. RWP</t>
  </si>
  <si>
    <t>GPS KAMAL BUZADAR</t>
  </si>
  <si>
    <t>chah mosaay wala.nawan shumali</t>
  </si>
  <si>
    <t>Mossay Khan</t>
  </si>
  <si>
    <t>GPS KAMAL MUHAMMAD BASTI</t>
  </si>
  <si>
    <t>basti kotha ahmad shah p/o dunga bunga d/t bahawalnagar</t>
  </si>
  <si>
    <t>Kotha Ahmd Shah</t>
  </si>
  <si>
    <t>GPS KAMAL PUR ALAM</t>
  </si>
  <si>
    <t>Kamal pur alam p.o. daman tehsil hazro district attock</t>
  </si>
  <si>
    <t>Kamal Pur Alam</t>
  </si>
  <si>
    <t>Naeem Khan</t>
  </si>
  <si>
    <t>GPS KAMAL PURA</t>
  </si>
  <si>
    <t>GPS Kamal Pura Tehsil and District Bahawalnagar</t>
  </si>
  <si>
    <t>GPS KAMALAY WALA</t>
  </si>
  <si>
    <t>Nallla Mosani</t>
  </si>
  <si>
    <t>basti kamalay wala u/c nallamosani</t>
  </si>
  <si>
    <t>Kamalaywala</t>
  </si>
  <si>
    <t>GPS KAMANDRIAL</t>
  </si>
  <si>
    <t>Kamandrial</t>
  </si>
  <si>
    <t>village n p/o kamandrial</t>
  </si>
  <si>
    <t>Noor Dulal</t>
  </si>
  <si>
    <t>Abdul Naeem Minhas</t>
  </si>
  <si>
    <t>GPS KAMAWAIL</t>
  </si>
  <si>
    <t>Kamawail</t>
  </si>
  <si>
    <t>kamawail triable area taunsa</t>
  </si>
  <si>
    <t>majeed ullah</t>
  </si>
  <si>
    <t>GPS KAMBAR</t>
  </si>
  <si>
    <t>Kambar</t>
  </si>
  <si>
    <t>mauza kambar tehsil mailsi district vehari</t>
  </si>
  <si>
    <t>GPS KAMERAN</t>
  </si>
  <si>
    <t>Kameran</t>
  </si>
  <si>
    <t>maoza kameran Tehsil Chishtian Distt Bahawal Nagar</t>
  </si>
  <si>
    <t>Jheduan</t>
  </si>
  <si>
    <t>GPS KAMKOOT HADAR</t>
  </si>
  <si>
    <t>GBPS kamkot haider</t>
  </si>
  <si>
    <t>Lehtaar</t>
  </si>
  <si>
    <t>Sadia Najeeb</t>
  </si>
  <si>
    <t>GPS KAMOKAY KHURD</t>
  </si>
  <si>
    <t>KAMOKAY Khurd</t>
  </si>
  <si>
    <t>GPS KAMOKAY khurd</t>
  </si>
  <si>
    <t>Abid Hussain Sarwar</t>
  </si>
  <si>
    <t>GPS KAMON GIL</t>
  </si>
  <si>
    <t>kamon gil phool nagar tehsil pattoki kasur</t>
  </si>
  <si>
    <t>GPS KAMRA KHURD</t>
  </si>
  <si>
    <t>GPS KAMRA SHARQI</t>
  </si>
  <si>
    <t>kamra sharqi tehsil hassan abdal distt attock</t>
  </si>
  <si>
    <t>Kamra sharqi</t>
  </si>
  <si>
    <t>Pourmana</t>
  </si>
  <si>
    <t>Ghulam Habib</t>
  </si>
  <si>
    <t>GPS KAMRAY WALA</t>
  </si>
  <si>
    <t>Kamray Wala</t>
  </si>
  <si>
    <t>kamray wala</t>
  </si>
  <si>
    <t>Kemray Wala</t>
  </si>
  <si>
    <t>private Person property</t>
  </si>
  <si>
    <t>GPS KAMRIAN WALA PO KALOOR SHREEF</t>
  </si>
  <si>
    <t>post office kallur tesil Isakhel,dst Mianwali</t>
  </si>
  <si>
    <t>GPS KAN MADHORA</t>
  </si>
  <si>
    <t>Kan Madhora GPS kan Madhora</t>
  </si>
  <si>
    <t>kan Madhora</t>
  </si>
  <si>
    <t>Kan Madhora</t>
  </si>
  <si>
    <t>GPS KAN WALA</t>
  </si>
  <si>
    <t>GPS kan wala moza kotla rubait  u /c chak Lassa</t>
  </si>
  <si>
    <t>Kareem Bakhsh</t>
  </si>
  <si>
    <t>GPS KANADI</t>
  </si>
  <si>
    <t>Kanadi</t>
  </si>
  <si>
    <t>kanadi</t>
  </si>
  <si>
    <t>Sobaraam</t>
  </si>
  <si>
    <t>Hussain Farabi</t>
  </si>
  <si>
    <t>GPS KANAT</t>
  </si>
  <si>
    <t>vill Kanat po dk dera Teh Pindi gheb Attock</t>
  </si>
  <si>
    <t>GPS KANAY WALI</t>
  </si>
  <si>
    <t>basti kanay wali. trimin.post office Nutkani</t>
  </si>
  <si>
    <t>Kanay Wali</t>
  </si>
  <si>
    <t>GPS KANAYAT PIR BAKHSH</t>
  </si>
  <si>
    <t>Kanyat Pir Bukhsh</t>
  </si>
  <si>
    <t>Village/p.o knayat pir bukhsh teh gujar Khan distt Rswalpindi</t>
  </si>
  <si>
    <t>Shamaila Kousar</t>
  </si>
  <si>
    <t>GPS KANBAN WALA</t>
  </si>
  <si>
    <t>village and post office kanbanwala,Daska,Sialkot</t>
  </si>
  <si>
    <t>GPS KAND WALA</t>
  </si>
  <si>
    <t>kund Ahmad Hassan Rana Wahin</t>
  </si>
  <si>
    <t>Kund Ahmad Hassan</t>
  </si>
  <si>
    <t>GPS KANDA BHATTIAN</t>
  </si>
  <si>
    <t>Kanda Bhattian</t>
  </si>
  <si>
    <t>GPS KANDA BHATTIAN, TEHSIL PINDI BHATTIAN, (HFD).</t>
  </si>
  <si>
    <t>THATHA KREEM DAD</t>
  </si>
  <si>
    <t>Syed Aoun Abbas Sherazi</t>
  </si>
  <si>
    <t>GPS KANDAN KHURD</t>
  </si>
  <si>
    <t>p/o khass kandan Khurd tehsil shahpur district sargodha</t>
  </si>
  <si>
    <t>Kandan Khurd</t>
  </si>
  <si>
    <t>GPS KANDANI</t>
  </si>
  <si>
    <t>Razai shah Janubi</t>
  </si>
  <si>
    <t>Basti Kandani post office Notak Teh and Distt Bhakkar</t>
  </si>
  <si>
    <t>Amir Abbas</t>
  </si>
  <si>
    <t>GPS KANDH WALA</t>
  </si>
  <si>
    <t>Moza Hala Chah kand wala tehsil kot adu district Muzaffar Garh</t>
  </si>
  <si>
    <t>Kand wala</t>
  </si>
  <si>
    <t>GPS KANDHANWALA</t>
  </si>
  <si>
    <t>kandhawala near Roshan Pura m.b.din</t>
  </si>
  <si>
    <t>GPS KANDI KHELAN WALA</t>
  </si>
  <si>
    <t>GPS kandi khel. p/of Musa khel T/D Mianwali</t>
  </si>
  <si>
    <t>GPS KANDIAN WALI 59/12-L</t>
  </si>
  <si>
    <t>Kandianwali</t>
  </si>
  <si>
    <t>Chak 59/12L (k) Tehsil Chichawatni District Sahiwal</t>
  </si>
  <si>
    <t>59/12 L</t>
  </si>
  <si>
    <t>GPS KANDOO RANGAR</t>
  </si>
  <si>
    <t>KANDOO RANGAR RANGAR</t>
  </si>
  <si>
    <t>KANDOO RANGAR</t>
  </si>
  <si>
    <t>GPS KANDOO WALA</t>
  </si>
  <si>
    <t>Kanduwala</t>
  </si>
  <si>
    <t>GPS KANDU KHARA</t>
  </si>
  <si>
    <t>Kandu khara</t>
  </si>
  <si>
    <t>GPS KANDWAL NO.2</t>
  </si>
  <si>
    <t>vpo kandwal teh p d khan distt jhelum</t>
  </si>
  <si>
    <t>GPS KANDY WALI</t>
  </si>
  <si>
    <t>GPS Kandy wali moza Kandy wali u.c darri azeem Khan tehseel and district Rahim Yar Khan</t>
  </si>
  <si>
    <t>GPS KANERI</t>
  </si>
  <si>
    <t>kaneri</t>
  </si>
  <si>
    <t>kachii shahanii</t>
  </si>
  <si>
    <t>Hashim Raza</t>
  </si>
  <si>
    <t>GPS KANG MEHD PUR</t>
  </si>
  <si>
    <t>Kang MEHD Pur</t>
  </si>
  <si>
    <t>government primary school Kang mehad pur tehseel and district Gujrat</t>
  </si>
  <si>
    <t>GPS KANG SAHALI</t>
  </si>
  <si>
    <t>kang Sahali teh and distt gujrat</t>
  </si>
  <si>
    <t>Iqra javid</t>
  </si>
  <si>
    <t>GPS KANGAR</t>
  </si>
  <si>
    <t>Kangar P.O Kotal Kund tehsil &amp; district Jhelum</t>
  </si>
  <si>
    <t>Sumera Bibi</t>
  </si>
  <si>
    <t>GPS KANGNI WALA</t>
  </si>
  <si>
    <t>main bazar kangniwala</t>
  </si>
  <si>
    <t>Muhammad Adnan Anwar</t>
  </si>
  <si>
    <t>GPS KANGRAN WALA</t>
  </si>
  <si>
    <t>Kurdk Muhammadi</t>
  </si>
  <si>
    <t>baghwala  near jamiabad</t>
  </si>
  <si>
    <t>Asad Mustafa</t>
  </si>
  <si>
    <t>GPS KANHOON WALA</t>
  </si>
  <si>
    <t>Chah kanhoon Wala moza Nari Dhamrayia Tehsil Kot Chutta District Dera Ghazi khan</t>
  </si>
  <si>
    <t>Kanhoon Wala</t>
  </si>
  <si>
    <t>Muhammad Rizwan Abuzar</t>
  </si>
  <si>
    <t>GPS KANI PUR</t>
  </si>
  <si>
    <t>gps kani pur</t>
  </si>
  <si>
    <t>GPS KANI PUR PO KUMAHARI WALA</t>
  </si>
  <si>
    <t>kani pur pakpatten</t>
  </si>
  <si>
    <t>Amir Iqbal</t>
  </si>
  <si>
    <t>GPS KANIA</t>
  </si>
  <si>
    <t>village kanian , post office dilawarpur Teh kharian Dist Gujrat</t>
  </si>
  <si>
    <t>GPS KANJAN NASHAIB PAKKA</t>
  </si>
  <si>
    <t>kanjan nashaib pakka,p/o tibba naina tehsil kallur kot district bhakkar</t>
  </si>
  <si>
    <t>Kanjan Nashaib Pakka</t>
  </si>
  <si>
    <t>GPS KANJARA</t>
  </si>
  <si>
    <t>p/o chakrala teh &amp; distt, mianwali</t>
  </si>
  <si>
    <t>Kanjra</t>
  </si>
  <si>
    <t>GPS KANJKI WALA (MOUDIB)</t>
  </si>
  <si>
    <t>kotla khaire khan</t>
  </si>
  <si>
    <t>Basti Abdul Aziz Moza kotla khaire khan</t>
  </si>
  <si>
    <t>Basti Abdul Aziz</t>
  </si>
  <si>
    <t>Turkri</t>
  </si>
  <si>
    <t>GPS KANJRA</t>
  </si>
  <si>
    <t>shah pur kanjra multan road lahore</t>
  </si>
  <si>
    <t>Muhammad Atta Raool</t>
  </si>
  <si>
    <t>GPS KANJRUR</t>
  </si>
  <si>
    <t>village &amp; p/o kanjrur Christian colony teh skg and distt Nwl</t>
  </si>
  <si>
    <t>GPS KANJUAN WALA</t>
  </si>
  <si>
    <t>GPS Kanjuanwala</t>
  </si>
  <si>
    <t>Kanjuanwala</t>
  </si>
  <si>
    <t>Adeel Bin Sarwar Rana</t>
  </si>
  <si>
    <t>GPS KANNEY</t>
  </si>
  <si>
    <t>Kannay</t>
  </si>
  <si>
    <t>kanney</t>
  </si>
  <si>
    <t>Kanney</t>
  </si>
  <si>
    <t>GPS KANTHIL</t>
  </si>
  <si>
    <t>Kainthal</t>
  </si>
  <si>
    <t>vill kainthal p o bhagar Sharif teh kahuta dist rwp</t>
  </si>
  <si>
    <t>Dubairan Khurd</t>
  </si>
  <si>
    <t>Tahmoor Akhtar</t>
  </si>
  <si>
    <t>GPS KANVEEN BLAQA SING</t>
  </si>
  <si>
    <t>Kanwain Balaqa Singh</t>
  </si>
  <si>
    <t>Kanwain Balaqa Singh P/O Kot Radha Kishen Tehsil Pattoki District Kasur</t>
  </si>
  <si>
    <t>Muhammad Yasin Wasim</t>
  </si>
  <si>
    <t>GPS KANWAN WALI</t>
  </si>
  <si>
    <t>village kanwanwali p/o rattian arrian teh pindibhattian distt hafizabad</t>
  </si>
  <si>
    <t>Gulzar hussain</t>
  </si>
  <si>
    <t>GPS KANWAN WALI CHAK 166/RB</t>
  </si>
  <si>
    <t>KANWANWALI</t>
  </si>
  <si>
    <t>KANWANWALI CHAK NO.166/RB TEH: SHAHKOT DISTRICT NANKANA</t>
  </si>
  <si>
    <t>NODAH</t>
  </si>
  <si>
    <t>MIAN ANJUM LATIF</t>
  </si>
  <si>
    <t>GPS KANWARA</t>
  </si>
  <si>
    <t>Basti kanwara post office choubara tehsil choubara district layyah</t>
  </si>
  <si>
    <t>Basti Kanwara</t>
  </si>
  <si>
    <t>GPS KAPAR SHAH WALA</t>
  </si>
  <si>
    <t>P/O Mamoori  Basti Kapper  Shah Wala D.G.khan. G.Khan</t>
  </si>
  <si>
    <t>Kapper Shah Wala</t>
  </si>
  <si>
    <t>GPS KAPI</t>
  </si>
  <si>
    <t>Kapi</t>
  </si>
  <si>
    <t>gaon kapi</t>
  </si>
  <si>
    <t>Kurlky Androon</t>
  </si>
  <si>
    <t>Fouzia Liaqat</t>
  </si>
  <si>
    <t>GPS KAPOORAN</t>
  </si>
  <si>
    <t>Basti Noor Kot Moza Kapooran Takhat  Mahal T/D Bahawalnagar</t>
  </si>
  <si>
    <t>Noor Kot</t>
  </si>
  <si>
    <t>GPS KAPOORI DAKKHANA, GARH MAHARAJA</t>
  </si>
  <si>
    <t>GPS Kapoori, Chah Sarang Wala, Mouza Kapoori, Tehsil Ahmad Pur Sial, Jhang</t>
  </si>
  <si>
    <t>GPS KAPOORO WALI</t>
  </si>
  <si>
    <t>kapoorowali po khas</t>
  </si>
  <si>
    <t>Kapoorowali</t>
  </si>
  <si>
    <t>GPS KAPUR DEV</t>
  </si>
  <si>
    <t>KAPUR DEVE</t>
  </si>
  <si>
    <t>VILLAGE KAPOOR DEV PO KANJRUR TEHSIL SHAKARGARH</t>
  </si>
  <si>
    <t>KAPUR DEV</t>
  </si>
  <si>
    <t>KANJRUR</t>
  </si>
  <si>
    <t>REHMAN SABIR</t>
  </si>
  <si>
    <t>GPS KAPURAN WALA</t>
  </si>
  <si>
    <t>Kakki Nau Doam</t>
  </si>
  <si>
    <t>chah kapuran wala kakki nau doam</t>
  </si>
  <si>
    <t>Kapuran Wala</t>
  </si>
  <si>
    <t>Mehrban Ali</t>
  </si>
  <si>
    <t>GPS KARAK NO.1</t>
  </si>
  <si>
    <t>Village karak P/O Sultan khel Tehsil isa khel District Mianwali</t>
  </si>
  <si>
    <t>Mushtaq Hussain Shah</t>
  </si>
  <si>
    <t>GPS KARAK NO.2</t>
  </si>
  <si>
    <t>Sultan Khel Garbi</t>
  </si>
  <si>
    <t>karak no 2 wandha ralanwa wala Sultan khel tehseel esakhel diateict mianwali</t>
  </si>
  <si>
    <t>Ralanwa Wala</t>
  </si>
  <si>
    <t>Gul badshah Khan</t>
  </si>
  <si>
    <t>GPS KARAM ABAD</t>
  </si>
  <si>
    <t>Karam Abad, Post office phuklian</t>
  </si>
  <si>
    <t>GPS KARAM BUZDAR</t>
  </si>
  <si>
    <t>Chak kama</t>
  </si>
  <si>
    <t>Basti karam buzdar chak kama uc bakharwah</t>
  </si>
  <si>
    <t>Basti karam buzdar</t>
  </si>
  <si>
    <t>Bakharwha</t>
  </si>
  <si>
    <t>GPS KARAM KHELAN WALA</t>
  </si>
  <si>
    <t>GPS karam khelan wala, Tehsil &amp; District Mianwali</t>
  </si>
  <si>
    <t>Karam Khelan Wala</t>
  </si>
  <si>
    <t>Naimat  Ullah  Khan</t>
  </si>
  <si>
    <t>GPS KARAM PUR JOOTA, P/O KUKKAR HATTA, KABIRWALA</t>
  </si>
  <si>
    <t>Karam Pur Juta</t>
  </si>
  <si>
    <t>basti karam pur juta tehsil kabirwala district khanewal</t>
  </si>
  <si>
    <t>Boota Sing Wala</t>
  </si>
  <si>
    <t>GPS KARAM PUR JUTTA NO.2 P/O KUKAR HATTA, KABIRWALA</t>
  </si>
  <si>
    <t>moaza Karam pur Jutta tehsil  kabirwala</t>
  </si>
  <si>
    <t>Bota Singh Wala</t>
  </si>
  <si>
    <t>GPS KARAM SHAH</t>
  </si>
  <si>
    <t>GPS karam shah near mahmood Shaheed stop Ahmad pur east</t>
  </si>
  <si>
    <t>muhammad fahad akram khan</t>
  </si>
  <si>
    <t>GPS KARAM SHAH FADDAH</t>
  </si>
  <si>
    <t>Faddah</t>
  </si>
  <si>
    <t>Basti meharan wali mouza faddah tehsil mailsi district vehari</t>
  </si>
  <si>
    <t>Meharan Wali Basti</t>
  </si>
  <si>
    <t>GPS KARAM ULLAH</t>
  </si>
  <si>
    <t>dhok Karamullah p /o chakrala  (mianwali )</t>
  </si>
  <si>
    <t>Jahangir Iqbal</t>
  </si>
  <si>
    <t>GPS KARAM WAL</t>
  </si>
  <si>
    <t>Karamwal</t>
  </si>
  <si>
    <t>gbps karmwal taxila</t>
  </si>
  <si>
    <t>Cantt Taxila</t>
  </si>
  <si>
    <t>Nayyar Touseef</t>
  </si>
  <si>
    <t>GPS KARAM WALI</t>
  </si>
  <si>
    <t>Basti Karam wali Karor Lal e Asan district Layyah</t>
  </si>
  <si>
    <t>KARAM WALI</t>
  </si>
  <si>
    <t>GPS KAREEM ABAD</t>
  </si>
  <si>
    <t>Gaddi North</t>
  </si>
  <si>
    <t>kareem abad</t>
  </si>
  <si>
    <t>Gaddi north</t>
  </si>
  <si>
    <t>Abdul Waheed Qureshi</t>
  </si>
  <si>
    <t>GPS KAREEM ABAD KALABAGH</t>
  </si>
  <si>
    <t>Moh karimabad, p/o Kalabagh, Tehsil Isakhel distt. Mianwali.</t>
  </si>
  <si>
    <t>GPS KAREEM ABAD NO. 2</t>
  </si>
  <si>
    <t>D Jamal Darmiani</t>
  </si>
  <si>
    <t>Bangla birmani darkhast jamal khan darmiani</t>
  </si>
  <si>
    <t>Bangla birmani</t>
  </si>
  <si>
    <t>GPS KARI AURANGA</t>
  </si>
  <si>
    <t>dhoke gihal vlg  korina kallan p\o and tehsil
 Kotli sattain</t>
  </si>
  <si>
    <t>Gihal</t>
  </si>
  <si>
    <t>GPS KARI BOND GAN PO KANDAL ISA KHEL</t>
  </si>
  <si>
    <t>Attack Panyala</t>
  </si>
  <si>
    <t>kirri powand gan p/o kundal</t>
  </si>
  <si>
    <t>Kirri Powand Gan</t>
  </si>
  <si>
    <t>Nageen Sattar</t>
  </si>
  <si>
    <t>GPS KARI SIR</t>
  </si>
  <si>
    <t>Gwasani Sarbil</t>
  </si>
  <si>
    <t>Basti kari Sir Tribal Area Barthi Tehsil Taunsa Distt. DG khan</t>
  </si>
  <si>
    <t>Kari Sir</t>
  </si>
  <si>
    <t>Villagers' Hand Pump</t>
  </si>
  <si>
    <t>GPS KARI WALA</t>
  </si>
  <si>
    <t>Kot Laal</t>
  </si>
  <si>
    <t>Kari wala kot laal p/o waryam Wala station</t>
  </si>
  <si>
    <t>Mazhar Abbas Gohar</t>
  </si>
  <si>
    <t>GPS KARIAN WALA</t>
  </si>
  <si>
    <t>village karianwala p/o distt gujrat</t>
  </si>
  <si>
    <t>RAZA Hussain Shah</t>
  </si>
  <si>
    <t>GPS KARIAN WALA MORE KHUNDA</t>
  </si>
  <si>
    <t>Karian Wala</t>
  </si>
  <si>
    <t>Karian wala  p/o More khunda Distt. and Tehsil Nankna sahib.</t>
  </si>
  <si>
    <t>M Ilyas</t>
  </si>
  <si>
    <t>GPS KARIM BUKHSH GACHAL</t>
  </si>
  <si>
    <t>Umar Wada Gachal</t>
  </si>
  <si>
    <t>Basti Malik Ahmad Hassan umar wada gachal</t>
  </si>
  <si>
    <t>Basti Ahmad Hassan</t>
  </si>
  <si>
    <t>Muhammad Qasim Hussain</t>
  </si>
  <si>
    <t>GPS KARIM BUX RAHWARI</t>
  </si>
  <si>
    <t>karim Bux rewari</t>
  </si>
  <si>
    <t>Karim Bux Rehwari</t>
  </si>
  <si>
    <t>Johar Ali</t>
  </si>
  <si>
    <t>GPS KARIM DAD</t>
  </si>
  <si>
    <t>Karim Dad</t>
  </si>
  <si>
    <t>village Karim Dad P/O jpj T/D gujrat</t>
  </si>
  <si>
    <t>GPS KARIM WALA</t>
  </si>
  <si>
    <t>GPS KARIM WALA P/O Aluday wali Teh. &amp; Distt. Muzaffargarh</t>
  </si>
  <si>
    <t>Karim Wala</t>
  </si>
  <si>
    <t>GPS KARITA</t>
  </si>
  <si>
    <t>Chitpani</t>
  </si>
  <si>
    <t>P/O sokar basti kareeta</t>
  </si>
  <si>
    <t>Basti Kareeta</t>
  </si>
  <si>
    <t>Ghulam Sidduque</t>
  </si>
  <si>
    <t>masjid near the school</t>
  </si>
  <si>
    <t>GPS KARL</t>
  </si>
  <si>
    <t>Village Karl Tehsil Kotli Sattian</t>
  </si>
  <si>
    <t>GPS KARLOO WALI</t>
  </si>
  <si>
    <t>Karloo</t>
  </si>
  <si>
    <t>moza karlu darya khan bhakkar</t>
  </si>
  <si>
    <t>GPS KARLOOP</t>
  </si>
  <si>
    <t>Karloop</t>
  </si>
  <si>
    <t>village karloop</t>
  </si>
  <si>
    <t>Village Karloop</t>
  </si>
  <si>
    <t>GPS KARM ABAD</t>
  </si>
  <si>
    <t>Noin Wala</t>
  </si>
  <si>
    <t>karam abad noin wala tehsil wazirabad Gujranwala</t>
  </si>
  <si>
    <t>Karamabad</t>
  </si>
  <si>
    <t>GPS KARMOON WALA</t>
  </si>
  <si>
    <t>Ameer Kalasra Gharbi</t>
  </si>
  <si>
    <t>chak no 174 district layyah</t>
  </si>
  <si>
    <t>Chak No 172/ TDA</t>
  </si>
  <si>
    <t>GPS KARNAB USMAN</t>
  </si>
  <si>
    <t>Krumb Usman</t>
  </si>
  <si>
    <t>GPS krumb usman</t>
  </si>
  <si>
    <t>Krumb Ilyas</t>
  </si>
  <si>
    <t>AtifSaleem</t>
  </si>
  <si>
    <t>GPS KARNANI</t>
  </si>
  <si>
    <t>Karnani</t>
  </si>
  <si>
    <t>mouza karnani</t>
  </si>
  <si>
    <t>salman nazir</t>
  </si>
  <si>
    <t>GPS KARNI</t>
  </si>
  <si>
    <t>KIRNI</t>
  </si>
  <si>
    <t>KIRNI TRIBAL AREA DG KHAN</t>
  </si>
  <si>
    <t>ABDUL GHANI</t>
  </si>
  <si>
    <t>FROM SANGHAR ROD KOHI</t>
  </si>
  <si>
    <t>GPS KARO</t>
  </si>
  <si>
    <t>Karo</t>
  </si>
  <si>
    <t>p/of Fort manroo dg khan</t>
  </si>
  <si>
    <t>Basti Jaro</t>
  </si>
  <si>
    <t>GPS KAROO MAGASSI</t>
  </si>
  <si>
    <t>sumra nashaib janubi bsti magsi layyah</t>
  </si>
  <si>
    <t>Bsti Magsi</t>
  </si>
  <si>
    <t>GPS KAROR NO.3</t>
  </si>
  <si>
    <t>ward 2 mohalla darbar shareef karor</t>
  </si>
  <si>
    <t>Muahmmad Khalid</t>
  </si>
  <si>
    <t>GPS KARORRAY WALA</t>
  </si>
  <si>
    <t>Noon Kallu</t>
  </si>
  <si>
    <t>karorray Wala p.o. shahpur City Teh. Shahpur Distt. Sargodha</t>
  </si>
  <si>
    <t>Karorray Wala</t>
  </si>
  <si>
    <t>GPS KAROT</t>
  </si>
  <si>
    <t>Kanand</t>
  </si>
  <si>
    <t>village kanand po beor tehsil kahuta</t>
  </si>
  <si>
    <t>Karot</t>
  </si>
  <si>
    <t>GPS KAROWL WAR</t>
  </si>
  <si>
    <t>Krowlwar</t>
  </si>
  <si>
    <t>p.b. baghbanpura krowlwar lahore</t>
  </si>
  <si>
    <t>GPS KARTAL</t>
  </si>
  <si>
    <t>kartal</t>
  </si>
  <si>
    <t>GPS KARTAL TEH PASRUR DISTT SIALKOT</t>
  </si>
  <si>
    <t>Kartal</t>
  </si>
  <si>
    <t>Muhammad Mohsan</t>
  </si>
  <si>
    <t>GPS KARTANAY WALA</t>
  </si>
  <si>
    <t>p/o gohar wala Teh mankera  district  bhakkar</t>
  </si>
  <si>
    <t>Kartanay Wala</t>
  </si>
  <si>
    <t>GPS KARTAR PUR GANDIAN</t>
  </si>
  <si>
    <t>Gps Kartar Pur Gandian p/o kalyana teh&amp;Distt Pakpattan</t>
  </si>
  <si>
    <t>GPS KARTAR SINGH</t>
  </si>
  <si>
    <t>Kartar Sigh</t>
  </si>
  <si>
    <t>Kotha Mehr Singh Moza Kartar Singh</t>
  </si>
  <si>
    <t>Kotha Mehr Singh</t>
  </si>
  <si>
    <t>Muhammad Ahmad Sajid</t>
  </si>
  <si>
    <t>GPS KARYAL KALAN NO.2</t>
  </si>
  <si>
    <t>p/o karyal kalan teh nowshera virkan distt Gujranwala</t>
  </si>
  <si>
    <t>Fozia Talib</t>
  </si>
  <si>
    <t>GPS KARYAL KHURD</t>
  </si>
  <si>
    <t>Karyal khurd</t>
  </si>
  <si>
    <t>GPS KASANA BAHARWAL</t>
  </si>
  <si>
    <t>Kasana Baharwal</t>
  </si>
  <si>
    <t>kasana baharwal</t>
  </si>
  <si>
    <t>GPS KASHIF NAGAR</t>
  </si>
  <si>
    <t>mubarak pur</t>
  </si>
  <si>
    <t>Topi wala</t>
  </si>
  <si>
    <t>Touseef Ahmad</t>
  </si>
  <si>
    <t>GPS KASHMIR PATTI</t>
  </si>
  <si>
    <t>Kashmir Pattti</t>
  </si>
  <si>
    <t>village Kashmir patti</t>
  </si>
  <si>
    <t>Kashmir Patti</t>
  </si>
  <si>
    <t>Muhammad Israil Ayubi</t>
  </si>
  <si>
    <t>GPS KASHOBA</t>
  </si>
  <si>
    <t>Baileb Shumali</t>
  </si>
  <si>
    <t>gps kashoba thuman Khosa Tribal Area dg Khan</t>
  </si>
  <si>
    <t>Kashoba</t>
  </si>
  <si>
    <t>Thuman Khosa</t>
  </si>
  <si>
    <t>Rabnawaz Leghari</t>
  </si>
  <si>
    <t>GPS KASIAL</t>
  </si>
  <si>
    <t>Kasial</t>
  </si>
  <si>
    <t>Village and post office Kasial Teh Sohawa District Jhelum</t>
  </si>
  <si>
    <t>Ksial</t>
  </si>
  <si>
    <t>Rashad Imran</t>
  </si>
  <si>
    <t>GPS KASIR SINGH</t>
  </si>
  <si>
    <t>Kasir Singh</t>
  </si>
  <si>
    <t>Chak Sundarwali P/O Dunga Bunga</t>
  </si>
  <si>
    <t>Kishan Ghad</t>
  </si>
  <si>
    <t>GPS KASOWALI</t>
  </si>
  <si>
    <t>Kasowali</t>
  </si>
  <si>
    <t>Tahsil&amp;district narowal</t>
  </si>
  <si>
    <t>Wali Mohammad Tahir</t>
  </si>
  <si>
    <t>GPS KASRAJ</t>
  </si>
  <si>
    <t>Kasraj</t>
  </si>
  <si>
    <t>Kasraj, P/o Noorkot, Tehsil Shakargarh, District Narowal</t>
  </si>
  <si>
    <t>Muhammad Naveed Arshad</t>
  </si>
  <si>
    <t>GPS KASSERI</t>
  </si>
  <si>
    <t>village kasseri</t>
  </si>
  <si>
    <t>Kasseri</t>
  </si>
  <si>
    <t>Sehr Bsgla</t>
  </si>
  <si>
    <t>Haroon Ahmad</t>
  </si>
  <si>
    <t>GPS KASSESEY</t>
  </si>
  <si>
    <t>GPS KASSI JOOTA, NAWAN SHEHR</t>
  </si>
  <si>
    <t>Kassi joota</t>
  </si>
  <si>
    <t>Gps kassi joota</t>
  </si>
  <si>
    <t>GPS KASSI SADIQ WAH</t>
  </si>
  <si>
    <t>Kassi Sadiq Wah</t>
  </si>
  <si>
    <t>kassi sadiq wah</t>
  </si>
  <si>
    <t>GPS KASSOANA</t>
  </si>
  <si>
    <t>GPS Kassoana, Mouza Kassoana Tehsil A.P.Dial District Jhang</t>
  </si>
  <si>
    <t>Kudal Khokhran</t>
  </si>
  <si>
    <t>GPS KASSOKE</t>
  </si>
  <si>
    <t>GPS kassoki Tehsil &amp; Tehsil&amp;distt Gujrat</t>
  </si>
  <si>
    <t>GPS KAT BALOOCHAN</t>
  </si>
  <si>
    <t>Basti Tibba Moosa Bahawalnagar</t>
  </si>
  <si>
    <t>Basti Moosa</t>
  </si>
  <si>
    <t>Muhammad Akram  Shehzad</t>
  </si>
  <si>
    <t>GPS KAT BOLEY WALE</t>
  </si>
  <si>
    <t>Likhmair Dhdui</t>
  </si>
  <si>
    <t>boly wali</t>
  </si>
  <si>
    <t>Bolay Wali</t>
  </si>
  <si>
    <t>Kot Fateh</t>
  </si>
  <si>
    <t>GPS KAT DEPUTY WALI</t>
  </si>
  <si>
    <t>Deputy Wali Kaat</t>
  </si>
  <si>
    <t>muhammad zahoor ahmad zia</t>
  </si>
  <si>
    <t>GPS KAT DHARMAY WALI</t>
  </si>
  <si>
    <t>Turan No 1</t>
  </si>
  <si>
    <t>Turan No 1 Kat dharmy wali</t>
  </si>
  <si>
    <t>Kat Dharmy Wali</t>
  </si>
  <si>
    <t>Muhammad Ali Adnan</t>
  </si>
  <si>
    <t>GPS KAT KALY WALI</t>
  </si>
  <si>
    <t>Khaja Bukxh Bodla</t>
  </si>
  <si>
    <t>kat kalay wali</t>
  </si>
  <si>
    <t>Kat Kalay Wali</t>
  </si>
  <si>
    <t>GPS KAT SHER MUHAMMAD</t>
  </si>
  <si>
    <t>Kot Sher Muhammad Muhammad Muhammad Muhammad</t>
  </si>
  <si>
    <t>Bangla Kot Sher Muhammad near adda nahar Gujyani Tahsil and District Bahawal Nagar</t>
  </si>
  <si>
    <t>Bangla Kat Sher Muhammad</t>
  </si>
  <si>
    <t>GPS KATAN WALA</t>
  </si>
  <si>
    <t>Sumra Thal Kalan Junibi</t>
  </si>
  <si>
    <t>chah katan wala</t>
  </si>
  <si>
    <t>Katan Wala</t>
  </si>
  <si>
    <t>Jamal Chpri</t>
  </si>
  <si>
    <t>GPS KATCH TUNDAR KHEL</t>
  </si>
  <si>
    <t>kuch tander khel</t>
  </si>
  <si>
    <t>Rafi Ullah</t>
  </si>
  <si>
    <t>GPS KATCHAY WALA</t>
  </si>
  <si>
    <t>katchay wala</t>
  </si>
  <si>
    <t>katchay wala shahpur district sargodha</t>
  </si>
  <si>
    <t>Katchay wala</t>
  </si>
  <si>
    <t>GPS KATCHI JUNDHI</t>
  </si>
  <si>
    <t>Jhundi</t>
  </si>
  <si>
    <t>GPS jhundi muza jhundi uc fazla kachh</t>
  </si>
  <si>
    <t>GPS KATEY MAR</t>
  </si>
  <si>
    <t>Basti Katey Mar mouza khokhar tehsil kot addu district Muzaffargarh p/o Mehmood kot city</t>
  </si>
  <si>
    <t>Basti Katey Mar</t>
  </si>
  <si>
    <t>GPS KATH GARAH</t>
  </si>
  <si>
    <t>Gps Kath garh post office 49m lodhran</t>
  </si>
  <si>
    <t>Mohammed Siddiq</t>
  </si>
  <si>
    <t>GPS KATH JANUBI</t>
  </si>
  <si>
    <t>Kath, Moza Gadai, P/o Dullewala, Tehsil Darya Khan, District Bhakkar</t>
  </si>
  <si>
    <t>GPS KATHA COLONY</t>
  </si>
  <si>
    <t>katha colony bathar tehsil fateh jang district attock</t>
  </si>
  <si>
    <t>BAthar</t>
  </si>
  <si>
    <t>muhammad irshad</t>
  </si>
  <si>
    <t>GPS KATHA SAGHRAL</t>
  </si>
  <si>
    <t>GPS katha saghral</t>
  </si>
  <si>
    <t>Mian Muhammad</t>
  </si>
  <si>
    <t>GPS KATHAN</t>
  </si>
  <si>
    <t>vill khatan post office ara tehsil choa saiden shah dist chakwal</t>
  </si>
  <si>
    <t>selfsource</t>
  </si>
  <si>
    <t>GPS KATHAR</t>
  </si>
  <si>
    <t>village kathar tehsil murree</t>
  </si>
  <si>
    <t>Anguri</t>
  </si>
  <si>
    <t>Gulzaman</t>
  </si>
  <si>
    <t>GPS KATHIALA</t>
  </si>
  <si>
    <t>kathiala</t>
  </si>
  <si>
    <t>kathiala village</t>
  </si>
  <si>
    <t>shereen jhanghar</t>
  </si>
  <si>
    <t>GPS KATHIAN WALA</t>
  </si>
  <si>
    <t>Kathianwala</t>
  </si>
  <si>
    <t>gps kathian wala</t>
  </si>
  <si>
    <t>Kathian Wala</t>
  </si>
  <si>
    <t>MUhammad Waris</t>
  </si>
  <si>
    <t>GPS KATHOR KALAN</t>
  </si>
  <si>
    <t>Kathore kalan Tehsil wazirabad District Gujranwala</t>
  </si>
  <si>
    <t>Zubair Hussain</t>
  </si>
  <si>
    <t>GPS KATTA MIR WALA</t>
  </si>
  <si>
    <t>GPS karta Mir Wali p.o. chdru teh/district mianwali</t>
  </si>
  <si>
    <t>Karta Mir Wala</t>
  </si>
  <si>
    <t>Chhiru</t>
  </si>
  <si>
    <t>Abdul Bari Khan</t>
  </si>
  <si>
    <t>GPS KATTAIN WALA 167/RB</t>
  </si>
  <si>
    <t>Kattian Wala</t>
  </si>
  <si>
    <t>chak no.167 kattian wala</t>
  </si>
  <si>
    <t>Faiz Meeran</t>
  </si>
  <si>
    <t>GPS KAURA</t>
  </si>
  <si>
    <t>GPS Koura</t>
  </si>
  <si>
    <t>GPS KAVERA KALAN</t>
  </si>
  <si>
    <t>Kavera Kalan</t>
  </si>
  <si>
    <t>Village Kavera Kalan Tehsil and District Nankana Sahib.</t>
  </si>
  <si>
    <t>GPS KAYAKI</t>
  </si>
  <si>
    <t>TABBISAR</t>
  </si>
  <si>
    <t>kayaki village tabbi Sar tehsil isa khel disst mianwali</t>
  </si>
  <si>
    <t>Kayaki</t>
  </si>
  <si>
    <t>Ikram Abbas</t>
  </si>
  <si>
    <t>GPS KAYALA</t>
  </si>
  <si>
    <t>TM Khan</t>
  </si>
  <si>
    <t>Dhoke kayala TM Khan tehsil Talagang</t>
  </si>
  <si>
    <t>TM khan</t>
  </si>
  <si>
    <t>GPS KAYAN</t>
  </si>
  <si>
    <t>Village Kayan Raiba Kalan Tehsil Shakargarh District Narowal</t>
  </si>
  <si>
    <t>GPS KAYRALA JALIP</t>
  </si>
  <si>
    <t>Karyala jalip</t>
  </si>
  <si>
    <t>GPS KAZIM ABAD CHAH  ARY WALA</t>
  </si>
  <si>
    <t>Theklan Shumali</t>
  </si>
  <si>
    <t>chah ary wala mouza theklan shumali p/o Haveli lang tehsil jalalpur pir wala Multan</t>
  </si>
  <si>
    <t>Chah Ary Wala</t>
  </si>
  <si>
    <t>GPS KAZIM KHAN WALA</t>
  </si>
  <si>
    <t>cha nawa cheena wala</t>
  </si>
  <si>
    <t>Karey Wala</t>
  </si>
  <si>
    <t>GPS KEER KHURD</t>
  </si>
  <si>
    <t>Keer</t>
  </si>
  <si>
    <t>village keer khurd near syed karam ali shah darbar bedian road lahore cantt</t>
  </si>
  <si>
    <t>Keer  Khurd</t>
  </si>
  <si>
    <t>WEB</t>
  </si>
  <si>
    <t>Rizwana Ramzan</t>
  </si>
  <si>
    <t>GPS KEERIAN WALI</t>
  </si>
  <si>
    <t>Manga Virkan</t>
  </si>
  <si>
    <t>keerian Wali Distt Sheikhupura</t>
  </si>
  <si>
    <t>Keerian Wali</t>
  </si>
  <si>
    <t>Azam Munir</t>
  </si>
  <si>
    <t>GPS KEERKA</t>
  </si>
  <si>
    <t>Keerka</t>
  </si>
  <si>
    <t>village keerka post office bediyan tehsil can't district Lahore</t>
  </si>
  <si>
    <t>Jaman</t>
  </si>
  <si>
    <t>Abdul Haq Asim</t>
  </si>
  <si>
    <t>GPS KEET</t>
  </si>
  <si>
    <t>Keet</t>
  </si>
  <si>
    <t>moaza keet</t>
  </si>
  <si>
    <t>GPS KEETAN KHURD</t>
  </si>
  <si>
    <t>Kittan Khurd</t>
  </si>
  <si>
    <t>kittan kalan</t>
  </si>
  <si>
    <t>Sift hussain</t>
  </si>
  <si>
    <t>GPS KEHWAL</t>
  </si>
  <si>
    <t>kehwala p.o Ikhlas</t>
  </si>
  <si>
    <t>GPS KELA JAGIR</t>
  </si>
  <si>
    <t>Kaila Jageer</t>
  </si>
  <si>
    <t>Kaila jageer</t>
  </si>
  <si>
    <t>Ahmed Saeed</t>
  </si>
  <si>
    <t>GPS KERI</t>
  </si>
  <si>
    <t>Hockra  Keri</t>
  </si>
  <si>
    <t>Post Office Lower Topa, Village Keri , Tehsil Murree District Rawalpindi</t>
  </si>
  <si>
    <t>Keri</t>
  </si>
  <si>
    <t>Muhammad Mubasher Abbasi</t>
  </si>
  <si>
    <t>GPS KESOO PUR</t>
  </si>
  <si>
    <t>Kesoo Pur</t>
  </si>
  <si>
    <t>kesoo pur (BHERA)</t>
  </si>
  <si>
    <t>GPS KETHOLA</t>
  </si>
  <si>
    <t>kethola malot sattian</t>
  </si>
  <si>
    <t>M Anwar Baig</t>
  </si>
  <si>
    <t>GPS KEWAL WALA</t>
  </si>
  <si>
    <t>Tibbi Nezam</t>
  </si>
  <si>
    <t>Basti shabbir abad tibbi nezam kot Addu M.garh</t>
  </si>
  <si>
    <t>Asmat Saeed</t>
  </si>
  <si>
    <t>GPS KHABEKI</t>
  </si>
  <si>
    <t>village&amp;p.o khabeki teh naushehra district khushab</t>
  </si>
  <si>
    <t>Muhammad Pervaiz Akhtar Awan</t>
  </si>
  <si>
    <t>GPS KHABHAR WALA</t>
  </si>
  <si>
    <t>KHABHAR WALA</t>
  </si>
  <si>
    <t>SajjadAhmad</t>
  </si>
  <si>
    <t>GPS KHACHI JADEED</t>
  </si>
  <si>
    <t>village jam Faiz near chok Freed</t>
  </si>
  <si>
    <t>Rao Majid Mehmood</t>
  </si>
  <si>
    <t>GPS KHADAL KHURD P/O JHOKE  MULTAN</t>
  </si>
  <si>
    <t>Khadal khurd</t>
  </si>
  <si>
    <t>Liaquat Hussain</t>
  </si>
  <si>
    <t>GPS KHADIALAN WALA</t>
  </si>
  <si>
    <t>GPS khadialan wala markaz shadia TEH/DISTRICT Mianwali</t>
  </si>
  <si>
    <t>GPS KHADIM HUSSAIN</t>
  </si>
  <si>
    <t>Basti Khadim Hussain, moza kacha Razi, tehsil Rojhan, district Rajanpur</t>
  </si>
  <si>
    <t>GPS KHADIM HUSSAIN JOIYA</t>
  </si>
  <si>
    <t>Mud Rashid</t>
  </si>
  <si>
    <t>Basti Viha Mouza Mud Rasheed Ahmadpur East</t>
  </si>
  <si>
    <t>Basti Khadm Joiya</t>
  </si>
  <si>
    <t>Khuda Bukhsh Maher</t>
  </si>
  <si>
    <t>GPS KHADIM HUSSAIN SHAH</t>
  </si>
  <si>
    <t>Tibba Gama Shah</t>
  </si>
  <si>
    <t>khadim Hussain shah</t>
  </si>
  <si>
    <t>Khadim Hussain Shah</t>
  </si>
  <si>
    <t>Muhammad Zakria</t>
  </si>
  <si>
    <t>GPS KHADIOT</t>
  </si>
  <si>
    <t>village khadiot kahuta rawalpindi</t>
  </si>
  <si>
    <t>Muhammad Sarmad Idrees</t>
  </si>
  <si>
    <t>GPS KHAGAY WALI</t>
  </si>
  <si>
    <t>basti khagh mouza bait sohni p/o qasba Gujarat Teshil kot adu Dist. m.garh</t>
  </si>
  <si>
    <t>GPS KHAGGAY PO PAKPATTAN</t>
  </si>
  <si>
    <t>Chak Khaggay Moza Saddu Pipli Pakpattan</t>
  </si>
  <si>
    <t>Chak Khaggay</t>
  </si>
  <si>
    <t>GPS KHAGGAY WALA P/O ISLAM PUR</t>
  </si>
  <si>
    <t>P/O Budhla Sant Moza Khaggay Wala Multan</t>
  </si>
  <si>
    <t>GPS KHAGHAY WALA</t>
  </si>
  <si>
    <t>Dunyapur Gharbi</t>
  </si>
  <si>
    <t>Khaghay Wala,</t>
  </si>
  <si>
    <t>Muhammad Ashiq Sukhera</t>
  </si>
  <si>
    <t>GPS KHAGLI</t>
  </si>
  <si>
    <t>Khagli</t>
  </si>
  <si>
    <t>Gps Khagli</t>
  </si>
  <si>
    <t>Shahjehan</t>
  </si>
  <si>
    <t>GPS KHAI AWAN</t>
  </si>
  <si>
    <t>Khai Awan</t>
  </si>
  <si>
    <t>Village Khai Awan</t>
  </si>
  <si>
    <t>Asma Amjad</t>
  </si>
  <si>
    <t>GPS KHAI BODLA</t>
  </si>
  <si>
    <t>chack kahi bodla tehsil and district bahawalnagar</t>
  </si>
  <si>
    <t>Chack Khai Bodla</t>
  </si>
  <si>
    <t>GPS KHAI CHAK NO. 26  PATTOKI</t>
  </si>
  <si>
    <t>Khai   Chak No 26</t>
  </si>
  <si>
    <t>khai Chak No 26</t>
  </si>
  <si>
    <t>Khai Chak No 26</t>
  </si>
  <si>
    <t>Dholan Chak No 27</t>
  </si>
  <si>
    <t>M Khalid Perviz</t>
  </si>
  <si>
    <t>GPS KHAI HITHAR</t>
  </si>
  <si>
    <t>khai hithar</t>
  </si>
  <si>
    <t>Maqsood Ahmed Tahir</t>
  </si>
  <si>
    <t>GPS KHAI JAMALI</t>
  </si>
  <si>
    <t>Khai Jamali</t>
  </si>
  <si>
    <t>Gps khai jamali p/o sial tehsil o dist Bhakkar</t>
  </si>
  <si>
    <t>Mureed Hassan Khan</t>
  </si>
  <si>
    <t>GPS KHAI KHAIR SHAH</t>
  </si>
  <si>
    <t>Khai Khair Shah khanpur</t>
  </si>
  <si>
    <t>Jajjah Abasian</t>
  </si>
  <si>
    <t>parvaiz akhtar</t>
  </si>
  <si>
    <t>GPS KHAI KOTLI</t>
  </si>
  <si>
    <t>Khai Kotli</t>
  </si>
  <si>
    <t>khai kotli post office kai kotli jhelum</t>
  </si>
  <si>
    <t>Sangohi</t>
  </si>
  <si>
    <t>Muhammad zafeer</t>
  </si>
  <si>
    <t>GPS KHAI KULIA</t>
  </si>
  <si>
    <t>khai kulia Tehsil Jhelum district Jhelum</t>
  </si>
  <si>
    <t>GPS KHAIEE</t>
  </si>
  <si>
    <t>Khaee</t>
  </si>
  <si>
    <t>basti khaee post office wara sehran tehsil karor lal eason distt layyah</t>
  </si>
  <si>
    <t>Mohammad Sajjad Mahmood Khan</t>
  </si>
  <si>
    <t>GPS KHAIP WALI</t>
  </si>
  <si>
    <t>Khaipwali</t>
  </si>
  <si>
    <t>GPS khaipwali disstrict Nankana sahib</t>
  </si>
  <si>
    <t>Ayesha Nawaz</t>
  </si>
  <si>
    <t>GPS KHAIR ABAD PO PAKPATTAN</t>
  </si>
  <si>
    <t>Karimpur Hance</t>
  </si>
  <si>
    <t>abadi khairabad pakpattan</t>
  </si>
  <si>
    <t>Khair Abad</t>
  </si>
  <si>
    <t>Bahrampur</t>
  </si>
  <si>
    <t>Abdulsattar</t>
  </si>
  <si>
    <t>GPS KHAIR DIN HAMIYANA, NAWAN SHEHR</t>
  </si>
  <si>
    <t>Khair Deen Hamiyana</t>
  </si>
  <si>
    <t>khair Deen Hamiyana Post office Mankot Kabirwala Khanewal</t>
  </si>
  <si>
    <t>Salarwahin Now</t>
  </si>
  <si>
    <t>M Ramzan Javid</t>
  </si>
  <si>
    <t>GPS KHAIR MUHAMMAD LAR</t>
  </si>
  <si>
    <t>Aslam Town Rahim Yar Khan</t>
  </si>
  <si>
    <t>Aslam Town</t>
  </si>
  <si>
    <t>MC RY KHAN-C</t>
  </si>
  <si>
    <t>Amjad Ali Shahid</t>
  </si>
  <si>
    <t>GPS KHAIR PUR BHUTTA CANTT P/O QASIM BELLA</t>
  </si>
  <si>
    <t>Main road Khair Pur Bhutta. Post office Qasim Bela Multan</t>
  </si>
  <si>
    <t>Khair Pur Bhutta</t>
  </si>
  <si>
    <t>Abdul Sattar Awan</t>
  </si>
  <si>
    <t>GPS KHAIR SHAH</t>
  </si>
  <si>
    <t>basti khair shah jahan pur</t>
  </si>
  <si>
    <t>Maher Muhammad Irfan</t>
  </si>
  <si>
    <t>GPS KHAIR SHARIF</t>
  </si>
  <si>
    <t>Khair Sharif</t>
  </si>
  <si>
    <t>village khair p.o wagh teh.distt.jhelum</t>
  </si>
  <si>
    <t>Nakkah Khurd</t>
  </si>
  <si>
    <t>GPS KHAIR WALA</t>
  </si>
  <si>
    <t>Kamokay</t>
  </si>
  <si>
    <t>GPS chah khair wala p/o jhamra Teh. Tandlianwala dis. Faisalabad</t>
  </si>
  <si>
    <t>Chah Khair Wala</t>
  </si>
  <si>
    <t>Shafqat Ali Khan</t>
  </si>
  <si>
    <t>hand pomp moter</t>
  </si>
  <si>
    <t>GPS KHAIRA HUNKANI</t>
  </si>
  <si>
    <t>basti catcher shikarpur</t>
  </si>
  <si>
    <t>basti chacher</t>
  </si>
  <si>
    <t>shikarpur</t>
  </si>
  <si>
    <t>GPS KHAIRAY WALA</t>
  </si>
  <si>
    <t>Pathi Daya Chokha</t>
  </si>
  <si>
    <t>chah khairay wala post office sinawan tehsil kot addu district m.garh</t>
  </si>
  <si>
    <t>GPS KHAIRAYWAL</t>
  </si>
  <si>
    <t>Khairaywal</t>
  </si>
  <si>
    <t>vpo khairaywal tehsil phalia district Mandi baha ud din</t>
  </si>
  <si>
    <t>GPS KHAIRO KOT</t>
  </si>
  <si>
    <t>Khairo Koot</t>
  </si>
  <si>
    <t>Khairo koot</t>
  </si>
  <si>
    <t>GPS KHAIROO DEYH</t>
  </si>
  <si>
    <t>Khero Deh</t>
  </si>
  <si>
    <t>post office basti Khero Deh</t>
  </si>
  <si>
    <t>Muhammad Raheel</t>
  </si>
  <si>
    <t>GPS KHAIROO GHAZI KHANANA</t>
  </si>
  <si>
    <t>Basti Alamgheer Moza Khero Deh Tehsil Hadilpur</t>
  </si>
  <si>
    <t>Basti alamgheer</t>
  </si>
  <si>
    <t>Muhammad Hanif Fiaz</t>
  </si>
  <si>
    <t>GPS KHAIRPUR JADEED</t>
  </si>
  <si>
    <t>Khair Pur Jadeed</t>
  </si>
  <si>
    <t>Basti kamal wala khairpur jadeed</t>
  </si>
  <si>
    <t>GPS KHAIRPUR NAURANGA</t>
  </si>
  <si>
    <t>Khairpurnouranga</t>
  </si>
  <si>
    <t>basti kh Khairpurnouranga</t>
  </si>
  <si>
    <t>Jamrani</t>
  </si>
  <si>
    <t>GPS KHAIRPUR TAMEWALI</t>
  </si>
  <si>
    <t>muhala wedera kpt</t>
  </si>
  <si>
    <t>GPS KHAIR-UL-MADARIS AURANGZEB ROAD MOHALLA GAOWSHALA</t>
  </si>
  <si>
    <t>Mohallah Gaushala</t>
  </si>
  <si>
    <t>aurangzeb road mohallah gaushala</t>
  </si>
  <si>
    <t>Gaushala</t>
  </si>
  <si>
    <t>Mohallah Hazaiyan</t>
  </si>
  <si>
    <t>GPS KHAJI BAIG WALA</t>
  </si>
  <si>
    <t>khaki garbi</t>
  </si>
  <si>
    <t>khaji baig wala  Dera ghazi khan</t>
  </si>
  <si>
    <t>khaji baig wala</t>
  </si>
  <si>
    <t>Ashiq hussain</t>
  </si>
  <si>
    <t>GPS KHAJI WALA</t>
  </si>
  <si>
    <t>basti Jarh</t>
  </si>
  <si>
    <t>Basti Khaji wala, Moza Jarh, Shah Jamal, Muzaffargarh</t>
  </si>
  <si>
    <t>Khajhi Wala</t>
  </si>
  <si>
    <t>Ali Hassan</t>
  </si>
  <si>
    <t>GPS KHAJIAN SHARIF DIN</t>
  </si>
  <si>
    <t>Gps khajian sharf din moza bait Dewan P/O kot sulatn</t>
  </si>
  <si>
    <t>Khajian Sharf Din</t>
  </si>
  <si>
    <t>Rehan - Ul- Din</t>
  </si>
  <si>
    <t>GPS KHAJJI WALA</t>
  </si>
  <si>
    <t>Tibba Mustaqil Gharbi</t>
  </si>
  <si>
    <t>Basti chani moza tibba mustaqil gharbi p/o d d panah</t>
  </si>
  <si>
    <t>Basti Chani</t>
  </si>
  <si>
    <t>GPS KHAJJI WALA CHAK NO.25</t>
  </si>
  <si>
    <t>Chak 25</t>
  </si>
  <si>
    <t>GPS khajji wala chak 25</t>
  </si>
  <si>
    <t>GPS KHAJJI WALA No.1</t>
  </si>
  <si>
    <t>Basti Khajji Wala p/o Noqabilwah tehsil Kahror pakka Lodhran</t>
  </si>
  <si>
    <t>Abdul Razaq Dogar</t>
  </si>
  <si>
    <t>GPS KHAJJIAN WALA</t>
  </si>
  <si>
    <t>BAHAWAL GARH</t>
  </si>
  <si>
    <t>KHAJJIAN WALA,MOZA BAHAWAL GARH</t>
  </si>
  <si>
    <t>KHAJJIAN WALA</t>
  </si>
  <si>
    <t>Mahmood Akhter</t>
  </si>
  <si>
    <t>GPS KHAJOOR WALA</t>
  </si>
  <si>
    <t>Khajoor Wala</t>
  </si>
  <si>
    <t>khajoor wala tensil depalpur district Okara</t>
  </si>
  <si>
    <t>guddar Malkana</t>
  </si>
  <si>
    <t>GPS KHAJOOR WALI</t>
  </si>
  <si>
    <t>Khajoor Wali</t>
  </si>
  <si>
    <t>Gps khajoor wali, markaz ali pur chatha, tehsil wazirabad.</t>
  </si>
  <si>
    <t>GPS KHAJULA</t>
  </si>
  <si>
    <t>khajula</t>
  </si>
  <si>
    <t>v&amp; post office khajula tehsil css diett chakwal</t>
  </si>
  <si>
    <t>Anjum Zia</t>
  </si>
  <si>
    <t>GPS KHAJURA</t>
  </si>
  <si>
    <t>Khajura</t>
  </si>
  <si>
    <t>Moza khajura kamalia Thursday Thursday Singh</t>
  </si>
  <si>
    <t>Moza Khajura</t>
  </si>
  <si>
    <t>GPS KHAJURI WAL</t>
  </si>
  <si>
    <t>KHAJURIWAL</t>
  </si>
  <si>
    <t>VILLAGE KHAJURIWAL P/O KOTLI LOHARAN WEST SIALKOT</t>
  </si>
  <si>
    <t>BHARTHANWALA</t>
  </si>
  <si>
    <t>HAMID AKHTAR</t>
  </si>
  <si>
    <t>GPS KHAJUT</t>
  </si>
  <si>
    <t>village khajut p/o murree,dist rawalpindi</t>
  </si>
  <si>
    <t>GPS KHAKH</t>
  </si>
  <si>
    <t>Sleem Pur Pka</t>
  </si>
  <si>
    <t>Abdul Ur Razaq Ahmad</t>
  </si>
  <si>
    <t>GPS KHAKHAN WALI</t>
  </si>
  <si>
    <t>khakhan wali</t>
  </si>
  <si>
    <t>khakhan wali tehsil pasroor district sialkot</t>
  </si>
  <si>
    <t>Khakhan Wali</t>
  </si>
  <si>
    <t>GPS KHAKHAR</t>
  </si>
  <si>
    <t>Basti ahmad ali khan kherad</t>
  </si>
  <si>
    <t>Ahmad Ali Khan Kherad</t>
  </si>
  <si>
    <t>shabeer ahmad</t>
  </si>
  <si>
    <t>GPS KHAKHI ABAD</t>
  </si>
  <si>
    <t>p/o mochiwali Gps khakhi abad</t>
  </si>
  <si>
    <t>Muhammad Naeem ullah</t>
  </si>
  <si>
    <t>GPS KHAKHI QOOM P/O GHAZI PUR JALALPUR PIRWALA</t>
  </si>
  <si>
    <t>basti khakhi qaum moza khakhi post office ghazi pur tehsil jalal pur pir wala district multan</t>
  </si>
  <si>
    <t>Khakhi Qaum</t>
  </si>
  <si>
    <t>GPS KHAKI (SHARQPUR KHURD)</t>
  </si>
  <si>
    <t>main bazar khaki ferozewala</t>
  </si>
  <si>
    <t>Sharqpur Khurd</t>
  </si>
  <si>
    <t>Tauqir Hussain</t>
  </si>
  <si>
    <t>GPS KHAL CHATTAR</t>
  </si>
  <si>
    <t>village Thoon tehsil kotli sattian dist rwp.</t>
  </si>
  <si>
    <t>GPS KHALAN WALA</t>
  </si>
  <si>
    <t>Near dera sayyed Farhat shah moza peer wala</t>
  </si>
  <si>
    <t>Khalan wala</t>
  </si>
  <si>
    <t>Ali Haider s/O zafar ali shah</t>
  </si>
  <si>
    <t>GPS KHALAS KHEL</t>
  </si>
  <si>
    <t>mohallah khalas khel</t>
  </si>
  <si>
    <t>Muhammad Kamran Shakeel</t>
  </si>
  <si>
    <t>GPS KHALI</t>
  </si>
  <si>
    <t>pati tomi basti mahi khan moza dalana dgkhan</t>
  </si>
  <si>
    <t>Pati Tomi Basti Mahi Khan</t>
  </si>
  <si>
    <t>GPS KHALI GALI</t>
  </si>
  <si>
    <t>bastikhalegali tensile taunsa</t>
  </si>
  <si>
    <t>Muhammad Muddasir Shahzad</t>
  </si>
  <si>
    <t>GPS KHALID ABAD NO 2</t>
  </si>
  <si>
    <t>Chemroo Wali</t>
  </si>
  <si>
    <t>chemroo wali</t>
  </si>
  <si>
    <t>GPS KHALID MODEL KOTLI PIR ABDUL</t>
  </si>
  <si>
    <t>GovtKhalidModlePrimrySchoolKotliPirAbdulRehmanSuknair</t>
  </si>
  <si>
    <t>kotliPeerAbdulRehman</t>
  </si>
  <si>
    <t>AngoriBaghScheme</t>
  </si>
  <si>
    <t>AnilaShabnum</t>
  </si>
  <si>
    <t>GPS KHALIL KHAIL</t>
  </si>
  <si>
    <t>vpo golewali</t>
  </si>
  <si>
    <t>Madad Khan</t>
  </si>
  <si>
    <t>GPS KHALIL PUR</t>
  </si>
  <si>
    <t>Khalilpur, Marakaz Head Marala, Tehsil and District Sialkot</t>
  </si>
  <si>
    <t>GPS KHALIQ ABAD</t>
  </si>
  <si>
    <t>GPS Khaliqabad Mandi bahauddin</t>
  </si>
  <si>
    <t>Jahanzeb</t>
  </si>
  <si>
    <t>GPS KHALIQ ABAD RAIWIND ROAD LAHORE</t>
  </si>
  <si>
    <t>Khilq Abad</t>
  </si>
  <si>
    <t>Aamir Ali</t>
  </si>
  <si>
    <t>GPS KHALIQ ABAD, P/O 11-A/8R, TULAMBA</t>
  </si>
  <si>
    <t>Basti Khaliqabad Teh. Mian Channu Distt. Khanewal</t>
  </si>
  <si>
    <t>GPS KHALIQ DAD</t>
  </si>
  <si>
    <t>GBps khaliqdad</t>
  </si>
  <si>
    <t>Riffat Mehoomad</t>
  </si>
  <si>
    <t>GPS KHALIQ DAD BANDIAL</t>
  </si>
  <si>
    <t>Bandial North</t>
  </si>
  <si>
    <t>Bandial north</t>
  </si>
  <si>
    <t>GPS KHALIQ NAGGAR</t>
  </si>
  <si>
    <t>Sharif Panwar</t>
  </si>
  <si>
    <t>basti color wala mouza sharif panwar district muzaffargarh</t>
  </si>
  <si>
    <t>Basti Colr Wala</t>
  </si>
  <si>
    <t>Fazik Karloo</t>
  </si>
  <si>
    <t>GPS KHALIRO</t>
  </si>
  <si>
    <t>KHALIRO</t>
  </si>
  <si>
    <t>GPS KHALAIRO</t>
  </si>
  <si>
    <t>KHALAIRO</t>
  </si>
  <si>
    <t>GPS KHALLAR</t>
  </si>
  <si>
    <t>52 wb</t>
  </si>
  <si>
    <t>chak no 52 wb basti khallar</t>
  </si>
  <si>
    <t>GPS KHALLAR AWAN</t>
  </si>
  <si>
    <t>Khallar Awan</t>
  </si>
  <si>
    <t>Nigah Hussnain</t>
  </si>
  <si>
    <t>GPS KHALOOL</t>
  </si>
  <si>
    <t>Khalool</t>
  </si>
  <si>
    <t>Basti saleem-a-abad mouza khalool division D G Khan</t>
  </si>
  <si>
    <t>Saleem-a-Abad</t>
  </si>
  <si>
    <t>GPS KHALQAT KHAN</t>
  </si>
  <si>
    <t>GATTAL</t>
  </si>
  <si>
    <t>Dhok Baly khail VPO Gattal</t>
  </si>
  <si>
    <t>M AJMAL</t>
  </si>
  <si>
    <t>GPS KHAMBANA WALA</t>
  </si>
  <si>
    <t>Khamban Wala</t>
  </si>
  <si>
    <t>Village Wara khamban wala tehsil raiwind district lahore</t>
  </si>
  <si>
    <t>Wara Khamban Wala</t>
  </si>
  <si>
    <t>Talab Saraay</t>
  </si>
  <si>
    <t>Muhammad Anwar Tahir</t>
  </si>
  <si>
    <t>GPS KHAMBIAN WALA</t>
  </si>
  <si>
    <t>Khambian Wala</t>
  </si>
  <si>
    <t>khambian wala tehsil and didtrict sheikhupura</t>
  </si>
  <si>
    <t>Abdul Hamid Zahid</t>
  </si>
  <si>
    <t>GPS KHAMEESA</t>
  </si>
  <si>
    <t>Khameesa</t>
  </si>
  <si>
    <t>Basti o Moza Khameesa</t>
  </si>
  <si>
    <t>Muhammed Naseer</t>
  </si>
  <si>
    <t>GPS KHAMEESA PAKHIWAR</t>
  </si>
  <si>
    <t>Khamisa Pakhiwar</t>
  </si>
  <si>
    <t>Mouza Khamisa Pakhiwar, Tehsil Ahmed Pur East</t>
  </si>
  <si>
    <t>MIQDAD HUSSAIN</t>
  </si>
  <si>
    <t>Water Drumi</t>
  </si>
  <si>
    <t>GPS KHAN ABAD</t>
  </si>
  <si>
    <t>GPS Khan Abad wah modle town wah cantt Taxila</t>
  </si>
  <si>
    <t>Khan Abad</t>
  </si>
  <si>
    <t>Shazia Rasheed</t>
  </si>
  <si>
    <t>GPS KHAN ASGHAR MALL</t>
  </si>
  <si>
    <t>Asghar Mall</t>
  </si>
  <si>
    <t>GPS KHAN ASGHAR MALL RAWALPINDI</t>
  </si>
  <si>
    <t>Nyla Shaheen</t>
  </si>
  <si>
    <t>GPS KHAN BAIG KHELAN WALA</t>
  </si>
  <si>
    <t>Waan Bhachran Shumali</t>
  </si>
  <si>
    <t>GPS khan baig khelanwala nari Muhammad khel</t>
  </si>
  <si>
    <t>Waan Bhachran</t>
  </si>
  <si>
    <t>Muhammad Baksh</t>
  </si>
  <si>
    <t>GPS KHAN BAIG WALA</t>
  </si>
  <si>
    <t>village zadey khailanwala tehsil  &amp;district mianwali</t>
  </si>
  <si>
    <t>Zadey khailanwala</t>
  </si>
  <si>
    <t>Muhammad Ashiq Kaleem Khan</t>
  </si>
  <si>
    <t>GPS KHAN BELA</t>
  </si>
  <si>
    <t>jhanday wali</t>
  </si>
  <si>
    <t>Rasheed Hussain</t>
  </si>
  <si>
    <t>GPS KHAN BELLA</t>
  </si>
  <si>
    <t>p/o Khan bela,Liaqat pur,Rahim yar khan</t>
  </si>
  <si>
    <t>Basti Abdul Star</t>
  </si>
  <si>
    <t>GPS KHAN DA KOT</t>
  </si>
  <si>
    <t>THATHA FATEH ALI</t>
  </si>
  <si>
    <t>KHAN DA KOT</t>
  </si>
  <si>
    <t>GPS KHAN JAWAN</t>
  </si>
  <si>
    <t>Khan Jawan</t>
  </si>
  <si>
    <t>c-plot, Khan jawan, Pirmahal.</t>
  </si>
  <si>
    <t>c-plot</t>
  </si>
  <si>
    <t>C-Plot</t>
  </si>
  <si>
    <t>Allah Ditta Anjum</t>
  </si>
  <si>
    <t>GPS KHAN KA GOLA FAQIR</t>
  </si>
  <si>
    <t>GPS KHAN KA GOLA FAQEER</t>
  </si>
  <si>
    <t>Muhammad Raaheel</t>
  </si>
  <si>
    <t>GPS KHAN KALERY</t>
  </si>
  <si>
    <t>Basti khan kaleri bakhar wah</t>
  </si>
  <si>
    <t>Basti Khan Kaleri</t>
  </si>
  <si>
    <t>GPS KHAN KHELAN WALA</t>
  </si>
  <si>
    <t>Post office chhidru khan khelan wala</t>
  </si>
  <si>
    <t>Khan Khelan Wala</t>
  </si>
  <si>
    <t>AAMIR SHAKEEL KHAN</t>
  </si>
  <si>
    <t>GPS KHAN MOHAMMAD KAT</t>
  </si>
  <si>
    <t>Moza Ghulam Nabi Lar</t>
  </si>
  <si>
    <t>Gps khan muhammad kat markaz garhi ikhtiar khan.</t>
  </si>
  <si>
    <t>Bast Khan M Kat</t>
  </si>
  <si>
    <t>m.shafiq Khan</t>
  </si>
  <si>
    <t>GPS KHAN MOHAMMAD WALA</t>
  </si>
  <si>
    <t>gps khan muhammad wala</t>
  </si>
  <si>
    <t>GPS KHAN MOHRA</t>
  </si>
  <si>
    <t>village and post office mohrha sayadan Murree</t>
  </si>
  <si>
    <t>Mohrha Sayyedan</t>
  </si>
  <si>
    <t>Syed ASHFAQ HUSSAIN SHAH</t>
  </si>
  <si>
    <t>GPS KHAN MUHAMMAD VIRK</t>
  </si>
  <si>
    <t>gps khan muhammad virk roda</t>
  </si>
  <si>
    <t>GPS KHAN PIARA</t>
  </si>
  <si>
    <t>Khanpiara</t>
  </si>
  <si>
    <t>khanpiara</t>
  </si>
  <si>
    <t>Mohammed Aslam</t>
  </si>
  <si>
    <t>GPS KHAN PUR BAGGA SHER</t>
  </si>
  <si>
    <t>Khanpur  baga sher</t>
  </si>
  <si>
    <t>Khanpur  Baga Sher</t>
  </si>
  <si>
    <t>Khanpur  Shumali</t>
  </si>
  <si>
    <t>GPS KHAN PUR GUJRAN</t>
  </si>
  <si>
    <t>Khanpur Gujjaran</t>
  </si>
  <si>
    <t>khanpur gujjaran</t>
  </si>
  <si>
    <t>GPS KHAN PUR JANUBI</t>
  </si>
  <si>
    <t>Khan Purjanoobi</t>
  </si>
  <si>
    <t>Chah meran wala moza khanpur janoobi teh&amp; distt bhakkar</t>
  </si>
  <si>
    <t>Meran Wala</t>
  </si>
  <si>
    <t>Chak 78 Ml</t>
  </si>
  <si>
    <t>GPS KHAN PUR LAHORE</t>
  </si>
  <si>
    <t>GPS Khan pur,near Angora Textile pakka meel stop Multan Road Lahore</t>
  </si>
  <si>
    <t>GPS KHAN PUR SHUMALI</t>
  </si>
  <si>
    <t>dary khanpur janobi tehsil Kot chutta district DG khan</t>
  </si>
  <si>
    <t>Darry</t>
  </si>
  <si>
    <t>GPS KHAN PUR, P/O CHAK HAIDER ABAD, NAWAN SHEHR</t>
  </si>
  <si>
    <t>Chak HaiderAbad</t>
  </si>
  <si>
    <t>Near imam bargha nawan shaher</t>
  </si>
  <si>
    <t>Muhammad Javaid Asif</t>
  </si>
  <si>
    <t>GPS KHAN WAH</t>
  </si>
  <si>
    <t>Hafiz Muhammad Asadullah</t>
  </si>
  <si>
    <t>GPS KHAN WAL</t>
  </si>
  <si>
    <t>GPS Khanwal po mangwal tehsil &amp; dist chakwal</t>
  </si>
  <si>
    <t>GPS KHAN WALA JADEED</t>
  </si>
  <si>
    <t>Khokhar Wala Packa</t>
  </si>
  <si>
    <t>mouza khokhar wala packa p.o box khas tehsil&amp; district layyah</t>
  </si>
  <si>
    <t>GPS KHAN WAND</t>
  </si>
  <si>
    <t>govt primary school khanwand</t>
  </si>
  <si>
    <t>Khanwand</t>
  </si>
  <si>
    <t>GPS KHANA</t>
  </si>
  <si>
    <t>village dhoke KHANA , UC kot qazi Tehsil LAWA, Distt CHAKWAL</t>
  </si>
  <si>
    <t>Dhoke KHANA</t>
  </si>
  <si>
    <t>NASEER AHMED</t>
  </si>
  <si>
    <t>GPS KHANA BHATTIAN</t>
  </si>
  <si>
    <t>GPS KHANALAN WALA</t>
  </si>
  <si>
    <t>Dera Khanalan Wala warcha</t>
  </si>
  <si>
    <t>Khanalan Wala</t>
  </si>
  <si>
    <t>GPS KHANAN WALA</t>
  </si>
  <si>
    <t>bastion peer wala paigah</t>
  </si>
  <si>
    <t>GPS KHANAN WALA P.O KARARI KOT</t>
  </si>
  <si>
    <t>chah khanan, wala post  office karari kot tehsile and District  Bhakkar</t>
  </si>
  <si>
    <t>Khanan wala</t>
  </si>
  <si>
    <t>hameed ullah khan</t>
  </si>
  <si>
    <t>GPS KHANAN WALI HUJRA</t>
  </si>
  <si>
    <t>attari road mohllah islam pura hujra shah muqeem</t>
  </si>
  <si>
    <t>Attari Road Hujra</t>
  </si>
  <si>
    <t>M C Hujra</t>
  </si>
  <si>
    <t>GPS KHANAY KHAIL</t>
  </si>
  <si>
    <t>post office Uttra tehsil quaidabad district khushab</t>
  </si>
  <si>
    <t>GPS KHANAY WALA</t>
  </si>
  <si>
    <t>Gps khany wala tehsil mankera dist bhakkar</t>
  </si>
  <si>
    <t>Khany Wala</t>
  </si>
  <si>
    <t>Pati Bilanda</t>
  </si>
  <si>
    <t>GPS KHAND LORIAN</t>
  </si>
  <si>
    <t>khand Lorian Tehsil khairpur Tamewali distt BWP</t>
  </si>
  <si>
    <t>GPS KHAND SHAHIAN WALA</t>
  </si>
  <si>
    <t>p/of Gohar Wala Tehsil mankera distt Bhakkar</t>
  </si>
  <si>
    <t>Khand Shahian Wala</t>
  </si>
  <si>
    <t>GPS KHANDA</t>
  </si>
  <si>
    <t>GPS Khanda</t>
  </si>
  <si>
    <t>Dhoke Khanda</t>
  </si>
  <si>
    <t>Nizam Din</t>
  </si>
  <si>
    <t>GPS KHANDAN WALA</t>
  </si>
  <si>
    <t>kandhi khichi</t>
  </si>
  <si>
    <t>khandan wala</t>
  </si>
  <si>
    <t>Dolat wala</t>
  </si>
  <si>
    <t>SALEEM ULLAH BAIG</t>
  </si>
  <si>
    <t>GPS KHANDAR WALA, MOUZA BARAG SARGANA, SARAI SIDHU</t>
  </si>
  <si>
    <t>Bargh Sargana</t>
  </si>
  <si>
    <t>khander wala mouza bargh sargana</t>
  </si>
  <si>
    <t>Khander wala</t>
  </si>
  <si>
    <t>Barag sargana</t>
  </si>
  <si>
    <t>Umer Sharif</t>
  </si>
  <si>
    <t>GPS KHANDI WALA, P/O 121/10-R, JAHANIAN</t>
  </si>
  <si>
    <t>Kandhiwala</t>
  </si>
  <si>
    <t>gps kandhiwala 120/10-R Teh. Jahania Distt. Khanewal</t>
  </si>
  <si>
    <t>Chak No 117/10-R</t>
  </si>
  <si>
    <t>GPS KHANDORE</t>
  </si>
  <si>
    <t>Banahel</t>
  </si>
  <si>
    <t>khandor banahel teh,kallar syedan distt,rwp</t>
  </si>
  <si>
    <t>Khandor</t>
  </si>
  <si>
    <t>Zaheer Uddin Baber</t>
  </si>
  <si>
    <t>GPS KHANDOWA</t>
  </si>
  <si>
    <t>village khandowa tensile kallar kahar district chakwal</t>
  </si>
  <si>
    <t>Sahrish Parveen</t>
  </si>
  <si>
    <t>GPS KHANDU WALI</t>
  </si>
  <si>
    <t>Khandowali</t>
  </si>
  <si>
    <t>Village Khanduwali, tehsil Daska,  sialkot</t>
  </si>
  <si>
    <t>Khanduwali</t>
  </si>
  <si>
    <t>Neelam Yousaf</t>
  </si>
  <si>
    <t>GPS KHANGAN SHUMALI</t>
  </si>
  <si>
    <t>KHANGHAN SHUMALI</t>
  </si>
  <si>
    <t>CHAH KHILOO WALA P/O KHAN PUR BAGGA SHER M.GARH</t>
  </si>
  <si>
    <t>KHILOO WALA</t>
  </si>
  <si>
    <t>Hafeez ullah</t>
  </si>
  <si>
    <t>GPS Khangarh</t>
  </si>
  <si>
    <t>GPS, City school khan Garh</t>
  </si>
  <si>
    <t>Rana Muhammad Hamza</t>
  </si>
  <si>
    <t>GPS Khangni</t>
  </si>
  <si>
    <t>Basti kreemar</t>
  </si>
  <si>
    <t>Krimar</t>
  </si>
  <si>
    <t>MIUHAMMAD ANWAR</t>
  </si>
  <si>
    <t>GPS KHANGNIAN WALA</t>
  </si>
  <si>
    <t>CHOHA</t>
  </si>
  <si>
    <t>KHAGNIAN WALA</t>
  </si>
  <si>
    <t>Muhammad hayat Khan</t>
  </si>
  <si>
    <t>WATER POND</t>
  </si>
  <si>
    <t>GPS KHANGRAN WALA</t>
  </si>
  <si>
    <t>Khingran Wala</t>
  </si>
  <si>
    <t>village khingran wala</t>
  </si>
  <si>
    <t>Muhammad Faisal Raza</t>
  </si>
  <si>
    <t>GPS KHANI BAZI GARAN</t>
  </si>
  <si>
    <t>Khani Bazigiran</t>
  </si>
  <si>
    <t>Govt P/S Khani Bazigiran</t>
  </si>
  <si>
    <t>Quraishyanwala</t>
  </si>
  <si>
    <t>GPS KHANJAR</t>
  </si>
  <si>
    <t>P/O Kot Hassan Khan village Khanjar</t>
  </si>
  <si>
    <t>GPS KHANKA MUHAMMAD AZIM</t>
  </si>
  <si>
    <t>basti kasoordaran moza kasoordaran</t>
  </si>
  <si>
    <t>Taimoor Iqbal</t>
  </si>
  <si>
    <t>GPS KHANKA MUHAMMAD SHAH</t>
  </si>
  <si>
    <t>Allah ditta bhaila</t>
  </si>
  <si>
    <t>GPS KHANQAH MUHAMMAD SHAH MAUZA ALLAH DITTA BHAILA UC ALLAH JIWAYA LAR MARKZ ALLAH JIWAYA LAR</t>
  </si>
  <si>
    <t>Chodhry Liaqut Hussain</t>
  </si>
  <si>
    <t>Allah jiwaya lar</t>
  </si>
  <si>
    <t>Javed Iqbal niazi</t>
  </si>
  <si>
    <t>GPS KHANNA</t>
  </si>
  <si>
    <t>KHANNA</t>
  </si>
  <si>
    <t>KHANNA P O KOTLI LOJARAN WEST</t>
  </si>
  <si>
    <t>MOONGAR</t>
  </si>
  <si>
    <t>Noor Alam</t>
  </si>
  <si>
    <t>GPS KHANO HARNI</t>
  </si>
  <si>
    <t>Khano Harni</t>
  </si>
  <si>
    <t>village khano harni tehsil model town lhr</t>
  </si>
  <si>
    <t>Khano  Harni</t>
  </si>
  <si>
    <t>MEHMOODUL HASSAN</t>
  </si>
  <si>
    <t>GPS KHANO RIND</t>
  </si>
  <si>
    <t>Manjhvail</t>
  </si>
  <si>
    <t>Khano Rind</t>
  </si>
  <si>
    <t>watercoolar</t>
  </si>
  <si>
    <t>GPS KHANOO WALA</t>
  </si>
  <si>
    <t>KhanoWala</t>
  </si>
  <si>
    <t>Distt Mianwali teh isa Khel  post office Awanan Wala  Village khanowala</t>
  </si>
  <si>
    <t>MEHR AMIN KHAN</t>
  </si>
  <si>
    <t>GPS KHANPUR QAZI</t>
  </si>
  <si>
    <t>Chah gariyan wala, moza jai, p /o khan pur qazi, tehsil shujabad, district multan</t>
  </si>
  <si>
    <t>Gariyan Wala</t>
  </si>
  <si>
    <t>GPS KHANPUR SAHWAN</t>
  </si>
  <si>
    <t>Khanpur Sahwan</t>
  </si>
  <si>
    <t>Khanpur Sahwan P/O Bara Ghar</t>
  </si>
  <si>
    <t>GPS KHANQA MUHAMMAD HAJI</t>
  </si>
  <si>
    <t>chak 160 A tda</t>
  </si>
  <si>
    <t>160A/TDA</t>
  </si>
  <si>
    <t>GPS KHANQAH DOGRAN</t>
  </si>
  <si>
    <t>Mohallah Muhammad Pura</t>
  </si>
  <si>
    <t>GPS KHANQAH KHAN PIR</t>
  </si>
  <si>
    <t>mouza khanpur bhani teh jatoi m garh</t>
  </si>
  <si>
    <t>Gadohar Wala</t>
  </si>
  <si>
    <t>GPS KHANQAH MIAN GHULAM MUHAMMAD</t>
  </si>
  <si>
    <t>P O wapda colony chashma teh piplan mianwali</t>
  </si>
  <si>
    <t>GPS KHAPAR KAY</t>
  </si>
  <si>
    <t>Khappar Key</t>
  </si>
  <si>
    <t>moza khapar kay</t>
  </si>
  <si>
    <t>Imran asghar</t>
  </si>
  <si>
    <t>GPS KHAPPER KEY</t>
  </si>
  <si>
    <t>KHAPPER KAY</t>
  </si>
  <si>
    <t>VILL KHAPPER KAY P O MORE KHUNDA TEH DISTT NANKANA SAHIB</t>
  </si>
  <si>
    <t>NARGIS KIRAN</t>
  </si>
  <si>
    <t>GPS KHAR</t>
  </si>
  <si>
    <t>khar Bazar Fort Manro</t>
  </si>
  <si>
    <t>Tumman Leghari</t>
  </si>
  <si>
    <t>GPS KHAR WALA</t>
  </si>
  <si>
    <t>Kotla Sjawal</t>
  </si>
  <si>
    <t>TBI qaisrani taunsa shareef  DG.Khan</t>
  </si>
  <si>
    <t>Muhammad Musa</t>
  </si>
  <si>
    <t>GPS KHARA</t>
  </si>
  <si>
    <t>village khara</t>
  </si>
  <si>
    <t>village khara tahsiel nowshehra virkan district gujranwala</t>
  </si>
  <si>
    <t>Abid abad</t>
  </si>
  <si>
    <t>GPS KHARA MOZA KHARA P/O CHAK SARAY</t>
  </si>
  <si>
    <t>Basti jano wala moza khara</t>
  </si>
  <si>
    <t>Muhammad Khizar Abbas</t>
  </si>
  <si>
    <t>GPS KHARAIPER CHAK NO. 10</t>
  </si>
  <si>
    <t>Kharaper Chak 10</t>
  </si>
  <si>
    <t>kharaper Chak 10 tehsil chunian district kasur</t>
  </si>
  <si>
    <t>Kharaper Chak 10 Tehsil Chunian District Kasur</t>
  </si>
  <si>
    <t>GPS KHARAL</t>
  </si>
  <si>
    <t>moza angra tibba kharal tehsil darya khan</t>
  </si>
  <si>
    <t>Tibba Kharal</t>
  </si>
  <si>
    <t>GPS KHARAL AZEEM NASHEB</t>
  </si>
  <si>
    <t>Kharal Azeem Nashib</t>
  </si>
  <si>
    <t>moza kharal azeem nashib p/o kotsultan T&amp;D layyah</t>
  </si>
  <si>
    <t>Chah Bakhey Wala</t>
  </si>
  <si>
    <t>GPS KHARAL JAWALA</t>
  </si>
  <si>
    <t>village kharal jawala</t>
  </si>
  <si>
    <t>Muhammad Asim Ishaq</t>
  </si>
  <si>
    <t>GPS KHARAL KALAN</t>
  </si>
  <si>
    <t>kharal kalan</t>
  </si>
  <si>
    <t>GPS KHARALA</t>
  </si>
  <si>
    <t>basti kikerwala mouza kharala p/o tibba sultan pur tehsil Mailsi district vehari</t>
  </si>
  <si>
    <t>Basti Kiker Wala</t>
  </si>
  <si>
    <t>Umer Rashid</t>
  </si>
  <si>
    <t>GPS KHARANAY</t>
  </si>
  <si>
    <t>Kharanay</t>
  </si>
  <si>
    <t>Rasool Pur  Bhallian</t>
  </si>
  <si>
    <t>GPS KHARANG KALLAN</t>
  </si>
  <si>
    <t>Kharang Kallan</t>
  </si>
  <si>
    <t>kharang kallan tehsil kahuta</t>
  </si>
  <si>
    <t>Khrang kallan</t>
  </si>
  <si>
    <t>GPS KHARAY KHAIL</t>
  </si>
  <si>
    <t>GUNJIAL SHUMALI  SHUMALI</t>
  </si>
  <si>
    <t>DERA KHARAY KHAIL GUNJIAL SHUMALI TEH QUAIDABAD DISTT KHUSHAB</t>
  </si>
  <si>
    <t>KHARAY KHAIL</t>
  </si>
  <si>
    <t>GUNJIAL SHUMALI</t>
  </si>
  <si>
    <t>GPS KHARAY WALA P.O MATOTLI</t>
  </si>
  <si>
    <t>chaha khary wala p/o matotli Shujabd multan</t>
  </si>
  <si>
    <t>Thath Ghallu</t>
  </si>
  <si>
    <t>GPS KHARI</t>
  </si>
  <si>
    <t>p/o basira tehsil &amp; dist. muzaffargarh</t>
  </si>
  <si>
    <t>Jarain</t>
  </si>
  <si>
    <t>GPS KHARIAN WALI</t>
  </si>
  <si>
    <t>village kharianwali p. o sheikhpur tehsil distt gujrat</t>
  </si>
  <si>
    <t>GPS KHARKIN</t>
  </si>
  <si>
    <t>Chak no 510/TDA</t>
  </si>
  <si>
    <t>Chak No 510/TDA</t>
  </si>
  <si>
    <t>GPS KHARLAN</t>
  </si>
  <si>
    <t>Govt.primary school kharlan</t>
  </si>
  <si>
    <t>Colony Hafizabad</t>
  </si>
  <si>
    <t>Hassan Raza Ali</t>
  </si>
  <si>
    <t>GPS KHARLAN WALA GHARBI</t>
  </si>
  <si>
    <t>Kharlanwala Gharbi</t>
  </si>
  <si>
    <t>village kharlanwala Gharbi P.O Khewa District &amp; teh Mandi Bahauddin</t>
  </si>
  <si>
    <t>Zafar Iqbal Peer</t>
  </si>
  <si>
    <t>GPS KHARLAN WALI</t>
  </si>
  <si>
    <t>GANGA SINGH</t>
  </si>
  <si>
    <t>BASTI KHARLAN WALI P/O NOORSAR TEH.&amp; DISTT.BAHAWALNAGAR</t>
  </si>
  <si>
    <t>BASTI KHARLAN WALI</t>
  </si>
  <si>
    <t>RASHEED AHMAD</t>
  </si>
  <si>
    <t>GPS KHARLI</t>
  </si>
  <si>
    <t>gps kharli markaz nur pur sethi po Nurpur tehsil kallar kahar chakwal</t>
  </si>
  <si>
    <t>Jameel Khaliq</t>
  </si>
  <si>
    <t>GPS KHARO PUR MALIAN</t>
  </si>
  <si>
    <t>Khairo Pur Mallian</t>
  </si>
  <si>
    <t>khairo pur mallian post office mallian kalan  tehsil and distt sheikhukura</t>
  </si>
  <si>
    <t>Muhammad Sajjad Ghazanfar</t>
  </si>
  <si>
    <t>GPS KHARORA BAQIR WEST</t>
  </si>
  <si>
    <t>mouza kharora baqir p/o khewa district and tehsil jhang</t>
  </si>
  <si>
    <t>Qanderki</t>
  </si>
  <si>
    <t>GPS KHARORA FAZIL</t>
  </si>
  <si>
    <t>kharora fazil muhammad</t>
  </si>
  <si>
    <t>basti awan mouza kharora fazil mud wala</t>
  </si>
  <si>
    <t>basti awan</t>
  </si>
  <si>
    <t>GPS KHAROTA SYEDAN</t>
  </si>
  <si>
    <t>VILLAGE KHAROTA SYEDAN P/O SAME</t>
  </si>
  <si>
    <t>Syed Arshad Hussain</t>
  </si>
  <si>
    <t>GPS KHARTOOB</t>
  </si>
  <si>
    <t>Londy Bangi Khail</t>
  </si>
  <si>
    <t>gps Khartob post office kalabagh</t>
  </si>
  <si>
    <t>Khartob</t>
  </si>
  <si>
    <t>Tibi Sar</t>
  </si>
  <si>
    <t>atter khan</t>
  </si>
  <si>
    <t>GPS KHATRANI</t>
  </si>
  <si>
    <t>Khatrani</t>
  </si>
  <si>
    <t>khatrani kotsarwar tesil pindibhattian district hafizabad</t>
  </si>
  <si>
    <t>GPS KHATTAK ABAD</t>
  </si>
  <si>
    <t>KHATTAK Abad</t>
  </si>
  <si>
    <t>village nakka Afghan p.O injra</t>
  </si>
  <si>
    <t>MAQBOOL IQBAL</t>
  </si>
  <si>
    <t>arrang from civ shool is shelter less</t>
  </si>
  <si>
    <t>GPS KHAWAJA ABAD SHARIF</t>
  </si>
  <si>
    <t>KHAWAJA ABAD SHARIF NEAR MADARAH AL-KAMAL KHAWAJA ABAD SHARIF</t>
  </si>
  <si>
    <t>KHAWAJA ABAD SHARIF</t>
  </si>
  <si>
    <t>Muhammad Nawaz KHAN</t>
  </si>
  <si>
    <t>GPS KHAWAJA BUKHSH</t>
  </si>
  <si>
    <t>Ablanee</t>
  </si>
  <si>
    <t>gps khawaja bukhsh</t>
  </si>
  <si>
    <t>Khawaja Buksh</t>
  </si>
  <si>
    <t>Qari Muhammad Nawaz</t>
  </si>
  <si>
    <t>GPS KHAWAJA FAIQ</t>
  </si>
  <si>
    <t>Khawaja Faiq</t>
  </si>
  <si>
    <t>village khawaja faiq p/o narwar Lahore</t>
  </si>
  <si>
    <t>Nasib Ali</t>
  </si>
  <si>
    <t>GPS KHAWALA</t>
  </si>
  <si>
    <t>Khewala</t>
  </si>
  <si>
    <t>khewala moza near lak shehr tehsil and district Sargodha</t>
  </si>
  <si>
    <t>Allah Ditta Khan</t>
  </si>
  <si>
    <t>GPS KHAWAS PUR</t>
  </si>
  <si>
    <t>muslim town jhelum</t>
  </si>
  <si>
    <t>Muslim town</t>
  </si>
  <si>
    <t>GPS KHEETAY</t>
  </si>
  <si>
    <t>kheetay</t>
  </si>
  <si>
    <t>Sana ullah</t>
  </si>
  <si>
    <t>GPS KHEEWAN CHEEMA</t>
  </si>
  <si>
    <t>Kheewan Cheema</t>
  </si>
  <si>
    <t>Govt. Primary School Kheewan Cheema</t>
  </si>
  <si>
    <t>Kheewn Cheema</t>
  </si>
  <si>
    <t>GPS KHEOKE</t>
  </si>
  <si>
    <t>Kheokey</t>
  </si>
  <si>
    <t>Kheokey, p/o syedwala tehil &amp; distt. Nankana sahib</t>
  </si>
  <si>
    <t>GPS KHERA</t>
  </si>
  <si>
    <t>khera p/o chack no 17u.c.c tehsil shariqpur district sheikhupura</t>
  </si>
  <si>
    <t>Marh Bangwn</t>
  </si>
  <si>
    <t>Ehsan ULLAH</t>
  </si>
  <si>
    <t>GPS KHERA ABAD JADID</t>
  </si>
  <si>
    <t>Khera Abad</t>
  </si>
  <si>
    <t>Chah lamy wala mouza khera abad</t>
  </si>
  <si>
    <t>GPS KHEWAL</t>
  </si>
  <si>
    <t>KHEWAL</t>
  </si>
  <si>
    <t>GOVT PRIMARY SCHOOL FOR BOYS KHEWAL</t>
  </si>
  <si>
    <t>Ahsan Azad Minhas</t>
  </si>
  <si>
    <t>GPS KHEWAY WALA</t>
  </si>
  <si>
    <t>Jaam Wala</t>
  </si>
  <si>
    <t>chah jam wala po rungpur</t>
  </si>
  <si>
    <t>GPS KHICHHI LALERA</t>
  </si>
  <si>
    <t>Khichhi Lalera</t>
  </si>
  <si>
    <t>vllage khichhi lalera tehsil pindi bhattian district hafizabad.</t>
  </si>
  <si>
    <t>AAshiq Hussain</t>
  </si>
  <si>
    <t>GPS KHICHI</t>
  </si>
  <si>
    <t>khichi tehsil and distric mianwali</t>
  </si>
  <si>
    <t>Muhammad Ehsan Ullah</t>
  </si>
  <si>
    <t>GPS KHICHI ARA</t>
  </si>
  <si>
    <t>Khichi Ara</t>
  </si>
  <si>
    <t>Khichi Ara Sahiwal Sargodha</t>
  </si>
  <si>
    <t>Asghar Hayat</t>
  </si>
  <si>
    <t>GPS KHICHI JAGIR</t>
  </si>
  <si>
    <t>Khichi Jageer</t>
  </si>
  <si>
    <t>P/o Tankiwala khichi Jageer</t>
  </si>
  <si>
    <t>Muhammad Zeeshan Ul Haq Awan</t>
  </si>
  <si>
    <t>GPS KHICHI KHURD</t>
  </si>
  <si>
    <t>village khichi khurd p.o.kaneri tehsil and district bhakkar</t>
  </si>
  <si>
    <t>GPS KHICHI WALA</t>
  </si>
  <si>
    <t>Gallah Colony Khichiwala</t>
  </si>
  <si>
    <t>people's colony khichiwala</t>
  </si>
  <si>
    <t>Chak No 187/7-R</t>
  </si>
  <si>
    <t>M  Naveed Ul Haq</t>
  </si>
  <si>
    <t>GPS KHIDWAL</t>
  </si>
  <si>
    <t>post offic khidwal</t>
  </si>
  <si>
    <t>GPS KHIER KE KATHIA</t>
  </si>
  <si>
    <t>Khair K Kathia</t>
  </si>
  <si>
    <t>GPS kahair k kathia cci</t>
  </si>
  <si>
    <t>Moza Khair K Kathia</t>
  </si>
  <si>
    <t>GPS KHILAN  KOH</t>
  </si>
  <si>
    <t>village khulain khoh tah taunsa dist dgk</t>
  </si>
  <si>
    <t>Khulain Koh</t>
  </si>
  <si>
    <t>GPS KHILCHI</t>
  </si>
  <si>
    <t>Khilchi</t>
  </si>
  <si>
    <t>khilchi post office miani tehsil bhera district sargodha</t>
  </si>
  <si>
    <t>GPS KHILJI KHALSA</t>
  </si>
  <si>
    <t>Khilji khalsa</t>
  </si>
  <si>
    <t>Khilji khalsa,post office Raja Jung Via Kotli Rai Abu Bakar Teh.&amp; Distt. Kasur</t>
  </si>
  <si>
    <t>MIRZA MUHAMMAD BASHARAT</t>
  </si>
  <si>
    <t>GPS KHINGER</t>
  </si>
  <si>
    <t>Village khinger post office padshahan tehsil and District chakwal</t>
  </si>
  <si>
    <t>Jand khanzada</t>
  </si>
  <si>
    <t>GPS KHIR SAR</t>
  </si>
  <si>
    <t>GPS khir Sar  yazman</t>
  </si>
  <si>
    <t>Khir Sar</t>
  </si>
  <si>
    <t>GPS KHIRKI WALA</t>
  </si>
  <si>
    <t>Chahudary</t>
  </si>
  <si>
    <t>basti khirki kot addu</t>
  </si>
  <si>
    <t>Basti Khirki</t>
  </si>
  <si>
    <t>Syed Muhammad Waseem Abbas</t>
  </si>
  <si>
    <t>GPS KHISHKAN</t>
  </si>
  <si>
    <t>khishkin</t>
  </si>
  <si>
    <t>Muhammad Aziz Ur Rehman Shah</t>
  </si>
  <si>
    <t>GPS KHITHI BALLOANA</t>
  </si>
  <si>
    <t>Kachi Balloana</t>
  </si>
  <si>
    <t>Kachi Balloana near old Chichawatni Harrapa Rd</t>
  </si>
  <si>
    <t>Chak no  110/7r</t>
  </si>
  <si>
    <t>Said Bakhash</t>
  </si>
  <si>
    <t>GPS KHIZAN PUR MULTAN</t>
  </si>
  <si>
    <t>Khizan Pur</t>
  </si>
  <si>
    <t>Moza khizan pur Multan</t>
  </si>
  <si>
    <t>Any at Pur Mahota</t>
  </si>
  <si>
    <t>Sajid muneer</t>
  </si>
  <si>
    <t>GPS KHIZAR HAYAT WALA</t>
  </si>
  <si>
    <t>post office dab kalan tehsil shorkot dist jhang</t>
  </si>
  <si>
    <t>Khizarhyat Vala</t>
  </si>
  <si>
    <t>GPS KHIZAR WALA SONHARA WASAWA</t>
  </si>
  <si>
    <t>Sohra Wasawa</t>
  </si>
  <si>
    <t>cha sumandri wala sohara wasawa kot sultan</t>
  </si>
  <si>
    <t>Sohara Wasawa</t>
  </si>
  <si>
    <t>GPS KHOFLI</t>
  </si>
  <si>
    <t>Basti Khofli</t>
  </si>
  <si>
    <t>Basti Khofli,</t>
  </si>
  <si>
    <t>Abid Azeem</t>
  </si>
  <si>
    <t>Factory Supply Line</t>
  </si>
  <si>
    <t>GPS KHOHAR</t>
  </si>
  <si>
    <t>KHOHAR</t>
  </si>
  <si>
    <t>V.P.O KHOHAR TEHSIL SARAI ALAM GIR</t>
  </si>
  <si>
    <t>Malik Jamrooz Iqbal</t>
  </si>
  <si>
    <t>GPS KHOHAR NO.1</t>
  </si>
  <si>
    <t>GPS  Khohar #1 Dhok Shamali</t>
  </si>
  <si>
    <t>GPS KHOI DOGAR WALI</t>
  </si>
  <si>
    <t>Kocha kokari</t>
  </si>
  <si>
    <t>moza kocha kokari uc sheroo dustii busti khoi dogar</t>
  </si>
  <si>
    <t>Khoi dogar walii</t>
  </si>
  <si>
    <t>sheroo dustii</t>
  </si>
  <si>
    <t>GPS KHOI HABAT KHEL</t>
  </si>
  <si>
    <t>Pos Bangi Khel Sharqi</t>
  </si>
  <si>
    <t>khoi haibat khel p/o kalabagh.</t>
  </si>
  <si>
    <t>Khoi Haibat Khel</t>
  </si>
  <si>
    <t>GPS KHOKHAR</t>
  </si>
  <si>
    <t>village &amp;P\O Khokhar tehsil pasrur district sialkot</t>
  </si>
  <si>
    <t>GPS KHOKHAR ASHRAF</t>
  </si>
  <si>
    <t>khokhar Ashraf</t>
  </si>
  <si>
    <t>GPS KHOKHAR NO. 25</t>
  </si>
  <si>
    <t>Khokhar chak No 25</t>
  </si>
  <si>
    <t>Khokhar chak no 25 post office pattoki tensile pattoki district kasur</t>
  </si>
  <si>
    <t>Mohammad Rizwan</t>
  </si>
  <si>
    <t>GPS KHOKHAR TOOCHAR</t>
  </si>
  <si>
    <t>Khukhar Toocher</t>
  </si>
  <si>
    <t>Khukhar Toocher P/O Talwandi Teh. Chunian Distt. Kasur</t>
  </si>
  <si>
    <t>GPS KHOKHARAN</t>
  </si>
  <si>
    <t>basti bair wali moza khokhran UC choki masti khan kahror pakka district lodhran</t>
  </si>
  <si>
    <t>Basti Bair Wali</t>
  </si>
  <si>
    <t>Tanveer Asim</t>
  </si>
  <si>
    <t>GPS KHOKHARAN MUHABBAT, NAWAN SHEHR</t>
  </si>
  <si>
    <t>Khokhran Mohabbat Tragger</t>
  </si>
  <si>
    <t>Basti Khokhran,Mouza Khokhran Mohabbat Tragger,Tehsil Kabirwala,District Khanewal</t>
  </si>
  <si>
    <t>Khokhran Agency</t>
  </si>
  <si>
    <t>Thull-Najeeb</t>
  </si>
  <si>
    <t>GPS KHOKHARI BARKHURDAR P/O NAWAN KOT</t>
  </si>
  <si>
    <t>chah Charagh Butt Wala p/o nawan kot</t>
  </si>
  <si>
    <t>Chah Charagh Butt Wala</t>
  </si>
  <si>
    <t>GPS KHOKHARI WALA</t>
  </si>
  <si>
    <t>Chak No 117 B / tda</t>
  </si>
  <si>
    <t>chak no 117/B/ TDA  layyah</t>
  </si>
  <si>
    <t>Madeena Chawk</t>
  </si>
  <si>
    <t>Kotlah Haji Shah</t>
  </si>
  <si>
    <t>GPS KHOKHRAN WALA</t>
  </si>
  <si>
    <t>Moza khokhran wala tehsile lalian district chiniot</t>
  </si>
  <si>
    <t>Khokharanwala</t>
  </si>
  <si>
    <t>Feroz Khan</t>
  </si>
  <si>
    <t>GPS KHOLA SANAM</t>
  </si>
  <si>
    <t>Khola Sunam</t>
  </si>
  <si>
    <t>Khola Sunam (Gurgani Road) P/O Mcleod Gunj, Tehsil Minchanabad, Dist. Bahawalnagar</t>
  </si>
  <si>
    <t>Lala Amar Sing</t>
  </si>
  <si>
    <t>GPS KHOLORI</t>
  </si>
  <si>
    <t>Kholori</t>
  </si>
  <si>
    <t>G.P.S KHOLORI TEHSIL AND DISTRICT SAHIWAL</t>
  </si>
  <si>
    <t>GPS KHOO ALLAH BUKHSH</t>
  </si>
  <si>
    <t>Khoo Allah Bukhsh</t>
  </si>
  <si>
    <t>khoo Allah bukhsh</t>
  </si>
  <si>
    <t>Sakasar</t>
  </si>
  <si>
    <t>GPS KHOOBER CHISHTI</t>
  </si>
  <si>
    <t>Khober</t>
  </si>
  <si>
    <t>khober chishti p/o jandwala teh&amp;distt bahawal nagar</t>
  </si>
  <si>
    <t>Nathay Wala</t>
  </si>
  <si>
    <t>GPS KHOOHI GORAYA</t>
  </si>
  <si>
    <t>khoohi goraya tehsil sahiwal sargodha</t>
  </si>
  <si>
    <t>Khoohi Goraya</t>
  </si>
  <si>
    <t>GPS KHOR</t>
  </si>
  <si>
    <t>Khor</t>
  </si>
  <si>
    <t>village khor</t>
  </si>
  <si>
    <t>GPS KHOR JAFARANI</t>
  </si>
  <si>
    <t>GPS khor Jafrani Barthi</t>
  </si>
  <si>
    <t>Khor Jafrani</t>
  </si>
  <si>
    <t>Muhammad Chiragh Ud Din</t>
  </si>
  <si>
    <t>GPS KHORAN</t>
  </si>
  <si>
    <t>basti khooran garwan</t>
  </si>
  <si>
    <t>saeed ahmed</t>
  </si>
  <si>
    <t>GPS KHORI</t>
  </si>
  <si>
    <t>Khori</t>
  </si>
  <si>
    <t>khori post office muridke markaz mdk dist skp</t>
  </si>
  <si>
    <t>Skp Bedad</t>
  </si>
  <si>
    <t>GPS KHORI RASOOL PUR</t>
  </si>
  <si>
    <t>Khori Rasool Pur</t>
  </si>
  <si>
    <t>village &amp; p o Khori Rasool pur</t>
  </si>
  <si>
    <t>Toheed Akhtar</t>
  </si>
  <si>
    <t>GPS KHOTHIAN</t>
  </si>
  <si>
    <t>Vpo Saigol Abad</t>
  </si>
  <si>
    <t>khothian</t>
  </si>
  <si>
    <t>Tauqeer Ahmad Shah</t>
  </si>
  <si>
    <t>GPS KHOTHREY</t>
  </si>
  <si>
    <t>Khotrey</t>
  </si>
  <si>
    <t>khotrey</t>
  </si>
  <si>
    <t>Shoakat Ali</t>
  </si>
  <si>
    <t>GPS KHOTTI THAL</t>
  </si>
  <si>
    <t>Solani</t>
  </si>
  <si>
    <t>UC Mubarki Tehsil Taunsa District D.G.khan</t>
  </si>
  <si>
    <t>GPS KHOUR COMPANY</t>
  </si>
  <si>
    <t>GPS KHOUR COY</t>
  </si>
  <si>
    <t>GPS KHOUR ROAD FATEH JANG</t>
  </si>
  <si>
    <t>GPS Khour Road fateh jang</t>
  </si>
  <si>
    <t>Fateh jang</t>
  </si>
  <si>
    <t>Gharbi Fateh jang</t>
  </si>
  <si>
    <t>GPS KHOUT SINDWAN</t>
  </si>
  <si>
    <t>Khout</t>
  </si>
  <si>
    <t>khout sandhwan post office dhensar paeen tehsil kamoki district gujranwala</t>
  </si>
  <si>
    <t>Khout Sandhwan</t>
  </si>
  <si>
    <t>GPS KHUD PUR</t>
  </si>
  <si>
    <t>khud pur</t>
  </si>
  <si>
    <t>Khud Pur</t>
  </si>
  <si>
    <t>Amna Jamal</t>
  </si>
  <si>
    <t>GPS KHUDA BAKHASH KHAN WALA</t>
  </si>
  <si>
    <t>Chah sanghi Wala kundi chowk kot addu</t>
  </si>
  <si>
    <t>Chah Sanghi Wala</t>
  </si>
  <si>
    <t>M Younis Khan</t>
  </si>
  <si>
    <t>GPS KHUDA BAKHSH SOUNTRA</t>
  </si>
  <si>
    <t>Chak Khas Rakh Fazil Pur</t>
  </si>
  <si>
    <t>basti sountra chak khas rakh fazil pur dist.rajan pur</t>
  </si>
  <si>
    <t>Basti Sountra</t>
  </si>
  <si>
    <t>Mc Fazilpur Ward No 03</t>
  </si>
  <si>
    <t>GPS KHUDA BAKHSH WALA</t>
  </si>
  <si>
    <t>Hinjri Ghair Mustaqil Darmiyani</t>
  </si>
  <si>
    <t>khuda bux wala</t>
  </si>
  <si>
    <t>Deera Peer Fida Hussain Shah</t>
  </si>
  <si>
    <t>GPS KHUDA BUKHSH SIAL</t>
  </si>
  <si>
    <t>Khuda Bakhsh Sial</t>
  </si>
  <si>
    <t>basti and moza khuda baksh sial</t>
  </si>
  <si>
    <t>Mohammad Iqbal Hussain</t>
  </si>
  <si>
    <t>GPS KHUDA BUKHSH WALA</t>
  </si>
  <si>
    <t>Theklan Janobi</t>
  </si>
  <si>
    <t>Gujran wala ,Theklan Janobi ,Jalal pur pir wala ,Multan</t>
  </si>
  <si>
    <t>Chah Gujran Wala Khuda Bukhsh Wala</t>
  </si>
  <si>
    <t>GPS KHUDA BUKSH JOIYA</t>
  </si>
  <si>
    <t>Basti Gazraan Moza Kotla Nawab</t>
  </si>
  <si>
    <t>Basti Gazraan</t>
  </si>
  <si>
    <t>Lal muhammad Zahid</t>
  </si>
  <si>
    <t>GPS KHUDA DAD COLONY</t>
  </si>
  <si>
    <t>Bakhar Aarbi</t>
  </si>
  <si>
    <t>ward no 8 basti khudadad colony Multan</t>
  </si>
  <si>
    <t>Kotla Abulfatah</t>
  </si>
  <si>
    <t>Muhammad Saleem ur Rehman</t>
  </si>
  <si>
    <t>GPS KHUDIAN CHAK NO.41</t>
  </si>
  <si>
    <t>khudian chak 41</t>
  </si>
  <si>
    <t>Khudian Chak 41</t>
  </si>
  <si>
    <t>Tara Ghar Chak 44</t>
  </si>
  <si>
    <t>GPS KHUJJI WALA</t>
  </si>
  <si>
    <t>khaji wala</t>
  </si>
  <si>
    <t>Shadan Lound</t>
  </si>
  <si>
    <t>Ghuam Mujtaba</t>
  </si>
  <si>
    <t>GPS KHULANG JADEED</t>
  </si>
  <si>
    <t>KHULANG JANUBI JANUBI</t>
  </si>
  <si>
    <t>KHULANG JANUBI, Utra Sandila, Muzaffargarh</t>
  </si>
  <si>
    <t>KHULANG JANUBI</t>
  </si>
  <si>
    <t>Hafiz Muhammad Nadir</t>
  </si>
  <si>
    <t>GPS KHULANG JANUBI</t>
  </si>
  <si>
    <t>Basti jarh P/O head bakaini tehsil and district m.garh</t>
  </si>
  <si>
    <t>Abdul Muhaimin</t>
  </si>
  <si>
    <t>GPS KHULANG SHUMALI</t>
  </si>
  <si>
    <t>Khulang Shumali</t>
  </si>
  <si>
    <t>basti zahid wali Moza khulang Shumali post office Shareef chajra</t>
  </si>
  <si>
    <t>Khalung shumali</t>
  </si>
  <si>
    <t>GPS KHULCHAS</t>
  </si>
  <si>
    <t>Khalchas</t>
  </si>
  <si>
    <t>tribal area rajanpur</t>
  </si>
  <si>
    <t>MuhAMMAD SADIQ</t>
  </si>
  <si>
    <t>GPS KHUMBAH</t>
  </si>
  <si>
    <t>Kumba</t>
  </si>
  <si>
    <t>GPS kumba po domeli</t>
  </si>
  <si>
    <t>GPS KHUND</t>
  </si>
  <si>
    <t>Khand</t>
  </si>
  <si>
    <t>village khand p/O kahna Nao feroze pur road lahore</t>
  </si>
  <si>
    <t>GPS KHUND MUMNAL</t>
  </si>
  <si>
    <t>Kund Mumnal</t>
  </si>
  <si>
    <t>Kund Mumnal Thoha Mehram Khan Talagang Chakwal</t>
  </si>
  <si>
    <t>GPS KHUNDA HERAJ, SARAI SIDHU</t>
  </si>
  <si>
    <t>Khunda Hiraj</t>
  </si>
  <si>
    <t>khunda hiraj</t>
  </si>
  <si>
    <t>GPS KHUNDA LADKE</t>
  </si>
  <si>
    <t>Khunda Ladhekey</t>
  </si>
  <si>
    <t>village khunda ladhekey p/o ladhekey narang mandi</t>
  </si>
  <si>
    <t>Herdo Ladhekey</t>
  </si>
  <si>
    <t>Rabia Ateeq</t>
  </si>
  <si>
    <t>GPS KHUNDAGH SIR</t>
  </si>
  <si>
    <t>Khandagh sar</t>
  </si>
  <si>
    <t>Khandagh Sar</t>
  </si>
  <si>
    <t>GPS KHURALI</t>
  </si>
  <si>
    <t>Khurali</t>
  </si>
  <si>
    <t>GPS khurali</t>
  </si>
  <si>
    <t>Basti Khurali</t>
  </si>
  <si>
    <t>GPS KHURAM HITHAR</t>
  </si>
  <si>
    <t>Khurram Hithar</t>
  </si>
  <si>
    <t>khurram hithar</t>
  </si>
  <si>
    <t>Khurram</t>
  </si>
  <si>
    <t>Muhammad Saeed Andleeb</t>
  </si>
  <si>
    <t>GPS KHURANJI</t>
  </si>
  <si>
    <t>Sarthokh</t>
  </si>
  <si>
    <t>Basti KHURANJI TRIBAL AREA TEHSIL TAUNSA SHARIF DISTT DG khan</t>
  </si>
  <si>
    <t>Kharunji</t>
  </si>
  <si>
    <t>GPS KHURASAN</t>
  </si>
  <si>
    <t>Dala Meerwala</t>
  </si>
  <si>
    <t>wandha paharrkhel.khurasan</t>
  </si>
  <si>
    <t>Inam ullah Khan</t>
  </si>
  <si>
    <t>GPS KHURD</t>
  </si>
  <si>
    <t>vpo khurd teh &amp; distt jhelum</t>
  </si>
  <si>
    <t>Sajjad Ul Hassan</t>
  </si>
  <si>
    <t>GPS KHURRAM JAWAYA</t>
  </si>
  <si>
    <t>Khuram Jawaya</t>
  </si>
  <si>
    <t>khuram jawaya</t>
  </si>
  <si>
    <t>GPS KHURRAM LODHI</t>
  </si>
  <si>
    <t>Khurram Lodhi</t>
  </si>
  <si>
    <t>GPS khurram lodhi p/o Thalli Goraya Teh Pindy Bhattian(HFD)</t>
  </si>
  <si>
    <t>GPS KHURRAM PURA, MADINA COLONY, KHANEWAL</t>
  </si>
  <si>
    <t>khuram pura khanewal</t>
  </si>
  <si>
    <t>Khuram Pura</t>
  </si>
  <si>
    <t>Khalid Siddiq</t>
  </si>
  <si>
    <t>GPS KHURSHEED ABAD</t>
  </si>
  <si>
    <t>jeewan wala kot tahir jampur</t>
  </si>
  <si>
    <t>Jeewan Wala</t>
  </si>
  <si>
    <t>GPS KHURSHID ABAD (KOT RATTA)</t>
  </si>
  <si>
    <t>Kot Rataa</t>
  </si>
  <si>
    <t>moza kot ratta</t>
  </si>
  <si>
    <t>GPS KHURSHID ABAD P/O SHUJABAD</t>
  </si>
  <si>
    <t>WARD NO 5</t>
  </si>
  <si>
    <t>GPS KHURSHIDABAD P/O SHUJABAD</t>
  </si>
  <si>
    <t>waqar ahmad</t>
  </si>
  <si>
    <t>GPS KHUSAR</t>
  </si>
  <si>
    <t>GPS KHUSHAL KAY BAGHELAY</t>
  </si>
  <si>
    <t>Khushal Kay Baghelay Baghelay</t>
  </si>
  <si>
    <t>moza khushal kay baghelay</t>
  </si>
  <si>
    <t>Khushal K Baghelay</t>
  </si>
  <si>
    <t>M Sajid Imran</t>
  </si>
  <si>
    <t>GPS KHUSHI MUHAMMAD WALA</t>
  </si>
  <si>
    <t>basti now a bad,moza basti lang, tehsil jalal pur pir wala,Multan</t>
  </si>
  <si>
    <t>Now Abad</t>
  </si>
  <si>
    <t>GPS KHUTHIALA KHURD</t>
  </si>
  <si>
    <t>kuthiala khurd Tehsil Malakwal Distt. M.B.Din</t>
  </si>
  <si>
    <t>GPS KHUTHIALA SHEIKHAN</t>
  </si>
  <si>
    <t>Kuthiala Sheikhan District Mandi Bahauddin</t>
  </si>
  <si>
    <t>GPS KHUTTAY SHAH</t>
  </si>
  <si>
    <t>Khuttay Shah</t>
  </si>
  <si>
    <t>vill. khuttay shah p/o jalalpur bhattian teh. pindi bhattian dist. hafizabad</t>
  </si>
  <si>
    <t>Khutyay Shah</t>
  </si>
  <si>
    <t>Zahid Abbas</t>
  </si>
  <si>
    <t>GPS KHYBER GASHKORI</t>
  </si>
  <si>
    <t>basti ghiskori moza Baseera</t>
  </si>
  <si>
    <t>GPS KIKAR WALA SHUJABAD</t>
  </si>
  <si>
    <t>dhondo</t>
  </si>
  <si>
    <t>gpskikarwala moza dhondo teh.shujabad dist.multan</t>
  </si>
  <si>
    <t>kikar Wala</t>
  </si>
  <si>
    <t>Grdaze Pur</t>
  </si>
  <si>
    <t>kashif Kamran Shah</t>
  </si>
  <si>
    <t>GPS KIKRAN WALI</t>
  </si>
  <si>
    <t>Kikranwali</t>
  </si>
  <si>
    <t>Pasrur Road, near Chicherwali Pul,Gujranwala</t>
  </si>
  <si>
    <t>Tahir Ghani</t>
  </si>
  <si>
    <t>GPS KIKRI</t>
  </si>
  <si>
    <t>Main Muhammad pur road Moza Kikri</t>
  </si>
  <si>
    <t>Muhammad Asad Ajmi</t>
  </si>
  <si>
    <t>GPS KIKRI KHURD</t>
  </si>
  <si>
    <t>Muhammad Hassan Hussaini</t>
  </si>
  <si>
    <t>GPS KILCHAMA DONA</t>
  </si>
  <si>
    <t>kilchamadona kasur</t>
  </si>
  <si>
    <t>Mubarak Ullah Anjum</t>
  </si>
  <si>
    <t>GPS KILI MOUZA</t>
  </si>
  <si>
    <t>Killi</t>
  </si>
  <si>
    <t>Gps mouza killi markz noor shah</t>
  </si>
  <si>
    <t>Mouza Killi</t>
  </si>
  <si>
    <t>M Zeeshan</t>
  </si>
  <si>
    <t>GPS KILLI PO PAKPATTAN</t>
  </si>
  <si>
    <t>THATTA MANZOOR KHAN</t>
  </si>
  <si>
    <t>Shahzad Akram</t>
  </si>
  <si>
    <t>GPS KIN</t>
  </si>
  <si>
    <t>kin khas</t>
  </si>
  <si>
    <t>GPS KINALAN WALA JANUBI</t>
  </si>
  <si>
    <t>Kanyalanwala janubi</t>
  </si>
  <si>
    <t>Kanyalanwala Janubi</t>
  </si>
  <si>
    <t>malik muhammad yasin</t>
  </si>
  <si>
    <t>GPS KINGRA</t>
  </si>
  <si>
    <t>moza kingra lahore</t>
  </si>
  <si>
    <t>Ariyan</t>
  </si>
  <si>
    <t>GPS KINGRI WALA</t>
  </si>
  <si>
    <t>Hunjrai Mustaqil Shrqi</t>
  </si>
  <si>
    <t>chah mohanry wala ehsan pur hunjrai mustaqil shrqi</t>
  </si>
  <si>
    <t>Chah Mohanry Wala</t>
  </si>
  <si>
    <t>GPS KIRCH PUR</t>
  </si>
  <si>
    <t>Kirch Pur</t>
  </si>
  <si>
    <t>kirch pur</t>
  </si>
  <si>
    <t>GPS KIRI JAMAL KHATTAK</t>
  </si>
  <si>
    <t>Mohallah Feroz khel</t>
  </si>
  <si>
    <t>Hafiz Shahzad Rafique</t>
  </si>
  <si>
    <t>GPS KIRI KAPTAN</t>
  </si>
  <si>
    <t>Banni Afghan</t>
  </si>
  <si>
    <t>banniafghan teh district Mianwali</t>
  </si>
  <si>
    <t>Syed Wajid Hussain Shah</t>
  </si>
  <si>
    <t>GPS KIRRI AFGHANA</t>
  </si>
  <si>
    <t>Kirri</t>
  </si>
  <si>
    <t>village kirri afghan p/o chack doulat tehsil&amp; distt Jhelum</t>
  </si>
  <si>
    <t>Fatima Bukhari</t>
  </si>
  <si>
    <t>GPS KIRTAR PURA</t>
  </si>
  <si>
    <t>Chakraib</t>
  </si>
  <si>
    <t>GPS KISANA</t>
  </si>
  <si>
    <t>Kisan</t>
  </si>
  <si>
    <t>GPS kisan Tehsil Fateh Jang District Attock</t>
  </si>
  <si>
    <t>Mubashir Hussain</t>
  </si>
  <si>
    <t>GPS KISHANI</t>
  </si>
  <si>
    <t>Bukhara Shareef</t>
  </si>
  <si>
    <t>Basti Khushi Muhammad Mouza Bukhar Tehsil Jampur District Rajanpur</t>
  </si>
  <si>
    <t>GPS KISHNAY WALA</t>
  </si>
  <si>
    <t>QAIM WALA</t>
  </si>
  <si>
    <t>kishnaywala</t>
  </si>
  <si>
    <t>Kishnaywala</t>
  </si>
  <si>
    <t>GPS KLAIR KOT KHANDA</t>
  </si>
  <si>
    <t>Klair Kot</t>
  </si>
  <si>
    <t>klair kot khanda</t>
  </si>
  <si>
    <t>GPS KLAKAN</t>
  </si>
  <si>
    <t>GPS Kalkan</t>
  </si>
  <si>
    <t>Abdul-shakoor</t>
  </si>
  <si>
    <t>GPS KLARK ABAD KHURD</t>
  </si>
  <si>
    <t>Clark Abad Khurd</t>
  </si>
  <si>
    <t>kasur road ,k r k</t>
  </si>
  <si>
    <t>Kanwar Nasim Rashid</t>
  </si>
  <si>
    <t>GPS KLAsSMARI</t>
  </si>
  <si>
    <t>Klass Mari</t>
  </si>
  <si>
    <t>Village Klass Mari post office barki Lahore Cantt.</t>
  </si>
  <si>
    <t>ZAMIN ALI</t>
  </si>
  <si>
    <t>GPS KLASWALA</t>
  </si>
  <si>
    <t>GPS KOAKAY BAHWAL</t>
  </si>
  <si>
    <t>kui ki bahawal</t>
  </si>
  <si>
    <t>GPS KOANKH</t>
  </si>
  <si>
    <t>koankh</t>
  </si>
  <si>
    <t>jalalpur sobtian</t>
  </si>
  <si>
    <t>Imrozia Bashir</t>
  </si>
  <si>
    <t>GPS KOCHA KOKARI</t>
  </si>
  <si>
    <t>Kocha Kokari</t>
  </si>
  <si>
    <t>kala kaloni  mouza kocha kokari</t>
  </si>
  <si>
    <t>GPS KOCHHA WADANI</t>
  </si>
  <si>
    <t>Kocha Wadani</t>
  </si>
  <si>
    <t>basti kocha wadani tehsile and distric D.G KHAN</t>
  </si>
  <si>
    <t>Kocha Wadami</t>
  </si>
  <si>
    <t>GPS KOHAR LHR CANTT</t>
  </si>
  <si>
    <t>village bhatta kohar</t>
  </si>
  <si>
    <t>GPS KOHLIAN</t>
  </si>
  <si>
    <t>kohlian post office kargal tehsil shakargarh district narowal</t>
  </si>
  <si>
    <t>Muhammad Jawad</t>
  </si>
  <si>
    <t>GPS KOHR KHANTIK</t>
  </si>
  <si>
    <t>Barthi shumali</t>
  </si>
  <si>
    <t>Govt primary school khour khantick barthi</t>
  </si>
  <si>
    <t>Khour khantick</t>
  </si>
  <si>
    <t>Muhammad ayub</t>
  </si>
  <si>
    <t>GPS KOI KAY JAGEER</t>
  </si>
  <si>
    <t>Kuakey Jageer</t>
  </si>
  <si>
    <t>kuakey Jageer</t>
  </si>
  <si>
    <t>Klassen Hameed</t>
  </si>
  <si>
    <t>GPS KOKI WALA</t>
  </si>
  <si>
    <t>tarukri</t>
  </si>
  <si>
    <t>gpbs koki wala , basti azmat lar moza tarukri</t>
  </si>
  <si>
    <t>Basti Azmat Lar</t>
  </si>
  <si>
    <t>GPS KOKSAN ABAD, SARAI SIDHU</t>
  </si>
  <si>
    <t>Koksanabad</t>
  </si>
  <si>
    <t>mouza koksan abad tehsil kabirwala district khanewal</t>
  </si>
  <si>
    <t>Baqirur Pur</t>
  </si>
  <si>
    <t>GPS KOLI WALA</t>
  </si>
  <si>
    <t>KOLI WALA</t>
  </si>
  <si>
    <t>village Koli wala Teh. Pindi Bhattian Distt. Hafiz Abad</t>
  </si>
  <si>
    <t>GPS KOLIAN DAKHLI KHURD</t>
  </si>
  <si>
    <t>village kolian p/o chotala</t>
  </si>
  <si>
    <t>Ummia Zulfiqar</t>
  </si>
  <si>
    <t>GPS KOLIAN GOHRU</t>
  </si>
  <si>
    <t>Kolian Gohru</t>
  </si>
  <si>
    <t>kolian gohru p.o chakbeli khan teh district rwp</t>
  </si>
  <si>
    <t>Iffat Rani</t>
  </si>
  <si>
    <t>GPS KOLIAN HABIB</t>
  </si>
  <si>
    <t>VPO Kolian Habib Teh Kharian Distt Gujrat Punjab</t>
  </si>
  <si>
    <t>GPS KOLIAN HAMID</t>
  </si>
  <si>
    <t>kolian</t>
  </si>
  <si>
    <t>GPS KOLO</t>
  </si>
  <si>
    <t>kolo</t>
  </si>
  <si>
    <t>GPS KOLOI WALA P/O DAJAL</t>
  </si>
  <si>
    <t>KALOI WALA</t>
  </si>
  <si>
    <t>MAOZA KALOI WALA POST DAJAL TEH JAMPUR DIST RAJANPUR</t>
  </si>
  <si>
    <t>BASTI KHADIM HUSSAIN KALERI</t>
  </si>
  <si>
    <t>Nazik Hussain</t>
  </si>
  <si>
    <t>GPS KOLOKAY</t>
  </si>
  <si>
    <t>KOLOKAY</t>
  </si>
  <si>
    <t>KOLOKAY TEHSIL SAMBRIAl DISTRICT SIALKOT</t>
  </si>
  <si>
    <t>JAITHEEKAY</t>
  </si>
  <si>
    <t>GPS KOMHAR WALA</t>
  </si>
  <si>
    <t>Komhar wala near Buzdar Petroleum Jampur Road Choti Zareen</t>
  </si>
  <si>
    <t>Komhar wala</t>
  </si>
  <si>
    <t>GPS KOMHARAN WALA</t>
  </si>
  <si>
    <t>Bahawal Pur Sukha</t>
  </si>
  <si>
    <t>kumharan wala Multan</t>
  </si>
  <si>
    <t>Kumharan Wala</t>
  </si>
  <si>
    <t>GPS KONDRAN WALI</t>
  </si>
  <si>
    <t>hammu wala</t>
  </si>
  <si>
    <t>basti kondran wali p/o basti bakhtawar</t>
  </si>
  <si>
    <t>kondran wali</t>
  </si>
  <si>
    <t>GPS KONIAN WALA DHAMAK</t>
  </si>
  <si>
    <t>Dera konianwala Moza Dhamak teh. Noorpur thal Distt.Khushab</t>
  </si>
  <si>
    <t>noorpur Rural</t>
  </si>
  <si>
    <t>Muhammad Chragh</t>
  </si>
  <si>
    <t>GPS KOONIT</t>
  </si>
  <si>
    <t>VPO Koont, G.Khan, Rawalpindi</t>
  </si>
  <si>
    <t>MARIA JAMSHAID</t>
  </si>
  <si>
    <t>Community support</t>
  </si>
  <si>
    <t>GPS KOPRA KHURD</t>
  </si>
  <si>
    <t>village kopra khurd po begowala teh sambrial distt sialkot</t>
  </si>
  <si>
    <t>Kopra Khurd</t>
  </si>
  <si>
    <t>GPS KORA</t>
  </si>
  <si>
    <t>gbps kora</t>
  </si>
  <si>
    <t>Muhammad Tufail Khan Adil</t>
  </si>
  <si>
    <t>own arrangmnt</t>
  </si>
  <si>
    <t>GPS KORA ISRA, P/O JASSO KAWAIN, SARAI SIDHU</t>
  </si>
  <si>
    <t>Kors Isra</t>
  </si>
  <si>
    <t>moza kora isra p/o jasso kawein</t>
  </si>
  <si>
    <t>Kra Isra</t>
  </si>
  <si>
    <t>Muhammaad Ijaz</t>
  </si>
  <si>
    <t>GPS KORA KULYAR</t>
  </si>
  <si>
    <t>Moza Kora kulyar p/o Chani goth tehsil Ahmad pur east Bahawalpur</t>
  </si>
  <si>
    <t>Malik Ghulam Sarwar</t>
  </si>
  <si>
    <t>Muhamad Sohail Aqeel</t>
  </si>
  <si>
    <t>GPS KORA RONJHA</t>
  </si>
  <si>
    <t>kora ronjha</t>
  </si>
  <si>
    <t>post office noorpur noranga moza kora ronjha</t>
  </si>
  <si>
    <t>Noorpur noranga</t>
  </si>
  <si>
    <t>wahi hussain</t>
  </si>
  <si>
    <t>abdul mughees</t>
  </si>
  <si>
    <t>GPS KORA SAHEJA</t>
  </si>
  <si>
    <t>p.s kora saheja basti ameer khan saheja</t>
  </si>
  <si>
    <t>Basti Ameer Khan Saheja</t>
  </si>
  <si>
    <t>Deradildar</t>
  </si>
  <si>
    <t>YASMEEN SHOUKAT</t>
  </si>
  <si>
    <t>GPS KORAI WALA</t>
  </si>
  <si>
    <t>Makhan Baila</t>
  </si>
  <si>
    <t>Korai Wala via Rohilan wali Teh &amp; Distt. M.Garh</t>
  </si>
  <si>
    <t>Khalil Ur Rahman</t>
  </si>
  <si>
    <t>GPS KORAY SIAL</t>
  </si>
  <si>
    <t>Korey Sial</t>
  </si>
  <si>
    <t>korey sial</t>
  </si>
  <si>
    <t>GPS KORAY WALA</t>
  </si>
  <si>
    <t>Basti kotla sikhani</t>
  </si>
  <si>
    <t>Tibbi Khark</t>
  </si>
  <si>
    <t>GPS KOREY SHAH ZAIREEN</t>
  </si>
  <si>
    <t>Koray Shah</t>
  </si>
  <si>
    <t>gps koray shah noor shah sahiwal</t>
  </si>
  <si>
    <t>Irfan Arshed</t>
  </si>
  <si>
    <t>GPS KOREY WALA</t>
  </si>
  <si>
    <t>Chak korey wala</t>
  </si>
  <si>
    <t>Piroo Wala</t>
  </si>
  <si>
    <t>Muhammad Assad Shabbir</t>
  </si>
  <si>
    <t>GPS KORI KOT</t>
  </si>
  <si>
    <t>Syed Dildar Hussain</t>
  </si>
  <si>
    <t>GPS KORIA</t>
  </si>
  <si>
    <t>kooria,tehsil arifwala dist Pakpattan</t>
  </si>
  <si>
    <t>Rubnawaz</t>
  </si>
  <si>
    <t>GPS KORIAN WALI</t>
  </si>
  <si>
    <t>village Korian wali po Ram pura Bahawalnagar</t>
  </si>
  <si>
    <t>GPS KORINA KALAN</t>
  </si>
  <si>
    <t>Korinakalan</t>
  </si>
  <si>
    <t>Korina  kalan the kotli sattian</t>
  </si>
  <si>
    <t>Surriya Bano Satti</t>
  </si>
  <si>
    <t>GPS KORO SHUMALI</t>
  </si>
  <si>
    <t>Bairot</t>
  </si>
  <si>
    <t>koro shumali triable area d g khan</t>
  </si>
  <si>
    <t>Koro Shumali</t>
  </si>
  <si>
    <t>Rehan Ullah</t>
  </si>
  <si>
    <t>GPS KORRA BHOOTNA</t>
  </si>
  <si>
    <t>Tugga Balouchan</t>
  </si>
  <si>
    <t>basti lodhran p/o mangheran sharif</t>
  </si>
  <si>
    <t>Basti Lodhran</t>
  </si>
  <si>
    <t>Hafiz Noor Smad</t>
  </si>
  <si>
    <t>GPS KORRIAN</t>
  </si>
  <si>
    <t>Korrian</t>
  </si>
  <si>
    <t>Mouza korrian p/o Bagh teh/Distt jhang</t>
  </si>
  <si>
    <t>As Haba</t>
  </si>
  <si>
    <t>Khizar Hayat HT</t>
  </si>
  <si>
    <t>GPS KOSHAK BALOCH</t>
  </si>
  <si>
    <t>Basti Koshak Baloch Ahmad Pur Sial</t>
  </si>
  <si>
    <t>Toowt Wala</t>
  </si>
  <si>
    <t>MC Ahmad Pur Sial</t>
  </si>
  <si>
    <t>GPS KOT ABDUL HAQ</t>
  </si>
  <si>
    <t>Kot Abdul Haq Moza Hid</t>
  </si>
  <si>
    <t>Kot Abdul Haq</t>
  </si>
  <si>
    <t>GPS KOT ABDUL RAZAQ</t>
  </si>
  <si>
    <t>kot abdul razzaq</t>
  </si>
  <si>
    <t>Kot Abdul Razzaq</t>
  </si>
  <si>
    <t>kot Abdul razzaq</t>
  </si>
  <si>
    <t>GPS KOT ABDULLAH, P/O MAKHDOOM PUR, KHANEWAL</t>
  </si>
  <si>
    <t>makhdum pur pahoran</t>
  </si>
  <si>
    <t>Makhdum Pur</t>
  </si>
  <si>
    <t>GPS KOT ADMANA</t>
  </si>
  <si>
    <t>Village Kot Admana Post Office Majhi Tehsil &amp; District M.B.Din</t>
  </si>
  <si>
    <t>Sana Mukhtar</t>
  </si>
  <si>
    <t>GPS KOT ADU NO. 1</t>
  </si>
  <si>
    <t>ward no 8 stadium colony kot Addu dist Muzaffar garh</t>
  </si>
  <si>
    <t>McKot Addu</t>
  </si>
  <si>
    <t>Kazim Hussain Khan</t>
  </si>
  <si>
    <t>GPS KOT ADU NO. 3</t>
  </si>
  <si>
    <t>ward no. 4 chah punhoo wala kot addu</t>
  </si>
  <si>
    <t>Muhammad Siddique Khan</t>
  </si>
  <si>
    <t>GPS KOT AHDIAN</t>
  </si>
  <si>
    <t>kot ahdian</t>
  </si>
  <si>
    <t>GPS Kot Ahdian tehsil muridke distt.skp</t>
  </si>
  <si>
    <t>ahdian</t>
  </si>
  <si>
    <t>GPS KOT AHMAD KHAN</t>
  </si>
  <si>
    <t>Kot  Ahmed Khan</t>
  </si>
  <si>
    <t>kot ahmed khan</t>
  </si>
  <si>
    <t>MUHAMMAD HANIF ABID</t>
  </si>
  <si>
    <t>GPS KOT AHMAD YAR</t>
  </si>
  <si>
    <t>Kot Ahmad Yar</t>
  </si>
  <si>
    <t>kot Ahmad yar</t>
  </si>
  <si>
    <t>GPS KOT AHMED KHAN</t>
  </si>
  <si>
    <t>Kot ahmed khan</t>
  </si>
  <si>
    <t>GPS KOT AKBAR</t>
  </si>
  <si>
    <t>kot akbar khan</t>
  </si>
  <si>
    <t>GPS KOT AKBAR KHAN MARKAZ JAMBAR KALAN TEHSIL PATTOKI.</t>
  </si>
  <si>
    <t>BHONIKEY</t>
  </si>
  <si>
    <t>GPS KOT AKBAR PUR DOGRAN</t>
  </si>
  <si>
    <t>Kot Akbar Pur Dogran</t>
  </si>
  <si>
    <t>kot akbar pur dogran tehsil and district Nankana sahib</t>
  </si>
  <si>
    <t>GPS KOT AKRAM</t>
  </si>
  <si>
    <t>govt p s kot akram</t>
  </si>
  <si>
    <t>Kot Akram</t>
  </si>
  <si>
    <t>GPS KOT ALAM KALAN</t>
  </si>
  <si>
    <t>Kot Alam Kalan</t>
  </si>
  <si>
    <t>kot Alam kalan p/o pindibhattian distract hafizabad abad</t>
  </si>
  <si>
    <t>K hurram Chorera</t>
  </si>
  <si>
    <t>GPS KOT ALLA BUX</t>
  </si>
  <si>
    <t>Kot Allah Bux</t>
  </si>
  <si>
    <t>kot Allah Bux Gujrat</t>
  </si>
  <si>
    <t>GPS KOT ALLAH BUX</t>
  </si>
  <si>
    <t>dera dildar basti Allah Bux chachar rojhan</t>
  </si>
  <si>
    <t>Allah BUX  Chachar</t>
  </si>
  <si>
    <t>Musharraf Hussain Hasni</t>
  </si>
  <si>
    <t>GPS KOT ALLAH DAD</t>
  </si>
  <si>
    <t>kot Allah dad</t>
  </si>
  <si>
    <t>jhamra</t>
  </si>
  <si>
    <t>GPS KOT ALLAH DIN NO.1</t>
  </si>
  <si>
    <t>KOT ALA DIN NO I Main street</t>
  </si>
  <si>
    <t>NUSRAT FATIMA</t>
  </si>
  <si>
    <t>GPS KOT ALLAH DIN PO. RAM IANA</t>
  </si>
  <si>
    <t>KOT ALLAH DIN</t>
  </si>
  <si>
    <t>HERDO SAHARI</t>
  </si>
  <si>
    <t>IMTIAZ RASHID</t>
  </si>
  <si>
    <t>GPS KOT ALLAH DITTA</t>
  </si>
  <si>
    <t>Kot Allah Dittah, P.O Mohar Sharif, Chishtian</t>
  </si>
  <si>
    <t>Kot Allah dittah</t>
  </si>
  <si>
    <t>Mohammad Irfan</t>
  </si>
  <si>
    <t>GPS KOT ALLAH YAR</t>
  </si>
  <si>
    <t>Laghari Wala</t>
  </si>
  <si>
    <t>Village Kot Allah Yar P.O. Farooqa Tehsil Sahiwal District Sargodha</t>
  </si>
  <si>
    <t>Kot Allah Yar</t>
  </si>
  <si>
    <t>GPS KOT AMEER</t>
  </si>
  <si>
    <t>Gps kot ameer</t>
  </si>
  <si>
    <t>Saqib Umar</t>
  </si>
  <si>
    <t>GPS KOT AMIN KHAN</t>
  </si>
  <si>
    <t>kot amin khan</t>
  </si>
  <si>
    <t>GPS KOT AMIR</t>
  </si>
  <si>
    <t>Kot Ameer P/O Bucheki</t>
  </si>
  <si>
    <t>GPS KOT ANI SINGH</t>
  </si>
  <si>
    <t>Vill kot ani singh p o barthanwala teh daska dist sialkot</t>
  </si>
  <si>
    <t>GPS KOT ASAISH</t>
  </si>
  <si>
    <t>Kot Asaish</t>
  </si>
  <si>
    <t>Kot Asaish p/o box qila deedar singh Gujranwala</t>
  </si>
  <si>
    <t>GPS KOT ASLAM</t>
  </si>
  <si>
    <t>Kot Aslam</t>
  </si>
  <si>
    <t>village Kot Aslam tehsil kharian district Gujarat</t>
  </si>
  <si>
    <t>Kolian Shah Husain</t>
  </si>
  <si>
    <t>Muhammad LUQMAN Shabir</t>
  </si>
  <si>
    <t>GPS KOT ATTA PO KOT HAROO</t>
  </si>
  <si>
    <t>Tail Charagh</t>
  </si>
  <si>
    <t>mouza tail charagh tehsil mailsi</t>
  </si>
  <si>
    <t>Kot Atta</t>
  </si>
  <si>
    <t>Tehseen Nawaz</t>
  </si>
  <si>
    <t>GPS KOT BAGGA SINGH</t>
  </si>
  <si>
    <t>Jango Wala chat no. 4</t>
  </si>
  <si>
    <t>Do Sial</t>
  </si>
  <si>
    <t>Muhammad Awais Hussain</t>
  </si>
  <si>
    <t>GPS KOT BAGHOLA</t>
  </si>
  <si>
    <t>Kot Baghola</t>
  </si>
  <si>
    <t>kot baghola district gujrat</t>
  </si>
  <si>
    <t>GPS KOT BAHADAR JANOOBI</t>
  </si>
  <si>
    <t>Kot  Aarian</t>
  </si>
  <si>
    <t>Kot Bahadar Janoobi tehsil 18 hazari district Jhang</t>
  </si>
  <si>
    <t>Kot Aarian</t>
  </si>
  <si>
    <t>M.C 18 Hazari</t>
  </si>
  <si>
    <t>Khurram Nawaz</t>
  </si>
  <si>
    <t>GPS KOT BAHADUR NO.2 P/O MUBARAK PUR, KABIRWALA</t>
  </si>
  <si>
    <t>Kot bahadar</t>
  </si>
  <si>
    <t>moza Kot bahadar</t>
  </si>
  <si>
    <t>Shahid Ishfaq</t>
  </si>
  <si>
    <t>GPS KOT BAHAWAL</t>
  </si>
  <si>
    <t>Kot Bahawal</t>
  </si>
  <si>
    <t>Kot bahawal</t>
  </si>
  <si>
    <t>GPS KOT BAJWA</t>
  </si>
  <si>
    <t>Kot Bajwa</t>
  </si>
  <si>
    <t>kot bajwa teh and district nankana sahib</t>
  </si>
  <si>
    <t>Asif Imran</t>
  </si>
  <si>
    <t>GPS KOT BAKHTAWAR</t>
  </si>
  <si>
    <t>GPS KOT BALOCHAN</t>
  </si>
  <si>
    <t>Kot Balochan</t>
  </si>
  <si>
    <t>GPS KOT BARKAT ALI, TULAMBA</t>
  </si>
  <si>
    <t>Kot Barkak</t>
  </si>
  <si>
    <t>kot barkat p/o jarahi</t>
  </si>
  <si>
    <t>M IRSHAD</t>
  </si>
  <si>
    <t>GPS KOT BEDI (PAKKAY NARAIN)</t>
  </si>
  <si>
    <t>Kot Baidi</t>
  </si>
  <si>
    <t>kot baiddi p/o basirpur,depalpur, okara</t>
  </si>
  <si>
    <t>Kot Baifi</t>
  </si>
  <si>
    <t>Mehr Shah Khaghah</t>
  </si>
  <si>
    <t>GPS KOT BEHRAM</t>
  </si>
  <si>
    <t>Kot behram</t>
  </si>
  <si>
    <t>kot behram p.o pir kot sadhana</t>
  </si>
  <si>
    <t>Muhammad Yousuf Shahid</t>
  </si>
  <si>
    <t>GPS KOT BHATTIAN</t>
  </si>
  <si>
    <t>Kot Bhattian Depalpur Okara</t>
  </si>
  <si>
    <t>HAFEEZ AHMAD</t>
  </si>
  <si>
    <t>GPS KOT BILAL</t>
  </si>
  <si>
    <t>Gps kot bilal</t>
  </si>
  <si>
    <t>GPS KOT BISMILAH MANDI KANGAN PUR</t>
  </si>
  <si>
    <t>Mandi Kangan Pur</t>
  </si>
  <si>
    <t>Mandi Kangan pur</t>
  </si>
  <si>
    <t>Muhammad Ashiq Sajid</t>
  </si>
  <si>
    <t>GPS KOT BODLA</t>
  </si>
  <si>
    <t>KOTLA MUGHLA</t>
  </si>
  <si>
    <t>GPS Kot Bodla</t>
  </si>
  <si>
    <t>KOT BODLA</t>
  </si>
  <si>
    <t>GPS KOT BOORA</t>
  </si>
  <si>
    <t>GPS Kot Boora</t>
  </si>
  <si>
    <t>GPS KOT BUKHRAN</t>
  </si>
  <si>
    <t>Kot Bukhran</t>
  </si>
  <si>
    <t>G.P.S.Kot Bukhran</t>
  </si>
  <si>
    <t>GPS KOT BUKSH</t>
  </si>
  <si>
    <t>Kot Bukhsh</t>
  </si>
  <si>
    <t>kot bukhsh</t>
  </si>
  <si>
    <t>GPS KOT BUNGISH</t>
  </si>
  <si>
    <t>Kot Bangish</t>
  </si>
  <si>
    <t>kot Bangish p/ o kalaske teh:wazirabad distt:grw</t>
  </si>
  <si>
    <t>M Anwer</t>
  </si>
  <si>
    <t>GPS KOT CHARHAT SINGH</t>
  </si>
  <si>
    <t>Kot Charhat Singh</t>
  </si>
  <si>
    <t>kot charhat singh depalpur</t>
  </si>
  <si>
    <t>Mazarabad</t>
  </si>
  <si>
    <t>Irfan Tayyab Joyia</t>
  </si>
  <si>
    <t>GPS KOT CHATTAR SINGH</t>
  </si>
  <si>
    <t>Kot Chattar Singh</t>
  </si>
  <si>
    <t>Gps Kot Chatter singh</t>
  </si>
  <si>
    <t>Kot  Chattar Singh</t>
  </si>
  <si>
    <t>Hanjarai Khurd</t>
  </si>
  <si>
    <t>GPS KOT CHHAJI NO.1</t>
  </si>
  <si>
    <t>vpo kot chhajji jand Attock</t>
  </si>
  <si>
    <t>GPS KOT CHHAJI NO.2</t>
  </si>
  <si>
    <t>vpo kot chhajji</t>
  </si>
  <si>
    <t>Asma Riaz</t>
  </si>
  <si>
    <t>GPS KOT CHOUGHTA</t>
  </si>
  <si>
    <t>Kot Choughatta</t>
  </si>
  <si>
    <t>Village kot choughatta Teh Sahiwal Distt Sargodha</t>
  </si>
  <si>
    <t>GPS KOT CHUTTA NO. 1</t>
  </si>
  <si>
    <t>Municipal commiti</t>
  </si>
  <si>
    <t>GPS KOT DADAN</t>
  </si>
  <si>
    <t>Iqbal Tufail</t>
  </si>
  <si>
    <t>GPS KOT DARAN</t>
  </si>
  <si>
    <t>kot daran</t>
  </si>
  <si>
    <t>GPS KOT DAVAL</t>
  </si>
  <si>
    <t>Kot Daval</t>
  </si>
  <si>
    <t>Th..wazir a bad ,Disst. Gujranwala</t>
  </si>
  <si>
    <t>Sahran Chatha</t>
  </si>
  <si>
    <t>GPS KOT DAYA</t>
  </si>
  <si>
    <t>Kot Daya</t>
  </si>
  <si>
    <t>kot daya p/o 94/ n.p kpr R.Y.K</t>
  </si>
  <si>
    <t>Tanzeel Iqbal</t>
  </si>
  <si>
    <t>GPS KOT DEWAN CHAND</t>
  </si>
  <si>
    <t>Kot Dewan Chand</t>
  </si>
  <si>
    <t>kot dewan chand grw</t>
  </si>
  <si>
    <t>GPS Kot Dewan Chand</t>
  </si>
  <si>
    <t>GPS KOT DHILWAN WALA</t>
  </si>
  <si>
    <t>Haller K Pemar</t>
  </si>
  <si>
    <t>kot Dhilman Wala</t>
  </si>
  <si>
    <t>Kot Dhilman Wala</t>
  </si>
  <si>
    <t>Haller K</t>
  </si>
  <si>
    <t>Sardar Bilawal Tahir</t>
  </si>
  <si>
    <t>GPS KOT DHOON CHAND</t>
  </si>
  <si>
    <t>Kot Dooni Chand</t>
  </si>
  <si>
    <t>Kot dooni chand</t>
  </si>
  <si>
    <t>Handoo Gujjar</t>
  </si>
  <si>
    <t>GPS KOT DIAL DAS</t>
  </si>
  <si>
    <t>Kot Dial Das</t>
  </si>
  <si>
    <t>village kot dial das</t>
  </si>
  <si>
    <t>GPS KOT DINA</t>
  </si>
  <si>
    <t>kot dina</t>
  </si>
  <si>
    <t>Saran Kay</t>
  </si>
  <si>
    <t>Muhammad Abdullah Hashmi</t>
  </si>
  <si>
    <t>GPS KOT DOCTOR</t>
  </si>
  <si>
    <t>Basti Kot Doctor p/o Jamal din wali u/c Rasool pur Teh:Sadiq Abad Dist:Rahim Har khan</t>
  </si>
  <si>
    <t>Basti Kot Doctor</t>
  </si>
  <si>
    <t>GPS KOT DOLAT</t>
  </si>
  <si>
    <t>Kot Dolat</t>
  </si>
  <si>
    <t>kot dolat p/o more khunda nankana sahib</t>
  </si>
  <si>
    <t>GPS KOT DOOLA SINGH</t>
  </si>
  <si>
    <t>Kot Dhoola Singh</t>
  </si>
  <si>
    <t>GPS kot doola singh</t>
  </si>
  <si>
    <t>Narooki Majah</t>
  </si>
  <si>
    <t>GPS KOT DOWABA</t>
  </si>
  <si>
    <t>Kot Doaba</t>
  </si>
  <si>
    <t>kot doaba</t>
  </si>
  <si>
    <t>GPS KOT FATEH BAZ KHAN KASUR</t>
  </si>
  <si>
    <t>Gps kot Fateh Baz Khan Kasur</t>
  </si>
  <si>
    <t>Kot FatehBaz</t>
  </si>
  <si>
    <t>GPS KOT FATEH DIN</t>
  </si>
  <si>
    <t>village kot Fateh din p/o mangowal west teh and distt Gujrat</t>
  </si>
  <si>
    <t>GPS KOT FATEH KHAN</t>
  </si>
  <si>
    <t>GPS KOT FATTO KAY</t>
  </si>
  <si>
    <t>Kot Fatoo Ky</t>
  </si>
  <si>
    <t>kot fatoo ky p/o kangan pur tehsil Chunian district kasur</t>
  </si>
  <si>
    <t>Rural KANGAN PUR</t>
  </si>
  <si>
    <t>Muhammad Humyoun Rafique</t>
  </si>
  <si>
    <t>GPS KOT FAZAL</t>
  </si>
  <si>
    <t>Kot  Fazal</t>
  </si>
  <si>
    <t>Village Kot Fazal p/o Vanike Tarar Teh/Disst Hafizabad</t>
  </si>
  <si>
    <t>Kot  ishaq</t>
  </si>
  <si>
    <t>Noaman Riaz</t>
  </si>
  <si>
    <t>GPS KOT FAZAL (SUNIARIAN WALA)</t>
  </si>
  <si>
    <t>Sinyarinwala</t>
  </si>
  <si>
    <t>village sinyarinwala tehsil wazirabad</t>
  </si>
  <si>
    <t>Kot Fazal Sinyarinwala</t>
  </si>
  <si>
    <t>GPS KOT FAZAL AHMAD</t>
  </si>
  <si>
    <t>Kot Fazal Ahmad</t>
  </si>
  <si>
    <t>GPS KOT FAZAL SHAH</t>
  </si>
  <si>
    <t>Kot Fazal Shah</t>
  </si>
  <si>
    <t>Kot Fazal Shah phool nagar tehsil pattoki district kasur</t>
  </si>
  <si>
    <t>MC Phool Nagar</t>
  </si>
  <si>
    <t>Mc Phool Nagar</t>
  </si>
  <si>
    <t>SYED IFTKHAR HUSSAIN SHAH</t>
  </si>
  <si>
    <t>GPS KOT FAZIL</t>
  </si>
  <si>
    <t>kot Fazal</t>
  </si>
  <si>
    <t>GPS KOT FAZLA</t>
  </si>
  <si>
    <t>kot fazla p/o saharan chattha teh. wazirabad distt.gujranwala</t>
  </si>
  <si>
    <t>Noinwala Chattha</t>
  </si>
  <si>
    <t>Sana Ullah Gondal</t>
  </si>
  <si>
    <t>GPS KOT GAMAN</t>
  </si>
  <si>
    <t>Kot  Gaman</t>
  </si>
  <si>
    <t>kot gaman</t>
  </si>
  <si>
    <t>Kot Gaman</t>
  </si>
  <si>
    <t>Anjam Aziz Abbas</t>
  </si>
  <si>
    <t>GPS KOT GHATTA NEW</t>
  </si>
  <si>
    <t>Kot Ghatta</t>
  </si>
  <si>
    <t>kot ghatta tehsile burewala dist vehari</t>
  </si>
  <si>
    <t>GPS KOT GHAZI</t>
  </si>
  <si>
    <t>GPS KOT GHULAM</t>
  </si>
  <si>
    <t>mahmood kay Shadiwal Shadiwal</t>
  </si>
  <si>
    <t>HUMAIRA NAZ</t>
  </si>
  <si>
    <t>GPS KOT GHUMMAN</t>
  </si>
  <si>
    <t>village kot ghuman p/o baddomalhi teh/dist narrowal</t>
  </si>
  <si>
    <t>Gps Kot Ghuman</t>
  </si>
  <si>
    <t>GPS KOT GOONDI WALA</t>
  </si>
  <si>
    <t>Gondi Wala</t>
  </si>
  <si>
    <t>Kot Gondi Wala</t>
  </si>
  <si>
    <t>Faisal Aziz</t>
  </si>
  <si>
    <t>GPS KOT GORA</t>
  </si>
  <si>
    <t>vpo Kot Gora tehsil &amp; Disst. Hafizabad</t>
  </si>
  <si>
    <t>GPS KOT GUJRI</t>
  </si>
  <si>
    <t>Patti Bakhsh Jindani</t>
  </si>
  <si>
    <t>Basti Sharoo, Mouza Patti Bakhsh Jindani, Kot Mubarak</t>
  </si>
  <si>
    <t>Basti Sharoo</t>
  </si>
  <si>
    <t>Patti Satai</t>
  </si>
  <si>
    <t>Syed Muhammad Ali</t>
  </si>
  <si>
    <t>GPS KOT HAASHIM BAIG</t>
  </si>
  <si>
    <t>Kot Hashim Baig</t>
  </si>
  <si>
    <t>Govt primary school kot Hashim baig. phool nager</t>
  </si>
  <si>
    <t>Ghuman K</t>
  </si>
  <si>
    <t>GPS KOT HABIB AHMAD KHAN</t>
  </si>
  <si>
    <t>GPS kot Habib Ahmad khan, bhuchuki, Raiwind</t>
  </si>
  <si>
    <t>GPS KOT HABIB SHAH</t>
  </si>
  <si>
    <t>Kot Habib Shah, p/o tajgarh rahim yar khan</t>
  </si>
  <si>
    <t>Ansar Nawaz Bajwa</t>
  </si>
  <si>
    <t>GPS Kot Haibat</t>
  </si>
  <si>
    <t>Urban No 2</t>
  </si>
  <si>
    <t>chirhta urban no.2 D.G.khan</t>
  </si>
  <si>
    <t>Churhta</t>
  </si>
  <si>
    <t>Chorhtta</t>
  </si>
  <si>
    <t>Qamar Qasim</t>
  </si>
  <si>
    <t>GPS KOT HAIDER SHAH</t>
  </si>
  <si>
    <t>Kot Haider Shah</t>
  </si>
  <si>
    <t>Moza kot haider shah</t>
  </si>
  <si>
    <t>GPS KOT HAJI FAQIR MUHAMMAD</t>
  </si>
  <si>
    <t>Kot Faqir MuhaMuhaMuhaaMuhaMuhammad</t>
  </si>
  <si>
    <t>GPS kot faqir Muhammad po nanghal kaswal tehsil muridke distt sheikhupura</t>
  </si>
  <si>
    <t>Kot Faqir Muhammad</t>
  </si>
  <si>
    <t>Nanghal Kaswal</t>
  </si>
  <si>
    <t>GPS KOT HAJI IMAM KHAN</t>
  </si>
  <si>
    <t>Kot Imam Khan</t>
  </si>
  <si>
    <t>kot Haji imam Khan,P. o Hanjray kalan Tehsil Pattoki District kasur</t>
  </si>
  <si>
    <t>Hanjray Kalan</t>
  </si>
  <si>
    <t>GPS KOT HAJI YASEEN</t>
  </si>
  <si>
    <t>Kot Haji Yasin</t>
  </si>
  <si>
    <t>Kot Haji Yasin, khokhar Ashraf, Tehsil Chunian, kasur</t>
  </si>
  <si>
    <t>GPS KOT HAKIM ALI</t>
  </si>
  <si>
    <t>Chah sultan wala</t>
  </si>
  <si>
    <t>Chah Sultan wala</t>
  </si>
  <si>
    <t>GPS KOT HAKIM KHAN</t>
  </si>
  <si>
    <t>Kot Hakim Khan</t>
  </si>
  <si>
    <t>village kot hakim khan  tehsil Bhera District  Sargodha</t>
  </si>
  <si>
    <t>Muhammad Mumtaz Ahmed Khan</t>
  </si>
  <si>
    <t>GPS KOT HAKIM SING WALA</t>
  </si>
  <si>
    <t>Kot Hakim Sing</t>
  </si>
  <si>
    <t>gps kot hakim sing wala</t>
  </si>
  <si>
    <t>Phaliani</t>
  </si>
  <si>
    <t>GPS KOT HAMEED</t>
  </si>
  <si>
    <t>Kot Hameed</t>
  </si>
  <si>
    <t>109/7r tehsil  chichawatni dist sahiwal</t>
  </si>
  <si>
    <t>Qudrat Ullah</t>
  </si>
  <si>
    <t>GPS KOT HAMEED KHAN</t>
  </si>
  <si>
    <t>basti qutab shah teh chunian distt kasur</t>
  </si>
  <si>
    <t>GPS KOT HAMMERAJ</t>
  </si>
  <si>
    <t>Kot Hammeraj</t>
  </si>
  <si>
    <t>Basti Kot Hammeraj mouza kot hammeraj adda gajyani bahawalnagar</t>
  </si>
  <si>
    <t>Sawi wala</t>
  </si>
  <si>
    <t>Moeen Hassan</t>
  </si>
  <si>
    <t>GPS KOT HARAR</t>
  </si>
  <si>
    <t>KOT HARRAR</t>
  </si>
  <si>
    <t>KOT HARRAR PO KOTLI LOHARAN WEST SIALKOT</t>
  </si>
  <si>
    <t>BHARTHAN WALA</t>
  </si>
  <si>
    <t>EJAZ AHMAD</t>
  </si>
  <si>
    <t>GPS KOT HARI CHAND</t>
  </si>
  <si>
    <t>mohala rasool nagar line par kamoke tehsile kamoke district gujranwala</t>
  </si>
  <si>
    <t>Kot Rafiq</t>
  </si>
  <si>
    <t>GPS KOT HAROO</t>
  </si>
  <si>
    <t>mouza Kot Haroo</t>
  </si>
  <si>
    <t>GPS KOT HASHMAT</t>
  </si>
  <si>
    <t>KOT Hashmat</t>
  </si>
  <si>
    <t>KOT hashmat</t>
  </si>
  <si>
    <t>Kot Hashmat</t>
  </si>
  <si>
    <t>GPS KOT HASSU</t>
  </si>
  <si>
    <t>Darkhast Jamal Khan Janobi</t>
  </si>
  <si>
    <t>Durkhast jamal Khan janobi the KOT chuttah dest DG khan</t>
  </si>
  <si>
    <t>KOT HASSU</t>
  </si>
  <si>
    <t>Durkhast Jamal Khan Janobi</t>
  </si>
  <si>
    <t>Tufail Ahmad</t>
  </si>
  <si>
    <t>GPS KOT HAYAT</t>
  </si>
  <si>
    <t>Kot Hayat</t>
  </si>
  <si>
    <t>Kot Hayat Warburton</t>
  </si>
  <si>
    <t>GPS KOT HAYAT KHAN</t>
  </si>
  <si>
    <t>KOT HAYAT KHAN</t>
  </si>
  <si>
    <t>Muhammad Amjad Farooq</t>
  </si>
  <si>
    <t>GPS KOT HUSSAIN</t>
  </si>
  <si>
    <t>village kot hussain</t>
  </si>
  <si>
    <t>GPS KOT IMAM DIN PUR PIR WALA</t>
  </si>
  <si>
    <t>Kot Imam din</t>
  </si>
  <si>
    <t>Basti behndaa mouza kot imam din thesil jalal pur pir wala district multan</t>
  </si>
  <si>
    <t>Kot imam din</t>
  </si>
  <si>
    <t>Durab pur</t>
  </si>
  <si>
    <t>GPS KOT ISA SHAH</t>
  </si>
  <si>
    <t>kot ESA shah</t>
  </si>
  <si>
    <t>Kot Essa Shsh</t>
  </si>
  <si>
    <t>GPS KOT ISHAQ</t>
  </si>
  <si>
    <t>Sadar 4GRW</t>
  </si>
  <si>
    <t>kot ishaq Alam chok gala qaberstan wala</t>
  </si>
  <si>
    <t>GPS KOT ISHAQ NO 2</t>
  </si>
  <si>
    <t>Kotishaq</t>
  </si>
  <si>
    <t>Naeem Ahmad</t>
  </si>
  <si>
    <t>GPS KOT ISLAM NO.2 ABDUL HAKIM</t>
  </si>
  <si>
    <t>Sabz Gedar</t>
  </si>
  <si>
    <t>mouza  sabz Gedar tehsial kabirwala district khanewal</t>
  </si>
  <si>
    <t>Dadoana</t>
  </si>
  <si>
    <t>Muhammad Rashid Iqbal</t>
  </si>
  <si>
    <t>GPS KOT JABBI</t>
  </si>
  <si>
    <t>Kot Jabbi</t>
  </si>
  <si>
    <t>GPS KOT JAFFAR</t>
  </si>
  <si>
    <t>village Kot jafar tehsil wazirabad Gujranwala</t>
  </si>
  <si>
    <t>GPS KOT JAILANI</t>
  </si>
  <si>
    <t>kot jailani mouza wahi shah Muhammad,rahim yar khan</t>
  </si>
  <si>
    <t>Kot Jailani</t>
  </si>
  <si>
    <t>GPS KOT JAM WALOO</t>
  </si>
  <si>
    <t>Govt.Boys Primary School Kot jam wallo</t>
  </si>
  <si>
    <t>Kot Jam Wallo</t>
  </si>
  <si>
    <t>GPS KOT JAMBAIR SHAMOLA HAR CHOKI CHONIA</t>
  </si>
  <si>
    <t>Kot Jamber</t>
  </si>
  <si>
    <t>kot jamber</t>
  </si>
  <si>
    <t>GPS KOT JANDU</t>
  </si>
  <si>
    <t>Kot jandu</t>
  </si>
  <si>
    <t>GPS KOT JEETA WALA NO 1</t>
  </si>
  <si>
    <t>Jeety Wala</t>
  </si>
  <si>
    <t>Halladay key jeety wala</t>
  </si>
  <si>
    <t>Hallarkay</t>
  </si>
  <si>
    <t>GPS KOT KADIR BAKHSH</t>
  </si>
  <si>
    <t>Kot Kadir Bakhsh</t>
  </si>
  <si>
    <t>kot kadir bakhsh,post office Vanike Tarar Teh &amp;Dist Hafizabad</t>
  </si>
  <si>
    <t>Jabran Nazeer</t>
  </si>
  <si>
    <t>GPS KOT KALAL</t>
  </si>
  <si>
    <t>village kot kalal</t>
  </si>
  <si>
    <t>Shamas Ud Din</t>
  </si>
  <si>
    <t>GPS KOT KALAN</t>
  </si>
  <si>
    <t>Kot Kalan</t>
  </si>
  <si>
    <t>Mohallah Kot Kalan Pind Dadan Khan</t>
  </si>
  <si>
    <t>GPS KOT KAMAL DIN</t>
  </si>
  <si>
    <t>kot kamal din center dakhli bhukan post office hujra. teh. depalpur dist. okara</t>
  </si>
  <si>
    <t>Kot Kamal Din</t>
  </si>
  <si>
    <t>Phulrawan</t>
  </si>
  <si>
    <t>GPS KOT KAMEER</t>
  </si>
  <si>
    <t>Kot Kameer</t>
  </si>
  <si>
    <t>village kot kameer p.o box vanikay tarar tehsil and dist hafizabad</t>
  </si>
  <si>
    <t>GPS KOT KANA</t>
  </si>
  <si>
    <t>Kot kana</t>
  </si>
  <si>
    <t>kot kana Gujrat</t>
  </si>
  <si>
    <t>Saira Nazar</t>
  </si>
  <si>
    <t>GPS KOT KARAM DIN</t>
  </si>
  <si>
    <t>Kot Karm Din</t>
  </si>
  <si>
    <t>kot karm din district nankana</t>
  </si>
  <si>
    <t>Wrbrton Chak575</t>
  </si>
  <si>
    <t>GPS KOT KARIM BAKHSH</t>
  </si>
  <si>
    <t>Abdul Wahid Khambra</t>
  </si>
  <si>
    <t>Basti kot sial</t>
  </si>
  <si>
    <t>Kot Sial</t>
  </si>
  <si>
    <t>GPS KOT KARIM BUKHSH P/O PADHANA CHAK 45</t>
  </si>
  <si>
    <t>Kot Karim Bakhash</t>
  </si>
  <si>
    <t>kot Karim Bakhash</t>
  </si>
  <si>
    <t>GPS KOT KARMDAD</t>
  </si>
  <si>
    <t>Kot Karm Dad</t>
  </si>
  <si>
    <t>kot karm dad</t>
  </si>
  <si>
    <t>GPS KOT KATHIA</t>
  </si>
  <si>
    <t>Kot Kathia</t>
  </si>
  <si>
    <t>near moza lalaira p/o sarai sidhu</t>
  </si>
  <si>
    <t>Lalaira</t>
  </si>
  <si>
    <t>GPS KOT KESHO</t>
  </si>
  <si>
    <t>Kot Kesho</t>
  </si>
  <si>
    <t>Kot Kesho P.O Chabba Sindhwan Tehsil Nowshera Virkan District Gujranwala</t>
  </si>
  <si>
    <t>Kot kesho</t>
  </si>
  <si>
    <t>FAISAL RASHEED</t>
  </si>
  <si>
    <t>GPS KOT KHAIRA EAST</t>
  </si>
  <si>
    <t>Abadi karam Hussain shah moza kot khaira,jhang</t>
  </si>
  <si>
    <t>Qaisar abbas</t>
  </si>
  <si>
    <t>GPS KOT KHEEWALI</t>
  </si>
  <si>
    <t>Kot Kheewali</t>
  </si>
  <si>
    <t>GPS KOT KHUDA BUKHSH</t>
  </si>
  <si>
    <t>Aljamia</t>
  </si>
  <si>
    <t>aljamia</t>
  </si>
  <si>
    <t>Qabulla</t>
  </si>
  <si>
    <t>GPS KOT KHUDA YAR</t>
  </si>
  <si>
    <t>kot khuda yar</t>
  </si>
  <si>
    <t>Rifat Naeem</t>
  </si>
  <si>
    <t>GPS KOT KHUSHAL</t>
  </si>
  <si>
    <t>vpo kufri</t>
  </si>
  <si>
    <t>Habib Sultan</t>
  </si>
  <si>
    <t>GPS KOT KORAAEE</t>
  </si>
  <si>
    <t>Kot Korai</t>
  </si>
  <si>
    <t>Post office 122/WB.Moza kot korai. Tehsil Mailsi, District Vehari.</t>
  </si>
  <si>
    <t>88/ WB</t>
  </si>
  <si>
    <t>Muhammad Nauman Nazar</t>
  </si>
  <si>
    <t>GPS KOT LAD KHAN</t>
  </si>
  <si>
    <t>kot lad khan</t>
  </si>
  <si>
    <t>kot Lad Khan post office talwandi post code 55020</t>
  </si>
  <si>
    <t>MUHAMMAD ARSALAN  NASIR</t>
  </si>
  <si>
    <t>GPS KOT LAHAB DAS</t>
  </si>
  <si>
    <t>Kot Lahb Das</t>
  </si>
  <si>
    <t>village kot lahb das nankana sahib</t>
  </si>
  <si>
    <t>Ahsan Raza</t>
  </si>
  <si>
    <t>GPS KOT LAIKH RAJ</t>
  </si>
  <si>
    <t>basti rasool pur manthar road post office rasheedabad tehsil and district rahim yar khan</t>
  </si>
  <si>
    <t>Ryk Deh</t>
  </si>
  <si>
    <t>GPS KOT LAL SHAH</t>
  </si>
  <si>
    <t>moza kot lal shah tehsil and district lodhran</t>
  </si>
  <si>
    <t>GPS KOT LAL SHAH NO.2</t>
  </si>
  <si>
    <t>drasti Wala lodhran</t>
  </si>
  <si>
    <t>Drasti Wala</t>
  </si>
  <si>
    <t>Rao Abdullah Naeem</t>
  </si>
  <si>
    <t>GPS KOT LANGAH</t>
  </si>
  <si>
    <t>Kot Langah</t>
  </si>
  <si>
    <t>Basti Lal Khan Moza Kot Langah</t>
  </si>
  <si>
    <t>Basti Lal Khan</t>
  </si>
  <si>
    <t>Irshad Ali</t>
  </si>
  <si>
    <t>GPS KOT LEHNA DAS</t>
  </si>
  <si>
    <t>Mallji</t>
  </si>
  <si>
    <t>Kot Lehna das  Teshil &amp; district Nankana Sahib</t>
  </si>
  <si>
    <t>Dare Da Wara</t>
  </si>
  <si>
    <t>Abbas Ali Shaker</t>
  </si>
  <si>
    <t>GPS KOT MAAN SINGH</t>
  </si>
  <si>
    <t>KOT MAAN SINGH</t>
  </si>
  <si>
    <t>KOT MAAN SINGH P/O CHAK BEDI  PAKPATTAN</t>
  </si>
  <si>
    <t>Imran Ahmed</t>
  </si>
  <si>
    <t>GPS KOT MACHIAN</t>
  </si>
  <si>
    <t>Kot Haitram</t>
  </si>
  <si>
    <t>kot machian p/o beherwal kalan</t>
  </si>
  <si>
    <t>Kot Machian</t>
  </si>
  <si>
    <t>Bhuni Key Ottar</t>
  </si>
  <si>
    <t>GPS KOT MAHARAJ</t>
  </si>
  <si>
    <t>Kotmahraj</t>
  </si>
  <si>
    <t>village kotmahraj teh:sambrial Dist:sialkot</t>
  </si>
  <si>
    <t>Kotmehraj</t>
  </si>
  <si>
    <t>Tahir Sharif</t>
  </si>
  <si>
    <t>GPS KOT MAHI P/O DHUPA</t>
  </si>
  <si>
    <t>Kot Mahi</t>
  </si>
  <si>
    <t>chack kot mahi p/o dhupai pakpattan</t>
  </si>
  <si>
    <t>GPS KOT MAHMOOD</t>
  </si>
  <si>
    <t>kot mehmood p/o kot mehmood tehsil sharaqpur district sheikhupura</t>
  </si>
  <si>
    <t>GPS KOT MALANA, ABDUL HAKIM</t>
  </si>
  <si>
    <t>Kotmalana</t>
  </si>
  <si>
    <t>mouza kotmalana markaz abdulhakim</t>
  </si>
  <si>
    <t>Hussainabad Awwal</t>
  </si>
  <si>
    <t>GPS KOT MANGA PO MUHAMMAD PUR</t>
  </si>
  <si>
    <t>kot Manga p/o Muhammadi pur</t>
  </si>
  <si>
    <t>GPS KOT MANZOOR</t>
  </si>
  <si>
    <t>Kot Manzoor</t>
  </si>
  <si>
    <t>KOT MANZOOR P/O MORE KHUNDA</t>
  </si>
  <si>
    <t>MORA</t>
  </si>
  <si>
    <t>Waheed Murad</t>
  </si>
  <si>
    <t>GPS KOT MARI</t>
  </si>
  <si>
    <t>kot mari</t>
  </si>
  <si>
    <t>gps kot mari</t>
  </si>
  <si>
    <t>chak chudary</t>
  </si>
  <si>
    <t>GPS KOT MASTA</t>
  </si>
  <si>
    <t>Kot Masta</t>
  </si>
  <si>
    <t>village kot masta tehsil Daska Disst Sialkot</t>
  </si>
  <si>
    <t>Goind Key</t>
  </si>
  <si>
    <t>GPS KOT MATA SAR</t>
  </si>
  <si>
    <t>Mundeki</t>
  </si>
  <si>
    <t>Kot Mata Sir Teh Chunian q</t>
  </si>
  <si>
    <t>Kot Mata Sir</t>
  </si>
  <si>
    <t>AbdulGhafoor Bhatti</t>
  </si>
  <si>
    <t>GPS KOT MEER</t>
  </si>
  <si>
    <t>Kot Meer</t>
  </si>
  <si>
    <t>Kot Meer Wazirabad</t>
  </si>
  <si>
    <t>GPS KOT MEHDI SHAH</t>
  </si>
  <si>
    <t>MOUZA ZAFFAR ABAD CITY</t>
  </si>
  <si>
    <t>JANGLAN</t>
  </si>
  <si>
    <t>Ghulam Muhammad Nadeem</t>
  </si>
  <si>
    <t>GPS KOT MENAHI GEHLAN HITAR</t>
  </si>
  <si>
    <t>GPS Kot Menhai Gehlan Hithar</t>
  </si>
  <si>
    <t>Tubewell</t>
  </si>
  <si>
    <t>GPS KOT MIAN KHAN</t>
  </si>
  <si>
    <t>kot mian khan</t>
  </si>
  <si>
    <t>Sarfaz Ahmed</t>
  </si>
  <si>
    <t>GPS KOT MIRAN</t>
  </si>
  <si>
    <t>Kot Meeran</t>
  </si>
  <si>
    <t>Gps kot meeran</t>
  </si>
  <si>
    <t>irshad Ahmad</t>
  </si>
  <si>
    <t>GPS KOT MIRZA JAN</t>
  </si>
  <si>
    <t>Kot  Mirza  Jan</t>
  </si>
  <si>
    <t>gps  kot  mirza. jan</t>
  </si>
  <si>
    <t>Kot   Mirza  Jan</t>
  </si>
  <si>
    <t>Kotli  Nawab</t>
  </si>
  <si>
    <t>GPS KOT MISRI</t>
  </si>
  <si>
    <t>Kot Misri</t>
  </si>
  <si>
    <t>kot misri</t>
  </si>
  <si>
    <t>353wb</t>
  </si>
  <si>
    <t>GPS KOT MITHA KHAN</t>
  </si>
  <si>
    <t>Kot Mitha Khan</t>
  </si>
  <si>
    <t>Basti Nandna</t>
  </si>
  <si>
    <t>GPS KOT MOHAMMAD YAR</t>
  </si>
  <si>
    <t>KOT MUHAMMAD  YAR</t>
  </si>
  <si>
    <t>2 Km SARGODHA ROAD CHINIOT</t>
  </si>
  <si>
    <t>GPS KOT MOHLA</t>
  </si>
  <si>
    <t>Kot Mohla</t>
  </si>
  <si>
    <t>mozakotmohla teh .&amp;dist.jhang</t>
  </si>
  <si>
    <t>Ali Abbas Khan</t>
  </si>
  <si>
    <t>GPS KOT MOKHAL</t>
  </si>
  <si>
    <t>village kot Mokhal p/o satrah tehsil Daska district Sialkot</t>
  </si>
  <si>
    <t>GPS KOT MOLADAD NANKANA SAHIB</t>
  </si>
  <si>
    <t>kotMoladad Nankana Sahib</t>
  </si>
  <si>
    <t>KotMoladad</t>
  </si>
  <si>
    <t>Khayaray Kalan</t>
  </si>
  <si>
    <t>Usman Rasheed</t>
  </si>
  <si>
    <t>GPS KOT MOTA SINGH</t>
  </si>
  <si>
    <t>kot mota singh p/o khudian khas tehsil &amp; District kasur</t>
  </si>
  <si>
    <t>GPS KOT MUHABAT</t>
  </si>
  <si>
    <t>Kot Muhabat</t>
  </si>
  <si>
    <t>GPS  kot muhabat</t>
  </si>
  <si>
    <t>GPS KOT MUHAMMAD AMEER</t>
  </si>
  <si>
    <t>kot Muhammad ameer</t>
  </si>
  <si>
    <t>Rameez Tahir</t>
  </si>
  <si>
    <t>GPS KOT MUHAMMAD BAKHSH</t>
  </si>
  <si>
    <t>Deosial</t>
  </si>
  <si>
    <t>kot Rodi p/o hussain khan wala chak#8 Teh.chunian Distt.kasur</t>
  </si>
  <si>
    <t>Kot Rodi</t>
  </si>
  <si>
    <t>GPS KOT MUHAMMAD CHARGAH</t>
  </si>
  <si>
    <t>KOT CHARAGH</t>
  </si>
  <si>
    <t>KOT CHARAGH P/O DHUTTAY TEHSIL CHUNIAN DISTRICT KASUR</t>
  </si>
  <si>
    <t>DHUTTAY</t>
  </si>
  <si>
    <t>IRFAN RASHID</t>
  </si>
  <si>
    <t>GPS KOT MUHAMMAD DIN</t>
  </si>
  <si>
    <t>Kot Muhammad Din</t>
  </si>
  <si>
    <t>kot Muhammad din P\O Narang Mandi Mindi SKP</t>
  </si>
  <si>
    <t>Ladeki</t>
  </si>
  <si>
    <t>GPS KOT MUHAMMAD DIN KOTHA KALAN</t>
  </si>
  <si>
    <t>Kot M Din Kotha</t>
  </si>
  <si>
    <t>Jawad Habib</t>
  </si>
  <si>
    <t>GPS KOT MUHAMMAD HASSAN</t>
  </si>
  <si>
    <t>Kot Muhammad Hassan</t>
  </si>
  <si>
    <t>Muhammad  Saeed</t>
  </si>
  <si>
    <t>GPS KOT MUHAMMAD HUSSAIN (HUJRA)</t>
  </si>
  <si>
    <t>HUJRA Shah Muqeem Muqeem</t>
  </si>
  <si>
    <t>kot muhammad Hussain Hujra Shah Muqeem</t>
  </si>
  <si>
    <t>Kot Muhammad Hussain Hujra Shah Muqeem</t>
  </si>
  <si>
    <t>mc hujra shah muqeem</t>
  </si>
  <si>
    <t>GPS KOT MUHAMMAD NAWAZ</t>
  </si>
  <si>
    <t>Baba Khaim Singh</t>
  </si>
  <si>
    <t>kot Muhammad nawaz,haveli, shamad raod ,teh.depalpur,dist.okara</t>
  </si>
  <si>
    <t>Kot Muhammad Nawaz</t>
  </si>
  <si>
    <t>Meher Sha Khaga</t>
  </si>
  <si>
    <t>GPS KOT MUHAMMAD SADIQ</t>
  </si>
  <si>
    <t>Gujjan dhudi</t>
  </si>
  <si>
    <t>Kot sadiq Lalika Minchin Abad</t>
  </si>
  <si>
    <t>Kot sadiq</t>
  </si>
  <si>
    <t>GPS KOT MUHAMMAD YAR</t>
  </si>
  <si>
    <t>Kot Muhammad Yar,Mauza Allah Yar Jutta, Tehsil Shorkot (Jhang).</t>
  </si>
  <si>
    <t>Muhammad Naveed Akhtar</t>
  </si>
  <si>
    <t>GPS KOT MULTANIAN WALA</t>
  </si>
  <si>
    <t>village kot Multanianwala, P.O. Helan, Teh. Phalia,Distribution. M.B.Din.</t>
  </si>
  <si>
    <t>GPS KOT MUSA KHAN</t>
  </si>
  <si>
    <t>Hafiz Muhammad Umar Masood</t>
  </si>
  <si>
    <t>GPS KOT NABI BAKHSH</t>
  </si>
  <si>
    <t>Kot Nabi Buksh</t>
  </si>
  <si>
    <t>GPS kot nabi buksh majeed colony wandala road feeozwala distrect skp</t>
  </si>
  <si>
    <t>Majeed Colony</t>
  </si>
  <si>
    <t>Wandala Dyal Shah</t>
  </si>
  <si>
    <t>Aleem ahmad</t>
  </si>
  <si>
    <t>GPS KOT NABI SHAH</t>
  </si>
  <si>
    <t>kot nabi shah</t>
  </si>
  <si>
    <t>GPS KOT NADHAN</t>
  </si>
  <si>
    <t>Kot Nadhan</t>
  </si>
  <si>
    <t>P.O. Nokhar, village kot Nadhan</t>
  </si>
  <si>
    <t>Shahid Nisar</t>
  </si>
  <si>
    <t>GPS KOT NAINAN</t>
  </si>
  <si>
    <t>kot nainam</t>
  </si>
  <si>
    <t>kot nainan</t>
  </si>
  <si>
    <t>Muhammad ansar khan</t>
  </si>
  <si>
    <t>GPS KOT NANAK</t>
  </si>
  <si>
    <t>Kot nanak</t>
  </si>
  <si>
    <t>GPS KOT NANAK SINGH</t>
  </si>
  <si>
    <t>Kot Nanak Singh</t>
  </si>
  <si>
    <t>KOT NANAK SINGH P/O CHANGA MANGA TESIL PATTOKI DISTT: KASUR</t>
  </si>
  <si>
    <t>Kot NanakSingh P/O Changa Manga Teh: Pattoki Distt</t>
  </si>
  <si>
    <t>JUMBER KALA</t>
  </si>
  <si>
    <t>muhammad ashfaq</t>
  </si>
  <si>
    <t>GPS KOT NASIR KHAN</t>
  </si>
  <si>
    <t>kot Nasir khan</t>
  </si>
  <si>
    <t>Kot NASIR KHAN</t>
  </si>
  <si>
    <t>Pimar Otar</t>
  </si>
  <si>
    <t>GPS KOT NAWAB KHAN</t>
  </si>
  <si>
    <t>Nawab Kot</t>
  </si>
  <si>
    <t>NAWAB KOT PO MAHMUN WALI TEH &amp;DISTT SHEIKHUPURA</t>
  </si>
  <si>
    <t>NAWAB KOT</t>
  </si>
  <si>
    <t>TIBBI HAMBO</t>
  </si>
  <si>
    <t>GPS KOT NAWAN</t>
  </si>
  <si>
    <t>Vinjovali</t>
  </si>
  <si>
    <t>Mubbasher Ali</t>
  </si>
  <si>
    <t>GPS KOT NAWAN LOK</t>
  </si>
  <si>
    <t>Kot Nawan Lok</t>
  </si>
  <si>
    <t>kot nawan lok teh &amp;distt gujrt</t>
  </si>
  <si>
    <t>Shaheryar Saleem</t>
  </si>
  <si>
    <t>GPS KOT NAZIR AHMAD</t>
  </si>
  <si>
    <t>Kot Nazir Ahmed</t>
  </si>
  <si>
    <t>village kot nazir Ahmed tehsil Muridke</t>
  </si>
  <si>
    <t>Kot Nazir</t>
  </si>
  <si>
    <t>Lambarry</t>
  </si>
  <si>
    <t>GPS KOT NAZIR BHATTI</t>
  </si>
  <si>
    <t>Not Nazir Bhatti</t>
  </si>
  <si>
    <t>kot nazir bhatti near megha tehsil pattoki dist kasur</t>
  </si>
  <si>
    <t>Kot Nazir bhatti</t>
  </si>
  <si>
    <t>Muhammad Salman Nasir</t>
  </si>
  <si>
    <t>GPS KOT NAZIR HUSSAIN</t>
  </si>
  <si>
    <t>Ko Nazar Hussain</t>
  </si>
  <si>
    <t>Gaon kot nazar hussain warburton road tehsil and distt. nankana sahib</t>
  </si>
  <si>
    <t>Kot Nazar Hussain</t>
  </si>
  <si>
    <t>GPS KOT NIAZ TANDLIANWALA</t>
  </si>
  <si>
    <t>Dekadhi Aalam Dekadhi AalamShah</t>
  </si>
  <si>
    <t>kakki bhor kot niaz tandlianwala district faisalabad</t>
  </si>
  <si>
    <t>Kot Niaz</t>
  </si>
  <si>
    <t>Chak 615 GB</t>
  </si>
  <si>
    <t>Muhammad Waqas Ashraf</t>
  </si>
  <si>
    <t>GPS KOT NIZAM</t>
  </si>
  <si>
    <t>kot nizam teh. pindi bhattian.</t>
  </si>
  <si>
    <t>GPS KOT NIZAM DIN</t>
  </si>
  <si>
    <t>GPS Noul Kot Nizam Din Kasur</t>
  </si>
  <si>
    <t>Chirewan</t>
  </si>
  <si>
    <t>GPS KOT NONEHAL SINGH</t>
  </si>
  <si>
    <t>Gps kot nonehal singh</t>
  </si>
  <si>
    <t>Kot Nonehal Singh</t>
  </si>
  <si>
    <t>Ahmad Ali Bhatti</t>
  </si>
  <si>
    <t>GPS KOT NOOR MUHAMMAD</t>
  </si>
  <si>
    <t>Kot Noor Muhammad Muhammad Muhammad  Muhammad Muhammad</t>
  </si>
  <si>
    <t>Kot Noor Muhammad, Post Office Dhuttay, Tehsil Chunian, District Kasur.</t>
  </si>
  <si>
    <t>Kot Noor Muhammad Muhammad</t>
  </si>
  <si>
    <t>GPS KOT NOSHEER</t>
  </si>
  <si>
    <t>Kot Noshair</t>
  </si>
  <si>
    <t>Kot Noshair near Mora Kalan p/o More Khunda Teh &amp; Distt Nankana Sahib</t>
  </si>
  <si>
    <t>Allah Tawakkal</t>
  </si>
  <si>
    <t>deep water pump</t>
  </si>
  <si>
    <t>GPS KOT NOU BAHAR</t>
  </si>
  <si>
    <t>Kot Nou Bahar</t>
  </si>
  <si>
    <t>Jogay Kot Nou Bahar</t>
  </si>
  <si>
    <t>Khateeb Ahmed</t>
  </si>
  <si>
    <t>GPS KOT ORARI</t>
  </si>
  <si>
    <t>Kot Orari</t>
  </si>
  <si>
    <t>GPS KOT PANAH</t>
  </si>
  <si>
    <t>Panah Kot</t>
  </si>
  <si>
    <t>kot panah tehsil and distt hafizabad</t>
  </si>
  <si>
    <t>Haider ali</t>
  </si>
  <si>
    <t>GPS KOT PANCHAN WALA</t>
  </si>
  <si>
    <t>Kot Panchanwala</t>
  </si>
  <si>
    <t>kot Panchanwala</t>
  </si>
  <si>
    <t>Hallar Kay Pemar</t>
  </si>
  <si>
    <t>Muhammad Arshed Javed</t>
  </si>
  <si>
    <t>GPS KOT PATHAN</t>
  </si>
  <si>
    <t>Darhah</t>
  </si>
  <si>
    <t>moza allah abad</t>
  </si>
  <si>
    <t>GPS KOT PINDI WALA</t>
  </si>
  <si>
    <t>V&amp;P.O kot Pindi Wala Teh.Phalia District M.B.Din.</t>
  </si>
  <si>
    <t>GPS KOT QAIM DIN</t>
  </si>
  <si>
    <t>Kot Qaim Din</t>
  </si>
  <si>
    <t>kot qaim din</t>
  </si>
  <si>
    <t>GPS KOT QAISRANI NO. 2</t>
  </si>
  <si>
    <t>water suplly schem</t>
  </si>
  <si>
    <t>GPS KOT QAISRANI NO.1</t>
  </si>
  <si>
    <t>Abdul Hanif</t>
  </si>
  <si>
    <t>GPS KOT QANOONGO P/O 22/E.B ARIF WALA</t>
  </si>
  <si>
    <t>Kot Qanoon Go</t>
  </si>
  <si>
    <t>kot Qanoon go p/o 22/EB arifwala</t>
  </si>
  <si>
    <t>Kot Qannon Go</t>
  </si>
  <si>
    <t>Mehmoob Hussain</t>
  </si>
  <si>
    <t>GPS KOT QASIM</t>
  </si>
  <si>
    <t>kot Qasim Tehsil Hafizabad District Hafizabad</t>
  </si>
  <si>
    <t>GPS KOT QASIM P/O SHER SHAH MULTAN</t>
  </si>
  <si>
    <t>GPS Kot Qasim P/O Sher Shah Multan</t>
  </si>
  <si>
    <t>Basti Kot Qasim</t>
  </si>
  <si>
    <t>Ali Nawaz</t>
  </si>
  <si>
    <t>GPS KOT QAZI PO KARAM PUR</t>
  </si>
  <si>
    <t>GPS kot Qazi</t>
  </si>
  <si>
    <t>GPS KOT QUATAB</t>
  </si>
  <si>
    <t>Kot Qutub</t>
  </si>
  <si>
    <t>Kot Qutub post office Iqbalabad</t>
  </si>
  <si>
    <t>KOT QUTUB</t>
  </si>
  <si>
    <t>GPS KOT QUTAB DIN</t>
  </si>
  <si>
    <t>Kot Qutab Din  Tehsil &amp; District Gujrat</t>
  </si>
  <si>
    <t>GPS KOT RAB NAWAZ P/O JHOKE LASHKAR PUR</t>
  </si>
  <si>
    <t>Miyani Rawah</t>
  </si>
  <si>
    <t>GPS KOT RAB NAWAZ P/ O JHOKE LASHKAR PUR VEHARI ROAD</t>
  </si>
  <si>
    <t>Umar Farooq Nizami</t>
  </si>
  <si>
    <t>GPS KOT RAHMU</t>
  </si>
  <si>
    <t>kot rahmu</t>
  </si>
  <si>
    <t>pgs kot rahmu tehsil lalian distric chiniot</t>
  </si>
  <si>
    <t>Kot Rahmu</t>
  </si>
  <si>
    <t>Hust khewa</t>
  </si>
  <si>
    <t>shakeel ahmed</t>
  </si>
  <si>
    <t>GPS KOT RAI AMEER ALI</t>
  </si>
  <si>
    <t>Govt primary school, kot rai ameer ali Nankana sahib</t>
  </si>
  <si>
    <t>Fatah Thatta</t>
  </si>
  <si>
    <t>Muhammad Ashraf Zia Butt</t>
  </si>
  <si>
    <t>GPS KOT RAJA</t>
  </si>
  <si>
    <t>Kot raja .teh ,kot momin.dis sargodha</t>
  </si>
  <si>
    <t>GPS KOT RATAN SINGH</t>
  </si>
  <si>
    <t>Chunian Ottar</t>
  </si>
  <si>
    <t>Kot Rattan singh teh chunian dist kasur p.o chunian kasur</t>
  </si>
  <si>
    <t>KOT Rattan Singh</t>
  </si>
  <si>
    <t>GPS KOT REHMAT</t>
  </si>
  <si>
    <t>Kot Rehmat</t>
  </si>
  <si>
    <t>kot Rehmat</t>
  </si>
  <si>
    <t>GPS KOT RUSTAM</t>
  </si>
  <si>
    <t>Mouza Kot Rustam tehsil 18hazari Distt jhang</t>
  </si>
  <si>
    <t>KOT Murad</t>
  </si>
  <si>
    <t>GPS KOT SAAWAN</t>
  </si>
  <si>
    <t>Mauza kot sawan</t>
  </si>
  <si>
    <t>Baqir Khan</t>
  </si>
  <si>
    <t>GPS KOT SADDAR DIN</t>
  </si>
  <si>
    <t>Kot Sadar din moza ladi p/o Allahabad tehsil chunian district kasur</t>
  </si>
  <si>
    <t>Kot Sadar Din</t>
  </si>
  <si>
    <t>GPS KOT SADHARA</t>
  </si>
  <si>
    <t>kot sadhara</t>
  </si>
  <si>
    <t>KOT SADHARA</t>
  </si>
  <si>
    <t>GPS KOT SAEED</t>
  </si>
  <si>
    <t>Muhammad Khalid Rehman</t>
  </si>
  <si>
    <t>GPS KOT SAI SINGH</t>
  </si>
  <si>
    <t>Mouza Kot sai singh</t>
  </si>
  <si>
    <t>GPS KOT SAITHAN SKP</t>
  </si>
  <si>
    <t>Kot Saithan Farooqabad Sheikhupura</t>
  </si>
  <si>
    <t>Kot Saithan</t>
  </si>
  <si>
    <t>GPS KOT SAMABA</t>
  </si>
  <si>
    <t>GPS Kot Samaba Teacher's Colony</t>
  </si>
  <si>
    <t>Mohammad Jaliluddin</t>
  </si>
  <si>
    <t>GPS KOT SAMBRIAL</t>
  </si>
  <si>
    <t>Shera Abad Sambrial</t>
  </si>
  <si>
    <t>GPS Kot Sambrial, Moh. Sher Abad</t>
  </si>
  <si>
    <t>Moh SherAbad</t>
  </si>
  <si>
    <t>Zafar Iqbal Warraich</t>
  </si>
  <si>
    <t>GPS KOT SARANG</t>
  </si>
  <si>
    <t>gps kot sarang teh talagang distt chakwal</t>
  </si>
  <si>
    <t>Nuzhat Afshan</t>
  </si>
  <si>
    <t>GPS KOT SARDAR M. SIDDIQUE</t>
  </si>
  <si>
    <t>kot sardar m siddique (salamat  pura) markaz usman wala</t>
  </si>
  <si>
    <t>Muhammad Arshad Sajid</t>
  </si>
  <si>
    <t>GPS KOT SAROOB KHAN LAHORE</t>
  </si>
  <si>
    <t>Kot Saroob Khan</t>
  </si>
  <si>
    <t>GPS Kot Saroob Khan</t>
  </si>
  <si>
    <t>Jhaman</t>
  </si>
  <si>
    <t>GPS KOT SARWAR</t>
  </si>
  <si>
    <t>Kotsarwer</t>
  </si>
  <si>
    <t>kotsarwer</t>
  </si>
  <si>
    <t>GPS KOT SATTAR GHARBI</t>
  </si>
  <si>
    <t>Kot Sattar Gharbi</t>
  </si>
  <si>
    <t>village Kot sattar Gharbi Teh phalia distt.M.b.din</t>
  </si>
  <si>
    <t>Muhammad Fahad Mukhtar</t>
  </si>
  <si>
    <t>GPS KOT SAYIDAN</t>
  </si>
  <si>
    <t>Village Kot Syedan Teh Muridke Distt Skp</t>
  </si>
  <si>
    <t>GPS KOT SHADI RAIWIND</t>
  </si>
  <si>
    <t>dola mola darbar raiwind</t>
  </si>
  <si>
    <t>Hafiz Rashid Ali</t>
  </si>
  <si>
    <t>GPS KOT SHAH</t>
  </si>
  <si>
    <t>GPS kot Shah</t>
  </si>
  <si>
    <t>Hassan Pur Tarund</t>
  </si>
  <si>
    <t>Nasim Abbas</t>
  </si>
  <si>
    <t>GPS KOT SHAH NAWAZ</t>
  </si>
  <si>
    <t>Kot Shah Nawaz</t>
  </si>
  <si>
    <t>gps kot shah nawaz tehsil kot momin district sargodha</t>
  </si>
  <si>
    <t>ARSLAN NAWAZ</t>
  </si>
  <si>
    <t>GPS KOT SHAMAS</t>
  </si>
  <si>
    <t>Kot Shamas</t>
  </si>
  <si>
    <t>vilage kot shamas p/o khas kunjah tehsil and dist. gujrat</t>
  </si>
  <si>
    <t>GPS KOT SHER KHAN</t>
  </si>
  <si>
    <t>kot sher khan</t>
  </si>
  <si>
    <t>basir pur kot sher khan</t>
  </si>
  <si>
    <t>maroof</t>
  </si>
  <si>
    <t>GPS KOT SHER MUHAMMAD</t>
  </si>
  <si>
    <t>vop kot sher muhammad</t>
  </si>
  <si>
    <t>Asmat ullah</t>
  </si>
  <si>
    <t>GPS KOT SHERA</t>
  </si>
  <si>
    <t>vpo kot shera</t>
  </si>
  <si>
    <t>GPS KOT SHERWANI DAKHLI RAKH MALKA HANS</t>
  </si>
  <si>
    <t>Kot Sherwani Rakh Malka Hans</t>
  </si>
  <si>
    <t>GPS KOT SULEMANE KHAN</t>
  </si>
  <si>
    <t>Abadi kumharan</t>
  </si>
  <si>
    <t>Abadi Kumharan</t>
  </si>
  <si>
    <t>Ashfaq Ahmad Sabir</t>
  </si>
  <si>
    <t>GPS KOT SULTAN PUR</t>
  </si>
  <si>
    <t>KOT SULTAN PUR</t>
  </si>
  <si>
    <t>MOUZA KOT SULTAN PUR P, O JABOKA TEHSIL &amp; DISTRICT OKARA</t>
  </si>
  <si>
    <t>GPS KOT SYDAN</t>
  </si>
  <si>
    <t>kot syedan w o 16</t>
  </si>
  <si>
    <t>motor boring</t>
  </si>
  <si>
    <t>GPS KOT SYEDAN</t>
  </si>
  <si>
    <t>kot syedan p/o hanjarni kalan,tehsil pattoki,district kasur</t>
  </si>
  <si>
    <t>Hanjrani Kalan</t>
  </si>
  <si>
    <t>Hanjarni Kalan</t>
  </si>
  <si>
    <t>GPS KOT TALAB</t>
  </si>
  <si>
    <t>kot talab</t>
  </si>
  <si>
    <t>Kot Talab</t>
  </si>
  <si>
    <t>GPS KOT UMAR</t>
  </si>
  <si>
    <t>kot umer</t>
  </si>
  <si>
    <t>moza kot umer, chiniot.</t>
  </si>
  <si>
    <t>Shamsul Hassan Shahid</t>
  </si>
  <si>
    <t>GPS KOT UMER</t>
  </si>
  <si>
    <t>Kot Umer</t>
  </si>
  <si>
    <t>v.p.o kot umer,pd khan jhelum</t>
  </si>
  <si>
    <t>Muhammad ANWAR</t>
  </si>
  <si>
    <t>GPS KOT UMRANA</t>
  </si>
  <si>
    <t>KOTUMRANA</t>
  </si>
  <si>
    <t>kotumrana</t>
  </si>
  <si>
    <t>Syed Sajjad Haider Bukhari</t>
  </si>
  <si>
    <t>GPS KOT WADHAWA SIGH</t>
  </si>
  <si>
    <t>Govt primary school kot wadhawa singh lahore</t>
  </si>
  <si>
    <t>Kamaha</t>
  </si>
  <si>
    <t>Mughees Irslan</t>
  </si>
  <si>
    <t>GPS KOT WALA</t>
  </si>
  <si>
    <t>chaha barko wala</t>
  </si>
  <si>
    <t>Barko Wala</t>
  </si>
  <si>
    <t>GPS KOT WALI MUHAMMAD</t>
  </si>
  <si>
    <t>u/s sikhani wala tehseel and district rajan pur</t>
  </si>
  <si>
    <t>Sadaqat Hussain</t>
  </si>
  <si>
    <t>GPS KOT WASAVA SINGH WALA</t>
  </si>
  <si>
    <t>kot wasawa singh</t>
  </si>
  <si>
    <t>GPS kot wasawa singh</t>
  </si>
  <si>
    <t>Muhammad Mubeen</t>
  </si>
  <si>
    <t>GPS KOT WASU RAM BASTI PIRAY WALA</t>
  </si>
  <si>
    <t>peary wala mor mouza madina</t>
  </si>
  <si>
    <t>Peary Wala</t>
  </si>
  <si>
    <t>Panjkoha</t>
  </si>
  <si>
    <t>Riaz Bashir</t>
  </si>
  <si>
    <t>GPS KOT YOUSAF</t>
  </si>
  <si>
    <t>Kot  Yousaf</t>
  </si>
  <si>
    <t>GPS kot  yousaf</t>
  </si>
  <si>
    <t>KottYousaf</t>
  </si>
  <si>
    <t>Jora Sayyan</t>
  </si>
  <si>
    <t>Aftab Azhar</t>
  </si>
  <si>
    <t>GPS KOT ZAINDI</t>
  </si>
  <si>
    <t>kot salabat tehsil fateh jang distt attock</t>
  </si>
  <si>
    <t>jabbi kasran</t>
  </si>
  <si>
    <t>Sakhawat Ali Khan</t>
  </si>
  <si>
    <t>GPS KOTANI</t>
  </si>
  <si>
    <t>P/O Kotani the:taunsa District DGK</t>
  </si>
  <si>
    <t>GPS KOTE WALI</t>
  </si>
  <si>
    <t>village kotewali p/o haddowali tehsil jand district attock</t>
  </si>
  <si>
    <t>Azhar Nadeem</t>
  </si>
  <si>
    <t>GPS KOTEHRA</t>
  </si>
  <si>
    <t>Bhikhari Kalah</t>
  </si>
  <si>
    <t>bhikhari Kalah district chakwal</t>
  </si>
  <si>
    <t>Kashif Mustafa</t>
  </si>
  <si>
    <t>GPS KOTHA CHISHTIAN</t>
  </si>
  <si>
    <t>kotha chisthian</t>
  </si>
  <si>
    <t>kotha chisthian tehsil sambrial district sialkot</t>
  </si>
  <si>
    <t>Ehsan Ullah Ghumman</t>
  </si>
  <si>
    <t>GPS KOTHA JINDU P/O DAJAL</t>
  </si>
  <si>
    <t>mauza tal shumali dajal</t>
  </si>
  <si>
    <t>GPS KOTHA MALLIAN</t>
  </si>
  <si>
    <t>Khota Malian</t>
  </si>
  <si>
    <t>Village Khota Malian, P.O. Khana Nua, Tehsil Cantt, Lahore</t>
  </si>
  <si>
    <t>GPS KOTHA PURANA</t>
  </si>
  <si>
    <t>Kotha Purana</t>
  </si>
  <si>
    <t>Kotha purana P.O Kala Gujran tehsil and district Jhelum</t>
  </si>
  <si>
    <t>GPS KOTHA SHAH BEHLOL</t>
  </si>
  <si>
    <t>Bahoudin</t>
  </si>
  <si>
    <t>kotha shah behlol lalia chiniot</t>
  </si>
  <si>
    <t>Muhammad Abuzer</t>
  </si>
  <si>
    <t>GPS KOTHA THALI (PUNDAT DARI)</t>
  </si>
  <si>
    <t>Barthala</t>
  </si>
  <si>
    <t>Basti Pundat dari SDK</t>
  </si>
  <si>
    <t>Pundat dari</t>
  </si>
  <si>
    <t>Chak no 148/p</t>
  </si>
  <si>
    <t>Mahmood ul hassan</t>
  </si>
  <si>
    <t>GPS KOTHAY NANGAL</t>
  </si>
  <si>
    <t>Nangle</t>
  </si>
  <si>
    <t>vill: kothey nangle p.o kanjrur teh. shakargarh distt. narowal</t>
  </si>
  <si>
    <t>GPS KOTHAY NOOR MUHAMMAD</t>
  </si>
  <si>
    <t>kothay noor Muhammad 45/g.d</t>
  </si>
  <si>
    <t>Kothay Noor Muhamad 45/gd Muhammad 45 /gd</t>
  </si>
  <si>
    <t>45/gd</t>
  </si>
  <si>
    <t>GPS KOTHAY PATHANAN</t>
  </si>
  <si>
    <t>Kothay Pathanan</t>
  </si>
  <si>
    <t>kothli pathana p/o khulluwal</t>
  </si>
  <si>
    <t>GPS KOTHAY WALA</t>
  </si>
  <si>
    <t>basti Sobhay Wala Uc Shaher sultan tehsil jatoi district muzaffar garh</t>
  </si>
  <si>
    <t>Basti Sobhay Wala</t>
  </si>
  <si>
    <t>Shaher sultan</t>
  </si>
  <si>
    <t>GPS KOTHELA</t>
  </si>
  <si>
    <t>khothela</t>
  </si>
  <si>
    <t>jhoke Syed Nazar Hussain Shah Kothela</t>
  </si>
  <si>
    <t>Umar pur janubi</t>
  </si>
  <si>
    <t>GPS KOTHEY WALA NO. 2 MULTAN</t>
  </si>
  <si>
    <t>KOTHEY WALA  SHUMALI</t>
  </si>
  <si>
    <t>2..5 K/M TATY PUR ROAD KOTHEY WALA SHUMALI TEHS.MULTAN SADDER DISTRICT MULTAN</t>
  </si>
  <si>
    <t>KOTHEY WALA</t>
  </si>
  <si>
    <t>HAJI ABID HUSSAIN UMAR</t>
  </si>
  <si>
    <t>GPS KOTHEY WALA NO.1 MOZA KOTHI WALA P/O SAME</t>
  </si>
  <si>
    <t>bhanjran wala moaza kothey wala tehsil &amp; district multan</t>
  </si>
  <si>
    <t>Bhanjran Wala</t>
  </si>
  <si>
    <t>Zahid Ameen</t>
  </si>
  <si>
    <t>GPS KOTHI NAHAR AHAMD ABAD</t>
  </si>
  <si>
    <t>MANDI ARMED ABAD</t>
  </si>
  <si>
    <t>NEHR KOTHI MANDI AHMAD ABAD</t>
  </si>
  <si>
    <t>KOTHI NEHR</t>
  </si>
  <si>
    <t>GPS KOTHI NAWAB</t>
  </si>
  <si>
    <t>GPS Kothi Nawab</t>
  </si>
  <si>
    <t>GPS KOTHI WALA</t>
  </si>
  <si>
    <t>Doulloana  Gharbi</t>
  </si>
  <si>
    <t>chah Kothi Walla moza doulloana gharbi p/o same tehsil Ahmad pur sial district jhang</t>
  </si>
  <si>
    <t>Doulloana gharbi Chan Kothi walla</t>
  </si>
  <si>
    <t>GPS KOTHIAN</t>
  </si>
  <si>
    <t>kothian</t>
  </si>
  <si>
    <t>kothian kotli sattian</t>
  </si>
  <si>
    <t>malot  sattian</t>
  </si>
  <si>
    <t>Muhammad fayyaz</t>
  </si>
  <si>
    <t>GPS KOTIAN</t>
  </si>
  <si>
    <t>kotian p.o aurangabad tehsil sarai alamgir district gujrat</t>
  </si>
  <si>
    <t>MC Sarai Alamgir</t>
  </si>
  <si>
    <t>Naveeda Khatoon</t>
  </si>
  <si>
    <t>GPS KOTLA ABUL FATEH P/O GPO MULTAN</t>
  </si>
  <si>
    <t>Chah Jand wala Kotla Abul Fateh P /O GPO Multan</t>
  </si>
  <si>
    <t>Chah Jand Wala</t>
  </si>
  <si>
    <t>Alamghir</t>
  </si>
  <si>
    <t>Qamar Zia</t>
  </si>
  <si>
    <t>GPS KOTLA ADEEB SHAHEED FOREST COLONY</t>
  </si>
  <si>
    <t>Kotla Adeeb Shaheed</t>
  </si>
  <si>
    <t>kotla Adeeb Shaheed</t>
  </si>
  <si>
    <t>GPS KOTLA AFGHANAN</t>
  </si>
  <si>
    <t>Kotla Afghana</t>
  </si>
  <si>
    <t>village kotla  afghana,p.o.kanjror,Teh.Shakargarh,Distt.Narowal.</t>
  </si>
  <si>
    <t>GPS KOTLA ALLAH YAR</t>
  </si>
  <si>
    <t>Kotla Qam</t>
  </si>
  <si>
    <t>basti salman u/c kotla essan</t>
  </si>
  <si>
    <t>Basti Salman</t>
  </si>
  <si>
    <t>GPS KOTLA ANANDAN</t>
  </si>
  <si>
    <t>kotla an and an p/o jalalpur bhatian</t>
  </si>
  <si>
    <t>GPS KOTLA BAQIR SHAH</t>
  </si>
  <si>
    <t>basti sadat moza kottla baqir shah p/o hatheji thsel Ahmad pur</t>
  </si>
  <si>
    <t>Sadat</t>
  </si>
  <si>
    <t>Hafiz Muhammad Afzal</t>
  </si>
  <si>
    <t>GPS KOTLA BEHLOL</t>
  </si>
  <si>
    <t>KOTLAH Behlol</t>
  </si>
  <si>
    <t>basti mohabbat pur mailsi distance vehari</t>
  </si>
  <si>
    <t>Mohabbat pur</t>
  </si>
  <si>
    <t>Kiki Khurd</t>
  </si>
  <si>
    <t>GPS KOTLA DAHA</t>
  </si>
  <si>
    <t>kotla daha</t>
  </si>
  <si>
    <t>mouza kotla daha</t>
  </si>
  <si>
    <t>harnai wala</t>
  </si>
  <si>
    <t>rindan</t>
  </si>
  <si>
    <t>GPS KOTLA DHINDA</t>
  </si>
  <si>
    <t>Kotla Dhinda</t>
  </si>
  <si>
    <t>village kotla dheenda post office Bhakhrewali tehsil and District gujrat</t>
  </si>
  <si>
    <t>Mudassar Iqbal</t>
  </si>
  <si>
    <t>GPS KOTLA DILBAR</t>
  </si>
  <si>
    <t>Kotla Dilber</t>
  </si>
  <si>
    <t>GPS KOTLA DRIGH</t>
  </si>
  <si>
    <t>basti ghulam mustfa drigh</t>
  </si>
  <si>
    <t>Ghulam Mushtafa Drigh</t>
  </si>
  <si>
    <t>GPS KOTLA FATEH KHAN</t>
  </si>
  <si>
    <t>kotla Fateh Khan</t>
  </si>
  <si>
    <t>Noor E Wala</t>
  </si>
  <si>
    <t>Muhammad yousaf shahzad</t>
  </si>
  <si>
    <t>GPS KOTLA GHARAAM BASTI</t>
  </si>
  <si>
    <t>Gbps kotla gohram p/o pacca laran Tehsil liaquat pur district Rahim yar Khan</t>
  </si>
  <si>
    <t>Basti Ladhani</t>
  </si>
  <si>
    <t>Kotla doulat</t>
  </si>
  <si>
    <t>GPS KOTLA GHULAM</t>
  </si>
  <si>
    <t>Kotla Ghulam</t>
  </si>
  <si>
    <t>Gps kotla ghulam</t>
  </si>
  <si>
    <t>kotla ghulsm</t>
  </si>
  <si>
    <t>GPS KOTLA GHULAM SHAH</t>
  </si>
  <si>
    <t>Kotla Ghulam Shah</t>
  </si>
  <si>
    <t>gps kotlaghulam shah</t>
  </si>
  <si>
    <t>Langer Wah</t>
  </si>
  <si>
    <t>MUHAMMAD HASNAIN</t>
  </si>
  <si>
    <t>GPS KOTLA GUJJAR</t>
  </si>
  <si>
    <t>Kotla Gujjar</t>
  </si>
  <si>
    <t>Mouza kotla gujjar u/c basti tufki</t>
  </si>
  <si>
    <t>Muhammad kalim hussan</t>
  </si>
  <si>
    <t>GPS KOTLA HAJI SHAH</t>
  </si>
  <si>
    <t>Chak 122-B/TDA</t>
  </si>
  <si>
    <t>Kotla Haji chak no 122-b tda</t>
  </si>
  <si>
    <t>GPS KOTLA HAMAL</t>
  </si>
  <si>
    <t>Chak Ladh</t>
  </si>
  <si>
    <t>chak ladh Basti Achan shah</t>
  </si>
  <si>
    <t>GPS KOTLA HASSAN SHAH</t>
  </si>
  <si>
    <t>KOTLA HASSAN SHAH</t>
  </si>
  <si>
    <t>KOTLA HASSAN SHAH, UMER KOT TEHSIL ROJHAN DISTRICT RAJANPUR</t>
  </si>
  <si>
    <t>Sumar Ahmad</t>
  </si>
  <si>
    <t>GPS KOTLA HAZOORI</t>
  </si>
  <si>
    <t>Kotla Hazoori</t>
  </si>
  <si>
    <t>kotla hazoori</t>
  </si>
  <si>
    <t>Kotla Hazzori</t>
  </si>
  <si>
    <t>GPS KOTLA HUSNAIN SHAH</t>
  </si>
  <si>
    <t>Nala kotla Hussain shah mauza dhanote</t>
  </si>
  <si>
    <t>Nala Kotla Hussain Shah</t>
  </si>
  <si>
    <t>GPS KOTLA JAGIR</t>
  </si>
  <si>
    <t>Kotla Jagir</t>
  </si>
  <si>
    <t>gov p/s kotla jagir khushab</t>
  </si>
  <si>
    <t>GPS KOTLA JUMAN SHAH</t>
  </si>
  <si>
    <t>Ø¨Ø³ØªÛŒ Ú©ÙˆÙ¹Ù„Û Ø¬Ù…Ù† Ø´Ø§ÛØŒ Ù…ÙˆØ¶Ø¹ Ù¾Ø§Ø¦ÛŒ Ø¢ÛÙ†ÛØŒ ØªØ­ØµÛŒÙ„ Ø®Ø§Ù†Ù¾ÙˆØ±ØŒ Ø¶Ù„Ø¹ Ø±Ø­ÛŒÙ… ÛŒØ§Ø± Ø®Ø§Ù†ØŒ Ù¾Ù†Ø¬Ø§Ø¨ØŒ Ù¾Ø§Ú©Ø³ØªØ§Ù†</t>
  </si>
  <si>
    <t>Kottla Juman Shah</t>
  </si>
  <si>
    <t>Master Muhammad Asghar Malik</t>
  </si>
  <si>
    <t>GPS KOTLA KABEER</t>
  </si>
  <si>
    <t>KOTLA KABIR</t>
  </si>
  <si>
    <t>MOZA KOTLA KABIR, BASTI ATTA MUHAMMAD LAKHA</t>
  </si>
  <si>
    <t>BASTI ATTA MUHAMMAD LAKHA</t>
  </si>
  <si>
    <t>KOTLA KHAN Muhammad MUHAMMAD</t>
  </si>
  <si>
    <t>Shams ul Haq</t>
  </si>
  <si>
    <t>GPS KOTLA KAHLWAN</t>
  </si>
  <si>
    <t>GPS Kotla Kahlwan p/o Baramanga the Shakargarh</t>
  </si>
  <si>
    <t>GPS KOTLA KHAN LAR</t>
  </si>
  <si>
    <t>basti jam pari tanwari tranda muhammad panah</t>
  </si>
  <si>
    <t>jam pariah tanwari</t>
  </si>
  <si>
    <t>tranda muhammad panah</t>
  </si>
  <si>
    <t>fiaz ahmad saqib</t>
  </si>
  <si>
    <t>GPS KOTLA KHURD CHAK NO. 43/RB</t>
  </si>
  <si>
    <t>Kotla Khurd</t>
  </si>
  <si>
    <t>gps kotla khurd chak 43 teh sangla hill NNS</t>
  </si>
  <si>
    <t>Marar45</t>
  </si>
  <si>
    <t>GPS KOTLA MEER BAZ KHAN</t>
  </si>
  <si>
    <t>Kotla Mir Baz Khan</t>
  </si>
  <si>
    <t>gps kotla mir baz khan</t>
  </si>
  <si>
    <t>GPS KOTLA MOAZIZ-UD-DIN</t>
  </si>
  <si>
    <t>Basti Lalu Khan , Mouza Kotla Moaziz Ud Din</t>
  </si>
  <si>
    <t>Basti Lalu Khan</t>
  </si>
  <si>
    <t>Muhammad Nouman Ali</t>
  </si>
  <si>
    <t>GPS KOTLA MOHANA NO. 1</t>
  </si>
  <si>
    <t>Kotla mohana</t>
  </si>
  <si>
    <t>Basti Muhammad Tufail mauza kotla mohana Union concil Ranjhy khan tehsil Sadiq Abad district rahim yar Khan</t>
  </si>
  <si>
    <t>Ranjhy khan</t>
  </si>
  <si>
    <t>GPS KOTLA MOHANA NO. 2</t>
  </si>
  <si>
    <t>Kotla Mohan</t>
  </si>
  <si>
    <t>basti fazl din, moza kotla mohana</t>
  </si>
  <si>
    <t>GPS KOTLA MUBARAK</t>
  </si>
  <si>
    <t>Kotla Mubarak</t>
  </si>
  <si>
    <t>Basti Waran Kotla Mubarak Post Ofice Khan Bela Tehsil Liaquat Pur District Rahim Yar Khan</t>
  </si>
  <si>
    <t>Basti Waran Kotla Mubarak</t>
  </si>
  <si>
    <t>Mumtaz Fareed</t>
  </si>
  <si>
    <t>GPS KOTLA MUHAMMAD HUSSAIN</t>
  </si>
  <si>
    <t>Kotla M Hussain</t>
  </si>
  <si>
    <t>Kotla Muhammad Hussain</t>
  </si>
  <si>
    <t>Gara More</t>
  </si>
  <si>
    <t>H M Ghazenfar Amin</t>
  </si>
  <si>
    <t>GPS KOTLA MURAD ALI</t>
  </si>
  <si>
    <t>Naseer-ud- Wahin</t>
  </si>
  <si>
    <t>GPS KOTLA NAWAB</t>
  </si>
  <si>
    <t>government boys primary school kotla nawab tehsil lap distt ryk</t>
  </si>
  <si>
    <t>GPS KOTLA PIRAN</t>
  </si>
  <si>
    <t>Kotla PIRAN</t>
  </si>
  <si>
    <t>Kot hussain khan</t>
  </si>
  <si>
    <t>GPS KOTLA QAIM</t>
  </si>
  <si>
    <t>Sarangwala</t>
  </si>
  <si>
    <t>Sarangwala khera farm Tehsil District. Rajanpur</t>
  </si>
  <si>
    <t>Sarange Wala</t>
  </si>
  <si>
    <t>Muhammad Kareem Saqib</t>
  </si>
  <si>
    <t>GPS KOTLA RAHAM ALI LAR MULTAN</t>
  </si>
  <si>
    <t>Kotla Raham Ali</t>
  </si>
  <si>
    <t>Basti Kotla Raham Ali</t>
  </si>
  <si>
    <t>GPS KOTLA RAIE QABOOL</t>
  </si>
  <si>
    <t>Kotla Raie Qabool</t>
  </si>
  <si>
    <t>Basti Ablani chachar Kotla Raie Qabool.</t>
  </si>
  <si>
    <t>Basti Ablani Chachar</t>
  </si>
  <si>
    <t>Mumtaz Mohsin</t>
  </si>
  <si>
    <t>GPS KOTLA SADAT</t>
  </si>
  <si>
    <t>Kotla Saddat</t>
  </si>
  <si>
    <t>GPS kotla Saddat</t>
  </si>
  <si>
    <t>GPS KOTLA SAID KABIR, P/O HAJI PUR, KABIRWALA</t>
  </si>
  <si>
    <t>Kotla Said Kabir</t>
  </si>
  <si>
    <t>kotla Said Kabir Post Office Haji Pure, Teh Kabir Wala Distt KWL</t>
  </si>
  <si>
    <t>Nai Basti</t>
  </si>
  <si>
    <t>Ameer Umer</t>
  </si>
  <si>
    <t>GPS KOTLA SAID KHAN</t>
  </si>
  <si>
    <t>Kotla Said Khan</t>
  </si>
  <si>
    <t>moaza kotla said khan</t>
  </si>
  <si>
    <t>GPS KOTLA SHAFI</t>
  </si>
  <si>
    <t>Dahard Opla</t>
  </si>
  <si>
    <t>chah daney wala</t>
  </si>
  <si>
    <t>Daney Wala</t>
  </si>
  <si>
    <t>Daharma</t>
  </si>
  <si>
    <t>GPS KOTLA SHAH RASOOL JALALPUR PIRWALA</t>
  </si>
  <si>
    <t>Kotla Shah rasool</t>
  </si>
  <si>
    <t>basti shah rasool post office kotla chakr</t>
  </si>
  <si>
    <t>Shah rasool</t>
  </si>
  <si>
    <t>GPS KOTLA SHAIR</t>
  </si>
  <si>
    <t>basti Ghous Bux naich moza Malik pur p/o Jan pur</t>
  </si>
  <si>
    <t>Basti Ghous Bux Naich</t>
  </si>
  <si>
    <t>Elahi bukhsh</t>
  </si>
  <si>
    <t>GPS KOTLA SHEIKHAN</t>
  </si>
  <si>
    <t>Kotla Sheikhan</t>
  </si>
  <si>
    <t>moza kotla sheikhan,uch sharif</t>
  </si>
  <si>
    <t>Muhammad Muddasir</t>
  </si>
  <si>
    <t>GPS KOTLA SIKHANI</t>
  </si>
  <si>
    <t>GPS KOTLA SUKHIA</t>
  </si>
  <si>
    <t>Kotla Sukhia</t>
  </si>
  <si>
    <t>Village Kotla Sukhia Tehsil Daska District Sialkot</t>
  </si>
  <si>
    <t>Zabida Wazeer</t>
  </si>
  <si>
    <t>GPS KOTLA SULTAN SHAH</t>
  </si>
  <si>
    <t>Kotla Sultan Shah Near Basti Syed</t>
  </si>
  <si>
    <t>GHULAM RAZA</t>
  </si>
  <si>
    <t>GPS KOTLA WARIS SHAH</t>
  </si>
  <si>
    <t>Tindni</t>
  </si>
  <si>
    <t>GPS kotla waris shah Jameel Abad multan</t>
  </si>
  <si>
    <t>Saddique Colony</t>
  </si>
  <si>
    <t>Sadiq Colony</t>
  </si>
  <si>
    <t>GPS KOTLA WATNI</t>
  </si>
  <si>
    <t>Kotlawatni</t>
  </si>
  <si>
    <t>kotlawatni po radhan teh sahiwal diss sargodha</t>
  </si>
  <si>
    <t>M Zakir</t>
  </si>
  <si>
    <t>GPS KOTLAY</t>
  </si>
  <si>
    <t>Kotlay</t>
  </si>
  <si>
    <t>village kotlay p/o padshahan district and tehsil chakwal</t>
  </si>
  <si>
    <t>Aftab Javed</t>
  </si>
  <si>
    <t>GPS KOTLI</t>
  </si>
  <si>
    <t>GPS kotli PO:pather ghar TEH: Hasan abdal DIST: Attock</t>
  </si>
  <si>
    <t>Kot Sundaki</t>
  </si>
  <si>
    <t>GPS KOTLI AMIR SINGH</t>
  </si>
  <si>
    <t>Kotly Ameer  Singh</t>
  </si>
  <si>
    <t>kotly ameer Singh Diss&amp;Teh Hafizabad</t>
  </si>
  <si>
    <t>Kotly Ameer Singh</t>
  </si>
  <si>
    <t>Muhammad Mahfooz Khan</t>
  </si>
  <si>
    <t>GPS KOTLI ARAIAN</t>
  </si>
  <si>
    <t>Kotli Arian</t>
  </si>
  <si>
    <t>vil:kotli Arian,p/o kotli loharan, the&amp;dist Sialkot</t>
  </si>
  <si>
    <t>Ch mudasar iqbal</t>
  </si>
  <si>
    <t>GPS KOTLI BABA HERA</t>
  </si>
  <si>
    <t>K0tli Baba Heera</t>
  </si>
  <si>
    <t>kotli baba heera</t>
  </si>
  <si>
    <t>MUHAMMAD Farooq</t>
  </si>
  <si>
    <t>GPS KOTLI BAGHA</t>
  </si>
  <si>
    <t>Kotli Bagha</t>
  </si>
  <si>
    <t>Kotli Bagha Post Office Mandiala Tega tehsil kamoke dist gujranwala</t>
  </si>
  <si>
    <t>Hafiz Abu Qatadah Sani</t>
  </si>
  <si>
    <t>GPS KOTLI BAJAR</t>
  </si>
  <si>
    <t>Kotli Bajjar</t>
  </si>
  <si>
    <t>Kotli Bajjar. Teh KHARIAN district GUJRAT</t>
  </si>
  <si>
    <t>Sajida Praveen</t>
  </si>
  <si>
    <t>GPS KOTLI BAJWA</t>
  </si>
  <si>
    <t>Kotlibajwa</t>
  </si>
  <si>
    <t>kotlibajwa narowal</t>
  </si>
  <si>
    <t>Syed Sajjad Raza Shah</t>
  </si>
  <si>
    <t>GPS KOTLI BANGLA</t>
  </si>
  <si>
    <t>Kotli Bangla</t>
  </si>
  <si>
    <t>kotli bangla p/o ghuchli virk thesil muridke distt sheikhupura</t>
  </si>
  <si>
    <t>Mohammad Afzaal</t>
  </si>
  <si>
    <t>GPS KOTLI BARAY KHAN</t>
  </si>
  <si>
    <t>kotli baray khan</t>
  </si>
  <si>
    <t>Almas Rauf</t>
  </si>
  <si>
    <t>GPS KOTLI BHUTTA</t>
  </si>
  <si>
    <t>kotli bhutta sialkot</t>
  </si>
  <si>
    <t>Muhammad Adnan Bashir</t>
  </si>
  <si>
    <t>GPS KOTLI BOOTA SINGH</t>
  </si>
  <si>
    <t>Kotli Bota Singh</t>
  </si>
  <si>
    <t>Village kotli boota singh</t>
  </si>
  <si>
    <t>Shams Ul Haq</t>
  </si>
  <si>
    <t>GPS KOTLI CHAMB WALI</t>
  </si>
  <si>
    <t>Kotli Chambwali</t>
  </si>
  <si>
    <t>kotli chambwali.pasrur road Daska</t>
  </si>
  <si>
    <t>Mundaykey</t>
  </si>
  <si>
    <t>Tahir Ishtiaq</t>
  </si>
  <si>
    <t>GPS KOTLI DILBAGH RAI</t>
  </si>
  <si>
    <t>Kotli Dilbag Rai</t>
  </si>
  <si>
    <t>GPS kotli Dilbag Rai kamoke</t>
  </si>
  <si>
    <t>GPS KOTLI GAKHRAN</t>
  </si>
  <si>
    <t>Kotli Gakhran</t>
  </si>
  <si>
    <t>kotli Gakhran</t>
  </si>
  <si>
    <t>Maqsod Ahmad</t>
  </si>
  <si>
    <t>GPS KOTLI HAJI PUR</t>
  </si>
  <si>
    <t>kotli haji pur teh pasrur dist sialkot</t>
  </si>
  <si>
    <t>Kptli Haji Pur</t>
  </si>
  <si>
    <t>Mosa Pur</t>
  </si>
  <si>
    <t>GPS KOTLI JAMAL</t>
  </si>
  <si>
    <t>Kotli jamal</t>
  </si>
  <si>
    <t>kotli jamal</t>
  </si>
  <si>
    <t>Muhammad Sherdil</t>
  </si>
  <si>
    <t>GPS KOTLI JANDRAN</t>
  </si>
  <si>
    <t>village kotli jandran post office chawinda Tehsil Pasrur District sialkot</t>
  </si>
  <si>
    <t>Muhammad Akhtar Basra</t>
  </si>
  <si>
    <t>GPS KOTLI JASPAL</t>
  </si>
  <si>
    <t>Kotli Jaspal</t>
  </si>
  <si>
    <t>village:Kotli Jaspal , Sialkot</t>
  </si>
  <si>
    <t>Kotli Jasoal</t>
  </si>
  <si>
    <t>GPS KOTLI JHANDIRAN</t>
  </si>
  <si>
    <t>Kotly Jhudiran</t>
  </si>
  <si>
    <t>kotly jhundiran teh. shorkot jhung</t>
  </si>
  <si>
    <t>Kotly Jhundiran</t>
  </si>
  <si>
    <t>ALI AMEER</t>
  </si>
  <si>
    <t>GPS KOTLI JUNAID PO SARDAR JHANDIR</t>
  </si>
  <si>
    <t>gps KotliJunaid teh.mailsi dist.vehari</t>
  </si>
  <si>
    <t>GPS KOTLI KHAIR DIN</t>
  </si>
  <si>
    <t>kotli khair din narang mandi muridke sheikhupura</t>
  </si>
  <si>
    <t>Ladhke</t>
  </si>
  <si>
    <t>Bashir Muhammad</t>
  </si>
  <si>
    <t>GPS KOTLI KHOKHRAN</t>
  </si>
  <si>
    <t>Kotli Khokhran</t>
  </si>
  <si>
    <t>kotli khokhran sambrial sailkot</t>
  </si>
  <si>
    <t>GPS KOTLI KHUDAI</t>
  </si>
  <si>
    <t>GPS KOTLI KOKIAN</t>
  </si>
  <si>
    <t>Kotli kokian p/o Jamke cheema teh.daska disst sialkot</t>
  </si>
  <si>
    <t>Muzammil Ali</t>
  </si>
  <si>
    <t>GPS KOTLI KOROTANA</t>
  </si>
  <si>
    <t>Kotli Korotana</t>
  </si>
  <si>
    <t>mUHAMMAD hUSSAIN</t>
  </si>
  <si>
    <t>GPS KOTLI KUPA</t>
  </si>
  <si>
    <t>Kotli Kuppa</t>
  </si>
  <si>
    <t>kotli kuppa PO Kallah Kalan Tehsil Daska Distt Sialkot</t>
  </si>
  <si>
    <t>Muhammad Afzal Sahi</t>
  </si>
  <si>
    <t>GPS KOTLI LAL</t>
  </si>
  <si>
    <t>kotli lal Teh &amp; Disst Nankana Sahib</t>
  </si>
  <si>
    <t>Nibi Pur Perain</t>
  </si>
  <si>
    <t>Muhammad Hassan Farooq</t>
  </si>
  <si>
    <t>GPS KOTLI LOHARAN EAST</t>
  </si>
  <si>
    <t>Kotli loharan</t>
  </si>
  <si>
    <t>Kotli loharan East Sialkot</t>
  </si>
  <si>
    <t>Syed zulfiqar ali</t>
  </si>
  <si>
    <t>GPS KOTLI LOHARAN WEST</t>
  </si>
  <si>
    <t>Mohalla nakhowal, dakhana road kotli Loharan west</t>
  </si>
  <si>
    <t>manzoor Hussain</t>
  </si>
  <si>
    <t>GPS KOTLI MALIAN</t>
  </si>
  <si>
    <t>Kotli Malian</t>
  </si>
  <si>
    <t>kotli malian p.o tatlay Aali Tehsil NVirkan gujranwala</t>
  </si>
  <si>
    <t>GPS KOTLI MANU SADHO</t>
  </si>
  <si>
    <t>KOTLI MANU SIDHU</t>
  </si>
  <si>
    <t>VILLAGE KOTLI MANU SIDHU TEHSIL AND DISTRICT GUJRANWALA</t>
  </si>
  <si>
    <t>LADHAY WALA  GORAYA</t>
  </si>
  <si>
    <t>GPS KOTLI MAQBRA</t>
  </si>
  <si>
    <t>Kotli Maqbra</t>
  </si>
  <si>
    <t>kotli maqbra tehsil kamonky Gujranwala</t>
  </si>
  <si>
    <t>Muhammad Babar Khan</t>
  </si>
  <si>
    <t>GPS KOTLI MATUAN</t>
  </si>
  <si>
    <t>Kotli Matwan</t>
  </si>
  <si>
    <t>Village Kotli Matwan Teh. Daska dist. Sialkot</t>
  </si>
  <si>
    <t>GPS KOTLI MATWALIAN</t>
  </si>
  <si>
    <t>Kotli Matwalian</t>
  </si>
  <si>
    <t>kotli matwalian</t>
  </si>
  <si>
    <t>Mandiala Teegha</t>
  </si>
  <si>
    <t>Muhammed Abu Bakar Sandhu</t>
  </si>
  <si>
    <t>GPS KOTLI MEHTAM PO KARAM PUR</t>
  </si>
  <si>
    <t>moza kotli mahtam p/o krampur</t>
  </si>
  <si>
    <t>GPS KOTLI MIANI</t>
  </si>
  <si>
    <t>GPS Kotli Miani tehsil  muridke district sheikhupura</t>
  </si>
  <si>
    <t>Nangel Bhutcher</t>
  </si>
  <si>
    <t>GPS KOTLI MIRZA DAD BAIG</t>
  </si>
  <si>
    <t>Kotli Mirza Dad Baig</t>
  </si>
  <si>
    <t>mirza dad baig P/O jamke cheema Teh. Daska dist. sialkot</t>
  </si>
  <si>
    <t>GPS KOTLI MOHARAN</t>
  </si>
  <si>
    <t>kotli moharan</t>
  </si>
  <si>
    <t>Dhanser Paieen</t>
  </si>
  <si>
    <t>Haroon yousaf</t>
  </si>
  <si>
    <t>GPS KOTLI NAGRA</t>
  </si>
  <si>
    <t>kotli nagra</t>
  </si>
  <si>
    <t>GPS KOTLI NERGAT</t>
  </si>
  <si>
    <t>Kotli Nargat</t>
  </si>
  <si>
    <t>Kotli nargat p. O golian Tehsil Daska Distt silakot</t>
  </si>
  <si>
    <t>Jharnwala</t>
  </si>
  <si>
    <t>GPS KOTLI NOW</t>
  </si>
  <si>
    <t>Kotli Now</t>
  </si>
  <si>
    <t>Kotli Now, Tehsil Kamoke, Gujranwala</t>
  </si>
  <si>
    <t>GPS KOTLI PAKKI</t>
  </si>
  <si>
    <t>KOTLI PAKKI</t>
  </si>
  <si>
    <t>VILLAGE KOTLI Pakki TEHSIL  KAMOKI DISTT GUJRANWALA</t>
  </si>
  <si>
    <t>KoTLI PAKKI</t>
  </si>
  <si>
    <t>KOTLI NAWAB</t>
  </si>
  <si>
    <t>GPS KOTLI PIRAN</t>
  </si>
  <si>
    <t>Kotli Piran</t>
  </si>
  <si>
    <t>village kotli piran tehsil p.d.khan</t>
  </si>
  <si>
    <t>GPS KOTLI PLOT</t>
  </si>
  <si>
    <t>Kotly Plot</t>
  </si>
  <si>
    <t>kotly plot</t>
  </si>
  <si>
    <t>Mohar Shareef</t>
  </si>
  <si>
    <t>GPS KOTLI QAZI</t>
  </si>
  <si>
    <t>Kotli Qazi P/O Helan Teh. Phalia M.B.Din</t>
  </si>
  <si>
    <t>Hassan Sardar</t>
  </si>
  <si>
    <t>GPS KOTLI QAZI NAI ABADI</t>
  </si>
  <si>
    <t>Kotli Qazi Nai Abadi</t>
  </si>
  <si>
    <t>kotli Qazi nai Abadi the phalia dist m.b.din</t>
  </si>
  <si>
    <t>Shoaib Bashir</t>
  </si>
  <si>
    <t>GPS KOTLI RAMDAS</t>
  </si>
  <si>
    <t>Kotliramdas</t>
  </si>
  <si>
    <t>village kotliramdas post office Ban Bajwa Tehsil pasrur District Sialkot</t>
  </si>
  <si>
    <t>GPS KOTLI RANJHAN</t>
  </si>
  <si>
    <t>Kotli Ranjhan</t>
  </si>
  <si>
    <t>Kotli Ranjhan PO Chakrala Head Marala Sialkot</t>
  </si>
  <si>
    <t>GPS KOTLI SAHBO</t>
  </si>
  <si>
    <t>Kotli Sahbo</t>
  </si>
  <si>
    <t>Kotli sahbo</t>
  </si>
  <si>
    <t>Mudasar Rehman</t>
  </si>
  <si>
    <t>GPS KOTLI SAID AMIR ALI</t>
  </si>
  <si>
    <t>Village Kotli Said Amir Post Office Zahoora Tehsil &amp; District Sialkot</t>
  </si>
  <si>
    <t>Nasir Latif</t>
  </si>
  <si>
    <t>GPS KOTLI SATTIAN</t>
  </si>
  <si>
    <t>sirmandal</t>
  </si>
  <si>
    <t>village kotli sattian,P.O Kotli sattian tehsil kotli sattian, dist rawalpindi</t>
  </si>
  <si>
    <t>kotli sattian</t>
  </si>
  <si>
    <t>farhana shabbir</t>
  </si>
  <si>
    <t>GPS KOTLI WAHLLAH</t>
  </si>
  <si>
    <t>Kotly Wahla</t>
  </si>
  <si>
    <t>kotly wahla</t>
  </si>
  <si>
    <t>Metha Suja</t>
  </si>
  <si>
    <t>Ansar Naveed</t>
  </si>
  <si>
    <t>GPS KOTLI WAJWAH</t>
  </si>
  <si>
    <t>Government Primary School Kotly Wajwah</t>
  </si>
  <si>
    <t>Raqba</t>
  </si>
  <si>
    <t>Muhammad Tariq Naveed</t>
  </si>
  <si>
    <t>GPS KOTO ANNA</t>
  </si>
  <si>
    <t>koto Ana</t>
  </si>
  <si>
    <t>Koto Ana</t>
  </si>
  <si>
    <t>Mudassar Hanif</t>
  </si>
  <si>
    <t>GPS KOTO SINGH WALA</t>
  </si>
  <si>
    <t>Kot Jan Muhammad Muhammad</t>
  </si>
  <si>
    <t>Kot Jan Muhammad p o More Khunda Teh District Nankana Sahib</t>
  </si>
  <si>
    <t>GPS KOUSAR ABAD</t>
  </si>
  <si>
    <t>Meer Pir Bhagal</t>
  </si>
  <si>
    <t>chak no 519/TDA</t>
  </si>
  <si>
    <t>mir pur baroon</t>
  </si>
  <si>
    <t>GPS KOUSAR ABAD PIR MAHAL</t>
  </si>
  <si>
    <t>pir mahal</t>
  </si>
  <si>
    <t>kousar abad pir mahal</t>
  </si>
  <si>
    <t>Pir Mahal</t>
  </si>
  <si>
    <t>M  C</t>
  </si>
  <si>
    <t>GPS KUCHH</t>
  </si>
  <si>
    <t>GBPS Dhoke Kuchh The Jand Distt. Attock.</t>
  </si>
  <si>
    <t>Kuchh</t>
  </si>
  <si>
    <t>Muhammad Aziz-ul- Haq</t>
  </si>
  <si>
    <t>GPS KUCHLAMBA</t>
  </si>
  <si>
    <t>Kachlamba</t>
  </si>
  <si>
    <t>moza Kachlamba p/o mai saporan teh.pir mahal</t>
  </si>
  <si>
    <t>GPS KUDYANA</t>
  </si>
  <si>
    <t>Kudyana</t>
  </si>
  <si>
    <t>p/o Jahanabad Teh shahpur Distt Sargodha</t>
  </si>
  <si>
    <t>GPS KUHAWAR</t>
  </si>
  <si>
    <t>NOORAY WALA PACCA</t>
  </si>
  <si>
    <t>GPS KUHAWAR NOORAY WALA PACCA</t>
  </si>
  <si>
    <t>BASTI SHADOO KHAN</t>
  </si>
  <si>
    <t>GPS KUJIAN WALA</t>
  </si>
  <si>
    <t>kujian wala</t>
  </si>
  <si>
    <t>GPS KUJJI BHATIAN</t>
  </si>
  <si>
    <t>Kujji Bhattian</t>
  </si>
  <si>
    <t>kujji bhattian P/O mandi faizabad Tehsil &amp; District Nankana Sahib</t>
  </si>
  <si>
    <t>Jawahrpur</t>
  </si>
  <si>
    <t>GPS KUKAR PINDI</t>
  </si>
  <si>
    <t>Kukar Pindi</t>
  </si>
  <si>
    <t>Kukar pindi</t>
  </si>
  <si>
    <t>Akhtar Mahmood</t>
  </si>
  <si>
    <t>GPS KUKRA</t>
  </si>
  <si>
    <t>basti kukra</t>
  </si>
  <si>
    <t>Kukra</t>
  </si>
  <si>
    <t>GPS KUKRAN WALI OKHLI MOHLA</t>
  </si>
  <si>
    <t>okhli mohlar</t>
  </si>
  <si>
    <t>GPS KULAB BASTI KULAB JALALPUR PIRWALA</t>
  </si>
  <si>
    <t>Basti kulab post office meer koat jalal pur pir wala</t>
  </si>
  <si>
    <t>Basti Kulab</t>
  </si>
  <si>
    <t>M Saeed</t>
  </si>
  <si>
    <t>GPS KULACHI CHAK NO 8/3</t>
  </si>
  <si>
    <t>KOLACHI</t>
  </si>
  <si>
    <t>GPS chak no 8/3L kolachi p/o pir abdulrehman tehsil ahmed pur sial district jhang</t>
  </si>
  <si>
    <t>Kolachi</t>
  </si>
  <si>
    <t>PIR ABDUL REHMAN</t>
  </si>
  <si>
    <t>GPS KULAK</t>
  </si>
  <si>
    <t>kulak</t>
  </si>
  <si>
    <t>village kulak post office  Rarriala tehsil kharian district Gujrat</t>
  </si>
  <si>
    <t>doga</t>
  </si>
  <si>
    <t>GPS KULAKI</t>
  </si>
  <si>
    <t>GPS Kullaki, Village Kullaki, P.O. Khana Nau, Tehsil Cantt, District Lahore</t>
  </si>
  <si>
    <t>GPS KULLAH BEGWAL</t>
  </si>
  <si>
    <t>Village Kullah Begwal UC Angoori Murree District Rawalpindi</t>
  </si>
  <si>
    <t>Kullah Begwal</t>
  </si>
  <si>
    <t>Khuram Shahzad</t>
  </si>
  <si>
    <t>well with pipe line</t>
  </si>
  <si>
    <t>GPS KULLEWAL SYEDAN</t>
  </si>
  <si>
    <t>kulewal syedan</t>
  </si>
  <si>
    <t>Sarwat  Abid</t>
  </si>
  <si>
    <t>GPS KULLIAN MASHMOOLA BOHAR BATH</t>
  </si>
  <si>
    <t>GPS Kullian</t>
  </si>
  <si>
    <t>GPS Killian mashmolla bohar bath</t>
  </si>
  <si>
    <t>Amanat Ullah Baig</t>
  </si>
  <si>
    <t>GPS KUMB</t>
  </si>
  <si>
    <t>basti ameer abad kot sabzal</t>
  </si>
  <si>
    <t>Ameer Abad</t>
  </si>
  <si>
    <t>GPS KUND</t>
  </si>
  <si>
    <t>village kund tehsil kahuta district rawalpindi</t>
  </si>
  <si>
    <t>GPS KUND AZEEM</t>
  </si>
  <si>
    <t>Ghouspur Sani</t>
  </si>
  <si>
    <t>Mouza Ghouspur Sani Syphon Road Mailsi</t>
  </si>
  <si>
    <t>GPS KUND MAHR KALAN P/O PAKPATTAN</t>
  </si>
  <si>
    <t>Kund Mahar Kalan</t>
  </si>
  <si>
    <t>kund mahar Kalan pakpattan</t>
  </si>
  <si>
    <t>Kundd Mahar Kalan</t>
  </si>
  <si>
    <t>Muhammad Anwar Bodla</t>
  </si>
  <si>
    <t>GPS KUND MALKANI NO.1 SARAI SIDHU</t>
  </si>
  <si>
    <t>Mouza Kund Malkani Teh Kabirwala Distt Khanew</t>
  </si>
  <si>
    <t>Qaswar Abbas</t>
  </si>
  <si>
    <t>GPS KUND MIAN MUHAMMAD</t>
  </si>
  <si>
    <t>vpo THOHA MEHRAM KHAN DHOK KUND MIAN MUHAMMAD</t>
  </si>
  <si>
    <t>Though Mahram Khan</t>
  </si>
  <si>
    <t>Tmk</t>
  </si>
  <si>
    <t>GPS KUND REM SHAH</t>
  </si>
  <si>
    <t>Kund rehm shah</t>
  </si>
  <si>
    <t>kund rehm Shah teh&amp;district nankana sahib</t>
  </si>
  <si>
    <t>Syed  Najmul  Hassan</t>
  </si>
  <si>
    <t>GPS KUND SHAMAS DIN NO 1</t>
  </si>
  <si>
    <t>Kund Shamas</t>
  </si>
  <si>
    <t>kund shamas p/o noora rath tehsil arifwala disst pakpattangp</t>
  </si>
  <si>
    <t>GPS KUND SHAMAS DIN NO 2</t>
  </si>
  <si>
    <t>Kund Shamas Din 2</t>
  </si>
  <si>
    <t>kund shamas Din Tehsil Arifwala Dist.Pakpattan</t>
  </si>
  <si>
    <t>Kund Shamas 2</t>
  </si>
  <si>
    <t>Salman Sarwar</t>
  </si>
  <si>
    <t>GPS KUNDAY WALA</t>
  </si>
  <si>
    <t>basti kandi wala shadan lound</t>
  </si>
  <si>
    <t>Kandi Wala</t>
  </si>
  <si>
    <t>Abdul Ghani Khan</t>
  </si>
  <si>
    <t>GPS KUNDIAN STATION MAIN BAZAR</t>
  </si>
  <si>
    <t>kundian Pakka</t>
  </si>
  <si>
    <t>Main Bazar Kundian , Tehsil Piplan , District Mianwali</t>
  </si>
  <si>
    <t>MC kundian</t>
  </si>
  <si>
    <t>ATTA ULLAH SHAH</t>
  </si>
  <si>
    <t>GPS KUNDIAN WALA</t>
  </si>
  <si>
    <t>chah nalka kundianwala</t>
  </si>
  <si>
    <t>Kundianwala</t>
  </si>
  <si>
    <t>GPS KUNDKALE KHAN</t>
  </si>
  <si>
    <t>Kund Kale Khan</t>
  </si>
  <si>
    <t>moza kund  kale khan tehsil minchinabad distt. bahawalnagar</t>
  </si>
  <si>
    <t>Muhammad Afzal Haider</t>
  </si>
  <si>
    <t>GPS KUNDMAHAAR PO FATEH PUR</t>
  </si>
  <si>
    <t>Kund Mahar</t>
  </si>
  <si>
    <t>GPS kund Mahar</t>
  </si>
  <si>
    <t>KUND MAHAR</t>
  </si>
  <si>
    <t>GPS KUNG BODHA</t>
  </si>
  <si>
    <t>Kung buddha</t>
  </si>
  <si>
    <t>post office khas, kung buddha</t>
  </si>
  <si>
    <t>GPS KUNG WALA</t>
  </si>
  <si>
    <t>Araen</t>
  </si>
  <si>
    <t>Patti Araen</t>
  </si>
  <si>
    <t>Liqat Ali</t>
  </si>
  <si>
    <t>GPS KUNNAL NASHEB</t>
  </si>
  <si>
    <t>Kunal Nashaib</t>
  </si>
  <si>
    <t>Basti gujar moza Kunal nashaib p/o jaman shah layyah</t>
  </si>
  <si>
    <t>Muhammad Mujeeb Alam</t>
  </si>
  <si>
    <t>GPS KUP QURESHI</t>
  </si>
  <si>
    <t>Kup Qureshi</t>
  </si>
  <si>
    <t>mouza kup qureshi</t>
  </si>
  <si>
    <t>Kupqureshi</t>
  </si>
  <si>
    <t>GPS KUPPER</t>
  </si>
  <si>
    <t>dhok mirzail padhrar</t>
  </si>
  <si>
    <t>GPS KURAL KAY</t>
  </si>
  <si>
    <t>kurlkey post office Thatha manik Teh.nowshera virkan Dist.Gujranwala</t>
  </si>
  <si>
    <t>Mohammad Ashiq</t>
  </si>
  <si>
    <t>GPS KURI DOLAL P.O KURI DOLAL</t>
  </si>
  <si>
    <t>village and post off kuri dolal distt rawalpindi teh gujarkhan</t>
  </si>
  <si>
    <t>Tayyaba Tabassum</t>
  </si>
  <si>
    <t>GPS KURI SHARIF</t>
  </si>
  <si>
    <t>Kuri sharif</t>
  </si>
  <si>
    <t>village Kuri sharif post office surkhpur tehsil and District gujrat</t>
  </si>
  <si>
    <t>GPS KURIAN WALA WANDHA KURIAN WALA</t>
  </si>
  <si>
    <t>Dilla Meer Wala</t>
  </si>
  <si>
    <t>Wandha kurian wala p.o kamar mushani paka teh _ESA khel dist_ Mianwali</t>
  </si>
  <si>
    <t>Kurian Wala</t>
  </si>
  <si>
    <t>GPS KURLKE MINARA</t>
  </si>
  <si>
    <t>Kurlkey Minara</t>
  </si>
  <si>
    <t>Village Kurlkey Minara</t>
  </si>
  <si>
    <t>GPS KURLKEY ANDROON</t>
  </si>
  <si>
    <t>Kurljey Androon</t>
  </si>
  <si>
    <t>Naseem Munir</t>
  </si>
  <si>
    <t>GPS KURMAN SING</t>
  </si>
  <si>
    <t>Kurh Man Singh</t>
  </si>
  <si>
    <t>basti Kurh Man Singh post office hassan abad</t>
  </si>
  <si>
    <t>Darshan Ram</t>
  </si>
  <si>
    <t>GPS KURPAL</t>
  </si>
  <si>
    <t>village kurpal post office dhumman</t>
  </si>
  <si>
    <t>FAREEDA BEGUM</t>
  </si>
  <si>
    <t>GPS KURRI TAMAK CHAK SILAN WALA P/O KOT MELA RAM</t>
  </si>
  <si>
    <t>Kurri tammak</t>
  </si>
  <si>
    <t>busti bhai veer kurri tammak post office kot Mela RamTehsil multan Sadar</t>
  </si>
  <si>
    <t>GPS KURRIAN WALA</t>
  </si>
  <si>
    <t>Kurrian Wala</t>
  </si>
  <si>
    <t>kurrian wala p/o Machhiwal Tehsil 18 Hazari District Jhang</t>
  </si>
  <si>
    <t>GPS KURTANI</t>
  </si>
  <si>
    <t>HAIDER ABAD</t>
  </si>
  <si>
    <t>Chah  KURTANI P/O  HAIDER ABAD MANKARA</t>
  </si>
  <si>
    <t>KURTANI</t>
  </si>
  <si>
    <t>GPS KUTANA</t>
  </si>
  <si>
    <t>basti khokhar moza bait Hazari</t>
  </si>
  <si>
    <t>Bilay Wala</t>
  </si>
  <si>
    <t>Dildar Ahmad</t>
  </si>
  <si>
    <t>GPS KUTANEY WALA</t>
  </si>
  <si>
    <t>Kutaney Wala P/O Haiderabad Thal Tehsil Mankeera District Bhakkar</t>
  </si>
  <si>
    <t>Kutaney Wala</t>
  </si>
  <si>
    <t>ABDUL AZIZ KHALEEQ</t>
  </si>
  <si>
    <t>GPS KUTANY KHEL KUNDIAN MIANWALI</t>
  </si>
  <si>
    <t>mohallah mustafaabad kundian</t>
  </si>
  <si>
    <t>Shahid Iqbal Kundi</t>
  </si>
  <si>
    <t>GPS KUTHIALA SYEDAN</t>
  </si>
  <si>
    <t>Kuthyalasyeddan</t>
  </si>
  <si>
    <t>GPS kuthyalasyeddan</t>
  </si>
  <si>
    <t>Kandanwala</t>
  </si>
  <si>
    <t>Muhammad Qaisar Shahzad</t>
  </si>
  <si>
    <t>GPS KUTKI CITY</t>
  </si>
  <si>
    <t>Village kutki city p.o Chapri Tehsil Esakhel District Mianwali</t>
  </si>
  <si>
    <t>Kutku City</t>
  </si>
  <si>
    <t>GPS KUTKI THAL</t>
  </si>
  <si>
    <t>Dist. Mianwali Teh Issa khel p/o Kamar mushani vill. Kutki thal</t>
  </si>
  <si>
    <t>Kutki thal</t>
  </si>
  <si>
    <t>Hamidullah Khan</t>
  </si>
  <si>
    <t>GPS KUTTI</t>
  </si>
  <si>
    <t>Kutti</t>
  </si>
  <si>
    <t>kutti</t>
  </si>
  <si>
    <t>GPS LAAL EASON BUNGAL WALA SHURQI TEH DISTT</t>
  </si>
  <si>
    <t>Bungle Wala sharqi</t>
  </si>
  <si>
    <t>basti tuday wala moza bungle wala sharqi tehsile and district multan</t>
  </si>
  <si>
    <t>Basti tuday Wala</t>
  </si>
  <si>
    <t>M Danial</t>
  </si>
  <si>
    <t>GPS LAAL SANDILA</t>
  </si>
  <si>
    <t>basti sandila maoza baz wala</t>
  </si>
  <si>
    <t>Muhammad Tahsin</t>
  </si>
  <si>
    <t>GPS LAANG WALA JALALPUR</t>
  </si>
  <si>
    <t>fateh wala</t>
  </si>
  <si>
    <t>Fateh</t>
  </si>
  <si>
    <t>GPS LAB SINGH DAKHLI</t>
  </si>
  <si>
    <t>Labh Singh</t>
  </si>
  <si>
    <t>chak ghareeb abad p/o roda singh</t>
  </si>
  <si>
    <t>GPS LAB THATHO</t>
  </si>
  <si>
    <t>Village lab taxila district rawalpindi</t>
  </si>
  <si>
    <t>Lab</t>
  </si>
  <si>
    <t>Amir Farooq</t>
  </si>
  <si>
    <t>GPS LABAN WALA</t>
  </si>
  <si>
    <t>lubanwala</t>
  </si>
  <si>
    <t>Irfan Siddique</t>
  </si>
  <si>
    <t>GPS LABH SINGH EAST</t>
  </si>
  <si>
    <t>Khrajpura</t>
  </si>
  <si>
    <t>Chak Labh Singh East tehsil and distt Bahawal Nagar</t>
  </si>
  <si>
    <t>Labh Singh East</t>
  </si>
  <si>
    <t>Mohammad Asif Javed</t>
  </si>
  <si>
    <t>GPS LABH SINGH WEST</t>
  </si>
  <si>
    <t>Labh  Singh West</t>
  </si>
  <si>
    <t>Labh Singh West P/O Roda Singh</t>
  </si>
  <si>
    <t>Tokoo Rampura</t>
  </si>
  <si>
    <t>Mazhar Faiz</t>
  </si>
  <si>
    <t>Water collars</t>
  </si>
  <si>
    <t>GPS LABOUR COLONY</t>
  </si>
  <si>
    <t>GPS Labour colony Quaidabad Tehsil Quaidabad Distt.Khushab.</t>
  </si>
  <si>
    <t>GPS LACHHMAN DAS</t>
  </si>
  <si>
    <t>Lachman das</t>
  </si>
  <si>
    <t>lachman das chak bawa syedwala nankana sahib</t>
  </si>
  <si>
    <t>GPS LACHMAN WALA</t>
  </si>
  <si>
    <t>Ghulaman 2</t>
  </si>
  <si>
    <t>GPS Lachman wala</t>
  </si>
  <si>
    <t>GPS LADAH ARIEN</t>
  </si>
  <si>
    <t>Basti Ladha Araien Moza Kacha Rahim Yar Khan</t>
  </si>
  <si>
    <t>Basti Ladha Araien</t>
  </si>
  <si>
    <t>Chak114-p</t>
  </si>
  <si>
    <t>GPS LADDAN (HAJI PUR) SONWAH</t>
  </si>
  <si>
    <t>basti Ali Punjabi sonwah hajipur</t>
  </si>
  <si>
    <t>Mouzah Sonwah</t>
  </si>
  <si>
    <t>GPS LADHA BOHAR</t>
  </si>
  <si>
    <t>ladha bohar dunyapur lodhran</t>
  </si>
  <si>
    <t>Sadaqat Shaheen Rao</t>
  </si>
  <si>
    <t>GPS LADHAKI BHULLAR</t>
  </si>
  <si>
    <t>village ladhay kay bhullar feroz pur road lhr</t>
  </si>
  <si>
    <t>Ladhay Kay Bhullar</t>
  </si>
  <si>
    <t>Syed Muhammad Shaheryar</t>
  </si>
  <si>
    <t>GPS LADHAY WALA GORAYA</t>
  </si>
  <si>
    <t>Ladhewala Goraya</t>
  </si>
  <si>
    <t>Azhar Naseem</t>
  </si>
  <si>
    <t>GPS LADHAY WALI</t>
  </si>
  <si>
    <t>Qaim-pur</t>
  </si>
  <si>
    <t>Govt-p/sLadhay Wali</t>
  </si>
  <si>
    <t>Chack-jalandhrian</t>
  </si>
  <si>
    <t>GPS LADHEKE NEVEN</t>
  </si>
  <si>
    <t>Ladheke neven  P/O LADHE KE UNCHE TEHS.RAIWIND DISTT LAHORE</t>
  </si>
  <si>
    <t>Ladheke Neven</t>
  </si>
  <si>
    <t>Arslan Ammar</t>
  </si>
  <si>
    <t>GPS LADHER</t>
  </si>
  <si>
    <t>Lidder</t>
  </si>
  <si>
    <t>VPO SEHNA</t>
  </si>
  <si>
    <t>Muhammad Ahmed Raza</t>
  </si>
  <si>
    <t>GPS LADHKE GHARBI</t>
  </si>
  <si>
    <t>Ladheke Gharbi</t>
  </si>
  <si>
    <t>Hardo Ladheke</t>
  </si>
  <si>
    <t>Syed Ishrat Abbas Kazmi</t>
  </si>
  <si>
    <t>GPS LADHKI MALLIAN</t>
  </si>
  <si>
    <t>Ladhe Ki Mallian</t>
  </si>
  <si>
    <t>GPS LADHE KI MALLIAN TEH,DISTRICT SHEIKHUPURA</t>
  </si>
  <si>
    <t>GPS LADHU WANGA</t>
  </si>
  <si>
    <t>Ladhuwanga</t>
  </si>
  <si>
    <t>Ladhuwanga village</t>
  </si>
  <si>
    <t>Muhammad Sarfraz Iqbal</t>
  </si>
  <si>
    <t>GPS LADIAN 1</t>
  </si>
  <si>
    <t>village Ladian P/O Bhurch Basoha teh,Kharian district  gujrat</t>
  </si>
  <si>
    <t>GPS LADO AANA</t>
  </si>
  <si>
    <t>Fatah Thathaha</t>
  </si>
  <si>
    <t>ladu aana nankana sahib</t>
  </si>
  <si>
    <t>Ladu Aana</t>
  </si>
  <si>
    <t>Khalid Mehmood Tipu</t>
  </si>
  <si>
    <t>GPS LAELI</t>
  </si>
  <si>
    <t>Laeli Fazla kach Tribal Area DG Khan</t>
  </si>
  <si>
    <t>Laeli</t>
  </si>
  <si>
    <t>GPS LAHI FAZAL SHAH</t>
  </si>
  <si>
    <t>Chack Lahi Fazal  Shah</t>
  </si>
  <si>
    <t>chack lahi fazal shah p/o baba farid sugar mill okara</t>
  </si>
  <si>
    <t>Meerk</t>
  </si>
  <si>
    <t>GPS LAHIBALA</t>
  </si>
  <si>
    <t>Lahibala</t>
  </si>
  <si>
    <t>GPS LAHLA JOHLA (April-2016)</t>
  </si>
  <si>
    <t>Lahla Johla</t>
  </si>
  <si>
    <t>moza lahla johla Tehsil and disst jhang</t>
  </si>
  <si>
    <t>Chah Milyana</t>
  </si>
  <si>
    <t>GPS LAHNA SINGH WALA</t>
  </si>
  <si>
    <t>Lehna Singh wala</t>
  </si>
  <si>
    <t>Lehna Singh Wala  post office budhoki tehsil chunian district kasur</t>
  </si>
  <si>
    <t>Muhammad Tariq Saleem</t>
  </si>
  <si>
    <t>GPS LAHOORAH</t>
  </si>
  <si>
    <t>Lahoora</t>
  </si>
  <si>
    <t>Lahoora post office Madhaniwala Tehsil Minchinabad district Bahawalnagar</t>
  </si>
  <si>
    <t>GPS LAHR</t>
  </si>
  <si>
    <t>Jhandoo</t>
  </si>
  <si>
    <t>Lahr</t>
  </si>
  <si>
    <t>Thata Khalil</t>
  </si>
  <si>
    <t>Umair Mehmood</t>
  </si>
  <si>
    <t>GPS LAILAN WALA P/O JALAL PUR PIR WALA</t>
  </si>
  <si>
    <t>ajansi stop permet road moza kanhooh</t>
  </si>
  <si>
    <t>Lailan Wala</t>
  </si>
  <si>
    <t>muhammad khurshid</t>
  </si>
  <si>
    <t>GPS LAITAN</t>
  </si>
  <si>
    <t>LAITAN,near Mananwala, Tehsil and distt sheikhupura</t>
  </si>
  <si>
    <t>LAITAN</t>
  </si>
  <si>
    <t>Muhammad Nazim Butt</t>
  </si>
  <si>
    <t>GPS LAK</t>
  </si>
  <si>
    <t>vpo lak teh phalia distt.mbdin</t>
  </si>
  <si>
    <t>GPS LAK BADHAR EAST</t>
  </si>
  <si>
    <t>LAK BADHAR</t>
  </si>
  <si>
    <t>CHAH KABEERAY WALA MOUZA LAK BADHAR JHANG</t>
  </si>
  <si>
    <t>CHAH KABEERAY WALA</t>
  </si>
  <si>
    <t>Ghulam Yasin Sajid</t>
  </si>
  <si>
    <t>GPS LAK BADHAR WEST</t>
  </si>
  <si>
    <t>chah krli wala mouza lak badhar</t>
  </si>
  <si>
    <t>Ezaz Arif</t>
  </si>
  <si>
    <t>GPS LAKHA NO. 1</t>
  </si>
  <si>
    <t>darkhast jamal  khan darmiani</t>
  </si>
  <si>
    <t>Darkhast jamal khan darmiani</t>
  </si>
  <si>
    <t>jewan khan ahmadani</t>
  </si>
  <si>
    <t>GPS LAKHI BHER</t>
  </si>
  <si>
    <t>LAKHI BHIR TRIBAL AREA</t>
  </si>
  <si>
    <t>LAKHI BHIR</t>
  </si>
  <si>
    <t>ABDUL QADIR</t>
  </si>
  <si>
    <t>FROM PRIVATE SECTOR</t>
  </si>
  <si>
    <t>GPS LAKHI WAL</t>
  </si>
  <si>
    <t>GPS lakhiwal</t>
  </si>
  <si>
    <t>GPS LAKHIA</t>
  </si>
  <si>
    <t>lakhia</t>
  </si>
  <si>
    <t>Nabila Sajid</t>
  </si>
  <si>
    <t>GPS LAKHNE WALA</t>
  </si>
  <si>
    <t>Dak Khana Khas Lakhnewal M.B.DIN.</t>
  </si>
  <si>
    <t>GPS LAKHO KAY KALAN</t>
  </si>
  <si>
    <t>Lakho Ky Kalan</t>
  </si>
  <si>
    <t>lakho k kalan</t>
  </si>
  <si>
    <t>Lakho K Kalan</t>
  </si>
  <si>
    <t>Sabir Majeed</t>
  </si>
  <si>
    <t>GPS LAKHU MALKANA</t>
  </si>
  <si>
    <t>Lakhu malkana p/o Mandi Ahmad abad Okara</t>
  </si>
  <si>
    <t>GPS LAKRA KALAN</t>
  </si>
  <si>
    <t>Govt. Primary School Lakra Kalan  teh. Daska dist. Sialkot</t>
  </si>
  <si>
    <t>GPS LAKRAN WALI</t>
  </si>
  <si>
    <t>lak kalan</t>
  </si>
  <si>
    <t>basti lakran â‚©ali</t>
  </si>
  <si>
    <t>Iak kalan</t>
  </si>
  <si>
    <t>kharral</t>
  </si>
  <si>
    <t>GPS LAL BAGHALI</t>
  </si>
  <si>
    <t>Lal Baghali</t>
  </si>
  <si>
    <t>Near Basti Allah waray WALI Mailsi Road kahror pakka</t>
  </si>
  <si>
    <t>BASTI Chohar WALI</t>
  </si>
  <si>
    <t>GPS LAL DEH</t>
  </si>
  <si>
    <t>mouza lal deh markaz luddan tehsil and district vehari</t>
  </si>
  <si>
    <t>LAl Deh</t>
  </si>
  <si>
    <t>Irshad Ahamad</t>
  </si>
  <si>
    <t>GPS LAL DIN</t>
  </si>
  <si>
    <t>Basti Lal Din Sukhail</t>
  </si>
  <si>
    <t>GPS LAL KHAN</t>
  </si>
  <si>
    <t>basti lal khan Tibbi Lundan tehsil jampur district rajanpur</t>
  </si>
  <si>
    <t>GPS LAL KHAN MAGASSI WALA</t>
  </si>
  <si>
    <t>Kheeray Walla</t>
  </si>
  <si>
    <t>chah Kaloo walla Monza Kheeray walla Tehsil chobara district Layyah</t>
  </si>
  <si>
    <t>Kalloo Walla</t>
  </si>
  <si>
    <t>GPS LAL SAGOO</t>
  </si>
  <si>
    <t>Haveeli lal saggu</t>
  </si>
  <si>
    <t>GPS LAL SHAH JADEED</t>
  </si>
  <si>
    <t>basti Lal shah mouza dandan oat</t>
  </si>
  <si>
    <t>Siraj Ahmad Khan</t>
  </si>
  <si>
    <t>GPS LAL WALA SHUJAHABAD</t>
  </si>
  <si>
    <t>GPS LAL  WALA</t>
  </si>
  <si>
    <t>Baghy  WALA Rasool Pur</t>
  </si>
  <si>
    <t>GPS LALA MAHER CHAND</t>
  </si>
  <si>
    <t>LALA MAHER CHAND</t>
  </si>
  <si>
    <t>Moza Lala Maher Chand Tehsil Pir Mahal District Toba Tek Singh</t>
  </si>
  <si>
    <t>Lala Maher Chand</t>
  </si>
  <si>
    <t>Muhammad Nadeem Aamir</t>
  </si>
  <si>
    <t>GPS LALA SAIDA</t>
  </si>
  <si>
    <t>Lala Saida</t>
  </si>
  <si>
    <t>Bhurakey p o talwandi bhindran teh pasrur distt sialkot</t>
  </si>
  <si>
    <t>GPS LALA ZAAR COLONY VEHARI</t>
  </si>
  <si>
    <t>LALA ZAAR</t>
  </si>
  <si>
    <t>BEHIND DPO OFFICE, LALAZAAR COLONY VEHARI</t>
  </si>
  <si>
    <t>MUNCIPLE COMMITTEE</t>
  </si>
  <si>
    <t>Farzan Ali</t>
  </si>
  <si>
    <t>GPS LALANI</t>
  </si>
  <si>
    <t>basti lalani</t>
  </si>
  <si>
    <t>Lalani</t>
  </si>
  <si>
    <t>Allah Daad</t>
  </si>
  <si>
    <t>GPS LALAY KA HITTAR</t>
  </si>
  <si>
    <t>Laleka Hittar</t>
  </si>
  <si>
    <t>laleka hittar p/o laleka tehsil minchinsbad district bwn</t>
  </si>
  <si>
    <t>Muhammad Yaseen Bhatti</t>
  </si>
  <si>
    <t>GPS LALAY WALI</t>
  </si>
  <si>
    <t>lalaywali</t>
  </si>
  <si>
    <t>Asma Ilyas</t>
  </si>
  <si>
    <t>GPS LALEY KHELAN WALA</t>
  </si>
  <si>
    <t>V/P Muhammad Yar wala Mianwali</t>
  </si>
  <si>
    <t>Wandha Laly Khel</t>
  </si>
  <si>
    <t>GPS LALEY WALA</t>
  </si>
  <si>
    <t>Lalaywala</t>
  </si>
  <si>
    <t>lalaywala</t>
  </si>
  <si>
    <t>Irfan Ashraf</t>
  </si>
  <si>
    <t>GPS LALIKEY</t>
  </si>
  <si>
    <t>Lalli kay</t>
  </si>
  <si>
    <t>Lalli kay p / o Battak Basir pur teh Dipalpur dist Okara</t>
  </si>
  <si>
    <t>Kagha Mehr Shah</t>
  </si>
  <si>
    <t>Muhammad Saleem Rizwan</t>
  </si>
  <si>
    <t>GPS LALLOH</t>
  </si>
  <si>
    <t>village lalloh post office barki lahore cantt</t>
  </si>
  <si>
    <t>Mouj Khan</t>
  </si>
  <si>
    <t>GPS LALOO WALA</t>
  </si>
  <si>
    <t>Basti Lalo Wala</t>
  </si>
  <si>
    <t>GPS LALOOKE</t>
  </si>
  <si>
    <t>laloo kay</t>
  </si>
  <si>
    <t>Laloo kay</t>
  </si>
  <si>
    <t>Ijaz Mahmood</t>
  </si>
  <si>
    <t>GPS LALU TAUNSA</t>
  </si>
  <si>
    <t>Sibtain Raza</t>
  </si>
  <si>
    <t>GPS LAMB WALI JADEED</t>
  </si>
  <si>
    <t>Lambwali</t>
  </si>
  <si>
    <t>lamb wali sheikhupura.</t>
  </si>
  <si>
    <t>Lamb Wali</t>
  </si>
  <si>
    <t>Shamsingh</t>
  </si>
  <si>
    <t>Ahsanulhaq</t>
  </si>
  <si>
    <t>GPS LAMBAY KHALSA</t>
  </si>
  <si>
    <t>Lambay Khalsa</t>
  </si>
  <si>
    <t>lambay khalsa po chunian district kasur</t>
  </si>
  <si>
    <t>GPS LANDI SOOBHAY DAR</t>
  </si>
  <si>
    <t>Dhab Wazirka</t>
  </si>
  <si>
    <t>Landi Sobedar</t>
  </si>
  <si>
    <t>Muhammad Asad  S-O Abdul Hafeez</t>
  </si>
  <si>
    <t>GPS LANDIAN WALA</t>
  </si>
  <si>
    <t>Landian Wala</t>
  </si>
  <si>
    <t>village landian wala tehsil chunian district  kasur</t>
  </si>
  <si>
    <t>gulam haider</t>
  </si>
  <si>
    <t>GPS LANGAR (RANGLI)</t>
  </si>
  <si>
    <t>vpo langar</t>
  </si>
  <si>
    <t>GPS LANGAR MEERA (JHOKE IQBAL)</t>
  </si>
  <si>
    <t>Langer Meera</t>
  </si>
  <si>
    <t>Gps langermeera teh.kalur kot district.bhakkar</t>
  </si>
  <si>
    <t>GPS LANGAR WALA</t>
  </si>
  <si>
    <t>village langar wala p.o box mubhary khan tehsil sahiwal district sargodha</t>
  </si>
  <si>
    <t>Langar Wala</t>
  </si>
  <si>
    <t>GPS LANGAY</t>
  </si>
  <si>
    <t>post office langay tehsil and district gujrat</t>
  </si>
  <si>
    <t>Haq nawaz</t>
  </si>
  <si>
    <t>GPS LANGER</t>
  </si>
  <si>
    <t>vpo Langar tensile pind dadan khan district jhelum</t>
  </si>
  <si>
    <t>GPS LANGER PAKHRAL</t>
  </si>
  <si>
    <t>Langar Pakhral</t>
  </si>
  <si>
    <t>Langer Pakhral P.O DIALI  TEHSILE SOHAWA DISTRICT JHELUM</t>
  </si>
  <si>
    <t>Pind MATAY KHAN</t>
  </si>
  <si>
    <t>water motor from nearest land.</t>
  </si>
  <si>
    <t>GPS LANGER WAH</t>
  </si>
  <si>
    <t>basti Langarwah moza Langarwah</t>
  </si>
  <si>
    <t>GPS LANGEY</t>
  </si>
  <si>
    <t>GPS LANGHAR</t>
  </si>
  <si>
    <t>Perhinna</t>
  </si>
  <si>
    <t>Langhar po Bann Tehsil Murree</t>
  </si>
  <si>
    <t>Langhar</t>
  </si>
  <si>
    <t>GPS LANGIAN</t>
  </si>
  <si>
    <t>Village Langian Markaz Sankhatra Tehsil Zafarwal Dist Narowal</t>
  </si>
  <si>
    <t>Langerky</t>
  </si>
  <si>
    <t>GPS LANGIAN WALI</t>
  </si>
  <si>
    <t>GPS langianwali sialkot daska</t>
  </si>
  <si>
    <t>GPS LANGO</t>
  </si>
  <si>
    <t>Longo</t>
  </si>
  <si>
    <t>village Longo P.O.Bhau Ghaseet Pur Teh: Kharian District Gujrat</t>
  </si>
  <si>
    <t>Saqib Ali</t>
  </si>
  <si>
    <t>GPS LANGOWAL CHAK 28/RB</t>
  </si>
  <si>
    <t>longowal chak 28 rb</t>
  </si>
  <si>
    <t>Muhammad Asif Zaman</t>
  </si>
  <si>
    <t>GPS LANGRAN WALA</t>
  </si>
  <si>
    <t>maoza and p/o nawan janubi, tehsil Kot chutta, district D.G.K han</t>
  </si>
  <si>
    <t>GPS LANGRAY KHEL NO. 1</t>
  </si>
  <si>
    <t>domez colony near s&amp;f office</t>
  </si>
  <si>
    <t>Chashlum Colony</t>
  </si>
  <si>
    <t>Ghous Muhammad Shad</t>
  </si>
  <si>
    <t>GPS LANGRI WALA</t>
  </si>
  <si>
    <t>Wander Garbi</t>
  </si>
  <si>
    <t>ch.598 tda tehseel kotadu distric muzzaffar garh</t>
  </si>
  <si>
    <t>Langri Wala</t>
  </si>
  <si>
    <t>Kashif GHAFFOOR</t>
  </si>
  <si>
    <t>GPS LANGRIAL</t>
  </si>
  <si>
    <t>basti langrial p/o aluday Wali teh &amp; dist muzffar garh</t>
  </si>
  <si>
    <t>Usama Nazir</t>
  </si>
  <si>
    <t>GPS LANI WALA</t>
  </si>
  <si>
    <t>Govt boys primary school laniwala</t>
  </si>
  <si>
    <t>Muhammad Arfiaz</t>
  </si>
  <si>
    <t>GPS LANJIWAR</t>
  </si>
  <si>
    <t>basti Mahmood Kot moza lanjiwar</t>
  </si>
  <si>
    <t>Muhammad Makki Shah</t>
  </si>
  <si>
    <t>GPS LAPHI</t>
  </si>
  <si>
    <t>vill and po laphi teh kallar kahar distt chakwal</t>
  </si>
  <si>
    <t>GPS LAR WALA SHUJA ABAD</t>
  </si>
  <si>
    <t>Luft pur</t>
  </si>
  <si>
    <t>CHAH LAR WALA MOUZA LUTF PUR, TEHSIL SHUJABAD, DISTRICT MULTAN</t>
  </si>
  <si>
    <t>LAR WALA</t>
  </si>
  <si>
    <t>GPS LARAN BASTI REHMANIA</t>
  </si>
  <si>
    <t>Basti Rahmania mouza Laran post office  Nawan kot</t>
  </si>
  <si>
    <t>Tanveer ahmad</t>
  </si>
  <si>
    <t>GPS LARANWAN WALA</t>
  </si>
  <si>
    <t>gpslaranwanwala  p/o goharwala tehsil mankera  distic bhakkar</t>
  </si>
  <si>
    <t>Laranwanwala</t>
  </si>
  <si>
    <t>Niaz  Hussain Anjum</t>
  </si>
  <si>
    <t>GPS LARI</t>
  </si>
  <si>
    <t>larri</t>
  </si>
  <si>
    <t>union council mithwan tehsil trible area distt.d.g.khan</t>
  </si>
  <si>
    <t>MUHAMMAD MUNNEWAR HUSSAIN</t>
  </si>
  <si>
    <t>GPS LARI ADDA OKHLI MOHLA</t>
  </si>
  <si>
    <t>OKHLI MOHLA</t>
  </si>
  <si>
    <t>GPS LARRI ADDA OKHLI MOHLA</t>
  </si>
  <si>
    <t>Ghulam Muhammad Safdar</t>
  </si>
  <si>
    <t>GPS LARKAHAN SINGH</t>
  </si>
  <si>
    <t>Lord Kahan Singh</t>
  </si>
  <si>
    <t>Lord Kahan Singh, teh. Minchinabad, distt. Bahawalnagar</t>
  </si>
  <si>
    <t>GPS LARRA</t>
  </si>
  <si>
    <t>GPS Larra</t>
  </si>
  <si>
    <t>Karlowala</t>
  </si>
  <si>
    <t>Mohammad Siraj ud Din</t>
  </si>
  <si>
    <t>GPS LARRI HAJIAL</t>
  </si>
  <si>
    <t>Larri Hajial</t>
  </si>
  <si>
    <t>vpo Dandot Teh CSS DIST Chkwal</t>
  </si>
  <si>
    <t>GPS LARRIAN WALA</t>
  </si>
  <si>
    <t>gps larrianwala chiniot</t>
  </si>
  <si>
    <t>Larrianwala</t>
  </si>
  <si>
    <t>Langermakhdoom</t>
  </si>
  <si>
    <t>Raiz Ahmad</t>
  </si>
  <si>
    <t>GPS LARRY ADDA KAMIR 120/9-L</t>
  </si>
  <si>
    <t>120/9l Kamir</t>
  </si>
  <si>
    <t>Muncipal Commiittee</t>
  </si>
  <si>
    <t>Faisal Ameer</t>
  </si>
  <si>
    <t>GPS LASH ARIAN</t>
  </si>
  <si>
    <t>Nawab wala</t>
  </si>
  <si>
    <t>GPS Lasharian</t>
  </si>
  <si>
    <t>GPS LASHARI NAGAR</t>
  </si>
  <si>
    <t>Murad Pur Sanghi</t>
  </si>
  <si>
    <t>Mouza Murad Pur,Basti Lashari Hagar,Post office Sardar Garh,Tehsil and district RYK</t>
  </si>
  <si>
    <t>GPS LASHKAR PUR</t>
  </si>
  <si>
    <t>lashkar pur</t>
  </si>
  <si>
    <t>p/o khudai mouza lashkar pur tehsil &amp; district muzaffergarh</t>
  </si>
  <si>
    <t>Muhammad Kafeel Anjum</t>
  </si>
  <si>
    <t>GPS LASHKARANI</t>
  </si>
  <si>
    <t>MACHAR WALE</t>
  </si>
  <si>
    <t>GOVT. PRIMARY SCHOOL LASHKARANI</t>
  </si>
  <si>
    <t>LASHKARANI</t>
  </si>
  <si>
    <t>BADIANI</t>
  </si>
  <si>
    <t>GPS LASKANI</t>
  </si>
  <si>
    <t>lundi saidan</t>
  </si>
  <si>
    <t>Laal Garh</t>
  </si>
  <si>
    <t>Mureed Bux</t>
  </si>
  <si>
    <t>GPS LASKANI WALA</t>
  </si>
  <si>
    <t>Basti Laskani Moua Bhindi Korai Tehsil Jatoi District Muzaffargarh</t>
  </si>
  <si>
    <t>GPS LASS</t>
  </si>
  <si>
    <t>Lass</t>
  </si>
  <si>
    <t>gps lass moza lass village beore</t>
  </si>
  <si>
    <t>GPS LASURI KALAN</t>
  </si>
  <si>
    <t>Lasuri Kalan</t>
  </si>
  <si>
    <t>lasuri Kalan</t>
  </si>
  <si>
    <t>Nasira Noreen</t>
  </si>
  <si>
    <t>GPS LATEEF ABAD</t>
  </si>
  <si>
    <t>Basti 
Lateef abad,mouza rang pur,bahawalpur sadar</t>
  </si>
  <si>
    <t>Lateef Abad</t>
  </si>
  <si>
    <t>GPS LATHAYPUR</t>
  </si>
  <si>
    <t>Lathey Pur</t>
  </si>
  <si>
    <t>Lathey pur</t>
  </si>
  <si>
    <t>GPS LATIAN</t>
  </si>
  <si>
    <t>Latian</t>
  </si>
  <si>
    <t>village  latian post office tanda tehsil and District gujrat</t>
  </si>
  <si>
    <t>Mirza  Latif  Baig</t>
  </si>
  <si>
    <t>GPS LATIF ABAD</t>
  </si>
  <si>
    <t>moras gurmani</t>
  </si>
  <si>
    <t>GPS LATIF ABAD Bait Moras Gurmani P/O Kala, Tehsil &amp; Dist. Dera Ghazi Khan</t>
  </si>
  <si>
    <t>GPS LATIF ABAD (CHAK NO. 129/ML)</t>
  </si>
  <si>
    <t>p/o wandir muza mostafabad</t>
  </si>
  <si>
    <t>Chak No 137/ml</t>
  </si>
  <si>
    <t>Wandir</t>
  </si>
  <si>
    <t>GPS LATIF MODEL FARM</t>
  </si>
  <si>
    <t>chak No. 149-B</t>
  </si>
  <si>
    <t>Chak No. 149-B tehsil &amp; District Layyah</t>
  </si>
  <si>
    <t>Chak No. 149-B</t>
  </si>
  <si>
    <t>Jarri Haider Rizvi</t>
  </si>
  <si>
    <t>GPS LATIF PARK</t>
  </si>
  <si>
    <t>Latif Park</t>
  </si>
  <si>
    <t>GPS Latif Park, Jhang Road. Faisalabad</t>
  </si>
  <si>
    <t>Jameel Park</t>
  </si>
  <si>
    <t>Muhammad Ashraf Goraya</t>
  </si>
  <si>
    <t>GPS LATIFAL</t>
  </si>
  <si>
    <t>latifal  tehsil  and  district  chakwal</t>
  </si>
  <si>
    <t>Nadia Majeed</t>
  </si>
  <si>
    <t>GPS LATKA SAKASER DHOK WATAY KHEL</t>
  </si>
  <si>
    <t>Dhok wattay khel</t>
  </si>
  <si>
    <t>Dhok wattay khel markaz namal tehsil &amp; district mianwali</t>
  </si>
  <si>
    <t>Junaid Ahmed Khan</t>
  </si>
  <si>
    <t>GPS LAWA EAST</t>
  </si>
  <si>
    <t>GPS LAWA SOUTH</t>
  </si>
  <si>
    <t>mohalla bhangial lawa</t>
  </si>
  <si>
    <t>MC lawa</t>
  </si>
  <si>
    <t>Muhammad Tahir Islam</t>
  </si>
  <si>
    <t>GPS LAWA WEST</t>
  </si>
  <si>
    <t>moh Larry adda LAWA</t>
  </si>
  <si>
    <t>Amir Hamza</t>
  </si>
  <si>
    <t>GPS LAWARAY KALAN</t>
  </si>
  <si>
    <t>Laveray Kalan</t>
  </si>
  <si>
    <t>Post Office Laveray Kalan, Tehsil and District, Hafizabad</t>
  </si>
  <si>
    <t>Awon Zahid Suraa</t>
  </si>
  <si>
    <t>GPS LAWARY KHURD</t>
  </si>
  <si>
    <t>Lawary Khurd</t>
  </si>
  <si>
    <t>Lawary Khurd Hafizabad.</t>
  </si>
  <si>
    <t>GPS LAZDAN</t>
  </si>
  <si>
    <t>Lazdan</t>
  </si>
  <si>
    <t>lazdan p/o vehoa tribal area DG khan</t>
  </si>
  <si>
    <t>allah nawaz</t>
  </si>
  <si>
    <t>GPS LDAR</t>
  </si>
  <si>
    <t>LADDAR</t>
  </si>
  <si>
    <t>village LADDAR post office Gujar Khan dist rwp</t>
  </si>
  <si>
    <t>Laddar</t>
  </si>
  <si>
    <t>Jairo Ratial</t>
  </si>
  <si>
    <t>GPS LEEL</t>
  </si>
  <si>
    <t>VILLAGE LEEL</t>
  </si>
  <si>
    <t>IBRAHIMABAD</t>
  </si>
  <si>
    <t>GPS LEEL VIRKAN</t>
  </si>
  <si>
    <t>p/0 leel teh noshera virkan distt gujranwala</t>
  </si>
  <si>
    <t>leel</t>
  </si>
  <si>
    <t>GPS LEELA PUR</t>
  </si>
  <si>
    <t>Leela Pur</t>
  </si>
  <si>
    <t>leela pur lahore</t>
  </si>
  <si>
    <t>GPS LEERAN</t>
  </si>
  <si>
    <t>Sunio</t>
  </si>
  <si>
    <t>leeran</t>
  </si>
  <si>
    <t>Leeran</t>
  </si>
  <si>
    <t>Numal</t>
  </si>
  <si>
    <t>Shazia Wasim</t>
  </si>
  <si>
    <t>GPS LEHRI KALAN</t>
  </si>
  <si>
    <t>Lehri Kalan</t>
  </si>
  <si>
    <t>village lehri kalan p/o sakror</t>
  </si>
  <si>
    <t>GPS LEHRI SHAH NAWAZ</t>
  </si>
  <si>
    <t>Lari shah nawaz p/o basharat</t>
  </si>
  <si>
    <t>TAHMINA AZIZ</t>
  </si>
  <si>
    <t>GPS LEHTRAR</t>
  </si>
  <si>
    <t>Bahala</t>
  </si>
  <si>
    <t>govt boys primary school lehtrar</t>
  </si>
  <si>
    <t>Mozmina Khatoon</t>
  </si>
  <si>
    <t>GPS LIAQAT ABAD BASTI SHAH MUHAMMAD WALA</t>
  </si>
  <si>
    <t>hardo theam</t>
  </si>
  <si>
    <t>basti shah muhammad wali moza hardo theam ameer pur sadat</t>
  </si>
  <si>
    <t>shah muhammad wala</t>
  </si>
  <si>
    <t>ameer pur saddat</t>
  </si>
  <si>
    <t>GPS LIAQAT MODEL</t>
  </si>
  <si>
    <t>JHAWRA</t>
  </si>
  <si>
    <t>Gps,Liaqat Model Kamalabad RWP</t>
  </si>
  <si>
    <t>CC-B</t>
  </si>
  <si>
    <t>BENISH BUKHARI</t>
  </si>
  <si>
    <t>wter tank</t>
  </si>
  <si>
    <t>GPS LICHMAN CHOTRA, SARAI SIDHU</t>
  </si>
  <si>
    <t>Lichman chontra moza Bagar sargana</t>
  </si>
  <si>
    <t>Lichman Chontra</t>
  </si>
  <si>
    <t>GPS LIDHER</t>
  </si>
  <si>
    <t>gps lidher</t>
  </si>
  <si>
    <t>lidher</t>
  </si>
  <si>
    <t>GPS LILLA GUNJ</t>
  </si>
  <si>
    <t>Lilla Guj</t>
  </si>
  <si>
    <t>Lilla guj po Lilla Town Tehsil pdk District Jhelum</t>
  </si>
  <si>
    <t>GPS LIPHOO MACHI</t>
  </si>
  <si>
    <t>Miral Wasa</t>
  </si>
  <si>
    <t>basti liphoo machi sadiq abad</t>
  </si>
  <si>
    <t>Liphoo Machi</t>
  </si>
  <si>
    <t>Rotshan Bhait</t>
  </si>
  <si>
    <t>GPS LITRI SHUMALI</t>
  </si>
  <si>
    <t>litri shumali p/o tibbi qaisrani tehsil taunsa sharif</t>
  </si>
  <si>
    <t>GPS LOAJH SYEDAN</t>
  </si>
  <si>
    <t>GPS Lohj syedan</t>
  </si>
  <si>
    <t>Lohjsyedan</t>
  </si>
  <si>
    <t>Madeeha</t>
  </si>
  <si>
    <t>GPS LOBEN</t>
  </si>
  <si>
    <t>Loben</t>
  </si>
  <si>
    <t>village Loben p.o Eino bajwa teh&amp;dist Narowal</t>
  </si>
  <si>
    <t>NIDDOKE</t>
  </si>
  <si>
    <t>GPS LODHARAY</t>
  </si>
  <si>
    <t>LODHRAY</t>
  </si>
  <si>
    <t>LODHRAY P/O KHURAM CHORERA TEH PINDI BHATTIAN</t>
  </si>
  <si>
    <t>GPS LODHEY</t>
  </si>
  <si>
    <t>Loday</t>
  </si>
  <si>
    <t>village loday p/o Daultala Tehsil G.k Distt Rwp</t>
  </si>
  <si>
    <t>Krunb ilyas</t>
  </si>
  <si>
    <t>Tehrim Liaqat</t>
  </si>
  <si>
    <t>GPS LODHI LAWARRI</t>
  </si>
  <si>
    <t>Lodhi Lawarri</t>
  </si>
  <si>
    <t>village Lodhi Lawarri P/O Ikhlaspur Tehsil Shakargarh District Narowal</t>
  </si>
  <si>
    <t>Shahid pervez Akhtar</t>
  </si>
  <si>
    <t>GPS LODHI WALA MOOSA MEERAN</t>
  </si>
  <si>
    <t>Meeran</t>
  </si>
  <si>
    <t>Chah Lodhi Wala Moaz  Meeran UC #4</t>
  </si>
  <si>
    <t>Lodhi Wala</t>
  </si>
  <si>
    <t>GPS LODHRA</t>
  </si>
  <si>
    <t>GPS LODHRA SUMRA NASHAIB</t>
  </si>
  <si>
    <t>GPS LODHRA CHAH GHARDAY WALA</t>
  </si>
  <si>
    <t>Ward No. 18</t>
  </si>
  <si>
    <t>Mohallah qadir abad  tehsil &amp; district layyah</t>
  </si>
  <si>
    <t>Qadar Abad Layyah</t>
  </si>
  <si>
    <t>GPS LODHRA KAROR LALISAN</t>
  </si>
  <si>
    <t>Basti lodhra karor lal eson</t>
  </si>
  <si>
    <t>GPS LODHRAY WALA</t>
  </si>
  <si>
    <t>Near qadra nala khair pur road alipur district Muzaffar garh</t>
  </si>
  <si>
    <t>Basti Araien</t>
  </si>
  <si>
    <t>GPS LOHA TIBBA</t>
  </si>
  <si>
    <t>LOHA TIBBA</t>
  </si>
  <si>
    <t>PO PAHRIANWALI, V LOHA TIBBA,TEHSIL PHALIA DISST. M B DIN</t>
  </si>
  <si>
    <t>Sadaf Mumtaz</t>
  </si>
  <si>
    <t>GPS LOHACHAN WALA</t>
  </si>
  <si>
    <t>basti lohanch wala mouza bait qaim shah p/o danrein teh&amp; dist muzaffargarh</t>
  </si>
  <si>
    <t>Syed Noman Aleem Shah</t>
  </si>
  <si>
    <t>GPS LOHANCH JHANBER</t>
  </si>
  <si>
    <t>Lohanch Jhamber</t>
  </si>
  <si>
    <t>moza lohanch jhamber P/O langar sarai tehsil and District muzaffargarh</t>
  </si>
  <si>
    <t>lohanch jhamber</t>
  </si>
  <si>
    <t>jarh</t>
  </si>
  <si>
    <t>GPS LOHARI WALI</t>
  </si>
  <si>
    <t>Moza nonari basti lohari Wali</t>
  </si>
  <si>
    <t>Lohari Wali</t>
  </si>
  <si>
    <t>GPS LOHI</t>
  </si>
  <si>
    <t>basti lohi trible area d.g.khan</t>
  </si>
  <si>
    <t>GPS LOHLAY JATTAN</t>
  </si>
  <si>
    <t>Lohlay Jattan</t>
  </si>
  <si>
    <t>village lohlay jattan tehsil chunian</t>
  </si>
  <si>
    <t>GPS LOHLAY RAJPOOTTAN</t>
  </si>
  <si>
    <t>lohlayrajputan p\o Usman wala the. chunian distt. kasur</t>
  </si>
  <si>
    <t>Lohlay rajputan</t>
  </si>
  <si>
    <t>GPS LOHSAR KALAN</t>
  </si>
  <si>
    <t>Lohsar Kallan</t>
  </si>
  <si>
    <t>village lohsar kalan p/o dhodha sharif</t>
  </si>
  <si>
    <t>Lohsar Kalan</t>
  </si>
  <si>
    <t>Shamraiz Akhtar</t>
  </si>
  <si>
    <t>GPS LOKRI HATARAN BHERA</t>
  </si>
  <si>
    <t>Lokri Hattaran Rakh Chargah</t>
  </si>
  <si>
    <t>Lokri Hattaran</t>
  </si>
  <si>
    <t>RIAZ HAIDER</t>
  </si>
  <si>
    <t>GPS LOKRI MARDAN SHAH QADIRABAD</t>
  </si>
  <si>
    <t>Gps lokri mardan shah p.o Qadir Abad Teh.Phalia Dist.M.B.Din</t>
  </si>
  <si>
    <t>Muhammad younas iyaz</t>
  </si>
  <si>
    <t>GPS LOLIAN WALA</t>
  </si>
  <si>
    <t>chak lolianwala chak ghumnana jhang</t>
  </si>
  <si>
    <t>Lolianwala</t>
  </si>
  <si>
    <t>GPS LOMAR WALA</t>
  </si>
  <si>
    <t>Panah Kharal  Gherbi</t>
  </si>
  <si>
    <t>chah lomar wala basti aziz abad</t>
  </si>
  <si>
    <t>Basti Aziz Abad</t>
  </si>
  <si>
    <t>GPS LOMER WALA</t>
  </si>
  <si>
    <t>Hunjrai Ghair Mustakil Sharqi</t>
  </si>
  <si>
    <t>Basti Dirkhan Wala</t>
  </si>
  <si>
    <t>GPS LONA MODEL FORM</t>
  </si>
  <si>
    <t>pubberwala</t>
  </si>
  <si>
    <t>LONA MODEL FARM CHINIOT</t>
  </si>
  <si>
    <t>lona model farm</t>
  </si>
  <si>
    <t>Ghulam Mohayyu Din</t>
  </si>
  <si>
    <t>GPS LONGO KI</t>
  </si>
  <si>
    <t>longoki</t>
  </si>
  <si>
    <t>Rosa Bhail</t>
  </si>
  <si>
    <t>M. Akbar</t>
  </si>
  <si>
    <t>GPS LONGOWAL</t>
  </si>
  <si>
    <t>Longowla</t>
  </si>
  <si>
    <t>GPS LOON WALA</t>
  </si>
  <si>
    <t>Bhubhar Ghair Mustaqil</t>
  </si>
  <si>
    <t>bhubhr Ghair Mustaqil</t>
  </si>
  <si>
    <t>Ghulam Akbar Khan</t>
  </si>
  <si>
    <t>GPS LOONA</t>
  </si>
  <si>
    <t>village  Loona</t>
  </si>
  <si>
    <t>Dakhli</t>
  </si>
  <si>
    <t>GPS LOOS PURA</t>
  </si>
  <si>
    <t>Loospura</t>
  </si>
  <si>
    <t>GPS LOOTHER NO. 1</t>
  </si>
  <si>
    <t>basti Allah abad, Loother</t>
  </si>
  <si>
    <t>Aftab Nawaz</t>
  </si>
  <si>
    <t>GPS LOOTHRAN</t>
  </si>
  <si>
    <t>Loothran</t>
  </si>
  <si>
    <t>Moza LOOTHRAN KHAIRPUR TAMEWALI</t>
  </si>
  <si>
    <t>Basti Kalay Khan</t>
  </si>
  <si>
    <t>Noor Khan</t>
  </si>
  <si>
    <t>GPS LOPHANI DUFF</t>
  </si>
  <si>
    <t>Lophane Duff</t>
  </si>
  <si>
    <t>bste lophane duff</t>
  </si>
  <si>
    <t>GPS LOPO WALI</t>
  </si>
  <si>
    <t>Air port Road Lopowali</t>
  </si>
  <si>
    <t>Lopowali</t>
  </si>
  <si>
    <t>Muhammad Asif Shaheen</t>
  </si>
  <si>
    <t>GPS LORAI</t>
  </si>
  <si>
    <t>loray Teh&amp;Distt gujrat</t>
  </si>
  <si>
    <t>Shaukat Jawed</t>
  </si>
  <si>
    <t>GPS LORAN WALI</t>
  </si>
  <si>
    <t>village loranwali nazad Halalpor tehsil kotmoman district Sargodha</t>
  </si>
  <si>
    <t>Halalpor</t>
  </si>
  <si>
    <t>GPS LOT ALI WALI</t>
  </si>
  <si>
    <t>rakh mankera</t>
  </si>
  <si>
    <t>chak no 8 rakh mankera</t>
  </si>
  <si>
    <t>menkera</t>
  </si>
  <si>
    <t>GPS LOT NO 182</t>
  </si>
  <si>
    <t>chaudhary Wala p/o Mankera Tehsil Mankera District Bhakkar</t>
  </si>
  <si>
    <t>Chaudhary Wala</t>
  </si>
  <si>
    <t>GPS LOT NO 22</t>
  </si>
  <si>
    <t>Rakh Dagran Wali</t>
  </si>
  <si>
    <t>lot no 22 barkatwala teh darya khan distt bhakkar</t>
  </si>
  <si>
    <t>ASHIQUE HUSSAIN</t>
  </si>
  <si>
    <t>GPS LOT NO 25 PO AMEER ABAD</t>
  </si>
  <si>
    <t>RAKH DAGGRAN WALI</t>
  </si>
  <si>
    <t>LOT NO 25 P/O AMEER ABAD</t>
  </si>
  <si>
    <t>LOT NO 25</t>
  </si>
  <si>
    <t>GPS LOT NO 255</t>
  </si>
  <si>
    <t>Rkh Haiderabad</t>
  </si>
  <si>
    <t>chak 15 rkh haiderabad</t>
  </si>
  <si>
    <t>GPS LOT NO 58</t>
  </si>
  <si>
    <t>Rak Dagraanwali</t>
  </si>
  <si>
    <t>post office Barkat wala  lot no 58 tensile Darya khan District Bhakkar</t>
  </si>
  <si>
    <t>Lot No 58</t>
  </si>
  <si>
    <t>GPS LOT NO.191 JADEED</t>
  </si>
  <si>
    <t>Chak no 7 near sialkoti mor Mankera</t>
  </si>
  <si>
    <t>UC Mankera</t>
  </si>
  <si>
    <t>GPS LOTAY WALA</t>
  </si>
  <si>
    <t>Kotla Sikhanni</t>
  </si>
  <si>
    <t>Saudi wala. chah</t>
  </si>
  <si>
    <t>Saudi Wala</t>
  </si>
  <si>
    <t>GPS LOTIAN WALI</t>
  </si>
  <si>
    <t>Mamraj pura</t>
  </si>
  <si>
    <t>GPS lotian Wali, moza mamraj pura, bahawalnagar</t>
  </si>
  <si>
    <t>Lotian Wali</t>
  </si>
  <si>
    <t>Zulfiqar Hussain</t>
  </si>
  <si>
    <t>GPS LOUDHA GHAR</t>
  </si>
  <si>
    <t>Laudha Ghar</t>
  </si>
  <si>
    <t>laudha ghar</t>
  </si>
  <si>
    <t>GPS LOW INCOM SCHEME DHANOT HAFIZ ABAD</t>
  </si>
  <si>
    <t>5 marla scheme, Hafiz Abad dhanote</t>
  </si>
  <si>
    <t>5 marla scheme Dhanote</t>
  </si>
  <si>
    <t>Saber Hussain</t>
  </si>
  <si>
    <t>GPS LOW INCOME SCHEME BASTI WAJID ABAD</t>
  </si>
  <si>
    <t>GPS LOWINCOME SCHEME basti wajid abad</t>
  </si>
  <si>
    <t>Wajid Abad</t>
  </si>
  <si>
    <t>Mc khan Pur</t>
  </si>
  <si>
    <t>peer bukhsh</t>
  </si>
  <si>
    <t>GPS LOWER KOTLI</t>
  </si>
  <si>
    <t>village lower kotli kotli sattian RWP</t>
  </si>
  <si>
    <t>MAMOONA KOUSAR</t>
  </si>
  <si>
    <t>GPS LOWER MOHRA</t>
  </si>
  <si>
    <t>village mohra moza bara hoter union council musyari,P/O Lower Topa, Tehsil Murree, District Rawalpindi</t>
  </si>
  <si>
    <t>Lower Mohra</t>
  </si>
  <si>
    <t>Natural spring</t>
  </si>
  <si>
    <t>GPS LOWER PUSHT NO. 1 THULL HASSAN</t>
  </si>
  <si>
    <t>Lorpusht Thulll</t>
  </si>
  <si>
    <t>Lorpusht Thull BMP Post Roonghan  Dera Ghazi Khan</t>
  </si>
  <si>
    <t>Nearly hand pump</t>
  </si>
  <si>
    <t>GPS LOWER PUSHT NO. 2</t>
  </si>
  <si>
    <t>Sohren Kach</t>
  </si>
  <si>
    <t>mouza sohren kach</t>
  </si>
  <si>
    <t>with the help of hand pump</t>
  </si>
  <si>
    <t>GPS LOWN WALA</t>
  </si>
  <si>
    <t>Mouza lown Wala p/o Allah Abad Teh Liaquat Pur</t>
  </si>
  <si>
    <t>Hassanwali</t>
  </si>
  <si>
    <t>AYAZ MEHMOOD</t>
  </si>
  <si>
    <t>GPS L-PLOT LASHARI</t>
  </si>
  <si>
    <t>L-PLOT LASHARI</t>
  </si>
  <si>
    <t>L-PLOT LASHARI P/O L-PLOT FOJIAN  TEHSIL RENALA KHURD DISTT. OKARA</t>
  </si>
  <si>
    <t>L-PLOT FOJIAN</t>
  </si>
  <si>
    <t>GPS LUBANA CHAK NO. 37</t>
  </si>
  <si>
    <t>Lubana Chak 37</t>
  </si>
  <si>
    <t>Burj Mahalam</t>
  </si>
  <si>
    <t>Muhammad Hanif Asim</t>
  </si>
  <si>
    <t>GPS LUCK LINE LHR</t>
  </si>
  <si>
    <t>Cavalry Ground</t>
  </si>
  <si>
    <t>Govt. primary school luck line Lahore cantt</t>
  </si>
  <si>
    <t>Cavalry Ground Lhr</t>
  </si>
  <si>
    <t>WCB Ward 1</t>
  </si>
  <si>
    <t>GPS LUCKY THAL</t>
  </si>
  <si>
    <t>Lucky Thal</t>
  </si>
  <si>
    <t>Lucky thal</t>
  </si>
  <si>
    <t>Mud Khund</t>
  </si>
  <si>
    <t>Khalid Bilal</t>
  </si>
  <si>
    <t>Talae</t>
  </si>
  <si>
    <t>GPS LUDA MAHNI</t>
  </si>
  <si>
    <t>Luda mahni tehsil SHORKOT.</t>
  </si>
  <si>
    <t>Muhammad Akhtar Khan</t>
  </si>
  <si>
    <t>GPS LUDDAN RIASTI</t>
  </si>
  <si>
    <t>ludden riasti</t>
  </si>
  <si>
    <t>Luden riasti p/o Jamalpur Teh Hasilpur District Bahawalpur</t>
  </si>
  <si>
    <t>Ludden Riasti</t>
  </si>
  <si>
    <t>Khero deh</t>
  </si>
  <si>
    <t>GPS LUDHAR</t>
  </si>
  <si>
    <t>village Ludhar po kharollian</t>
  </si>
  <si>
    <t>Badhoke Cheema</t>
  </si>
  <si>
    <t>GPS LUDHRAY</t>
  </si>
  <si>
    <t>Basti Ludheray, Qabool Fatani, Mehta Jhedu Post Office, Chishtian</t>
  </si>
  <si>
    <t>Basti Ludheray</t>
  </si>
  <si>
    <t>GPS LUNDA BANGI KHEL</t>
  </si>
  <si>
    <t>Londe Bangi Khel</t>
  </si>
  <si>
    <t>Lunda Bangi Khel P/O Kalabagh</t>
  </si>
  <si>
    <t>Abdul Akbar</t>
  </si>
  <si>
    <t>GPS LUNDANI LOPE</t>
  </si>
  <si>
    <t>loundani lope</t>
  </si>
  <si>
    <t>rongan p/o sakhi sarwr</t>
  </si>
  <si>
    <t>rongn</t>
  </si>
  <si>
    <t>tmun leghari</t>
  </si>
  <si>
    <t>GPS LUNDI PITAFI</t>
  </si>
  <si>
    <t>basti seech maoza lundi pitafi tehsil jatoi</t>
  </si>
  <si>
    <t>Zahid Sarfraz Ahmed</t>
  </si>
  <si>
    <t>GPS LUNGAR JHULAN</t>
  </si>
  <si>
    <t>basti shir Muhammad khambra near dera musheer</t>
  </si>
  <si>
    <t>Basti Shir Muhammad Khambra</t>
  </si>
  <si>
    <t>GPS LUQMAN ARAIN</t>
  </si>
  <si>
    <t>basti kot aheer maouza bait murad gps luqman araen</t>
  </si>
  <si>
    <t>Basti Kot Aaheer</t>
  </si>
  <si>
    <t>Sajjad hussain</t>
  </si>
  <si>
    <t>GPS LUQMAN MEHRO KA</t>
  </si>
  <si>
    <t>Luqman Mehrooka</t>
  </si>
  <si>
    <t>luqman mehrooko</t>
  </si>
  <si>
    <t>Machi Sangh</t>
  </si>
  <si>
    <t>Muhammad Zaman Khan</t>
  </si>
  <si>
    <t>GPS LUQMAN NO.1</t>
  </si>
  <si>
    <t>Village Luqman  p/o Barnali  tehsil kharian district gujrat</t>
  </si>
  <si>
    <t>GPS LURKA</t>
  </si>
  <si>
    <t>moza lurka p/o bucheki  teh. &amp; distt. nankana sahib</t>
  </si>
  <si>
    <t>GPS LUS LAWARIS</t>
  </si>
  <si>
    <t>Lus-Lawaris</t>
  </si>
  <si>
    <t>moza luslawaris chiniot</t>
  </si>
  <si>
    <t>Lus lawaris</t>
  </si>
  <si>
    <t>GPS LUT LARR</t>
  </si>
  <si>
    <t>Lut Larr</t>
  </si>
  <si>
    <t>Tehsil Jampur</t>
  </si>
  <si>
    <t>Rahim Khan</t>
  </si>
  <si>
    <t>Roodkohi</t>
  </si>
  <si>
    <t>GPS LUT WALA P/O KHOJA SHUJABAD</t>
  </si>
  <si>
    <t>khoja</t>
  </si>
  <si>
    <t>GPS lut wala</t>
  </si>
  <si>
    <t>Lutwala</t>
  </si>
  <si>
    <t>Ch Muhammad Amjad Khan</t>
  </si>
  <si>
    <t>GPS M. PURA F.ABAD</t>
  </si>
  <si>
    <t>Islam Pura farooq abad</t>
  </si>
  <si>
    <t>Muhammad Pura farooq abad city</t>
  </si>
  <si>
    <t>Muhammad Pura farooq abad</t>
  </si>
  <si>
    <t>Farooq abad city</t>
  </si>
  <si>
    <t>GPS M.N ALI PURA BUND ROAD</t>
  </si>
  <si>
    <t>Badami Bag</t>
  </si>
  <si>
    <t>phatak no 5ali pura band road lhr</t>
  </si>
  <si>
    <t>ROZI Rahat</t>
  </si>
  <si>
    <t>GPS MAAN KOT, NAWAN SHEHR</t>
  </si>
  <si>
    <t>mankot</t>
  </si>
  <si>
    <t>mankot kabirwala</t>
  </si>
  <si>
    <t>Sajjad Akbar</t>
  </si>
  <si>
    <t>GPS MAAN SINGH WALA</t>
  </si>
  <si>
    <t>Bhagail Singh</t>
  </si>
  <si>
    <t>Gps maan sing wala no 5krk</t>
  </si>
  <si>
    <t>Kot radha kishen</t>
  </si>
  <si>
    <t>Mc krk</t>
  </si>
  <si>
    <t>Muhammad Ishaq Nasir</t>
  </si>
  <si>
    <t>GPS MAANDIALI</t>
  </si>
  <si>
    <t>Mandhiali</t>
  </si>
  <si>
    <t>village Mandhiali</t>
  </si>
  <si>
    <t>GPS MACCO WARID</t>
  </si>
  <si>
    <t>GPS Macco Wareed</t>
  </si>
  <si>
    <t>Jam Sharoo</t>
  </si>
  <si>
    <t>GPS MACH</t>
  </si>
  <si>
    <t>Mach</t>
  </si>
  <si>
    <t>Village Mach NAROWAL</t>
  </si>
  <si>
    <t>MACH</t>
  </si>
  <si>
    <t>Khurshid Khan</t>
  </si>
  <si>
    <t>GPS MACHANA</t>
  </si>
  <si>
    <t>Akeka Rasool Pur</t>
  </si>
  <si>
    <t>M Asif Ashraf</t>
  </si>
  <si>
    <t>GPS MACHHI SINGH</t>
  </si>
  <si>
    <t>moza machi singh p/o same tehsil arifwala Disst pakpatan</t>
  </si>
  <si>
    <t>GPS MACHHI WALA</t>
  </si>
  <si>
    <t>Village MACHHI WALA , markaz sawance, district mianwali</t>
  </si>
  <si>
    <t>Machhi Wala</t>
  </si>
  <si>
    <t>GPS MACHI MOZA BAIT GUJJI</t>
  </si>
  <si>
    <t>Maoza Bait Gujji</t>
  </si>
  <si>
    <t>GPS Basti Machi</t>
  </si>
  <si>
    <t>Bait Gujji</t>
  </si>
  <si>
    <t>GPS MACHI WALA CHAH FIAZ WALA</t>
  </si>
  <si>
    <t>kotla qazi nasheb chah fiaz wala Machi wala</t>
  </si>
  <si>
    <t>Chah Fiaz Wala</t>
  </si>
  <si>
    <t>GPS MACHI WALI</t>
  </si>
  <si>
    <t>Machhi Wali</t>
  </si>
  <si>
    <t>MATIEEULLAH</t>
  </si>
  <si>
    <t>GPS MACHIKA</t>
  </si>
  <si>
    <t>Rakh Machika P</t>
  </si>
  <si>
    <t>LalBuksh</t>
  </si>
  <si>
    <t>GPS MACHIKE</t>
  </si>
  <si>
    <t>machike</t>
  </si>
  <si>
    <t>adil town machile</t>
  </si>
  <si>
    <t>Machike</t>
  </si>
  <si>
    <t>GPS MACHORA SARANG</t>
  </si>
  <si>
    <t>Machora Sarang</t>
  </si>
  <si>
    <t>Machora Sarang P/O Bara Ghar 10 chak</t>
  </si>
  <si>
    <t>GPS MADAD KHAN WALA PO TRAG ISA KHEL MIANWALI</t>
  </si>
  <si>
    <t>wandha madad khan wala trag</t>
  </si>
  <si>
    <t>Walidadkhan</t>
  </si>
  <si>
    <t>GPS MADAN CHAK</t>
  </si>
  <si>
    <t>madan chak</t>
  </si>
  <si>
    <t>GPS MADAR WALA</t>
  </si>
  <si>
    <t>Madar Wala near Bamy wala rakh Galkala Tehsil Mankera dist Bhakkar.</t>
  </si>
  <si>
    <t>Madar Wala</t>
  </si>
  <si>
    <t>GPS MADARI</t>
  </si>
  <si>
    <t>Madari</t>
  </si>
  <si>
    <t>vill Madari po daultala tehsil gujar Khan distt rwp</t>
  </si>
  <si>
    <t>Syed Muntazer Haider</t>
  </si>
  <si>
    <t>GPS MADAY SHAH</t>
  </si>
  <si>
    <t>Maddy Shah</t>
  </si>
  <si>
    <t>basti maddy shah pakpattan</t>
  </si>
  <si>
    <t>Ward No 50</t>
  </si>
  <si>
    <t>Waleed Raza</t>
  </si>
  <si>
    <t>GPS MADDAR</t>
  </si>
  <si>
    <t>Maddar</t>
  </si>
  <si>
    <t>village maddar tehsil sharaqpur dist skp</t>
  </si>
  <si>
    <t>Mandawala</t>
  </si>
  <si>
    <t>Ansar Rafiq</t>
  </si>
  <si>
    <t>GPS MADDAR CHAK NO 26</t>
  </si>
  <si>
    <t>Maddar Chak 26</t>
  </si>
  <si>
    <t>maddar chak 26 pattoki kasur</t>
  </si>
  <si>
    <t>Dholan 27</t>
  </si>
  <si>
    <t>GPS MADDI KHEL</t>
  </si>
  <si>
    <t>maddi khel</t>
  </si>
  <si>
    <t>Maddi khel</t>
  </si>
  <si>
    <t>Muhammad Ziaullah</t>
  </si>
  <si>
    <t>GPS MADHA QADEEM</t>
  </si>
  <si>
    <t>mahda qadeem</t>
  </si>
  <si>
    <t>Mahda Qadeem</t>
  </si>
  <si>
    <t>GPS MADHAN PHILLA</t>
  </si>
  <si>
    <t>GPS maddan philah</t>
  </si>
  <si>
    <t>Bilal Ashraf</t>
  </si>
  <si>
    <t>GPS MADHO DAS TEH NANKANA</t>
  </si>
  <si>
    <t>Madhodas</t>
  </si>
  <si>
    <t>Madhodas PO Mandi Faiz Abad Nankana sahib</t>
  </si>
  <si>
    <t>Ghanaishpur</t>
  </si>
  <si>
    <t>Shagufta khalil</t>
  </si>
  <si>
    <t>GPS MADHO KI MORE KHUNDA</t>
  </si>
  <si>
    <t>Madhoki</t>
  </si>
  <si>
    <t>Madhoki Morekhunda</t>
  </si>
  <si>
    <t>GPS MADHRAY</t>
  </si>
  <si>
    <t>v&amp;p.o Madhray Tehsil Phalia</t>
  </si>
  <si>
    <t>GPS MADINA COLONY HAFIZABAD</t>
  </si>
  <si>
    <t>muhallah madina colony hafizabad</t>
  </si>
  <si>
    <t>36 City</t>
  </si>
  <si>
    <t>GPS MADINA MASJID</t>
  </si>
  <si>
    <t>Bahwalnagar</t>
  </si>
  <si>
    <t>Khan baba road running in halqa B</t>
  </si>
  <si>
    <t>Hafiz Mudaser Niaz</t>
  </si>
  <si>
    <t>GPS MADINA MOSQUE HUJRA</t>
  </si>
  <si>
    <t>Near police station Hujra Shah Muqeem</t>
  </si>
  <si>
    <t>Municipal Commute Hujra</t>
  </si>
  <si>
    <t>GPS MADINA TUL ULOOM</t>
  </si>
  <si>
    <t>Chah Pahay Wala Daira Din Pannah</t>
  </si>
  <si>
    <t>Chah Pahay Wala</t>
  </si>
  <si>
    <t>MUHAMMAD Arshad Shahid</t>
  </si>
  <si>
    <t>GPS MADNIAN WALA</t>
  </si>
  <si>
    <t>Okhlimohala</t>
  </si>
  <si>
    <t>p s madnianwala</t>
  </si>
  <si>
    <t>OkhliOkhlimOkhlimoOkhlimohOkhlimoha</t>
  </si>
  <si>
    <t>GPS MADO CHANDA</t>
  </si>
  <si>
    <t>Poss Bangi Khel Darmiyani</t>
  </si>
  <si>
    <t>vill.mado Chanda p/o tola bangi khel teh.isa khel distt.mianwali</t>
  </si>
  <si>
    <t>Madochanda</t>
  </si>
  <si>
    <t>GPS MADRISA TUL ISLAMIA AL-FAZAL TOWN BHALWAL</t>
  </si>
  <si>
    <t>Alfazal town Bhalwal</t>
  </si>
  <si>
    <t>GPS MADROTA</t>
  </si>
  <si>
    <t>madrota</t>
  </si>
  <si>
    <t>village madrota</t>
  </si>
  <si>
    <t>GPS MADU PUR</t>
  </si>
  <si>
    <t>Maddo Pur</t>
  </si>
  <si>
    <t>Village Maddo Pur, P.O Chawinda, Tehsil Pasrur, District Sialkot</t>
  </si>
  <si>
    <t>GPS MAGHA PATUANA</t>
  </si>
  <si>
    <t>Bela Patoana</t>
  </si>
  <si>
    <t>bela Patoana p/ o pir kot sadhana teh &amp; Distt Jhang</t>
  </si>
  <si>
    <t>Magha Patoana</t>
  </si>
  <si>
    <t>GPS MAGHAL</t>
  </si>
  <si>
    <t>VPO MAGHAL TEHSIL CHOA SAIDAN SHAH DISTRICT CHAKWAL</t>
  </si>
  <si>
    <t>Muhammad Affaque Naeem</t>
  </si>
  <si>
    <t>GPS MAGHAR NO. 2 P/O MARI HAZARA</t>
  </si>
  <si>
    <t>chak maghar no 2 p/o mari hazara tehsil arifwala distic pakpattan</t>
  </si>
  <si>
    <t>Maghar No 2</t>
  </si>
  <si>
    <t>Rizwan Bashir</t>
  </si>
  <si>
    <t>GPS MAGHER NO. 1</t>
  </si>
  <si>
    <t>Maghar 1</t>
  </si>
  <si>
    <t>Gps maghar1, markaz qaboola 2 tehsil Arifwala</t>
  </si>
  <si>
    <t>Muhammad Maqbool Ahmad</t>
  </si>
  <si>
    <t>GPS MAGSSI WALA</t>
  </si>
  <si>
    <t>Gov't Primery school Magassi wala</t>
  </si>
  <si>
    <t>Magassi Wala</t>
  </si>
  <si>
    <t>GPS MAHABLI SULTAN</t>
  </si>
  <si>
    <t>Mahaballi Sultan</t>
  </si>
  <si>
    <t>GPS Mahaballi Sultan</t>
  </si>
  <si>
    <t>Muhammad Faisal Anwaar</t>
  </si>
  <si>
    <t>GPS MAHAJAR COLONY ALLAH ABAD</t>
  </si>
  <si>
    <t>mohajir colony Allah abad</t>
  </si>
  <si>
    <t>Waqas Mahmood</t>
  </si>
  <si>
    <t>GPS MAHAL CHAHI</t>
  </si>
  <si>
    <t>Mahal Chahi</t>
  </si>
  <si>
    <t>V.p.o mahal chahi, teh. pdkhan, distt.jhelum</t>
  </si>
  <si>
    <t>GPS MAHAL JALALPUR</t>
  </si>
  <si>
    <t>mahal jalal pur</t>
  </si>
  <si>
    <t>village MAHAL JALAL PUR P/O Zafarwal the.  Zafarwal Distt. Narowal</t>
  </si>
  <si>
    <t>mc zafarwal</t>
  </si>
  <si>
    <t>Mohammad Zaman Khan</t>
  </si>
  <si>
    <t>GPS MAHAL KHAKHI</t>
  </si>
  <si>
    <t>mahal khakhi janobi</t>
  </si>
  <si>
    <t>Mahal Khakhi Janobi</t>
  </si>
  <si>
    <t>Muzaffar Noor</t>
  </si>
  <si>
    <t>GPS MAHAL MAKWAL</t>
  </si>
  <si>
    <t>rakh azmat wala</t>
  </si>
  <si>
    <t>dajal road near floor mil jampur</t>
  </si>
  <si>
    <t>Muhammad sadiq</t>
  </si>
  <si>
    <t>GPS MAHALAM GAHI</t>
  </si>
  <si>
    <t>Gahi Jamu Wala</t>
  </si>
  <si>
    <t>Mahalam Gahi p/o khudian khass kasur</t>
  </si>
  <si>
    <t>Mahalam Gahi</t>
  </si>
  <si>
    <t>GPS MAHALAM KHURD</t>
  </si>
  <si>
    <t>Mahlam Khurd</t>
  </si>
  <si>
    <t>Mahalam khurd</t>
  </si>
  <si>
    <t>GPS MAHANT DARSHAN</t>
  </si>
  <si>
    <t>munawar shaheed colony haveli lakha</t>
  </si>
  <si>
    <t>Ajmal Rasool</t>
  </si>
  <si>
    <t>GPS MAHANTAN WALI</t>
  </si>
  <si>
    <t>Mahantan Wali</t>
  </si>
  <si>
    <t>Mahantanwali</t>
  </si>
  <si>
    <t>Khalid Mahmood Zia</t>
  </si>
  <si>
    <t>GPS MAHAR</t>
  </si>
  <si>
    <t>jamalpur</t>
  </si>
  <si>
    <t>GPS MAHAR ABDULLAH SIAL</t>
  </si>
  <si>
    <t>GPS mahar Abdullah sial mouza choudhry</t>
  </si>
  <si>
    <t>Basti Abdullah Sial</t>
  </si>
  <si>
    <t>GPS MAHARAN WALA CENTER GAZI WALA</t>
  </si>
  <si>
    <t>Village maharan Wala post office kamar mushani tehsil essa khel dist mianwali</t>
  </si>
  <si>
    <t>GPS MAHARAN WALA TRAG</t>
  </si>
  <si>
    <t>wandha lalanwala post office trag teh isa khel dist mianwali</t>
  </si>
  <si>
    <t>Aurang Zeb Khan</t>
  </si>
  <si>
    <t>GPS MAHBOOB ABAD</t>
  </si>
  <si>
    <t>GBPS Mehboob Abad</t>
  </si>
  <si>
    <t>Basti Munshi Abdul Khaliq</t>
  </si>
  <si>
    <t>GPS MAHBOOB SHAH</t>
  </si>
  <si>
    <t>Mahboob Shah</t>
  </si>
  <si>
    <t>Mahboob shah</t>
  </si>
  <si>
    <t>Khagga Mehar Shah</t>
  </si>
  <si>
    <t>Muhammad Amjad Sadiq</t>
  </si>
  <si>
    <t>GPS MAHEY CHATHA</t>
  </si>
  <si>
    <t>Mahay Chatta</t>
  </si>
  <si>
    <t>Village Mahay Chatha P/O Kamoke</t>
  </si>
  <si>
    <t>Mahay Chatha</t>
  </si>
  <si>
    <t>Khalid Mehmood Ghuman</t>
  </si>
  <si>
    <t>GPS MAHI WAL</t>
  </si>
  <si>
    <t>GPS mahiwal  Teh. Pindi Bhattian Distt. Hafiz Abad</t>
  </si>
  <si>
    <t>Muhammad Adrees</t>
  </si>
  <si>
    <t>GPS MAHI WALA</t>
  </si>
  <si>
    <t>Mahi Wala Mauza Dhingana Teh.Mankera District Bhakkar</t>
  </si>
  <si>
    <t>GPS MAHIA</t>
  </si>
  <si>
    <t>Mahia p/o Buddha Goraya</t>
  </si>
  <si>
    <t>BuddhaGoraya</t>
  </si>
  <si>
    <t>Qaisar Ali Khan</t>
  </si>
  <si>
    <t>GPS MAHINWAL</t>
  </si>
  <si>
    <t>GPS mehinwal vill and p/o mehinwal chakwal</t>
  </si>
  <si>
    <t>GPS MAHLAAH</t>
  </si>
  <si>
    <t>moza mahlah</t>
  </si>
  <si>
    <t>Muttanasar Tariq Abbas</t>
  </si>
  <si>
    <t>GPS MAHMEDANI</t>
  </si>
  <si>
    <t>basti mahmedani mauza dalana dgkhan</t>
  </si>
  <si>
    <t>Mahmedani</t>
  </si>
  <si>
    <t>GPS MAHMON KEY NEW ABAD</t>
  </si>
  <si>
    <t>Mahmon Key Nou Abad</t>
  </si>
  <si>
    <t>mahmon key nou abad</t>
  </si>
  <si>
    <t>Fried Pur Sohag</t>
  </si>
  <si>
    <t>Atta ul Mustafa</t>
  </si>
  <si>
    <t>GPS MAHMOOD ABAD</t>
  </si>
  <si>
    <t>Basti Jain Walla Moza Mehmoodabad Dak Khana Iqbal Abad  Rahim Yar Khan</t>
  </si>
  <si>
    <t>Jain Walla</t>
  </si>
  <si>
    <t>Tajghar</t>
  </si>
  <si>
    <t>Wahid Nussrullah</t>
  </si>
  <si>
    <t>GPS MAHMOOD ABAD CHAH DARKHAN WALA</t>
  </si>
  <si>
    <t>chah darkhan wala mehmoodabad</t>
  </si>
  <si>
    <t>Bulay Wala</t>
  </si>
  <si>
    <t>Muhammad Gulfam Farooq</t>
  </si>
  <si>
    <t>GPS MAHMOOD JOGIANI</t>
  </si>
  <si>
    <t>Darkhast Jamal Janobi 2</t>
  </si>
  <si>
    <t>busti mahmood jogiani.darkhst jamal janobi 2</t>
  </si>
  <si>
    <t>Mahmood Jogiani</t>
  </si>
  <si>
    <t>Darkhast Jamal Janobi</t>
  </si>
  <si>
    <t>Karam Hussain</t>
  </si>
  <si>
    <t>GPS MAHMOOD KHAN WALA</t>
  </si>
  <si>
    <t>mouza bait dabli basti sardae</t>
  </si>
  <si>
    <t>GPS MAHMOOD NAGAR</t>
  </si>
  <si>
    <t>Mehmood Nagar</t>
  </si>
  <si>
    <t>basti Mehmood Nagar</t>
  </si>
  <si>
    <t>GPS MAHMOOD PUR DOONGAR</t>
  </si>
  <si>
    <t>Mahmood Pur Doongar</t>
  </si>
  <si>
    <t>Muhammad Sardar Ali</t>
  </si>
  <si>
    <t>GPS MAHMOOD PUR P/O 27/SP PAKPATTAN</t>
  </si>
  <si>
    <t>Mehmood PUr</t>
  </si>
  <si>
    <t>Chak Mehmood Pur</t>
  </si>
  <si>
    <t>Tayyaba Hussain</t>
  </si>
  <si>
    <t>GPS MAHMOOD PURA BHALA</t>
  </si>
  <si>
    <t>Basti baba faiz shah sahari road kasur</t>
  </si>
  <si>
    <t>Basti Baba Faiz Shah Sahari Road Kasur</t>
  </si>
  <si>
    <t>Nizam Pura Kasur</t>
  </si>
  <si>
    <t>GPS MAHMOOD WALA</t>
  </si>
  <si>
    <t>PAtti Jhandeer</t>
  </si>
  <si>
    <t>PAtti Jhandeer Gadi Wala P.O Sinawan</t>
  </si>
  <si>
    <t>GPS MAHMOODAY WALA, P/O CHAK HAIDER ABAD, NAWAN SHEHR</t>
  </si>
  <si>
    <t>Chak Haider Abad Chak Haider Abad</t>
  </si>
  <si>
    <t>basti memhoodaywala</t>
  </si>
  <si>
    <t>GPS MAHNI SABOOKA</t>
  </si>
  <si>
    <t>Mahni Sabooka</t>
  </si>
  <si>
    <t>village Bahama p/0 Rampura T/D Bahawal nagar</t>
  </si>
  <si>
    <t>Bahama</t>
  </si>
  <si>
    <t>GPS MAHNI SIAL</t>
  </si>
  <si>
    <t>MahniSial</t>
  </si>
  <si>
    <t>Monza Mahni Sial, Thatha sialan, Muradabad, Muzaffargarh</t>
  </si>
  <si>
    <t>Thattha Sialan</t>
  </si>
  <si>
    <t>Muhammad Tahir Naeem</t>
  </si>
  <si>
    <t>GPS MAHNIAN WALA CHAK 14</t>
  </si>
  <si>
    <t>chak no 14</t>
  </si>
  <si>
    <t>mahnianwala chak no 14 rb tehsil safdarabad district sheikhuoura</t>
  </si>
  <si>
    <t>ZULFIQAR Ali</t>
  </si>
  <si>
    <t>GPS MAHORIAN WALA</t>
  </si>
  <si>
    <t>mahorianwala tehseel Qaidabad abad dist khushab</t>
  </si>
  <si>
    <t>Mahorianwala</t>
  </si>
  <si>
    <t>Muhammad AQIL Sheikh</t>
  </si>
  <si>
    <t>GPS MAHRA</t>
  </si>
  <si>
    <t>P/O Ehsan Pur, Tehsil Kot Addu, Distt Muzaffar Garh</t>
  </si>
  <si>
    <t>Mahry Wala</t>
  </si>
  <si>
    <t>Muhammad Naeem Ahmad</t>
  </si>
  <si>
    <t>GPS MAHRAM KHAIL</t>
  </si>
  <si>
    <t>ghareeb kalooni peelowains tehsil noorpur District khushab</t>
  </si>
  <si>
    <t>GPS MAIDAN WALA SHORKOT CITY</t>
  </si>
  <si>
    <t>Maidan wala</t>
  </si>
  <si>
    <t>Mohallah maidan wala shorkot city</t>
  </si>
  <si>
    <t>muncipal commette</t>
  </si>
  <si>
    <t>wajid Ali</t>
  </si>
  <si>
    <t>GPS MAILA</t>
  </si>
  <si>
    <t>Dombar South</t>
  </si>
  <si>
    <t>maila</t>
  </si>
  <si>
    <t>Maila</t>
  </si>
  <si>
    <t>Abdul Rafeeq Shah</t>
  </si>
  <si>
    <t>GPS MAILU EAST</t>
  </si>
  <si>
    <t>Mailu Sharqi</t>
  </si>
  <si>
    <t>mailu sharqi</t>
  </si>
  <si>
    <t>GPS MAILU SAILU</t>
  </si>
  <si>
    <t>mailu sailu tehsil shakargarh distt narowal</t>
  </si>
  <si>
    <t>Mailu Sailu Tehsil Shakargarh Distt Narowal</t>
  </si>
  <si>
    <t>GPS MAIN ABDUL SALAM</t>
  </si>
  <si>
    <t>CHACK LALA WALA MOZA JETHA BHUTTA</t>
  </si>
  <si>
    <t>CHACK LALA</t>
  </si>
  <si>
    <t>Mohammed Akram</t>
  </si>
  <si>
    <t>GPS MAIN MALAKWAL</t>
  </si>
  <si>
    <t>Moh:Sabari Malakwal</t>
  </si>
  <si>
    <t>Raja Zulfiqar Ali</t>
  </si>
  <si>
    <t>GPS MAIN WALA</t>
  </si>
  <si>
    <t>MIAN WALA</t>
  </si>
  <si>
    <t>Mian Wala PO Burj  Kalan Tehsil District KASUR</t>
  </si>
  <si>
    <t>GPS MAIRA KHURD</t>
  </si>
  <si>
    <t>Teh/Distt Rawalpindi p/o and village Maira khurd</t>
  </si>
  <si>
    <t>Rafhat Perveen</t>
  </si>
  <si>
    <t>GPS MAIRA SANGAL</t>
  </si>
  <si>
    <t>Maira Sangal</t>
  </si>
  <si>
    <t>Maira sangal</t>
  </si>
  <si>
    <t>GPS MAIRA SHARIF</t>
  </si>
  <si>
    <t>vpo maira sharif</t>
  </si>
  <si>
    <t>Noor Zaman</t>
  </si>
  <si>
    <t>bring water outside</t>
  </si>
  <si>
    <t>GPS MAJANI QUTBI KHEL</t>
  </si>
  <si>
    <t>Majani qutbikhel p/o makerwal esakhel mianwali</t>
  </si>
  <si>
    <t>Majani Qutbikhel</t>
  </si>
  <si>
    <t>Sada Khan</t>
  </si>
  <si>
    <t>GPS MAJAWRAN</t>
  </si>
  <si>
    <t>Basti Jam Ghulam Muhammad Bali post offic khan Bela Lqp Ryk</t>
  </si>
  <si>
    <t>Basti Jam Ghulam Muhammad Bali</t>
  </si>
  <si>
    <t>KOTLA Doulat</t>
  </si>
  <si>
    <t>GPS MAJAZ ABAD</t>
  </si>
  <si>
    <t>matty shah</t>
  </si>
  <si>
    <t>gps majazabad basti jhalar shareef</t>
  </si>
  <si>
    <t>jhalar shareef</t>
  </si>
  <si>
    <t>hassan pur kacha</t>
  </si>
  <si>
    <t>GPS MAJEEDA ABAD</t>
  </si>
  <si>
    <t>ghafoorwah</t>
  </si>
  <si>
    <t>Majeedabad</t>
  </si>
  <si>
    <t>GPS MAJHI JAMALERA</t>
  </si>
  <si>
    <t>majhi jamlera post office ada jamler</t>
  </si>
  <si>
    <t>Majhi Jamler</t>
  </si>
  <si>
    <t>GPS MAJHI KHEL</t>
  </si>
  <si>
    <t>Majhi Khel</t>
  </si>
  <si>
    <t>Village Majhi khel p/o malhowali</t>
  </si>
  <si>
    <t>Muhammad Amir Khan</t>
  </si>
  <si>
    <t>GPS MAJHIA</t>
  </si>
  <si>
    <t>Majhia</t>
  </si>
  <si>
    <t>village Majhia tehsil fateh jang district Attock</t>
  </si>
  <si>
    <t>Shahraisadullah</t>
  </si>
  <si>
    <t>GPS MAJOKA</t>
  </si>
  <si>
    <t>mouza  majoka  tehsil Darya  Khan Bhakkar</t>
  </si>
  <si>
    <t>GPS MAJOKAN WALA</t>
  </si>
  <si>
    <t>KALLUR KOT DAGER</t>
  </si>
  <si>
    <t>MAJOKAN WALA, P/O SAEED WALA , TEHSIL KALLUR KOT DISTT BHAKKAR</t>
  </si>
  <si>
    <t>MAJOKAN WALA</t>
  </si>
  <si>
    <t>NOON DAGGER</t>
  </si>
  <si>
    <t>GHULAM HAKIM</t>
  </si>
  <si>
    <t>GPS MAJRA SHAMALI</t>
  </si>
  <si>
    <t>Majra Shumali</t>
  </si>
  <si>
    <t>village Majra Shumali P. O Karianwala Tehsil and district Gujrat</t>
  </si>
  <si>
    <t>GPS MAJRA WAZIR PUR</t>
  </si>
  <si>
    <t>Majra Wazir Pur</t>
  </si>
  <si>
    <t>Majra wazir pur</t>
  </si>
  <si>
    <t>GPS MAKAL</t>
  </si>
  <si>
    <t>basti makal moza dolatwala post office kotlajam bhakkar</t>
  </si>
  <si>
    <t>Basti makal</t>
  </si>
  <si>
    <t>Irfan Majeed</t>
  </si>
  <si>
    <t>GPS MAKAN SHAH</t>
  </si>
  <si>
    <t>Makan shah</t>
  </si>
  <si>
    <t>Basti Makan shah.Gps Makan shah.p/o kotsabzal.</t>
  </si>
  <si>
    <t>GPS MAKDOOM PUR BAILY</t>
  </si>
  <si>
    <t>Langer Pur</t>
  </si>
  <si>
    <t>village Langer pur baili p.o. kala dev teh &amp;distt Jhelum!</t>
  </si>
  <si>
    <t>Makhdoom Pur Baily</t>
  </si>
  <si>
    <t>GPS MAKHA</t>
  </si>
  <si>
    <t>makha p/o fazla</t>
  </si>
  <si>
    <t>Makha</t>
  </si>
  <si>
    <t>Muhammad  Umar</t>
  </si>
  <si>
    <t>GPS MAKHALA</t>
  </si>
  <si>
    <t>Makhiala P/O Kurer T/D Rawalpindi.</t>
  </si>
  <si>
    <t>Makhiala</t>
  </si>
  <si>
    <t>Qaiser</t>
  </si>
  <si>
    <t>GPS MAKHAN BELA NO 1</t>
  </si>
  <si>
    <t>basti chah chatta mouza makhan bela</t>
  </si>
  <si>
    <t>Chah Chatta</t>
  </si>
  <si>
    <t>Mohammad Akhtar Babar</t>
  </si>
  <si>
    <t>GPS MAKHDOM WALA</t>
  </si>
  <si>
    <t>GPS Chah Makhdoom Wala, Mouza Dull, Tehsil Ahmad Pur Sial, Jhang</t>
  </si>
  <si>
    <t>Makhdoom Wala</t>
  </si>
  <si>
    <t>M Sibtain</t>
  </si>
  <si>
    <t>GPS MAKHDOOM PUR NO.2 P/O MAKHDOOM PUR, KHANEWAL</t>
  </si>
  <si>
    <t>MAKHDUM PUR</t>
  </si>
  <si>
    <t>STREET NO 2 MAKHDUM PUR PAHORAN KHANEWAL</t>
  </si>
  <si>
    <t>St No2 Makhdum Pur</t>
  </si>
  <si>
    <t>KOT  ABDULLAH</t>
  </si>
  <si>
    <t>GPS MAKHDOOM PUR STATION, P/O MAKHDOOM PUR, KHANEWAL</t>
  </si>
  <si>
    <t>Makhdoom pur</t>
  </si>
  <si>
    <t>Chah natoo wala makhdoom pur  pahoran</t>
  </si>
  <si>
    <t>Makhdoom pur pahoran</t>
  </si>
  <si>
    <t>GPS MAKHIAL</t>
  </si>
  <si>
    <t>VPO Makhial Tehsil Kallar Kahar District Chakwal</t>
  </si>
  <si>
    <t>GPS MAKHIALA</t>
  </si>
  <si>
    <t>Village Makhiala P.O Saloi Tehsil Choa Saiden Shah District  Chakwal</t>
  </si>
  <si>
    <t>Saif Ali Mohsin</t>
  </si>
  <si>
    <t>GPS MAKHNAY WALA</t>
  </si>
  <si>
    <t>Makhnay Wala Treda Makhna Wala</t>
  </si>
  <si>
    <t>makhnay wala treda</t>
  </si>
  <si>
    <t>Makhnay  Wala Treda Makhnay Wala</t>
  </si>
  <si>
    <t>GPS MAKK</t>
  </si>
  <si>
    <t>Makk</t>
  </si>
  <si>
    <t>Sana Muzaffar</t>
  </si>
  <si>
    <t>GPS MAKKI KOHNA</t>
  </si>
  <si>
    <t>Makki kohna</t>
  </si>
  <si>
    <t>GPS MAKKI NO. 525</t>
  </si>
  <si>
    <t>Makki 525</t>
  </si>
  <si>
    <t>GPS MAKORRI OLD</t>
  </si>
  <si>
    <t>Basti Wara Purana</t>
  </si>
  <si>
    <t>Wara Purana</t>
  </si>
  <si>
    <t>Summar Abbas</t>
  </si>
  <si>
    <t>GPS MAKREEL</t>
  </si>
  <si>
    <t>Chijjana</t>
  </si>
  <si>
    <t>Village waghal, p/o Dhanda, Teh. kotli sattian, Rawalpindi</t>
  </si>
  <si>
    <t>Makreel Waghal</t>
  </si>
  <si>
    <t>Raja Zafar-ul-haq</t>
  </si>
  <si>
    <t>GPS MAKRUMMI</t>
  </si>
  <si>
    <t>Makrummi</t>
  </si>
  <si>
    <t>v/p/o  mardwal tehsil naushera district khushab</t>
  </si>
  <si>
    <t>GPS MAKTA</t>
  </si>
  <si>
    <t>MUKTA</t>
  </si>
  <si>
    <t>vill mukta,teh pasrur,dist sialkot</t>
  </si>
  <si>
    <t>mukta</t>
  </si>
  <si>
    <t>adamkey nagra</t>
  </si>
  <si>
    <t>GPS MAKWAL HADEER</t>
  </si>
  <si>
    <t>basti makwal mouza makwal hadair</t>
  </si>
  <si>
    <t>Shafqat Habib</t>
  </si>
  <si>
    <t>GPS MAKWAL JADEED</t>
  </si>
  <si>
    <t>fathpur road alipur</t>
  </si>
  <si>
    <t>Fathpur Janubi</t>
  </si>
  <si>
    <t>Muhammad Kashif Aslam</t>
  </si>
  <si>
    <t>GPS MAKWAL KALAN</t>
  </si>
  <si>
    <t>GPS MAL BOHAR PO PAKPATTAN</t>
  </si>
  <si>
    <t>Moza Mall</t>
  </si>
  <si>
    <t>moza mall bohar tehsil district pakpattan</t>
  </si>
  <si>
    <t>Mall Bohar</t>
  </si>
  <si>
    <t>GPS MAL FATYANA</t>
  </si>
  <si>
    <t>Mal Fatyana</t>
  </si>
  <si>
    <t>mouza mal fatyana tehsil kamalia</t>
  </si>
  <si>
    <t>Qadirbuksh</t>
  </si>
  <si>
    <t>Naseem Hassan</t>
  </si>
  <si>
    <t>GPS MAL JASRAT</t>
  </si>
  <si>
    <t>Mal Jasrat</t>
  </si>
  <si>
    <t>moza mal jasrat p/o kalera tehsile 18-hazari district jhang</t>
  </si>
  <si>
    <t>mal jasrat</t>
  </si>
  <si>
    <t>sabir ali shah</t>
  </si>
  <si>
    <t>GPS MALAHAN WALA GONDAL</t>
  </si>
  <si>
    <t>malahaanwala gondal</t>
  </si>
  <si>
    <t>malahaanwala gondal hafiz abad</t>
  </si>
  <si>
    <t>Omer draz</t>
  </si>
  <si>
    <t>GPS MALAKHO KE</t>
  </si>
  <si>
    <t>Malkho Ki</t>
  </si>
  <si>
    <t>village Malkho ki, PO Theater, Tehsil Cantt</t>
  </si>
  <si>
    <t>govt filter</t>
  </si>
  <si>
    <t>GPS MALALI HEAD CHAK NO 177 TDA</t>
  </si>
  <si>
    <t>Dagar Wagwara</t>
  </si>
  <si>
    <t>chak No 177 / TDA Tehsil Darya Khan district Bhakkar.</t>
  </si>
  <si>
    <t>Chak No 177 / TDA</t>
  </si>
  <si>
    <t>Muhammad Waris</t>
  </si>
  <si>
    <t>GPS MALAN WALA 34</t>
  </si>
  <si>
    <t>Mallan Wala</t>
  </si>
  <si>
    <t>mallan Wala chak 34</t>
  </si>
  <si>
    <t>Zia Ul Mustafa</t>
  </si>
  <si>
    <t>GPS MALANAY WALA</t>
  </si>
  <si>
    <t>chujary wala</t>
  </si>
  <si>
    <t>Basti chujary wala,mouza hanjari 2 dd panah,kot addu,district M.garh</t>
  </si>
  <si>
    <t>nitkani basti</t>
  </si>
  <si>
    <t>Muhammad akhtar bhutta</t>
  </si>
  <si>
    <t>GPS MALAY WALA</t>
  </si>
  <si>
    <t>Malay Wala Rustam Sargana Teh.Shorkot Distt. Jhang</t>
  </si>
  <si>
    <t>Muhammad Anees Haider</t>
  </si>
  <si>
    <t>GPS MALE SHAH</t>
  </si>
  <si>
    <t>Male Shah</t>
  </si>
  <si>
    <t>male shah</t>
  </si>
  <si>
    <t>Noor Ahmed Zafar</t>
  </si>
  <si>
    <t>GPS MALEKAY</t>
  </si>
  <si>
    <t>Mallkey</t>
  </si>
  <si>
    <t>mallkey</t>
  </si>
  <si>
    <t>GPS MALHA</t>
  </si>
  <si>
    <t>G.P.S mala</t>
  </si>
  <si>
    <t>muhammad saddique</t>
  </si>
  <si>
    <t>GPS MALHU SANGHOI</t>
  </si>
  <si>
    <t>Malhu</t>
  </si>
  <si>
    <t>post office malhu, tehsil &amp; dist jhelum.</t>
  </si>
  <si>
    <t>Noman Jabbar</t>
  </si>
  <si>
    <t>GPS MALHUWALA</t>
  </si>
  <si>
    <t>Govt.Boys Primary School Malhuwala</t>
  </si>
  <si>
    <t>GPS MALI SINGH</t>
  </si>
  <si>
    <t>Mali Singh</t>
  </si>
  <si>
    <t>Mali singh</t>
  </si>
  <si>
    <t>Kandowal Sarahy</t>
  </si>
  <si>
    <t>M Mazher Iqbal</t>
  </si>
  <si>
    <t>GPS MALI WAL</t>
  </si>
  <si>
    <t>Mali Wal</t>
  </si>
  <si>
    <t>Gps mali wal</t>
  </si>
  <si>
    <t>Haftar Madar</t>
  </si>
  <si>
    <t>GPS MALIAN WALA</t>
  </si>
  <si>
    <t>VPO Malianwala Tehsil Daska</t>
  </si>
  <si>
    <t>GPS MALIK ABAD NO. 2</t>
  </si>
  <si>
    <t>chah samokhi wala</t>
  </si>
  <si>
    <t>Chah Samokhi Wala</t>
  </si>
  <si>
    <t>GPS MALIK AKKO</t>
  </si>
  <si>
    <t>Chak No 105</t>
  </si>
  <si>
    <t>Basti jangla Nawan kot</t>
  </si>
  <si>
    <t>Basti Jaangla</t>
  </si>
  <si>
    <t>Piranditta Aftab</t>
  </si>
  <si>
    <t>GPS MALIK ARAIN</t>
  </si>
  <si>
    <t>Malik Arain</t>
  </si>
  <si>
    <t>p/o Malik Arain</t>
  </si>
  <si>
    <t>GPS MALIK HAMEED</t>
  </si>
  <si>
    <t>basti jurani p/ o pacca laran tehsil liaqat pur district rahim yar Khan</t>
  </si>
  <si>
    <t>Jourani</t>
  </si>
  <si>
    <t>Meharban Hussain</t>
  </si>
  <si>
    <t>GPS MALIK KHAIR MUHAMMAD</t>
  </si>
  <si>
    <t>basti Malik Khair Muhammad</t>
  </si>
  <si>
    <t>Basti Malik Khair</t>
  </si>
  <si>
    <t>GPS MALIK KHAN MOHAMMAD</t>
  </si>
  <si>
    <t>basti malik khan muhammad mouza kot karam khan uc kot kot karam khan tehsil and distt. Rahim Yar Khan</t>
  </si>
  <si>
    <t>Basti Malik Khan Muhammad</t>
  </si>
  <si>
    <t>Gohar Dastgeer</t>
  </si>
  <si>
    <t>GPS MALIK MAHI</t>
  </si>
  <si>
    <t>Ramaan</t>
  </si>
  <si>
    <t>Chahye Ghazi Wala Moza Raman</t>
  </si>
  <si>
    <t>Chah Ghazi Wala</t>
  </si>
  <si>
    <t>Umer Din</t>
  </si>
  <si>
    <t>GPS MALIK MAKINA</t>
  </si>
  <si>
    <t>Moza Kachi Muhammad Khan post office tranda Muhammad panah teh liaquatpur distt RYK</t>
  </si>
  <si>
    <t>Basti Mirani Moza Kachi Muhammad khan</t>
  </si>
  <si>
    <t>Kachi Muhammad khan</t>
  </si>
  <si>
    <t>GPS MALIK PUR NO. 2</t>
  </si>
  <si>
    <t>KOT KAMON SHAH</t>
  </si>
  <si>
    <t>BASTI MALIK PUR</t>
  </si>
  <si>
    <t>Khalid Ahmad Khan</t>
  </si>
  <si>
    <t>GPS MALIK PUR PO PAKPATTAN</t>
  </si>
  <si>
    <t>Malikpur Pur</t>
  </si>
  <si>
    <t>GPS MALIK PUR PAKPATTAN</t>
  </si>
  <si>
    <t>Bahram pur</t>
  </si>
  <si>
    <t>GPS MALIK PURA</t>
  </si>
  <si>
    <t>Mohammed Saeed Akhter</t>
  </si>
  <si>
    <t>GPS MALIK WAHIN PO HURRI CHAND</t>
  </si>
  <si>
    <t>malik wahin</t>
  </si>
  <si>
    <t>GPS MALIK WALA MAILSI</t>
  </si>
  <si>
    <t>Mohallah Shankar pura mailsi</t>
  </si>
  <si>
    <t>MC Mailsi Ward No 7</t>
  </si>
  <si>
    <t>GPS MALKA</t>
  </si>
  <si>
    <t>vpo malka tehsil kharian dist. gujrat</t>
  </si>
  <si>
    <t>GPS MALKA MAUJ</t>
  </si>
  <si>
    <t>Malka Mauj</t>
  </si>
  <si>
    <t>malka mauj p/o syedwala Nankana sahib</t>
  </si>
  <si>
    <t>GPS MALKAN WALA</t>
  </si>
  <si>
    <t>Vill Malkanwala teh distt Mandibahauddin</t>
  </si>
  <si>
    <t>Sohawa Dilo Ana</t>
  </si>
  <si>
    <t>GPS MALKANA</t>
  </si>
  <si>
    <t>moza malkana</t>
  </si>
  <si>
    <t>Mc 18  Hazari</t>
  </si>
  <si>
    <t>GPS MALKANI</t>
  </si>
  <si>
    <t>Basti malkani p/ o Hajipur Tehsil Jampur</t>
  </si>
  <si>
    <t>GPS MALKANI QALANDAR</t>
  </si>
  <si>
    <t>Malkani Qalandar</t>
  </si>
  <si>
    <t>basti malkani qalandar mouza malkani qalandar teh kot chutta distt dgk</t>
  </si>
  <si>
    <t>Basti Malkani Qalandar</t>
  </si>
  <si>
    <t>Iftikhar Wasim</t>
  </si>
  <si>
    <t>GPS MALKAY WALA</t>
  </si>
  <si>
    <t>kala dgkhan</t>
  </si>
  <si>
    <t>Nimra Maqbool</t>
  </si>
  <si>
    <t>GPS MALKOO</t>
  </si>
  <si>
    <t>Malkoo</t>
  </si>
  <si>
    <t>Village Malkoo Distt. Sheikhupura</t>
  </si>
  <si>
    <t>GPS MALL MANDI CCI</t>
  </si>
  <si>
    <t>MallMandi Chichawatni</t>
  </si>
  <si>
    <t>Mansoor Anwar</t>
  </si>
  <si>
    <t>GPS MALLAH</t>
  </si>
  <si>
    <t>Village Mallah P/O Kanjrur Tehsil Shakargarh District Narowal</t>
  </si>
  <si>
    <t>GPS MALLAH KHAIL</t>
  </si>
  <si>
    <t>Moza shah pur p/o box kot mithan district rajan pur.</t>
  </si>
  <si>
    <t>GPS MALLAHY WALA</t>
  </si>
  <si>
    <t>Chah Mallahy wala mauza kot haibat</t>
  </si>
  <si>
    <t>Mallay Wala</t>
  </si>
  <si>
    <t>GPS MALLANA DAGGAR</t>
  </si>
  <si>
    <t>Mallana Daggar</t>
  </si>
  <si>
    <t>Mallan Daggar</t>
  </si>
  <si>
    <t>GPS MALLANGI</t>
  </si>
  <si>
    <t>mallangi p.o lakarmaar.jand.attock</t>
  </si>
  <si>
    <t>Mallangi</t>
  </si>
  <si>
    <t>Muhammad Safdar Khan</t>
  </si>
  <si>
    <t>GPS MALLI WALA</t>
  </si>
  <si>
    <t>Malli Wala</t>
  </si>
  <si>
    <t>village malli wala tehsil and disttrict nankana sahib</t>
  </si>
  <si>
    <t>Inam Khaliq</t>
  </si>
  <si>
    <t>GPS MALLOKI</t>
  </si>
  <si>
    <t>Malloki</t>
  </si>
  <si>
    <t>malloki</t>
  </si>
  <si>
    <t>GPS MALLOT SATTIAN</t>
  </si>
  <si>
    <t>M Farid</t>
  </si>
  <si>
    <t>GPS MALLU CHIT</t>
  </si>
  <si>
    <t>Mallu chitt</t>
  </si>
  <si>
    <t>government primary school Mallu chitt p o cantt tehsil, district sialkot</t>
  </si>
  <si>
    <t>Abouzar Ghafari</t>
  </si>
  <si>
    <t>GPS MALO MEHAY</t>
  </si>
  <si>
    <t>malomahy</t>
  </si>
  <si>
    <t>govt.primary school malomahay</t>
  </si>
  <si>
    <t>GPS MALOANI KALAN</t>
  </si>
  <si>
    <t>Malo Ani Kalan</t>
  </si>
  <si>
    <t>maloani kalan p/ o syedwala</t>
  </si>
  <si>
    <t>Malo Ani  Kalan</t>
  </si>
  <si>
    <t>GPS MALOOKA KALAN</t>
  </si>
  <si>
    <t>Malooka Kalan</t>
  </si>
  <si>
    <t>malooka kalan tehsil and distt pakpattan</t>
  </si>
  <si>
    <t>Hafiz Mazhar Farid</t>
  </si>
  <si>
    <t>GPS MALOT</t>
  </si>
  <si>
    <t>malot</t>
  </si>
  <si>
    <t>MALOT</t>
  </si>
  <si>
    <t>Aliya Ashraf</t>
  </si>
  <si>
    <t>GPS MALOWAL</t>
  </si>
  <si>
    <t>Atif Ali</t>
  </si>
  <si>
    <t>GPS MALPUR</t>
  </si>
  <si>
    <t>malpur</t>
  </si>
  <si>
    <t>Gahri Afghanan</t>
  </si>
  <si>
    <t>GPS MALYANA P.O KALYANA</t>
  </si>
  <si>
    <t>malyana</t>
  </si>
  <si>
    <t>Qamar Yasin</t>
  </si>
  <si>
    <t>GPS MALYAR</t>
  </si>
  <si>
    <t>Kot Lakhyal</t>
  </si>
  <si>
    <t>GPS Malyar Tehsil Pind dadan khan District Jhelum</t>
  </si>
  <si>
    <t>Karam Ali</t>
  </si>
  <si>
    <t>GPS MAMMAN WALA</t>
  </si>
  <si>
    <t>Mamman Wala</t>
  </si>
  <si>
    <t>Syed Rafaqat Ali Shah</t>
  </si>
  <si>
    <t>GPS MAMMAN WALA KHURD</t>
  </si>
  <si>
    <t>Mamman Wala khurd</t>
  </si>
  <si>
    <t>Mamman Wala Khurd</t>
  </si>
  <si>
    <t>GPS MAMNA</t>
  </si>
  <si>
    <t>Touheed Nagar Mamna teh &amp; distt. Hafizabad</t>
  </si>
  <si>
    <t>Malik Fiaz Ahmed</t>
  </si>
  <si>
    <t>GPS MAMOLA</t>
  </si>
  <si>
    <t>Muhammad Wala,Tehsil Lalion District Chiniot</t>
  </si>
  <si>
    <t>Umar Draz Abid</t>
  </si>
  <si>
    <t>GPS MAMOON ABAD</t>
  </si>
  <si>
    <t>Dera Ezzat</t>
  </si>
  <si>
    <t>Govt. primary school mamoon abad,near Qitta al ammara road,Bwp</t>
  </si>
  <si>
    <t>Agra Basti Bwp</t>
  </si>
  <si>
    <t>GPS MAMOOR WASEER</t>
  </si>
  <si>
    <t>Mamoor Waseer</t>
  </si>
  <si>
    <t>GPS Mamroor Maseer post office karam pur</t>
  </si>
  <si>
    <t>GPS MAMUKA HITHAR</t>
  </si>
  <si>
    <t>Mamuka Uttar</t>
  </si>
  <si>
    <t>Basti Mamuka Uttar, Posts Office Chack Sarkari,  Tehsil and District Bahawalnagar</t>
  </si>
  <si>
    <t>GPS MAMUNKA UTTAR</t>
  </si>
  <si>
    <t>Mamunka Hittar</t>
  </si>
  <si>
    <t>basti jalwera wali p.o chack sadiq nagar, mouza mamunka , teh &amp; distt: Bahawalnagar</t>
  </si>
  <si>
    <t>Basti Jalwera</t>
  </si>
  <si>
    <t>Safia Maraj</t>
  </si>
  <si>
    <t>GPS MAMYAL</t>
  </si>
  <si>
    <t>Blandi</t>
  </si>
  <si>
    <t>Mamyal PO Bagh Jameri Teh Kallar Syedan District Rwp</t>
  </si>
  <si>
    <t>Mamyal</t>
  </si>
  <si>
    <t>Dobran Kalan</t>
  </si>
  <si>
    <t>Abid Hussain Janjua</t>
  </si>
  <si>
    <t>GPS MANA AHMEDANI NO.1</t>
  </si>
  <si>
    <t>Mana Ahmadani Tehsil Kot Chutta District D.G.Khan</t>
  </si>
  <si>
    <t>Mana Ahmadai</t>
  </si>
  <si>
    <t>muhammmad asghar</t>
  </si>
  <si>
    <t>GPS MANAGA QILA SHER SINGH</t>
  </si>
  <si>
    <t>Manga Otaar</t>
  </si>
  <si>
    <t>GPS, Qila Sher Singh Manga Mandi Tehsil Raiwind District Lahore City</t>
  </si>
  <si>
    <t>UC Manga</t>
  </si>
  <si>
    <t>Hafiz Syed Muhammad Raza Shah</t>
  </si>
  <si>
    <t>GPS MANAH</t>
  </si>
  <si>
    <t>Basti and mouza Manhan Tehsil kot addu</t>
  </si>
  <si>
    <t>GPS MANAK DAIKEY</t>
  </si>
  <si>
    <t>manak daikey, markaz kangan pur, p.o. kangan pur, tehsil chunian, district kasur, Punjab, Pakistan</t>
  </si>
  <si>
    <t>Manak Dakay</t>
  </si>
  <si>
    <t>GPS MANAKA SHUMALI</t>
  </si>
  <si>
    <t>manka shamali fazla kach trible area dg khan</t>
  </si>
  <si>
    <t>GHULAM HAIDER</t>
  </si>
  <si>
    <t>GPS MANAKPUR</t>
  </si>
  <si>
    <t>Village Manak Pur PO and Tehsil Kallar Kahar District Chakwal</t>
  </si>
  <si>
    <t>manak pur</t>
  </si>
  <si>
    <t>Buchal khurd</t>
  </si>
  <si>
    <t>GPS MANAN WALA PO. RAJA JANG</t>
  </si>
  <si>
    <t>Manan  Wala</t>
  </si>
  <si>
    <t>GPS MANAN WALA  P/O RAJA JANG</t>
  </si>
  <si>
    <t>Abu Far Naseer</t>
  </si>
  <si>
    <t>GPS MANAWALA</t>
  </si>
  <si>
    <t>GPS Manawala</t>
  </si>
  <si>
    <t>GPS MANAWALA LHR CANTT</t>
  </si>
  <si>
    <t>Village Manawala, Badian Road Lahore Cantt. Lahore</t>
  </si>
  <si>
    <t>GPS MANDAR BLOCK PIR MAHAL</t>
  </si>
  <si>
    <t>Katchi Kothi Pirmahal</t>
  </si>
  <si>
    <t>GPS MANDHAL</t>
  </si>
  <si>
    <t>pulfarooqabad mandhal ape bwp</t>
  </si>
  <si>
    <t>Pulfarooqabad</t>
  </si>
  <si>
    <t>Hafiz Muhammad Tayib</t>
  </si>
  <si>
    <t>GPS MANDHAR</t>
  </si>
  <si>
    <t>Village Mandhar PO bangial Tehsil Kharian</t>
  </si>
  <si>
    <t>GPS MANDHIALA</t>
  </si>
  <si>
    <t>Mandhiala</t>
  </si>
  <si>
    <t>Village Mandhiala</t>
  </si>
  <si>
    <t>Barkhurdaar</t>
  </si>
  <si>
    <t>Navid Iqbal</t>
  </si>
  <si>
    <t>GPS MANDHRAIN</t>
  </si>
  <si>
    <t>basti mandhrsin p\o vehoa teh . tounsa Sharif distt. d.g.khan</t>
  </si>
  <si>
    <t>Mandhrain</t>
  </si>
  <si>
    <t>GPS MANDI DHOLAN HITHAR</t>
  </si>
  <si>
    <t>MANDI DHOLAN</t>
  </si>
  <si>
    <t>MANDI DHOLAN HITHAR TEHSIL AND DISTRICT KASUR</t>
  </si>
  <si>
    <t>DHOLAN HITHAR</t>
  </si>
  <si>
    <t>Sarwar Masih</t>
  </si>
  <si>
    <t>GPS MANDI MUHAMMAD SIDDIQUE</t>
  </si>
  <si>
    <t>Mandi Mohammad Saddique</t>
  </si>
  <si>
    <t>gps mm s pdk</t>
  </si>
  <si>
    <t>Mandi Muhammad Saddique</t>
  </si>
  <si>
    <t>Allah Rakhi Ansari</t>
  </si>
  <si>
    <t>GPS MANDI SAMBRIAL NO.1</t>
  </si>
  <si>
    <t>GPS No1 Mandi Sambrial</t>
  </si>
  <si>
    <t>GPS MANDI SAMBRIAL NO.2</t>
  </si>
  <si>
    <t>Mandi Sambial</t>
  </si>
  <si>
    <t>Street no. 5 mandi sambrial</t>
  </si>
  <si>
    <t>tanveer islam</t>
  </si>
  <si>
    <t>GPS MANDI SHEIKHAN</t>
  </si>
  <si>
    <t>mohallah mandi sheikhan chiniot</t>
  </si>
  <si>
    <t>Mandi Sheikhan</t>
  </si>
  <si>
    <t>Muhammad Usman Saqib</t>
  </si>
  <si>
    <t>GPS MANDI TOWN BHAKKAR</t>
  </si>
  <si>
    <t>Near Noori Masjid, Mandi town Bhakkar</t>
  </si>
  <si>
    <t>Malik Sadam Hussain Abid</t>
  </si>
  <si>
    <t>GPS MANDIALA CHAK NO 20 RB</t>
  </si>
  <si>
    <t>Mandiala Chak no 20</t>
  </si>
  <si>
    <t>Burhan Ali</t>
  </si>
  <si>
    <t>GPS MANDIALA CHATHA</t>
  </si>
  <si>
    <t>mandiala Chattha teh. wazir abad distt. Gujranwala</t>
  </si>
  <si>
    <t>GPS MANDIALA MIR SHIKARAN</t>
  </si>
  <si>
    <t>Mandila Meer Shikaran</t>
  </si>
  <si>
    <t>mandila meer shikaran gujranwala</t>
  </si>
  <si>
    <t>MandiMandiaMandiMandila Meer Shikaran</t>
  </si>
  <si>
    <t>Hf Muhammad Ameen</t>
  </si>
  <si>
    <t>GPS MANDIALA PONECH</t>
  </si>
  <si>
    <t>Mandiala Ponaich</t>
  </si>
  <si>
    <t>Muhammad Bilal Khan</t>
  </si>
  <si>
    <t>GPS MANDIALA TEGHA KHURD</t>
  </si>
  <si>
    <t>Mandiala tega Khurd</t>
  </si>
  <si>
    <t>po/ khas mandiala tega Khurd, kamoke, gujranwala</t>
  </si>
  <si>
    <t>GPS MANDIAN WALA</t>
  </si>
  <si>
    <t>Mandianwala sharqpur</t>
  </si>
  <si>
    <t>Tridaywali</t>
  </si>
  <si>
    <t>GPS MANDIR NO.1</t>
  </si>
  <si>
    <t>village Mandeer po box kharian.</t>
  </si>
  <si>
    <t>Asif Aziz</t>
  </si>
  <si>
    <t>GPS MANEY WALA</t>
  </si>
  <si>
    <t>Maney Wala,UC Thatha Gabolan,P/O Choti Zareen,Tehsil Kot Chutta,Distt Dera Ghazi Khan</t>
  </si>
  <si>
    <t>Maney Wala</t>
  </si>
  <si>
    <t>THATHA GABOLAN</t>
  </si>
  <si>
    <t>Saif  Ullah</t>
  </si>
  <si>
    <t>GPS MANGA</t>
  </si>
  <si>
    <t>manga po chawinda tehsil pasrur district sialkot</t>
  </si>
  <si>
    <t>GPS MANGA BHIDAL MATHELA</t>
  </si>
  <si>
    <t>Manga Bhidal Mathela</t>
  </si>
  <si>
    <t>manga bhedal methela post office haveli lakha</t>
  </si>
  <si>
    <t>Manga Bhidal Methala</t>
  </si>
  <si>
    <t>Sher muhammad sher</t>
  </si>
  <si>
    <t>GPS MANGA MANDI</t>
  </si>
  <si>
    <t>Adil Town</t>
  </si>
  <si>
    <t>adil town manga</t>
  </si>
  <si>
    <t>WAHEED SAJJAD</t>
  </si>
  <si>
    <t>GPS MANGA QADEEM</t>
  </si>
  <si>
    <t>Mangaqadeem</t>
  </si>
  <si>
    <t>p s mangaqadeem</t>
  </si>
  <si>
    <t>Qailakalarwala</t>
  </si>
  <si>
    <t>Shahid Javaid</t>
  </si>
  <si>
    <t>GPS MANGAL</t>
  </si>
  <si>
    <t>village and post office Mangal tensile kallar sedan district rawalpind</t>
  </si>
  <si>
    <t>Sonia Bibi</t>
  </si>
  <si>
    <t>GPS MANGAL SINGH WALA</t>
  </si>
  <si>
    <t>KOTWAR</t>
  </si>
  <si>
    <t>JODH SINGH</t>
  </si>
  <si>
    <t>GPS MANGAN</t>
  </si>
  <si>
    <t>MOUZA MANGAN P.O LASHARI TEHSIL AND DISTRICT OKARA</t>
  </si>
  <si>
    <t>Muhammad Naeem Anjum</t>
  </si>
  <si>
    <t>GPS MANGHOT</t>
  </si>
  <si>
    <t>GPS manghot</t>
  </si>
  <si>
    <t>NAJMA BIBI</t>
  </si>
  <si>
    <t>GPS MANGIAL</t>
  </si>
  <si>
    <t>village &amp;post office Qutbal</t>
  </si>
  <si>
    <t>Saima  Bi Bi</t>
  </si>
  <si>
    <t>GPS MANGLA BASTI</t>
  </si>
  <si>
    <t>faroka</t>
  </si>
  <si>
    <t>farooka</t>
  </si>
  <si>
    <t>Muhammad Aslam Tariq</t>
  </si>
  <si>
    <t>GPS MANGLA BHUTTA</t>
  </si>
  <si>
    <t>BHUTTA</t>
  </si>
  <si>
    <t>MANGLA BHUTTA</t>
  </si>
  <si>
    <t>HAFIZ MUHAMMAD IQBAL</t>
  </si>
  <si>
    <t>GPS MANGLA NAI WALA</t>
  </si>
  <si>
    <t>Mangla Nai Wala P/O Swai Wala Tehsil &amp; District Bahawalnagar</t>
  </si>
  <si>
    <t>GPS MANGLIA</t>
  </si>
  <si>
    <t>Manglia</t>
  </si>
  <si>
    <t>VPO Manglia, Tehsil Kharian, Distt. Gujrat</t>
  </si>
  <si>
    <t>GPS MANGLOORA</t>
  </si>
  <si>
    <t>Khush Bakht Aliya</t>
  </si>
  <si>
    <t>GPS MANGLOTA</t>
  </si>
  <si>
    <t>Mehangul</t>
  </si>
  <si>
    <t>village Manglota p/o Angoori Murree Rawalpindi</t>
  </si>
  <si>
    <t>Manglota</t>
  </si>
  <si>
    <t>GPS MANGLOTI</t>
  </si>
  <si>
    <t>P/o Mubarak pur Tehsil APE District Bahawalpur</t>
  </si>
  <si>
    <t>Basti Baloucha</t>
  </si>
  <si>
    <t>HAROON BAIG</t>
  </si>
  <si>
    <t>GPS MANGLY WALA</t>
  </si>
  <si>
    <t>Chah Manglay Wala</t>
  </si>
  <si>
    <t>Manglay Wala</t>
  </si>
  <si>
    <t>GPS MANGNAN WALA</t>
  </si>
  <si>
    <t>MONGNAN WALA</t>
  </si>
  <si>
    <t>Viillage Mongna Wala</t>
  </si>
  <si>
    <t>Mongnan Wala</t>
  </si>
  <si>
    <t>Filter water in village</t>
  </si>
  <si>
    <t>GPS MANGOOR</t>
  </si>
  <si>
    <t>governament primary school mangoor</t>
  </si>
  <si>
    <t>Muhammad  Azam</t>
  </si>
  <si>
    <t>GPS MANGOWAL EAST</t>
  </si>
  <si>
    <t>Mangowal East</t>
  </si>
  <si>
    <t>Mangowal Sharqi</t>
  </si>
  <si>
    <t>Behraj</t>
  </si>
  <si>
    <t>Muhammad Irfan Bashir</t>
  </si>
  <si>
    <t>GPS MANGOWAL PURANA</t>
  </si>
  <si>
    <t>Purana Mangowal</t>
  </si>
  <si>
    <t>purana mangowal</t>
  </si>
  <si>
    <t>GPS MANGRAL</t>
  </si>
  <si>
    <t>Mangral</t>
  </si>
  <si>
    <t>Dhok Mangral, VPO Dholar Teh Talagang, Distt Chakwal</t>
  </si>
  <si>
    <t>GPS MANGRIAH</t>
  </si>
  <si>
    <t>Mangriah</t>
  </si>
  <si>
    <t>Mangriah p/o dudhoo Chak tehsil shakargarh district narowal</t>
  </si>
  <si>
    <t>GPS MANGROTHA EAST NO.1</t>
  </si>
  <si>
    <t>GPS no 1 mangrotha East tehsil taunsa</t>
  </si>
  <si>
    <t>Reaz Ahmad</t>
  </si>
  <si>
    <t>by aid of neighbour s</t>
  </si>
  <si>
    <t>GPS MANGROTHA WEST NO 2</t>
  </si>
  <si>
    <t>Gps Mangrotha west No :2</t>
  </si>
  <si>
    <t>GPS MANGTAN WALA</t>
  </si>
  <si>
    <t>dera mangtanwala noor pur thal</t>
  </si>
  <si>
    <t>Dera Mangtanwala</t>
  </si>
  <si>
    <t>Muttee Ullah</t>
  </si>
  <si>
    <t>GPS MANGWAL</t>
  </si>
  <si>
    <t>GPS MANIAN WALA</t>
  </si>
  <si>
    <t>G.P.S.Mannianwala</t>
  </si>
  <si>
    <t>Mannianwala</t>
  </si>
  <si>
    <t>GPS MANIK NAUSHEHRA</t>
  </si>
  <si>
    <t>Manik Nau Shehra</t>
  </si>
  <si>
    <t>moza manik nau shehra basti zahoor abad kandi wala p/o such Sharif tehsil Ahmad pur</t>
  </si>
  <si>
    <t>GPS MANIK WALI</t>
  </si>
  <si>
    <t>Jaind Wali</t>
  </si>
  <si>
    <t>besti manikwali mouza jaind wali</t>
  </si>
  <si>
    <t>Manik Wali</t>
  </si>
  <si>
    <t>Sardar Gerh</t>
  </si>
  <si>
    <t>Zamir Ahmad</t>
  </si>
  <si>
    <t>GPS MANIK WALI MUZA BEHLI SHARIF P/O GHAZI PUR</t>
  </si>
  <si>
    <t>basti Manik wali mouza behli Sharif p o ghazi pur</t>
  </si>
  <si>
    <t>GPS MANJ GHAGGAR</t>
  </si>
  <si>
    <t>Manj Gaghar</t>
  </si>
  <si>
    <t>GPS manj ghagar tehsil muridke districts sheikhupura</t>
  </si>
  <si>
    <t>Guhchli</t>
  </si>
  <si>
    <t>muhammad altaf hussain</t>
  </si>
  <si>
    <t>GPS MANJ WALI</t>
  </si>
  <si>
    <t>Manjwali PO Phama sura Teh Nowshera Virkan Distt Gujranwala</t>
  </si>
  <si>
    <t>Manjwali</t>
  </si>
  <si>
    <t>Muhammad Shehzad Ansari</t>
  </si>
  <si>
    <t>GPS MANJA KOTLA</t>
  </si>
  <si>
    <t>MANJHA KOTLA</t>
  </si>
  <si>
    <t>Mauza Manjha Kotla Teh Dunyapur District Lodhran.</t>
  </si>
  <si>
    <t>LADHA BOHAR</t>
  </si>
  <si>
    <t>Mian Faisal Ejaz Malana</t>
  </si>
  <si>
    <t>GPS MANJAN</t>
  </si>
  <si>
    <t>moza sore village Manjan kahuta</t>
  </si>
  <si>
    <t>Manjan</t>
  </si>
  <si>
    <t>Tayyab Zia</t>
  </si>
  <si>
    <t>GPS MANJANI</t>
  </si>
  <si>
    <t>moza Basti arif Tehsil Jatoi District muzafar garh</t>
  </si>
  <si>
    <t>Manjani</t>
  </si>
  <si>
    <t>Jhalarein</t>
  </si>
  <si>
    <t>Ghulam Shabeer</t>
  </si>
  <si>
    <t>GPS MANJEY TOOR</t>
  </si>
  <si>
    <t>Manjey Toor</t>
  </si>
  <si>
    <t>Qaisar Wasim Khan</t>
  </si>
  <si>
    <t>GPS MANJHAR</t>
  </si>
  <si>
    <t>Siyali Umer Khan</t>
  </si>
  <si>
    <t>Manjhar near Samoot Kallar sayan</t>
  </si>
  <si>
    <t>Manjahar</t>
  </si>
  <si>
    <t>Samoot</t>
  </si>
  <si>
    <t>Muhammad Hussnain  Kiyani</t>
  </si>
  <si>
    <t>GPS MANJHER</t>
  </si>
  <si>
    <t>village manjher p/o 55 DB teh. Kalur Kot Distt. Bhakkar</t>
  </si>
  <si>
    <t>Manjher</t>
  </si>
  <si>
    <t>Muhammad Yusaf</t>
  </si>
  <si>
    <t>GPS MANJHI KHEL TRAGH TEH. ISA KHEL</t>
  </si>
  <si>
    <t>Trag Gharbe</t>
  </si>
  <si>
    <t>mohallah Manjhi khel V&amp;P.O Trag Tehsil Isakhel distrect Mianwali</t>
  </si>
  <si>
    <t>GPS MANJU-WEEL</t>
  </si>
  <si>
    <t>Manjhuweel</t>
  </si>
  <si>
    <t>Manjhuweel near Kharar Buzdar Tribal Area D.G Khan</t>
  </si>
  <si>
    <t>Umar Khan</t>
  </si>
  <si>
    <t>Cooler</t>
  </si>
  <si>
    <t>GPS MANKA BHUTTA NO. 2</t>
  </si>
  <si>
    <t>basti mandoor moza mahal khakhi shumali tahsil and district muzaffargarh</t>
  </si>
  <si>
    <t>Basti Mandoor</t>
  </si>
  <si>
    <t>GPS MANKA QALAT</t>
  </si>
  <si>
    <t>fazla katch tehsil tuansa dist DG khan</t>
  </si>
  <si>
    <t>Manka Qalat</t>
  </si>
  <si>
    <t>GPS MANKOOR</t>
  </si>
  <si>
    <t>MANKOOR</t>
  </si>
  <si>
    <t>VILL,MANKOOR. TEH,JAND.DISTTATTOCK.</t>
  </si>
  <si>
    <t>LANGAR</t>
  </si>
  <si>
    <t>ASIF ALI</t>
  </si>
  <si>
    <t>GPS MANMORE</t>
  </si>
  <si>
    <t>Nalamuslmana</t>
  </si>
  <si>
    <t>manmore</t>
  </si>
  <si>
    <t>Manmore</t>
  </si>
  <si>
    <t>GPS MANO CHAK KHURD</t>
  </si>
  <si>
    <t>Mano Chak Khurd</t>
  </si>
  <si>
    <t>VILL.MANO CHAK KHURD. P/O MANO CHAK
TEH:PHALIA  DISTRICT MANDI BAHA UDDIN</t>
  </si>
  <si>
    <t>MANO CHAK Khurd</t>
  </si>
  <si>
    <t>GPS MANO WALA</t>
  </si>
  <si>
    <t>RUKAN PURA</t>
  </si>
  <si>
    <t>GPS MANO WALA, MOZA RUKAN PURA P/O BASIRPUR, DEPALPUR, OKARA.</t>
  </si>
  <si>
    <t>MANO WALA</t>
  </si>
  <si>
    <t>GPS MANOHAR PUR BAILY</t>
  </si>
  <si>
    <t>manhor pur beli</t>
  </si>
  <si>
    <t>Manhor Pur Beli post office kala dev jhelum</t>
  </si>
  <si>
    <t>Manhor Pur Beli</t>
  </si>
  <si>
    <t>GPS MANOKAAN WALA</t>
  </si>
  <si>
    <t>MANOKIAN WALA</t>
  </si>
  <si>
    <t>MANOKIAN WALA KHO</t>
  </si>
  <si>
    <t>NOORI SOHAG</t>
  </si>
  <si>
    <t>Syeda Uzma Sajjad</t>
  </si>
  <si>
    <t>GPS MANOORIAN</t>
  </si>
  <si>
    <t>Manoorian</t>
  </si>
  <si>
    <t>Manoorian p/o Kangan Pur Tehsil Chunian District Kasur</t>
  </si>
  <si>
    <t>GPS MANSAY WALA P/O JALAL PUR KHAKHI</t>
  </si>
  <si>
    <t>Jala Pur Khakhi</t>
  </si>
  <si>
    <t>Mansay Wala jalal Pur khakhi P/O Bagrain Tehsil Shujabad</t>
  </si>
  <si>
    <t>Mansay Wala</t>
  </si>
  <si>
    <t>GPS MANYAND</t>
  </si>
  <si>
    <t>Govt boys primary School Manyand</t>
  </si>
  <si>
    <t>Dubran Khurd</t>
  </si>
  <si>
    <t>Shameen Akhtar</t>
  </si>
  <si>
    <t>GPS MANZOOR ARAIN</t>
  </si>
  <si>
    <t>BASTI SHAHABDIN ADDA SHAHBAZPUR TEHSIL SDK DIST RYK</t>
  </si>
  <si>
    <t>BASTI SHAHBDIN</t>
  </si>
  <si>
    <t>Razia Shahid</t>
  </si>
  <si>
    <t>GPS MANZOOR HAYAT COLONY BHALWAL</t>
  </si>
  <si>
    <t>Manzoor Hayat Colony</t>
  </si>
  <si>
    <t>st.No.13 Manzoor Hayat Colony Bhalwal</t>
  </si>
  <si>
    <t>GPS MANZOOR MAHNI</t>
  </si>
  <si>
    <t>p/o mitro  mouza mahni teh.Mailsi Distt.Vehari</t>
  </si>
  <si>
    <t>GPS MANZOOR MUSLIM</t>
  </si>
  <si>
    <t>GPS Manzoor Muslim Kashmir colony Rawalpindi</t>
  </si>
  <si>
    <t>Kaneez Maryam</t>
  </si>
  <si>
    <t>GPS MANZOOR PARK BUND ROAD SHAFIQUE ABAD</t>
  </si>
  <si>
    <t>Gang Kalan</t>
  </si>
  <si>
    <t>manzoor park shafiqabad bund road lahore</t>
  </si>
  <si>
    <t>Abdullah Amin</t>
  </si>
  <si>
    <t>GPS MANZOOR SARU</t>
  </si>
  <si>
    <t>Bachain Wali</t>
  </si>
  <si>
    <t>basti manzoor saru mouza bachian wali minchina abad</t>
  </si>
  <si>
    <t>Manzoor Saru</t>
  </si>
  <si>
    <t>Muhammad  Zubair Shah</t>
  </si>
  <si>
    <t>GPS MAOJ DIN</t>
  </si>
  <si>
    <t>Basti Mauj Deen moza kacha chohan</t>
  </si>
  <si>
    <t>Basti Mauj Deen</t>
  </si>
  <si>
    <t>GPS MAQADDAM SINGH WALA</t>
  </si>
  <si>
    <t>Muqaddam Singh wala</t>
  </si>
  <si>
    <t>Sarfraz Masih</t>
  </si>
  <si>
    <t>GPS MAQAMI WALA</t>
  </si>
  <si>
    <t>nawan begraj</t>
  </si>
  <si>
    <t>chah range wala moza nawan begraj tehsil jampur distt rajanpur</t>
  </si>
  <si>
    <t>range wala</t>
  </si>
  <si>
    <t>GPS MAQBOOL PUR</t>
  </si>
  <si>
    <t>Maqbool pur 70/4r</t>
  </si>
  <si>
    <t>Allah Wadhaia</t>
  </si>
  <si>
    <t>GPS MAQBOOL SHAHEED ABAD</t>
  </si>
  <si>
    <t>Maqbool Shaheed Abad</t>
  </si>
  <si>
    <t>Maqbool Shaheed Abad Post Office Mor Eminabad</t>
  </si>
  <si>
    <t>GPS MAQBOOL WAH</t>
  </si>
  <si>
    <t>Gps maqbool wah teshil dunya pur district lodhran markaz zakhira</t>
  </si>
  <si>
    <t>Muhammad Tariq Shahzad</t>
  </si>
  <si>
    <t>GPS MAQSOOD PUR CHHINA</t>
  </si>
  <si>
    <t>Maqsood Pur Chhina</t>
  </si>
  <si>
    <t>Chak Noor M</t>
  </si>
  <si>
    <t>Muhammad Islam Babar</t>
  </si>
  <si>
    <t>GPS MAQSOODA</t>
  </si>
  <si>
    <t>Maqsooda teh mailsi Distt Vehari</t>
  </si>
  <si>
    <t>GPS MAQSOODA BHATTIAN</t>
  </si>
  <si>
    <t>village maqsooda bhattian p.o and tehsil pindi bhattian district hafizabad</t>
  </si>
  <si>
    <t>GPS MAR BUN</t>
  </si>
  <si>
    <t>Han Thal</t>
  </si>
  <si>
    <t>mouza han thal, marbun tribal area,dgkhan</t>
  </si>
  <si>
    <t>Marbun</t>
  </si>
  <si>
    <t>GPS MARAH P/O AGHAR KHANI TEH. SHUJABAD</t>
  </si>
  <si>
    <t>Maraha</t>
  </si>
  <si>
    <t>moza marha tehsil shujabad p/o aghar khawani</t>
  </si>
  <si>
    <t>Baghrain</t>
  </si>
  <si>
    <t>GPS MARAKA MULTAN ROAD</t>
  </si>
  <si>
    <t>26 km multan road maraka village tehsil raiwind lahore</t>
  </si>
  <si>
    <t>Maraka Village</t>
  </si>
  <si>
    <t>Khurram Raza Saeed</t>
  </si>
  <si>
    <t>GPS MARAL PAR</t>
  </si>
  <si>
    <t>Marlpar</t>
  </si>
  <si>
    <t>PO Padhana cantt Lahore</t>
  </si>
  <si>
    <t>GPS MARATHIAN</t>
  </si>
  <si>
    <t>Martian</t>
  </si>
  <si>
    <t>martian</t>
  </si>
  <si>
    <t>Sarisar</t>
  </si>
  <si>
    <t>GPS MARAY</t>
  </si>
  <si>
    <t>Maray</t>
  </si>
  <si>
    <t>GPS Maray KOTMOMIN, Sargodha.</t>
  </si>
  <si>
    <t>Wah Miana</t>
  </si>
  <si>
    <t>IMRAN HUSSAIN</t>
  </si>
  <si>
    <t>GPS MARDAN WALA</t>
  </si>
  <si>
    <t>Pilowains</t>
  </si>
  <si>
    <t>vpo pilowains tehsil noorpur thall khushab</t>
  </si>
  <si>
    <t>Gehna Shahzad</t>
  </si>
  <si>
    <t>GPS MAREH WALA</t>
  </si>
  <si>
    <t>Bangla korae, Muhammad Pur</t>
  </si>
  <si>
    <t>GPS MARI ANB</t>
  </si>
  <si>
    <t>Mari Anb</t>
  </si>
  <si>
    <t>mari anb</t>
  </si>
  <si>
    <t>GPS MARI GUSSAIEN</t>
  </si>
  <si>
    <t>Basti Mari Gussaein, Ahmad pur east0</t>
  </si>
  <si>
    <t>Basti Mari Gussaein</t>
  </si>
  <si>
    <t>GPS MARI KALAN</t>
  </si>
  <si>
    <t>Mari Kalan</t>
  </si>
  <si>
    <t>Mari kalan p.o Mari khurd Narang Mandi tehsil muridkey</t>
  </si>
  <si>
    <t>Mehta Soja</t>
  </si>
  <si>
    <t>M Shehbaz</t>
  </si>
  <si>
    <t>GPS MARI KHOKHRAN</t>
  </si>
  <si>
    <t>village &amp; p / o Mari Khokhran Teh &amp; District Gujrat</t>
  </si>
  <si>
    <t>GPS MARI KHURD</t>
  </si>
  <si>
    <t>GPS MARI MANGU MAL BANGAL WALA MULTAN</t>
  </si>
  <si>
    <t>Maari Mangu Maal</t>
  </si>
  <si>
    <t>GPS MARI MITRU MOUZA</t>
  </si>
  <si>
    <t>MARI MITRU</t>
  </si>
  <si>
    <t>GPS MARI MITRU</t>
  </si>
  <si>
    <t>Tahir Nisar Saleemi</t>
  </si>
  <si>
    <t>GPS MARI NOON TAIL FAIZ PUR</t>
  </si>
  <si>
    <t>mari noon tail faiz pur shujabad</t>
  </si>
  <si>
    <t>Tail Faiz Pur</t>
  </si>
  <si>
    <t>GPS MARI PHOOL WALI</t>
  </si>
  <si>
    <t>Marhi Phole Wali</t>
  </si>
  <si>
    <t>marhi phole wali p/o mandi sadiq ganj tehsil minchinabad district bahawalnagar</t>
  </si>
  <si>
    <t>GPS MARI SHEIKH SHIJRA</t>
  </si>
  <si>
    <t>mari sheikh shujra</t>
  </si>
  <si>
    <t>sama satta</t>
  </si>
  <si>
    <t>mari sheikh shujara</t>
  </si>
  <si>
    <t>abdul majeed bhatti</t>
  </si>
  <si>
    <t>GPS MARI SHOUQ SHAH</t>
  </si>
  <si>
    <t>Mari shouq shah</t>
  </si>
  <si>
    <t>GPS MARI WALIAN P/O SUNDA GHULAM HUSSAIN</t>
  </si>
  <si>
    <t>Brahman Wala</t>
  </si>
  <si>
    <t>Gps marri waly an p/o sanda ghulam hussain</t>
  </si>
  <si>
    <t>Marri Walyan</t>
  </si>
  <si>
    <t>Khaggy Wala</t>
  </si>
  <si>
    <t>GPS MARIL</t>
  </si>
  <si>
    <t>Mouza Uch Mouza Uch Bukhari</t>
  </si>
  <si>
    <t>basti maral</t>
  </si>
  <si>
    <t>Maral</t>
  </si>
  <si>
    <t>GPS MARJAL</t>
  </si>
  <si>
    <t>village and post  marjal</t>
  </si>
  <si>
    <t>Habib ul Anjam</t>
  </si>
  <si>
    <t>GPS MARKI</t>
  </si>
  <si>
    <t>p/o barthi basti marki</t>
  </si>
  <si>
    <t>GPS MARL</t>
  </si>
  <si>
    <t>marl</t>
  </si>
  <si>
    <t>village marl tehsil pasrur district sialkot</t>
  </si>
  <si>
    <t>GPS MARL MARY</t>
  </si>
  <si>
    <t>Marl Mary</t>
  </si>
  <si>
    <t>Marl Mary village</t>
  </si>
  <si>
    <t>GPS MARLI</t>
  </si>
  <si>
    <t>GPS MARMANDI</t>
  </si>
  <si>
    <t>Govt Primary school Marmandi</t>
  </si>
  <si>
    <t>GPS MAROOF SHER</t>
  </si>
  <si>
    <t>Basti Mirali Khan Near Chak no.156/p</t>
  </si>
  <si>
    <t>Basti Mirali Khan</t>
  </si>
  <si>
    <t>Shahid Abdullah</t>
  </si>
  <si>
    <t>GPS MAROOLA</t>
  </si>
  <si>
    <t>MAROOLA SHARIF</t>
  </si>
  <si>
    <t>GPS MARORRAN WALA</t>
  </si>
  <si>
    <t>chah marorran wala uc daggar shada tehs&amp;dist bhakkar</t>
  </si>
  <si>
    <t>Marorran Wala</t>
  </si>
  <si>
    <t>GPS MARRAH</t>
  </si>
  <si>
    <t>Marha, Haveli Basir Pur road along with Railway track, Tehsil Depal Pur, Okara</t>
  </si>
  <si>
    <t>GPS MARRAL WALA</t>
  </si>
  <si>
    <t>Moza Salman,Maral wala Tehsil Bhowana</t>
  </si>
  <si>
    <t>Marral Wala</t>
  </si>
  <si>
    <t>Bilal Akbar</t>
  </si>
  <si>
    <t>GPS MARRAR CHAK 45</t>
  </si>
  <si>
    <t>marrar 45</t>
  </si>
  <si>
    <t>GPS MARRI KHOKHARAN</t>
  </si>
  <si>
    <t>GPS Maari Khokran</t>
  </si>
  <si>
    <t>Maari Khokran</t>
  </si>
  <si>
    <t>Kot Easa Shah</t>
  </si>
  <si>
    <t>GPS MARTH</t>
  </si>
  <si>
    <t>Marth</t>
  </si>
  <si>
    <t>Village Marth near Jalal Pur Bhattian Post Office Pindi Bhattian Teh.Pindi Bhattian Dist.Hafizabad</t>
  </si>
  <si>
    <t>Muzzammil Asghar</t>
  </si>
  <si>
    <t>GPS MARTHAN WALA</t>
  </si>
  <si>
    <t>Marthanwala</t>
  </si>
  <si>
    <t>GPS Marthan wala</t>
  </si>
  <si>
    <t>Chan 735GB</t>
  </si>
  <si>
    <t>GPS MARTHAN WALI</t>
  </si>
  <si>
    <t>Marthanwali</t>
  </si>
  <si>
    <t>Marthanwali P/O more khunda</t>
  </si>
  <si>
    <t>GPS MARU BHATTIAN</t>
  </si>
  <si>
    <t>Maru Bhattian</t>
  </si>
  <si>
    <t>Maru bhattian Mrkaz kalri Teh Lalian Dist chiniot</t>
  </si>
  <si>
    <t>Mubbasher Ahmad</t>
  </si>
  <si>
    <t>GPS MARYAL</t>
  </si>
  <si>
    <t>village maryal PO maryal tehsil shakargarh district narowal</t>
  </si>
  <si>
    <t>GPS MARYANA GONDAL</t>
  </si>
  <si>
    <t>p o Mari teh distt Sargodha</t>
  </si>
  <si>
    <t>Dera Maryana</t>
  </si>
  <si>
    <t>GPS MASA SINGH KONA</t>
  </si>
  <si>
    <t>Masa Sing Kona</t>
  </si>
  <si>
    <t>Mouza Massa Sing kona</t>
  </si>
  <si>
    <t>female school</t>
  </si>
  <si>
    <t>GPS MASANDA VIRKAN</t>
  </si>
  <si>
    <t>Masanda Virkan</t>
  </si>
  <si>
    <t>vpo masanda virkan, tehsil nowshera virkan</t>
  </si>
  <si>
    <t>GPS MASJID BINDI</t>
  </si>
  <si>
    <t>P /O Bindi thehsil tunsa sharif</t>
  </si>
  <si>
    <t>Nabi Bakhsh</t>
  </si>
  <si>
    <t>GPS MASJID BOLANI</t>
  </si>
  <si>
    <t>Basti zahor abad vehoa</t>
  </si>
  <si>
    <t>Muhammad Umer Farooq</t>
  </si>
  <si>
    <t>GPS MASJID FARDOUS</t>
  </si>
  <si>
    <t>Masjid Fardous</t>
  </si>
  <si>
    <t>mohallah Eidgah</t>
  </si>
  <si>
    <t>GPS MASJID JAMIA QUDSIA KRK WARD NO. 14</t>
  </si>
  <si>
    <t>GPS masjid jamia qudsia krk ward no.14</t>
  </si>
  <si>
    <t>Sakhi Sarwar Bhatti</t>
  </si>
  <si>
    <t>GPS MASJID KACHOOR</t>
  </si>
  <si>
    <t>Basti  Kacoor Tehsile  Taunsa disttrict  D.G.Khan</t>
  </si>
  <si>
    <t>Kachoor</t>
  </si>
  <si>
    <t>GPS MASJID LANGAR WALI</t>
  </si>
  <si>
    <t>Hakeem wali,P/o nari, tehsil Taunsa sharif.</t>
  </si>
  <si>
    <t>Langar Wali</t>
  </si>
  <si>
    <t>Ahad Bakhsh</t>
  </si>
  <si>
    <t>GPS MASJID LEGHARI</t>
  </si>
  <si>
    <t>Leghari</t>
  </si>
  <si>
    <t>GPS Masjid Qazi</t>
  </si>
  <si>
    <t>Bait Nutkani post office Nutkani Teh Taunsa  sharif Distt DGKhan</t>
  </si>
  <si>
    <t>BAIT NUTKANI</t>
  </si>
  <si>
    <t>GPS MASJID SHAHI MASHID</t>
  </si>
  <si>
    <t>AKAL GARDH</t>
  </si>
  <si>
    <t>Basti aryan akal gardh</t>
  </si>
  <si>
    <t>BASTI ARYAN</t>
  </si>
  <si>
    <t>GPS MASJID TAJDAIN MUGHAL PURA</t>
  </si>
  <si>
    <t>Mohallah Masjid Taj Din MughalPura Lahore</t>
  </si>
  <si>
    <t>Lahore Cantt</t>
  </si>
  <si>
    <t>GPS MASJID WALA</t>
  </si>
  <si>
    <t>masjid wala kaki nau soim</t>
  </si>
  <si>
    <t>GPS MASSA SANDILA</t>
  </si>
  <si>
    <t>Massa Sandila</t>
  </si>
  <si>
    <t>Basti kanera , Mauza Massa Sandila, Teh. &amp; Distt. M.Garh</t>
  </si>
  <si>
    <t>Irfan Rasul</t>
  </si>
  <si>
    <t>GPS MASSAN STATION (JHABBAR)</t>
  </si>
  <si>
    <t>dhok jhabbar chakrala tehsil and distt mianwali</t>
  </si>
  <si>
    <t>GPS MASSU SHAH</t>
  </si>
  <si>
    <t>Basti Masso Shah kotla lal shah po shaher sultan tehsil jatoi (m garh)</t>
  </si>
  <si>
    <t>Masso Shah</t>
  </si>
  <si>
    <t>GPS MASSU WALA</t>
  </si>
  <si>
    <t>QALANDAR Wala</t>
  </si>
  <si>
    <t>p/o basira teh &amp; district Muzaffargarh</t>
  </si>
  <si>
    <t>GPS MAST CHAK</t>
  </si>
  <si>
    <t>KALAKHATAI STATION</t>
  </si>
  <si>
    <t>Gps Mast chack kala khatai Station Ahdian Road</t>
  </si>
  <si>
    <t>MAST CHAK</t>
  </si>
  <si>
    <t>AHDIAN</t>
  </si>
  <si>
    <t>GPS MAST PUR</t>
  </si>
  <si>
    <t>village Mastpur po malany the pasrur dist sialkot</t>
  </si>
  <si>
    <t>GPS MAST PUR JADEED, P/O BILAWAL PUR, KABIRWALA</t>
  </si>
  <si>
    <t>Masr Pur Jadeed, Mouza Mari Sahu,Markaz Bilawal Pur, Tehsil Kabirwala, District Khanewal.</t>
  </si>
  <si>
    <t>HABIB UREHMAN</t>
  </si>
  <si>
    <t>GPS MAST PUR QADEEM, P/O MOUZA MAST PUR, KABIRWALA</t>
  </si>
  <si>
    <t>Mast Piur</t>
  </si>
  <si>
    <t>chah Hayat Wala Mouza  mast pur</t>
  </si>
  <si>
    <t>GPS MASTAN SHAH</t>
  </si>
  <si>
    <t>Noor-e-wali</t>
  </si>
  <si>
    <t>mastan Shah</t>
  </si>
  <si>
    <t>MC-H</t>
  </si>
  <si>
    <t>Muhammad Amin Shah</t>
  </si>
  <si>
    <t>GPS MASTAYKAY</t>
  </si>
  <si>
    <t>Mastaykey</t>
  </si>
  <si>
    <t>mastaykey</t>
  </si>
  <si>
    <t>GPS MASTER KHAN ZAMAN WALA</t>
  </si>
  <si>
    <t>Mosa Khel</t>
  </si>
  <si>
    <t>mohallah ghuranian wala</t>
  </si>
  <si>
    <t>Musakhel Mianwali</t>
  </si>
  <si>
    <t>GPS MATABA CHAK 9</t>
  </si>
  <si>
    <t>Mataba chak no 9</t>
  </si>
  <si>
    <t>Gps Matabachak no 9 rb Tehsil sfd Distt.Sheikhupura</t>
  </si>
  <si>
    <t>Matabachak no 9 rb</t>
  </si>
  <si>
    <t>Dhaban kalan chk13</t>
  </si>
  <si>
    <t>MUSHTAQ ALI</t>
  </si>
  <si>
    <t>GPS MATAN WALA</t>
  </si>
  <si>
    <t>Matan Wala</t>
  </si>
  <si>
    <t>GPS matan wala</t>
  </si>
  <si>
    <t>GPS MATEY KAY MAHTAB RAI</t>
  </si>
  <si>
    <t>Mahtey ki mehtab rai</t>
  </si>
  <si>
    <t>Govt primary school</t>
  </si>
  <si>
    <t>42sp samundari</t>
  </si>
  <si>
    <t>Ghulam Rasool zahid</t>
  </si>
  <si>
    <t>GPS MATHA JAI PACCA</t>
  </si>
  <si>
    <t>Tibbeh Mehrban Shah</t>
  </si>
  <si>
    <t>G.p.s Matha Jai pacca</t>
  </si>
  <si>
    <t>Matha Jai</t>
  </si>
  <si>
    <t>Muhammad Abdulkhaliq</t>
  </si>
  <si>
    <t>GPS MATHEEN</t>
  </si>
  <si>
    <t>village Matheen P/o padhri Teh sohawa Dist jhelum</t>
  </si>
  <si>
    <t>Matheen</t>
  </si>
  <si>
    <t>GPS MATHELA SALIM KAY</t>
  </si>
  <si>
    <t>Dona Dalel Ka</t>
  </si>
  <si>
    <t>mathela salim ka P/S Haveli Lakha</t>
  </si>
  <si>
    <t>Mathela Salim Ka</t>
  </si>
  <si>
    <t>Mahanat Drshan</t>
  </si>
  <si>
    <t>Hafiz Arif Ali</t>
  </si>
  <si>
    <t>GPS MATHILA QAIM KA</t>
  </si>
  <si>
    <t>Mathila Qaimka</t>
  </si>
  <si>
    <t>Mathila qaimka mcd</t>
  </si>
  <si>
    <t>Hasil Saroo</t>
  </si>
  <si>
    <t>GPS MATHRA DAS</t>
  </si>
  <si>
    <t>mathradas tehsil pattoki district kasur</t>
  </si>
  <si>
    <t>GPS MATHROOMA</t>
  </si>
  <si>
    <t>Moza Mathrooma</t>
  </si>
  <si>
    <t>asif ali</t>
  </si>
  <si>
    <t>GPS MATIAL</t>
  </si>
  <si>
    <t>matyal</t>
  </si>
  <si>
    <t>bokan</t>
  </si>
  <si>
    <t>GPS MATLAY</t>
  </si>
  <si>
    <t>Matlay</t>
  </si>
  <si>
    <t>GPS Matlay Markaz Badiana Teh Pasrur</t>
  </si>
  <si>
    <t>GPS MATMAL</t>
  </si>
  <si>
    <t>Village Matmal PO Lak Tehsil Phalia Distt M B Din</t>
  </si>
  <si>
    <t>Zulqarnain Ali</t>
  </si>
  <si>
    <t>GPS MATMAN</t>
  </si>
  <si>
    <t>new muslim town bwp</t>
  </si>
  <si>
    <t>Basti Matman</t>
  </si>
  <si>
    <t>GPS MATON KALAN</t>
  </si>
  <si>
    <t>Matan Kalan</t>
  </si>
  <si>
    <t>vill/ Matan Kalan p/o sarkalan</t>
  </si>
  <si>
    <t>Nurpur</t>
  </si>
  <si>
    <t>water supply conection</t>
  </si>
  <si>
    <t>GPS MATORE</t>
  </si>
  <si>
    <t>village Matore Teh Kahuta Distt Rawalpindi</t>
  </si>
  <si>
    <t>GPS MATRAN</t>
  </si>
  <si>
    <t>Matran</t>
  </si>
  <si>
    <t>chak matran</t>
  </si>
  <si>
    <t>GPS MATTA SINGH</t>
  </si>
  <si>
    <t>MATTA SINGH</t>
  </si>
  <si>
    <t>GPS Matta singh</t>
  </si>
  <si>
    <t>Mazrabad</t>
  </si>
  <si>
    <t>Hafiz Zahoor Ahmad</t>
  </si>
  <si>
    <t>GPS MATTA VIRKAN</t>
  </si>
  <si>
    <t>Matta Virkan</t>
  </si>
  <si>
    <t>village &amp; p/o matta virkan teh nowshera virkan dissit GRW</t>
  </si>
  <si>
    <t>GPS MATTAY KA KHOO</t>
  </si>
  <si>
    <t>Alah Abad</t>
  </si>
  <si>
    <t>mattay ka khoh p/o miani tehsil bhera district sargodha</t>
  </si>
  <si>
    <t>Mattay Ka Khoh</t>
  </si>
  <si>
    <t>GPS MATTAY KAY BUKAN</t>
  </si>
  <si>
    <t>Mattay Kay Bukan</t>
  </si>
  <si>
    <t>Mattay kay bukan</t>
  </si>
  <si>
    <t>Kooyeki Bahawal</t>
  </si>
  <si>
    <t>IRFAN ALI</t>
  </si>
  <si>
    <t>GPS MATTEY HATTI</t>
  </si>
  <si>
    <t>mattay hatti adaa band bosan multan</t>
  </si>
  <si>
    <t>Mattay Hati</t>
  </si>
  <si>
    <t>GPS MATTI</t>
  </si>
  <si>
    <t>Matti</t>
  </si>
  <si>
    <t>GOVT PRIMARY SCHOOL MATTI</t>
  </si>
  <si>
    <t>Muhammad Tahir khan</t>
  </si>
  <si>
    <t>GPS MATTI MOHEE</t>
  </si>
  <si>
    <t>tuman khosa</t>
  </si>
  <si>
    <t>GPS MATUAN WALA</t>
  </si>
  <si>
    <t>Matwanwala</t>
  </si>
  <si>
    <t>Khurram Shahadi</t>
  </si>
  <si>
    <t>GPS MATWANI WALA GHARBI</t>
  </si>
  <si>
    <t>Basti Allah Wali Taunsa Barrage</t>
  </si>
  <si>
    <t>ALLAH Wali</t>
  </si>
  <si>
    <t>muhammad ismail</t>
  </si>
  <si>
    <t>GPS MAULVI RAHIM BUKHSH</t>
  </si>
  <si>
    <t>Basti Panno Mouza Khamisa Pakhiwar</t>
  </si>
  <si>
    <t>Panno</t>
  </si>
  <si>
    <t>GPS Mauza Akbar Kalera</t>
  </si>
  <si>
    <t>Akbar Kalera</t>
  </si>
  <si>
    <t>Moza akbar kalera post office tibba naina Teh k.kot Dist bhakkar</t>
  </si>
  <si>
    <t>GPS MAVAY WALA</t>
  </si>
  <si>
    <t>Jhorar Thal Jandi</t>
  </si>
  <si>
    <t>Chah missi wala ,jhorar thal jandi p/o kot sultan,District Layyah</t>
  </si>
  <si>
    <t>Missi Riaz Abad</t>
  </si>
  <si>
    <t>GPS MAYYO DATA</t>
  </si>
  <si>
    <t>Govt P/s mayyodata markaz domala t/d narowal</t>
  </si>
  <si>
    <t>Thillaykalan</t>
  </si>
  <si>
    <t>GPS MAZARI KHAN</t>
  </si>
  <si>
    <t>basti Mazari khan</t>
  </si>
  <si>
    <t>Mazari</t>
  </si>
  <si>
    <t>MUHAMMAD DIN RAHI</t>
  </si>
  <si>
    <t>GPS MAZEED SHAH</t>
  </si>
  <si>
    <t>Mazeed Shah</t>
  </si>
  <si>
    <t>moza Mazeed shah teh chishtian dist bahawalnagar</t>
  </si>
  <si>
    <t>GPS MAZHAR FARID COLONY</t>
  </si>
  <si>
    <t>Goth Jura</t>
  </si>
  <si>
    <t>GPS boys Mazhar Fareed colony Sadiq Abad</t>
  </si>
  <si>
    <t>Syed Iftikhar Ul Hassan</t>
  </si>
  <si>
    <t>GPS MAZHERIA DARUL ALOOM M.NAGER MULTAN ROAD</t>
  </si>
  <si>
    <t>M  Nagar</t>
  </si>
  <si>
    <t>muhammad nagar burewala</t>
  </si>
  <si>
    <t>No 6</t>
  </si>
  <si>
    <t>Missbah Perveen</t>
  </si>
  <si>
    <t>GPS MAZRINA</t>
  </si>
  <si>
    <t>Pos Bange Khel Sharqi</t>
  </si>
  <si>
    <t>village mazrina</t>
  </si>
  <si>
    <t>Mazria</t>
  </si>
  <si>
    <t>GPS MC 10-B KOT BERBAL KHANEWAL</t>
  </si>
  <si>
    <t>Colony No-3</t>
  </si>
  <si>
    <t>kot beerbal khanewal</t>
  </si>
  <si>
    <t>Kot Beerbal</t>
  </si>
  <si>
    <t>GPS MC 224 RB ABADI HAKIM DIN FSD</t>
  </si>
  <si>
    <t>abadi meher hakim din maqbool road faisalabad</t>
  </si>
  <si>
    <t>Abadi Mehr Hakim Din</t>
  </si>
  <si>
    <t>GPS MC 2-B KHANEWAL</t>
  </si>
  <si>
    <t>Khanewal MC</t>
  </si>
  <si>
    <t>Block No.06, Khanewal</t>
  </si>
  <si>
    <t>GPS MC 3-B KHANEWAL</t>
  </si>
  <si>
    <t>Mujahidabad khanewal</t>
  </si>
  <si>
    <t>Mujjahidabad</t>
  </si>
  <si>
    <t>GPS MC 46/F CHISHTIAN</t>
  </si>
  <si>
    <t>Chach 46/F</t>
  </si>
  <si>
    <t>chak 46f</t>
  </si>
  <si>
    <t>46f</t>
  </si>
  <si>
    <t>M. YOUSAF ALI</t>
  </si>
  <si>
    <t>GPS MC 4-B KHANEWAL</t>
  </si>
  <si>
    <t>Colony # 1</t>
  </si>
  <si>
    <t>GOVT MC P/S 4B KHANEWAL</t>
  </si>
  <si>
    <t>Mc City</t>
  </si>
  <si>
    <t>GPS MC 5-B KHANEWAL</t>
  </si>
  <si>
    <t>Mohla gareba bad kwl</t>
  </si>
  <si>
    <t>GPS MC 7-B KHANEWAL</t>
  </si>
  <si>
    <t>near Hussain chok Old khanewal</t>
  </si>
  <si>
    <t>Muhammad Zahid Mahmood</t>
  </si>
  <si>
    <t>GPS MC AKBAR ABAD  FSD</t>
  </si>
  <si>
    <t>Akbarabad Fsd</t>
  </si>
  <si>
    <t>akbarabad fsd</t>
  </si>
  <si>
    <t>GPS MC ALLAMA IQBAL MODEL</t>
  </si>
  <si>
    <t>lower jhika gali road Murree city</t>
  </si>
  <si>
    <t>Zulfiqar Hussain Shah</t>
  </si>
  <si>
    <t>GPS MC ANSAR COLONY BUDHLA ROAD MULTAN</t>
  </si>
  <si>
    <t>ansar colony multan</t>
  </si>
  <si>
    <t>GPS MC ARANIAN WALA</t>
  </si>
  <si>
    <t>Araian Wala</t>
  </si>
  <si>
    <t>GPS MC Boys Araian Wala Ghazni road Sheikhupura</t>
  </si>
  <si>
    <t>Zahid Majeed</t>
  </si>
  <si>
    <t>GPS MC ARBIA MODDIB MOHALLA ISLAM NAGAR</t>
  </si>
  <si>
    <t>Neel Gerh</t>
  </si>
  <si>
    <t>GPS MC Arabia modib p\s Islam nagar</t>
  </si>
  <si>
    <t>asifa malik</t>
  </si>
  <si>
    <t>GPS MC ARJAN NAGAR RAWALPINDI</t>
  </si>
  <si>
    <t>Street#1 Tawakli masjid arjan nagar RWP</t>
  </si>
  <si>
    <t>Maryam Kalsoom</t>
  </si>
  <si>
    <t>GPS MC AWAN PURA</t>
  </si>
  <si>
    <t>Chah Kanhu Wala</t>
  </si>
  <si>
    <t>awan pura multan</t>
  </si>
  <si>
    <t>Muzaffar Ud Din</t>
  </si>
  <si>
    <t>GPS MC AZAM PURA SHARQI</t>
  </si>
  <si>
    <t>Abadi railway station Minchinabad</t>
  </si>
  <si>
    <t>Abadi Railway Station</t>
  </si>
  <si>
    <t>GPS MC BANI GRAN</t>
  </si>
  <si>
    <t>kachi Mohjir colony mughalpura bwp</t>
  </si>
  <si>
    <t>Kachi Mohajir Colony</t>
  </si>
  <si>
    <t>muhammad akhlaq</t>
  </si>
  <si>
    <t>GPS MC B-BRANCH KAMALIA</t>
  </si>
  <si>
    <t>Mohalla Hussain Shah Kamalia</t>
  </si>
  <si>
    <t>Lutfullah Khan</t>
  </si>
  <si>
    <t>GPS MC BHABHRA</t>
  </si>
  <si>
    <t>333 gullbrag 3 main ferozpur road lahore</t>
  </si>
  <si>
    <t>Gupalnagar</t>
  </si>
  <si>
    <t>GPS MC BLOCK 14-D SATELITTE TOWN SARGODHA</t>
  </si>
  <si>
    <t>Block 14-D</t>
  </si>
  <si>
    <t>D block satellite town Sargodha</t>
  </si>
  <si>
    <t>Satellite TOWN</t>
  </si>
  <si>
    <t>Chak No 42 Nb</t>
  </si>
  <si>
    <t>Muhammad Zahid Mukhtar</t>
  </si>
  <si>
    <t>GPS MC BLOCK NO. 5 INHAR COLONY</t>
  </si>
  <si>
    <t>anhar colony. MC area</t>
  </si>
  <si>
    <t>Anhaar Colony</t>
  </si>
  <si>
    <t>MC E</t>
  </si>
  <si>
    <t>Zartash Momy</t>
  </si>
  <si>
    <t>GPS MC BLOCK NO. 6 RYK</t>
  </si>
  <si>
    <t>kocha meer muhammad hussain</t>
  </si>
  <si>
    <t>Kucha Meer Muhammad</t>
  </si>
  <si>
    <t>GPS MC BLOCK NO. 8 THALI ROAD</t>
  </si>
  <si>
    <t>Noraywali</t>
  </si>
  <si>
    <t>Thally Chaok Rehman colony  RYK</t>
  </si>
  <si>
    <t>38-I</t>
  </si>
  <si>
    <t>GPS MC BLOCK NO.2 SARGODHA</t>
  </si>
  <si>
    <t>BLOCK 2</t>
  </si>
  <si>
    <t>Govt,Mc boys p/ s no.1 block no. 2 Sargodha</t>
  </si>
  <si>
    <t>Sargodha cityscape</t>
  </si>
  <si>
    <t>MC 18</t>
  </si>
  <si>
    <t>Ijaz ahmed</t>
  </si>
  <si>
    <t>GPS MC BLOCK NO.23-A SARGODHA</t>
  </si>
  <si>
    <t>GPS MC BLOCK 23_A SARGODHA</t>
  </si>
  <si>
    <t>GPS MC BLOCK NO.25 WATER SUPPLY ROAD SARGODHA</t>
  </si>
  <si>
    <t>Block No 25</t>
  </si>
  <si>
    <t>GPS MC Block 25 water supply road sargodha</t>
  </si>
  <si>
    <t>water collar</t>
  </si>
  <si>
    <t>GPS MC BLOCK NO.5 SARGODHA</t>
  </si>
  <si>
    <t>Block#5</t>
  </si>
  <si>
    <t>GPS,Block#5 Sargodha</t>
  </si>
  <si>
    <t>GPS MC BOARDING MOHALLAH JHELUM</t>
  </si>
  <si>
    <t>near govt ch iltaf high school</t>
  </si>
  <si>
    <t>Dhoke Jumma</t>
  </si>
  <si>
    <t>Naveed Anwar</t>
  </si>
  <si>
    <t>GPS MC BRANCH A SAHIWAL</t>
  </si>
  <si>
    <t>Goal Chakkar Swl</t>
  </si>
  <si>
    <t>Sahiwal city</t>
  </si>
  <si>
    <t>ANSAR GALI SWL</t>
  </si>
  <si>
    <t>MUHAMMAD AKBAR SHAD</t>
  </si>
  <si>
    <t>GPS MC BRANCH B SAHIWAL</t>
  </si>
  <si>
    <t>jinnah road sahiwal</t>
  </si>
  <si>
    <t>Tariq mahmood</t>
  </si>
  <si>
    <t>GPS MC BRANCH D SAHIWAL</t>
  </si>
  <si>
    <t>Shiwal</t>
  </si>
  <si>
    <t>Ansar galli sahiwal</t>
  </si>
  <si>
    <t>GPS MC BRANCH J SAHIWAL</t>
  </si>
  <si>
    <t>mc j branch mohalla faizabad sahiwal</t>
  </si>
  <si>
    <t>GPS MC BRANCH R SAHIWAL</t>
  </si>
  <si>
    <t>GPS mc R block farid town swl</t>
  </si>
  <si>
    <t>MUHAMMAD IMRAN KHALID</t>
  </si>
  <si>
    <t>GPS MC CANNAL COLONY FSD</t>
  </si>
  <si>
    <t>mc primary school canal colony Faisalabad</t>
  </si>
  <si>
    <t>GPS MC CAPT. JAIL ROAD</t>
  </si>
  <si>
    <t>Jail Road</t>
  </si>
  <si>
    <t>Jail Road Sahiwal</t>
  </si>
  <si>
    <t>Jahaz Ground Swl</t>
  </si>
  <si>
    <t>GPS MC CENTRAL JAIL</t>
  </si>
  <si>
    <t>M. C.P/S Central jail colony mianwali</t>
  </si>
  <si>
    <t>Shaheen Iqbal Khan</t>
  </si>
  <si>
    <t>GPS MC CHAH BOHAR WALA</t>
  </si>
  <si>
    <t>Chah Bohar Wala</t>
  </si>
  <si>
    <t>Gps mc chah bohar wala multan</t>
  </si>
  <si>
    <t>Chah Bohar</t>
  </si>
  <si>
    <t>Adeel Ur Rehman</t>
  </si>
  <si>
    <t>GPS MC CITY GROUND SARGODHA</t>
  </si>
  <si>
    <t>Saleem Park</t>
  </si>
  <si>
    <t>mc boys primary school city ground sargodha</t>
  </si>
  <si>
    <t>Dhq Sargodha</t>
  </si>
  <si>
    <t>GPS MC CPC NO.1 BHERA</t>
  </si>
  <si>
    <t>beroon darwaza ganj Wala bhera</t>
  </si>
  <si>
    <t>Shazia Niazi</t>
  </si>
  <si>
    <t>GPS MC D-BLOCK ALAMA IQBAL COLONY FSD</t>
  </si>
  <si>
    <t>Allama Iqbal Colony.</t>
  </si>
  <si>
    <t>Allama Iqbal Colony, D-block, Faisalabad.</t>
  </si>
  <si>
    <t>D-block</t>
  </si>
  <si>
    <t>Zakia Sattar</t>
  </si>
  <si>
    <t>purchasing from irrigation sources.</t>
  </si>
  <si>
    <t>GPS MC DEHLI GATE MULTAN</t>
  </si>
  <si>
    <t>Agha Pua</t>
  </si>
  <si>
    <t>PS dahli gate multan</t>
  </si>
  <si>
    <t>Peer Gohar Sultan</t>
  </si>
  <si>
    <t>Hidayat Ullah</t>
  </si>
  <si>
    <t>GPS MC DHANA SINGH WALA</t>
  </si>
  <si>
    <t>Dhana Singhwala</t>
  </si>
  <si>
    <t>johar shadi hall shah di khoi</t>
  </si>
  <si>
    <t>Shah Di Khoi</t>
  </si>
  <si>
    <t>Muhammad  Asim</t>
  </si>
  <si>
    <t>GPS MC DHOK PARACHA</t>
  </si>
  <si>
    <t>GPS MC Dhoke Paracha</t>
  </si>
  <si>
    <t>Dhoke Kashmiriyan</t>
  </si>
  <si>
    <t>Saba Zeb</t>
  </si>
  <si>
    <t>GPS MC DHOOR KOT KASUR</t>
  </si>
  <si>
    <t>DHOOR KOT</t>
  </si>
  <si>
    <t>GPS MC DINGI PURA KASUR</t>
  </si>
  <si>
    <t>Dingi Pura Kasur</t>
  </si>
  <si>
    <t>Dingi pura kasur</t>
  </si>
  <si>
    <t>Dingi Pura</t>
  </si>
  <si>
    <t>Mc City Kasur</t>
  </si>
  <si>
    <t>GPS MC DOUBLE PHATAK VEHARI ROAD MULTAN</t>
  </si>
  <si>
    <t>Kutab Pura</t>
  </si>
  <si>
    <t>mc double phatak verahi road multan</t>
  </si>
  <si>
    <t>Kutab Pur</t>
  </si>
  <si>
    <t>Muhammad Tariq Masood Ul Hassan</t>
  </si>
  <si>
    <t>GPS MC EID GAH ROAD LALA MUSA</t>
  </si>
  <si>
    <t>GOVT M C BOYS P/S NO 1 EID GAAH ROAD LALAMUSA</t>
  </si>
  <si>
    <t>M C LALAMUSA</t>
  </si>
  <si>
    <t>GPS MC EID GAH YARU KHEL</t>
  </si>
  <si>
    <t>mohallah eid ghah yaru khel mianwali</t>
  </si>
  <si>
    <t>Eid Ghah Yaru Khel</t>
  </si>
  <si>
    <t>Mwi-4</t>
  </si>
  <si>
    <t>Alla Ud Din</t>
  </si>
  <si>
    <t>GPS MC FAIZABAD FSD</t>
  </si>
  <si>
    <t>faizabad st#3 Faisalabad</t>
  </si>
  <si>
    <t>GPS MC FARAAN MOHALLAH ISHAQ PUR NEAR KHONI BURJ MULTAN</t>
  </si>
  <si>
    <t>ishaq pura</t>
  </si>
  <si>
    <t>Muhalla is-haaq pura khuni burj multan</t>
  </si>
  <si>
    <t>Iqbal Nagr</t>
  </si>
  <si>
    <t>Zawar HUSSAIN</t>
  </si>
  <si>
    <t>GPS MC FAROOQ ABAD FSD</t>
  </si>
  <si>
    <t>Street no 15 mohala farooqabad fsd</t>
  </si>
  <si>
    <t>Mahmood Hussain</t>
  </si>
  <si>
    <t>GPS MC FAROOQ PURA MULTAN</t>
  </si>
  <si>
    <t>kutab pur</t>
  </si>
  <si>
    <t>mohalla farooq pura purani chan mari multan</t>
  </si>
  <si>
    <t>farooq pura old shujabad road multan</t>
  </si>
  <si>
    <t>ghariba bad</t>
  </si>
  <si>
    <t>ghulam haider</t>
  </si>
  <si>
    <t>GPS MC FATEH SHER</t>
  </si>
  <si>
    <t>fateh sher colony sahiwal</t>
  </si>
  <si>
    <t>Goal Chakar</t>
  </si>
  <si>
    <t>GPS MC FEROZABAD</t>
  </si>
  <si>
    <t>Eidgah</t>
  </si>
  <si>
    <t>GPS  M.C Ferozabad</t>
  </si>
  <si>
    <t>Waseem Mehboob</t>
  </si>
  <si>
    <t>GPS MC GALI BANK</t>
  </si>
  <si>
    <t>bank street Mwi</t>
  </si>
  <si>
    <t>MC Mwi</t>
  </si>
  <si>
    <t>GPS MC GALI VIRKAN</t>
  </si>
  <si>
    <t>Old City</t>
  </si>
  <si>
    <t>Gali virkan,old city in front of  commerce college Sheikhupura</t>
  </si>
  <si>
    <t>Saeed Ahmad Zafar</t>
  </si>
  <si>
    <t>GPS MC GANDAM MANDI KASUR</t>
  </si>
  <si>
    <t>street nohryan wali gandam mandi kasur</t>
  </si>
  <si>
    <t>GPS MC GAU SHALA</t>
  </si>
  <si>
    <t>watta Khel</t>
  </si>
  <si>
    <t>Mohallah Gaushala, Mianwali City.</t>
  </si>
  <si>
    <t>Muhammad Fasih ullah Shah</t>
  </si>
  <si>
    <t>GPS MC GHAFAR PARK STREET 4 GOJRA</t>
  </si>
  <si>
    <t>Kacha gojra</t>
  </si>
  <si>
    <t>ghaffar park, street no. 4, pensra road, gojra</t>
  </si>
  <si>
    <t>GPS MC GHAFOOR ABAD</t>
  </si>
  <si>
    <t>st#3 moh: ghafoor abad chiniot</t>
  </si>
  <si>
    <t>MC CHINIOT</t>
  </si>
  <si>
    <t>GPS MC GHAZI ABAD</t>
  </si>
  <si>
    <t>st no 3 ghazi abad okara</t>
  </si>
  <si>
    <t>Ward No 12</t>
  </si>
  <si>
    <t>Mirza Fazal Ahmad Khusrau</t>
  </si>
  <si>
    <t>GPS MC GRAIN MARKET KAMALIA</t>
  </si>
  <si>
    <t>grain market railway road kamalia</t>
  </si>
  <si>
    <t>Tahir Rashid</t>
  </si>
  <si>
    <t>GPS MC GREEN TOWN SAHIWAL</t>
  </si>
  <si>
    <t>Green Town sahiwal</t>
  </si>
  <si>
    <t>Mohala Noor Park</t>
  </si>
  <si>
    <t>Abid Ghafoor</t>
  </si>
  <si>
    <t>GPS MC GULSHAN COLONY IQBAL TOWN FSD</t>
  </si>
  <si>
    <t>iqbal town gm abad</t>
  </si>
  <si>
    <t>Ijaz Town</t>
  </si>
  <si>
    <t>GPS MC HAJI PURA</t>
  </si>
  <si>
    <t>Haji Pura Sialkot</t>
  </si>
  <si>
    <t>govt m c p  school  haji pura sialkot</t>
  </si>
  <si>
    <t>Haji pura Bun Sialkot</t>
  </si>
  <si>
    <t>GPS MC HALQA - B BAHAWALNAGAR</t>
  </si>
  <si>
    <t>khan baba road bwn</t>
  </si>
  <si>
    <t>Farkhanda Saleem Qureshi</t>
  </si>
  <si>
    <t>GPS MC HALQA - C BAHAWALNAGAR</t>
  </si>
  <si>
    <t>Municipality</t>
  </si>
  <si>
    <t>Jinah cony bwn</t>
  </si>
  <si>
    <t>Municipality Committee</t>
  </si>
  <si>
    <t>GPS MC HALQA NO 1</t>
  </si>
  <si>
    <t>PS block no 1 bago bahaar Road khanpur</t>
  </si>
  <si>
    <t>Tahir Mahmoud Dahir</t>
  </si>
  <si>
    <t>GPS MC HALQA NO.1 BAHAWALPUR</t>
  </si>
  <si>
    <t>New Sadiq colony bahawalpur</t>
  </si>
  <si>
    <t>GPS MC HALQA NO.2 BAHAWALPUR</t>
  </si>
  <si>
    <t>Mohalla Mubarakpura behind police station kotwali Bahawalpur</t>
  </si>
  <si>
    <t>GPS MC HUSSAIN ABAD</t>
  </si>
  <si>
    <t>Nai Abadi Moh Kamangran Chiniot</t>
  </si>
  <si>
    <t>GPS MC HUSSAINIA COLONY GOJRA</t>
  </si>
  <si>
    <t>Husnia Colony Street No. 06</t>
  </si>
  <si>
    <t>Sobia Faisal</t>
  </si>
  <si>
    <t>GPS MC JADEED GOJRA</t>
  </si>
  <si>
    <t>near sabz mandi, and noor masjid gojra</t>
  </si>
  <si>
    <t>Municipal Committee Gojra</t>
  </si>
  <si>
    <t>Muhammad Imran Asif</t>
  </si>
  <si>
    <t>GPS MC JADEED NO. 1 CHINIOT</t>
  </si>
  <si>
    <t>GPS MC JADID NO.1 CHINIOT</t>
  </si>
  <si>
    <t>Asif Zafar</t>
  </si>
  <si>
    <t>GPS MC JADEED NO. 2</t>
  </si>
  <si>
    <t>Mohallah Aali Chiniot</t>
  </si>
  <si>
    <t>ABDUL SATTAR SHAD</t>
  </si>
  <si>
    <t>GPS MC JADEED NO. 5 CHINIOT</t>
  </si>
  <si>
    <t>Mohallah Thatti Gharbi, Chiniot</t>
  </si>
  <si>
    <t>Thatti Gharbi</t>
  </si>
  <si>
    <t>GPS MC JADEED NO. 6 CHINIOT</t>
  </si>
  <si>
    <t>Jhurken</t>
  </si>
  <si>
    <t>Near railway crossing salara road moh jhurken chiniot.</t>
  </si>
  <si>
    <t>M C CHINIOT</t>
  </si>
  <si>
    <t>GPS MC JADEED NO. 7</t>
  </si>
  <si>
    <t>mohalah usmanabad</t>
  </si>
  <si>
    <t>GPS MC JUNIOR MODEL DHOBI MANDI OLD ANARKALI</t>
  </si>
  <si>
    <t>Dhobimandi</t>
  </si>
  <si>
    <t>cdg junior model school dhobimandi old anarkali lahore</t>
  </si>
  <si>
    <t>GPS MC JUNIOR MODEL RIWAZ GARDEN</t>
  </si>
  <si>
    <t>cdg junior model school rewaz garden,near post office lhr</t>
  </si>
  <si>
    <t>Rewaz  Garden</t>
  </si>
  <si>
    <t>Tahira Syed</t>
  </si>
  <si>
    <t>GPS MC KHOKHAR TOWN</t>
  </si>
  <si>
    <t>Khokhar Town</t>
  </si>
  <si>
    <t>Bhikhi Road,Khokhar Town,Sheikhupura</t>
  </si>
  <si>
    <t>New abadi Arrianwala arrianwala</t>
  </si>
  <si>
    <t>GPS MC KOOCHA HANOO MAAN GUMTI BAZAR</t>
  </si>
  <si>
    <t>Sutter Mandi</t>
  </si>
  <si>
    <t>Kucha Hanuman Gumti Bazar Lahore</t>
  </si>
  <si>
    <t>Sutter Mandi /Gumti Bazar</t>
  </si>
  <si>
    <t>Adeel Arif</t>
  </si>
  <si>
    <t>GPS MC KOT ABDI KHAN GOJRA</t>
  </si>
  <si>
    <t>muhallah kot abdi khan gojra</t>
  </si>
  <si>
    <t>Shahzad Iqbal</t>
  </si>
  <si>
    <t>GPS MC KOT GHULAM MUHAMMAD KASUR</t>
  </si>
  <si>
    <t>Kot Ghulam Muhammad Khan Kasur</t>
  </si>
  <si>
    <t>Ksur City Muhammad Khan KASUR</t>
  </si>
  <si>
    <t>Hasham Bukhari</t>
  </si>
  <si>
    <t>GPS MC KOT MURAD KHAN KASUR</t>
  </si>
  <si>
    <t>Muhammad Javeed</t>
  </si>
  <si>
    <t>GPS MC KOT USMAN KHAN KASUR</t>
  </si>
  <si>
    <t>kot  Usman khan  kasur</t>
  </si>
  <si>
    <t>Mc Kasur</t>
  </si>
  <si>
    <t>Barkat Ullah</t>
  </si>
  <si>
    <t>GPS MC KOTLI GHASI</t>
  </si>
  <si>
    <t>kotli ghasi</t>
  </si>
  <si>
    <t>muza kotli ghasi near harbanspura lahore</t>
  </si>
  <si>
    <t>Yasir Hameed</t>
  </si>
  <si>
    <t>GPS MC LAHORI GATE</t>
  </si>
  <si>
    <t>mohallah lahori gate chiniot</t>
  </si>
  <si>
    <t>Muhammad Naeem-ud-din</t>
  </si>
  <si>
    <t>GPS MC LALA MUSA NO. 2</t>
  </si>
  <si>
    <t>Main Bazar Lalamusa</t>
  </si>
  <si>
    <t>GPS MC LALAZAR COLONY</t>
  </si>
  <si>
    <t>Lalazar colony okara</t>
  </si>
  <si>
    <t>City Okara</t>
  </si>
  <si>
    <t>GPS MC LATIF GARDEN SADIQ COLONY MIAN CHANNU</t>
  </si>
  <si>
    <t>Sadiq Colony Mian Channu</t>
  </si>
  <si>
    <t>Mohammad Arshad</t>
  </si>
  <si>
    <t>GPS MC LINE SUBHAN KHAN</t>
  </si>
  <si>
    <t>Inside Sheranwala Gate</t>
  </si>
  <si>
    <t>Inside sheranwala gate near Govt Blind School Lahore</t>
  </si>
  <si>
    <t>Hafiz Rana Qamar Javed</t>
  </si>
  <si>
    <t>GPS MC MADANPUR FAISALABAD</t>
  </si>
  <si>
    <t>Madan Pura</t>
  </si>
  <si>
    <t>ST # 7 Madan Pura</t>
  </si>
  <si>
    <t>Ghulam Bahoo</t>
  </si>
  <si>
    <t>GPS MC MAIN MANDI BAHAUDDIN</t>
  </si>
  <si>
    <t>Sarfa market ,mandi bahauddin</t>
  </si>
  <si>
    <t>Muhammad Wahid Ali</t>
  </si>
  <si>
    <t>GPS MC MAKHDOOM ABAD CHUNGI AMERSIDHU</t>
  </si>
  <si>
    <t>Ali liaqat town chungi amar sidhu lahore</t>
  </si>
  <si>
    <t>Quaid e millat</t>
  </si>
  <si>
    <t>Khawar Ali</t>
  </si>
  <si>
    <t>GPS MC MEHDI MOHALLAH GOJRA</t>
  </si>
  <si>
    <t>St#5 Mehdi Mohallah Gojra</t>
  </si>
  <si>
    <t>GPS MC MEHMOOD ABAD COLONY</t>
  </si>
  <si>
    <t>Durana Nigana</t>
  </si>
  <si>
    <t>near daraj chowk Tariq Abad Multan</t>
  </si>
  <si>
    <t>New Tariqabad</t>
  </si>
  <si>
    <t>Basir Ali Khan</t>
  </si>
  <si>
    <t>GPS MC MODEL KAMALIA</t>
  </si>
  <si>
    <t>mohallah paghlawala kamalia</t>
  </si>
  <si>
    <t>GPS MC MODEL TOWN A FSD</t>
  </si>
  <si>
    <t>GPS MC Model Town A</t>
  </si>
  <si>
    <t>Cc2</t>
  </si>
  <si>
    <t>HINA TARIQ</t>
  </si>
  <si>
    <t>GPS MC MOHALLA KHATEKAN AHMED PURI GATE</t>
  </si>
  <si>
    <t>mohalla Islam pura and run farid gate bwp.</t>
  </si>
  <si>
    <t>muhammad Zubair Iqbal</t>
  </si>
  <si>
    <t>GPS MC MOHALLAH HASHIM SHAH</t>
  </si>
  <si>
    <t>Yaro Khel Packa</t>
  </si>
  <si>
    <t>mohallah Hashim shah mianwali</t>
  </si>
  <si>
    <t>Misnwali</t>
  </si>
  <si>
    <t>GPS MC MOHALLAH MIANA</t>
  </si>
  <si>
    <t>mohallah miana mianwali</t>
  </si>
  <si>
    <t>Mohallah Miana</t>
  </si>
  <si>
    <t>MCMwi</t>
  </si>
  <si>
    <t>GPS MC MOHALLAH SHARIF PURA</t>
  </si>
  <si>
    <t>Nashtar Road Street MC School Sharof Pura SKP</t>
  </si>
  <si>
    <t>GPS MC MOHALLAH WORKSHOP RWP</t>
  </si>
  <si>
    <t>Muhallah Workshopi</t>
  </si>
  <si>
    <t>gawala road workshopi mohallah Rawalpindi</t>
  </si>
  <si>
    <t>Workshopi Mohallah</t>
  </si>
  <si>
    <t>Mubisher Fiaz</t>
  </si>
  <si>
    <t>GPS MC MOHALLAH YATEEM KHANA</t>
  </si>
  <si>
    <t>Mohallah Yateem khana Mianwali</t>
  </si>
  <si>
    <t>Mohallah Yateem Khana</t>
  </si>
  <si>
    <t>Zia Ullah Khan</t>
  </si>
  <si>
    <t>GPS MC MUHAMMADIA COLONY SARGODHA</t>
  </si>
  <si>
    <t>Shoulat Hayat CoOny</t>
  </si>
  <si>
    <t>street no 1 shoukat hayat colony</t>
  </si>
  <si>
    <t>Muhammad Ia Colony</t>
  </si>
  <si>
    <t>GPS MC MUNIR ABAD</t>
  </si>
  <si>
    <t>Munir Abad</t>
  </si>
  <si>
    <t>St # 25, Razaabad, Faisalabad.</t>
  </si>
  <si>
    <t>Norin Rahat</t>
  </si>
  <si>
    <t>GPS MC MUSLIM BAZAR</t>
  </si>
  <si>
    <t>Watta khail</t>
  </si>
  <si>
    <t>Muslim bazar Mianwali</t>
  </si>
  <si>
    <t>MCM</t>
  </si>
  <si>
    <t>Ghulam Rasool Malik</t>
  </si>
  <si>
    <t>GPS MC MUSLIM TOWN</t>
  </si>
  <si>
    <t>kernal yousaf colony muslim town rawalpindi</t>
  </si>
  <si>
    <t>Saira Tabassum</t>
  </si>
  <si>
    <t>GPS MC NABI PURA GULBERG-III</t>
  </si>
  <si>
    <t>Ghose Azam</t>
  </si>
  <si>
    <t>mc nabi pura no.1 gulberg</t>
  </si>
  <si>
    <t>GPS MC NABI PURA NO. 2 GULBERG III</t>
  </si>
  <si>
    <t>Govt primary school Nabipura 2,Gulberg lll</t>
  </si>
  <si>
    <t>Gurumangat Gulberg III</t>
  </si>
  <si>
    <t>GPS MC NATH PURA AKBAR ROAD MULTAN</t>
  </si>
  <si>
    <t>New Bhoien</t>
  </si>
  <si>
    <t>Akbar Road Nath Pura</t>
  </si>
  <si>
    <t>Khankhah Inayat Shah</t>
  </si>
  <si>
    <t>GPS MC NAYA MADRASSA REHMAN PURA LAHORE</t>
  </si>
  <si>
    <t>rehmanpura ichhra</t>
  </si>
  <si>
    <t>Farzana Saeed</t>
  </si>
  <si>
    <t>GPS MC NAZIM ABAD FSD</t>
  </si>
  <si>
    <t>MC Model Primary School Nazimabad fsd.</t>
  </si>
  <si>
    <t>GPS MC NEW CIVIL LINE SARGODHA</t>
  </si>
  <si>
    <t>City Sargodha</t>
  </si>
  <si>
    <t>Shahzad Akhtar</t>
  </si>
  <si>
    <t>GPS MC NO. 1 FATTU PURA</t>
  </si>
  <si>
    <t>GPS MC NO 1 Fattu Pura  Gujrat</t>
  </si>
  <si>
    <t>Fattu pura</t>
  </si>
  <si>
    <t>GPS MC NO. 1 HAFIZABAD</t>
  </si>
  <si>
    <t>mohallah bijli ghr  near double section girls school hafizabad</t>
  </si>
  <si>
    <t>teacher colony</t>
  </si>
  <si>
    <t>M Irfan kashif</t>
  </si>
  <si>
    <t>GPS MC NO. 1 MOHALLAH EID GAH</t>
  </si>
  <si>
    <t>Zafar Abaad</t>
  </si>
  <si>
    <t>mohalla zafar abaad near kamir chungi pakpattan</t>
  </si>
  <si>
    <t>Asif Afzal</t>
  </si>
  <si>
    <t>GPS MC NO. 1 MUZAFFARGARH</t>
  </si>
  <si>
    <t>Qamar Kota</t>
  </si>
  <si>
    <t>GPS MC NO 1</t>
  </si>
  <si>
    <t>Kamar Kota</t>
  </si>
  <si>
    <t>Muhammad Mumtaz Akbar</t>
  </si>
  <si>
    <t>GPS MC NO. 1 NANKANA</t>
  </si>
  <si>
    <t>GPS MC No.1 nankana sahib</t>
  </si>
  <si>
    <t>Farkhanda Bibi</t>
  </si>
  <si>
    <t>GPS MC NO. 11 FACTORY AREA SARGODHA</t>
  </si>
  <si>
    <t>GMC boys P/S factory area sargodha</t>
  </si>
  <si>
    <t>Ghanzanfar Ali</t>
  </si>
  <si>
    <t>70 rupee</t>
  </si>
  <si>
    <t>GPS MC NO. 12 ABEET PUR JHANG SADAR</t>
  </si>
  <si>
    <t>Mohallah Abeet Pur Jhang</t>
  </si>
  <si>
    <t>Abeet Pur</t>
  </si>
  <si>
    <t>GPS MC NO. 2 BHERA</t>
  </si>
  <si>
    <t>Mohallah. shekhan wala Bhera Tehsil Bhera district Sargodha</t>
  </si>
  <si>
    <t>GPS MC NO. 2 CHICHAWTNI BLOCK NO.2</t>
  </si>
  <si>
    <t>Block no.2 Chichawatni</t>
  </si>
  <si>
    <t>TAHIR FAROOQ</t>
  </si>
  <si>
    <t>GPS MC NO. 2 KHUSHAB</t>
  </si>
  <si>
    <t>Street Budhanwali Khushab</t>
  </si>
  <si>
    <t>Muhammad Qaiser Nauman</t>
  </si>
  <si>
    <t>GPS MC NO. 2 PURANI MANDI PATTOKI</t>
  </si>
  <si>
    <t>Purani Mandi Pattoki</t>
  </si>
  <si>
    <t>GPS mc 2 old Mandi Pattoki</t>
  </si>
  <si>
    <t>purani Mandi Pattoki</t>
  </si>
  <si>
    <t>Abaid Ullah Tabassum</t>
  </si>
  <si>
    <t>Mineral Water Plant</t>
  </si>
  <si>
    <t>GPS MC NO. 3 CHICHAWATNI</t>
  </si>
  <si>
    <t>Ahmed Nagar Near Ravi Club Chichawatni</t>
  </si>
  <si>
    <t>Municipal commety</t>
  </si>
  <si>
    <t>Abdul Majeed Abid</t>
  </si>
  <si>
    <t>GPS MC NO. 3 HAFIZABAD</t>
  </si>
  <si>
    <t>Moh-Hussain Pura</t>
  </si>
  <si>
    <t>Moh- Hussain pura qatal garha chok</t>
  </si>
  <si>
    <t>Moh- Hussain Pura</t>
  </si>
  <si>
    <t>A Khalid Pervaiz</t>
  </si>
  <si>
    <t>GPS MC NO. 3 JARANWALA</t>
  </si>
  <si>
    <t>127GB</t>
  </si>
  <si>
    <t>chack  no 127GB</t>
  </si>
  <si>
    <t>Muhammad Zahid Javed</t>
  </si>
  <si>
    <t>GPS MC NO. 3 KHUSHAB MOHALLAH HAKIMAN WALA</t>
  </si>
  <si>
    <t>Mohallah Hakimanwala Khushab</t>
  </si>
  <si>
    <t>MUHAMMAD MAQBOOL</t>
  </si>
  <si>
    <t>GPS MC NO. 4 CHICHAWATNI</t>
  </si>
  <si>
    <t>Bilal Gung</t>
  </si>
  <si>
    <t>G P S Mc # 4 CCI GRAIN MARKET</t>
  </si>
  <si>
    <t>GPS MC NO. 4 ISLAM PURA JARANWALA</t>
  </si>
  <si>
    <t>islampura jrw</t>
  </si>
  <si>
    <t>127gb</t>
  </si>
  <si>
    <t>GPS MC NO. 4 NANKANA CITY</t>
  </si>
  <si>
    <t>Purana Nankana</t>
  </si>
  <si>
    <t>purana nankana</t>
  </si>
  <si>
    <t>GPS MC NO. 5 CHICHAWATNI</t>
  </si>
  <si>
    <t>Shamas Pura</t>
  </si>
  <si>
    <t>Shamas Pura Chichawatni</t>
  </si>
  <si>
    <t>GPS MC NO. 5 KHUSHAB</t>
  </si>
  <si>
    <t>muhalla aheeranwala khuushab city</t>
  </si>
  <si>
    <t>GPS MC NO. 5 NANKANA</t>
  </si>
  <si>
    <t>Mohalla Maljee</t>
  </si>
  <si>
    <t>GPS MC NO 5 Nankana City</t>
  </si>
  <si>
    <t>GPS MC NO. 6 HAFIZABAD</t>
  </si>
  <si>
    <t>Chowk Farooq e Azam</t>
  </si>
  <si>
    <t>Chowk Farooq E Azam Post Office Road Hafizabad</t>
  </si>
  <si>
    <t>Chowk farooq Azam</t>
  </si>
  <si>
    <t>Hafizabad Ward No</t>
  </si>
  <si>
    <t>Rashid Khan</t>
  </si>
  <si>
    <t>GPS MC NO. 9 HAFIZABAD</t>
  </si>
  <si>
    <t>Mian Da Kot</t>
  </si>
  <si>
    <t>mohala mian da kot</t>
  </si>
  <si>
    <t>Mc Hafizabad</t>
  </si>
  <si>
    <t>Issa Khan</t>
  </si>
  <si>
    <t>GPS MC NO.1 KAMOKE</t>
  </si>
  <si>
    <t>Mandiala road near water tanky kamoke</t>
  </si>
  <si>
    <t>161/6</t>
  </si>
  <si>
    <t>GPS MC NO.1 WAZIRABAD</t>
  </si>
  <si>
    <t>main bazaar wzd near sk ghs wzd</t>
  </si>
  <si>
    <t>wzd</t>
  </si>
  <si>
    <t>Muhammad Bashir Butt</t>
  </si>
  <si>
    <t>GPS MC NO.12 RASALA FSD</t>
  </si>
  <si>
    <t>Risala   No 12</t>
  </si>
  <si>
    <t>Rasala No 12, Chak # 295/RB, FSD</t>
  </si>
  <si>
    <t>Rasala No 12</t>
  </si>
  <si>
    <t>GPS MC NO.15</t>
  </si>
  <si>
    <t>Sardar Colony</t>
  </si>
  <si>
    <t>GPS m.c.15 ,30foot bazaar sardar colony khiali gujranwala</t>
  </si>
  <si>
    <t>GPS MC NO.16 FARID TOWN</t>
  </si>
  <si>
    <t>Street no13 Ali park freed town Gujranwala</t>
  </si>
  <si>
    <t>GPS MC NO.17 GUJRANWALA</t>
  </si>
  <si>
    <t>Rehman  Abad</t>
  </si>
  <si>
    <t>rehmanabad aalam chowk gujranwala</t>
  </si>
  <si>
    <t>muhammad boota imran</t>
  </si>
  <si>
    <t>GPS MC NO.2</t>
  </si>
  <si>
    <t>Syed Pak</t>
  </si>
  <si>
    <t>Islam Pura dhullay Gujranwala</t>
  </si>
  <si>
    <t>Islam Pura Dhullay</t>
  </si>
  <si>
    <t>Ehsan Ul Haq</t>
  </si>
  <si>
    <t>GPS MC NO.2 KACHI ABADI FAISALABAD</t>
  </si>
  <si>
    <t>Katchi abadi</t>
  </si>
  <si>
    <t>Quaid.e.Azam town Katchi abai#2 Fsd</t>
  </si>
  <si>
    <t>Momnabad</t>
  </si>
  <si>
    <t>GPS MC NO.2 KAMOKE</t>
  </si>
  <si>
    <t>Noor e Islam kamoke</t>
  </si>
  <si>
    <t>Jalil Ahmad Khan PST General</t>
  </si>
  <si>
    <t>GPS MC NO.2 MACHINE MOHALLAH</t>
  </si>
  <si>
    <t>GPS MC Machine Mohallah No.2 Jhelum</t>
  </si>
  <si>
    <t>Machine Mohallah#2</t>
  </si>
  <si>
    <t>Machine Mohallah#3</t>
  </si>
  <si>
    <t>QASIM MAHMOOD</t>
  </si>
  <si>
    <t>GPS MC NO.2 SAOOD ABAD MIAN CHANNU</t>
  </si>
  <si>
    <t>GPS MC No. 2 English Medium Mian Channu</t>
  </si>
  <si>
    <t>Muhammad Babar Ahmad</t>
  </si>
  <si>
    <t>GPS MC NO.2 SHARIF PURA</t>
  </si>
  <si>
    <t>Moh. Sher pura hfd</t>
  </si>
  <si>
    <t>City Hfdwno</t>
  </si>
  <si>
    <t>GPS MC NO.2 SHUJA ABAD</t>
  </si>
  <si>
    <t>circular road govt mc shujabad</t>
  </si>
  <si>
    <t>GPS MC NO.2 WAZIRABAD</t>
  </si>
  <si>
    <t>main bazar wazirabad</t>
  </si>
  <si>
    <t>Mujtaba Elahie</t>
  </si>
  <si>
    <t>GPS MC NO.22</t>
  </si>
  <si>
    <t>Shareef shaheed colony St 3 kalarabadi Gujranwala</t>
  </si>
  <si>
    <t>kalarabadi</t>
  </si>
  <si>
    <t>Ramzan Pura</t>
  </si>
  <si>
    <t>Asghar Javaid</t>
  </si>
  <si>
    <t>GPS MC NO.24</t>
  </si>
  <si>
    <t>Street no 15, Arfat colony grw</t>
  </si>
  <si>
    <t>arfat colony gujranwala</t>
  </si>
  <si>
    <t>Muhammad Nawaz Bajwa</t>
  </si>
  <si>
    <t>GPS MC NO.25 GUJRANWALA</t>
  </si>
  <si>
    <t>Meher Park</t>
  </si>
  <si>
    <t>muhallah meher park sui gas road gujranwala</t>
  </si>
  <si>
    <t>GPS MC NO.3</t>
  </si>
  <si>
    <t>BHUTA TOWN KAMOKE, GUJRANWALA</t>
  </si>
  <si>
    <t>Kamoke-VIII</t>
  </si>
  <si>
    <t>GPS MC NO.3 MACHINE MOHALLAH</t>
  </si>
  <si>
    <t>Peraghabe</t>
  </si>
  <si>
    <t>GPS MC MACHINE MOHALLAH #3JHELUM</t>
  </si>
  <si>
    <t>Machine Mohallah #3</t>
  </si>
  <si>
    <t>Shumaila Siddique</t>
  </si>
  <si>
    <t>GPS MC NO.3 NEAR RAILWAY STATION</t>
  </si>
  <si>
    <t>Layyah city</t>
  </si>
  <si>
    <t>Railway station Road Tehsil &amp; District Layyah</t>
  </si>
  <si>
    <t>GPS MC NO.4 BASTI SHEIKH JALLO</t>
  </si>
  <si>
    <t>Basti Sheikh Jallo layyah</t>
  </si>
  <si>
    <t>Basti Sheikh Jallo</t>
  </si>
  <si>
    <t>GPS MC NO.4 HAFIZABAD</t>
  </si>
  <si>
    <t>Moh Usman Gunj Jalal Pur Road HFD</t>
  </si>
  <si>
    <t>MC HFD</t>
  </si>
  <si>
    <t>GPS MC NO.4 KAMOKE</t>
  </si>
  <si>
    <t>mohalla Hajvery railway road kamoke</t>
  </si>
  <si>
    <t>Mohalla Hajvery</t>
  </si>
  <si>
    <t>GPS MC NO.4 WAZIRABAD</t>
  </si>
  <si>
    <t>Railway Colony, wazirabad</t>
  </si>
  <si>
    <t>GPS MC NO.5 MEHAR ABAD ROAD MIAN CHANNU</t>
  </si>
  <si>
    <t>mehar abad road mian channu</t>
  </si>
  <si>
    <t>M. Kamran Salamat</t>
  </si>
  <si>
    <t>GPS MC NO.6 KAMOKE</t>
  </si>
  <si>
    <t>kamoke</t>
  </si>
  <si>
    <t>Mohalla Faisal town kamoke Gujranwala</t>
  </si>
  <si>
    <t>kamoke-VI</t>
  </si>
  <si>
    <t>Muhammad Ishfaque</t>
  </si>
  <si>
    <t>GPS MC NO.7 HAFIZABAD</t>
  </si>
  <si>
    <t>Moh Sharif pura hafizabad</t>
  </si>
  <si>
    <t>City Hafizabadward</t>
  </si>
  <si>
    <t>Abdul Raza</t>
  </si>
  <si>
    <t>GPS MC NO.7 LAYYAH</t>
  </si>
  <si>
    <t>Mohallah Sheikhan Wala Layyah</t>
  </si>
  <si>
    <t>Munir Khalid</t>
  </si>
  <si>
    <t>GPS MC OLD CIVIL LINE SARGODHA</t>
  </si>
  <si>
    <t>Old civilline</t>
  </si>
  <si>
    <t>Old Civilline</t>
  </si>
  <si>
    <t>out side from school</t>
  </si>
  <si>
    <t>GPS MC PIR BAHAR SHAH</t>
  </si>
  <si>
    <t>st 18 rehman pura skp</t>
  </si>
  <si>
    <t>Araianwala</t>
  </si>
  <si>
    <t>Kahnian Wala</t>
  </si>
  <si>
    <t>GPS MC QAID-E-AZAM SCHOOL MOHALLA MBDIN</t>
  </si>
  <si>
    <t>School Mohallah Mandi Bahauddin.</t>
  </si>
  <si>
    <t>School Mohallah</t>
  </si>
  <si>
    <t>MC Mandi Bahaudin</t>
  </si>
  <si>
    <t>GPS MC QARI COLONY</t>
  </si>
  <si>
    <t>Qari Colony</t>
  </si>
  <si>
    <t>M.C Qari Colony, Okara</t>
  </si>
  <si>
    <t>GPS MC QASIMABAD STREET NO. 6 RWP</t>
  </si>
  <si>
    <t>GBPS.   MC.  Qasimabad    street No 6.  Dhoke    khabba.  Rawalpindi</t>
  </si>
  <si>
    <t>Dhoke  Khabba</t>
  </si>
  <si>
    <t>Malik  Muhammad   Saleem  Shahid</t>
  </si>
  <si>
    <t>GPS MC RAHIMABAD MULTAN</t>
  </si>
  <si>
    <t>muhallah raheem a bad multan</t>
  </si>
  <si>
    <t>M. khalid</t>
  </si>
  <si>
    <t>GPS MC RAMZAN ABAD</t>
  </si>
  <si>
    <t>street no 6 laiba block ramzanabad amin town fsd</t>
  </si>
  <si>
    <t>Umer Draz Bhatti</t>
  </si>
  <si>
    <t>GPS MC RAMZAN ABAD MULTAN</t>
  </si>
  <si>
    <t>Govt.MC boys primary school ramzanabad</t>
  </si>
  <si>
    <t>gulnar colony</t>
  </si>
  <si>
    <t>Sohail Akbar</t>
  </si>
  <si>
    <t>GPS MC RANGPURA</t>
  </si>
  <si>
    <t>GPS MC RASOOL PARK SHAHDARA</t>
  </si>
  <si>
    <t>CDG BPS Rasool park shahdara Lahore</t>
  </si>
  <si>
    <t>shshdara</t>
  </si>
  <si>
    <t>Qazi park</t>
  </si>
  <si>
    <t>Moaaz Zia</t>
  </si>
  <si>
    <t>GPS MC ROSHAN PURA</t>
  </si>
  <si>
    <t>Roshan Pura</t>
  </si>
  <si>
    <t>Street no 9 REHMAT Colony no 2</t>
  </si>
  <si>
    <t>Farhan Rashid Bhatti</t>
  </si>
  <si>
    <t>GPS MC SABZI MANDI</t>
  </si>
  <si>
    <t>Govt. MC Primary School Sabzi Mandi beron kot peeran kasr</t>
  </si>
  <si>
    <t>Kot Peeran Kasur</t>
  </si>
  <si>
    <t>GPS MC SAID PUR MULTAN ROAD</t>
  </si>
  <si>
    <t>Main bazar said pur multan road,  Lahore.</t>
  </si>
  <si>
    <t>M Majid Naveed Khan</t>
  </si>
  <si>
    <t>GPS MC SHADAB COLONY FSD</t>
  </si>
  <si>
    <t>MC primary school shadab colony street # 4 habaib park</t>
  </si>
  <si>
    <t>Gulfishan colony</t>
  </si>
  <si>
    <t>GPS MC SHAH MAHINGAR INSIDE BOHAR GATE</t>
  </si>
  <si>
    <t>4-shah Mahinghar</t>
  </si>
  <si>
    <t>muhallah shah mahingar inside bohar gate multan</t>
  </si>
  <si>
    <t>Bazar Umer E Farooq</t>
  </si>
  <si>
    <t>Muhammad Abubakar Rafiquie</t>
  </si>
  <si>
    <t>GPS MC SHAHDANA SHAHEED INSIDE DEHLI GATE MULTAN</t>
  </si>
  <si>
    <t>moh saeed khan qureshi inside dehli gate multan</t>
  </si>
  <si>
    <t>Kamangraan</t>
  </si>
  <si>
    <t>GPS MC SHAHDARA BAHAWALPUR</t>
  </si>
  <si>
    <t>shahdra</t>
  </si>
  <si>
    <t>gps  mc shahdra</t>
  </si>
  <si>
    <t>MUHAMMAD ALEEM</t>
  </si>
  <si>
    <t>GPS MC SHARIF COLONY SHARGODHA ROAD</t>
  </si>
  <si>
    <t>Government M C  primary school sharif colony sheikhupura.</t>
  </si>
  <si>
    <t>Sharif Colony</t>
  </si>
  <si>
    <t>Asma Shafique</t>
  </si>
  <si>
    <t>GPS MC SHER SINGH WALLA FSD</t>
  </si>
  <si>
    <t>Sher Singh Wala Fsd</t>
  </si>
  <si>
    <t>219 RB Sher Singh Wala fsd.</t>
  </si>
  <si>
    <t>219 Rb</t>
  </si>
  <si>
    <t>Filter water</t>
  </si>
  <si>
    <t>GPS MC SIR SYED TOWN NO. 1</t>
  </si>
  <si>
    <t>D BLOCK SIR SYED TOWN</t>
  </si>
  <si>
    <t>SIR SYED TOWN</t>
  </si>
  <si>
    <t>Shameher Khan</t>
  </si>
  <si>
    <t>Water Man Out Sider</t>
  </si>
  <si>
    <t>GPS MC SITARA COLONY</t>
  </si>
  <si>
    <t>Defence Garden Chungi Amer Sidhu Lahore</t>
  </si>
  <si>
    <t>Tajammal Hussain Awan</t>
  </si>
  <si>
    <t>GPS MC SUFI PURA MBDIN</t>
  </si>
  <si>
    <t>faisal colony, Mandi Bahauddin</t>
  </si>
  <si>
    <t>Saed Akbar</t>
  </si>
  <si>
    <t>GPS MC TARAF DAIRA MULTAN</t>
  </si>
  <si>
    <t>Basti Daira near Darbar pir rora multan</t>
  </si>
  <si>
    <t>GPS MC TEHSIL MASJID CHISHTIAN</t>
  </si>
  <si>
    <t>E Block</t>
  </si>
  <si>
    <t>Tehsil masjid near civil hospital chishtian</t>
  </si>
  <si>
    <t>city Chishtian</t>
  </si>
  <si>
    <t>Mc CTN</t>
  </si>
  <si>
    <t>Waheed Ur Rehman</t>
  </si>
  <si>
    <t>Masjid</t>
  </si>
  <si>
    <t>GPS MC THATHIAN</t>
  </si>
  <si>
    <t>Mohallah Thatti Gharbi Tehsil and District Chiniot</t>
  </si>
  <si>
    <t>GPS MC TIBBI HERYA</t>
  </si>
  <si>
    <t>Herya tibbi city sheikhupura</t>
  </si>
  <si>
    <t>Herya Tibbi</t>
  </si>
  <si>
    <t>GPS MC TIBBI KAMBOWAN</t>
  </si>
  <si>
    <t>Tibi Kambown</t>
  </si>
  <si>
    <t>Tibbi Kambowan Kasur</t>
  </si>
  <si>
    <t>GPS MC WANDHI WALI MOHAMMAD KHAN</t>
  </si>
  <si>
    <t>wandhi wali muhammad mianwali</t>
  </si>
  <si>
    <t>Mc Mwi</t>
  </si>
  <si>
    <t>GPS MC WARA SATTAR SHAH</t>
  </si>
  <si>
    <t>Wara Sattar</t>
  </si>
  <si>
    <t>wara sattar</t>
  </si>
  <si>
    <t>Hafiz Muhammad Naseer</t>
  </si>
  <si>
    <t>GPS MC WEAVING FACTORY SHAHDARA</t>
  </si>
  <si>
    <t>cdgbpsweavingfactoryshahdara Lahore</t>
  </si>
  <si>
    <t>Fatima Maqsood</t>
  </si>
  <si>
    <t>GPS MEEKHO WALI KALA KHATAI ROAD</t>
  </si>
  <si>
    <t>Meekhowali</t>
  </si>
  <si>
    <t>meekho wali</t>
  </si>
  <si>
    <t>GPS MEELAK</t>
  </si>
  <si>
    <t>Meelak</t>
  </si>
  <si>
    <t>GPS MEER DAD</t>
  </si>
  <si>
    <t>basti wanveri Wala mouza punjgrian p.o basti drigh tehsil and district Muzaffar garh</t>
  </si>
  <si>
    <t>Wanveri Wala</t>
  </si>
  <si>
    <t>Fiaz Muhammad Khan</t>
  </si>
  <si>
    <t>GPS MEER KOT KOHNA</t>
  </si>
  <si>
    <t>Meer Kot</t>
  </si>
  <si>
    <t>Meer kot</t>
  </si>
  <si>
    <t>Riast Ali</t>
  </si>
  <si>
    <t>GPS MEER KOT NAU</t>
  </si>
  <si>
    <t>Meerkot Nau</t>
  </si>
  <si>
    <t>GPS meerkot Nau</t>
  </si>
  <si>
    <t>Chunian Hitthar</t>
  </si>
  <si>
    <t>GPS MEER MOHAMMAD</t>
  </si>
  <si>
    <t>basti meer muhammad tehsil kot chuta</t>
  </si>
  <si>
    <t>Muhammad Atif</t>
  </si>
  <si>
    <t>water colar</t>
  </si>
  <si>
    <t>GPS MEERAK</t>
  </si>
  <si>
    <t>MEERAK</t>
  </si>
  <si>
    <t>VILLAGE MEERAK POST OFFICE MEERAK TEHSIL AND DISTRICT OKARA</t>
  </si>
  <si>
    <t>GPS MEERAKH KALAN</t>
  </si>
  <si>
    <t>Meerakh Kalan</t>
  </si>
  <si>
    <t>village meerakh kalan p/o 
Jalapur Bhattian tehsil Pindi Bhattian dist Hafizabad</t>
  </si>
  <si>
    <t>Solangi kharal</t>
  </si>
  <si>
    <t>GPS MEERAN GHAZI</t>
  </si>
  <si>
    <t>Basti meeran qadir pur p/ o fateh pur kamal tehsil khan put dist.rahim yar khan</t>
  </si>
  <si>
    <t>M Makki</t>
  </si>
  <si>
    <t>GPS MEERAN KHAN PO DULLAH BHADERA</t>
  </si>
  <si>
    <t>Meeru Bloach</t>
  </si>
  <si>
    <t>basti meeran khan p/o bakhshan khan</t>
  </si>
  <si>
    <t>Meeran Khan</t>
  </si>
  <si>
    <t>GPS MEERAN WALA</t>
  </si>
  <si>
    <t>Gurmani Shrqi</t>
  </si>
  <si>
    <t>chah meeran wala muza gurmani Shrqi</t>
  </si>
  <si>
    <t>GPS MEERANI JADEED</t>
  </si>
  <si>
    <t>moza lohanch nasheb</t>
  </si>
  <si>
    <t>GPS MEERNAY WALA</t>
  </si>
  <si>
    <t>MeernaywalaAhmad pur sial jhang</t>
  </si>
  <si>
    <t>GPS MEGHA KADHI</t>
  </si>
  <si>
    <t>megha kadhi p.o birbal shareef tehsil shahpur sargodha</t>
  </si>
  <si>
    <t>megha kadhi</t>
  </si>
  <si>
    <t>ahmed shah</t>
  </si>
  <si>
    <t>GPS MEHAL JAMAL</t>
  </si>
  <si>
    <t>Soraha</t>
  </si>
  <si>
    <t>pakian tensile kallar syedan</t>
  </si>
  <si>
    <t>Pakian</t>
  </si>
  <si>
    <t>muhammad ajaib</t>
  </si>
  <si>
    <t>GPS MEHAR ABAD PIR MAHAL</t>
  </si>
  <si>
    <t>GPS meharabad pirmahal</t>
  </si>
  <si>
    <t>GPS MEHAR ABAD, KHANEWAL</t>
  </si>
  <si>
    <t>mohalla khokhar abad khanewal city</t>
  </si>
  <si>
    <t>GPS MEHAR ALI</t>
  </si>
  <si>
    <t>Tmkhan</t>
  </si>
  <si>
    <t>dhoke meharali thoha mehram khan</t>
  </si>
  <si>
    <t>Mehar Ali</t>
  </si>
  <si>
    <t>GPS MEHAR BUZDAR</t>
  </si>
  <si>
    <t>nawan shumali</t>
  </si>
  <si>
    <t>basti sher muhammad nawan shumali choti zareen</t>
  </si>
  <si>
    <t>basti sher muhammad nawan shumali</t>
  </si>
  <si>
    <t>GPS MEHAR SHAHNA</t>
  </si>
  <si>
    <t>Mehar Shahan</t>
  </si>
  <si>
    <t>Pindi Shaikh Musa</t>
  </si>
  <si>
    <t>GPS MEHAT PUR</t>
  </si>
  <si>
    <t>Mehat Pur</t>
  </si>
  <si>
    <t>Village Mehat Pur P/O and tTehseelj Sambrial Dist. Sialkot</t>
  </si>
  <si>
    <t>GPS MEHBOOB ABAD</t>
  </si>
  <si>
    <t>GPS MEHBOOB NAGAR</t>
  </si>
  <si>
    <t>Dera chanawala tehsil Quaidabad District Khushab</t>
  </si>
  <si>
    <t>Dera Chanawala</t>
  </si>
  <si>
    <t>Naseem Muhammad</t>
  </si>
  <si>
    <t>GPS MEHDA JADEED</t>
  </si>
  <si>
    <t>Mahda Jadeed</t>
  </si>
  <si>
    <t>Mahda Jadeed tehsil Shahkot District Nankana Sahib</t>
  </si>
  <si>
    <t>GPS MEHDI ABAD</t>
  </si>
  <si>
    <t>Mehdi Abad</t>
  </si>
  <si>
    <t>Mehdi Abad P/O Vanikey Tarar Tehsil and District Hafizabad.</t>
  </si>
  <si>
    <t>Umar Hayat Goraya</t>
  </si>
  <si>
    <t>GPS MEHDI PUR</t>
  </si>
  <si>
    <t>mehdi pur</t>
  </si>
  <si>
    <t>Muhammad ILYAS KHAN</t>
  </si>
  <si>
    <t>GPS MEHDI PUR NAWAZISH ABAD</t>
  </si>
  <si>
    <t>mehdi pur village near green fort 2</t>
  </si>
  <si>
    <t>Izmeer Town</t>
  </si>
  <si>
    <t>Fazeelat Naik Muhammad</t>
  </si>
  <si>
    <t>GPS MEHER PUR</t>
  </si>
  <si>
    <t>Mehar Pur P/O Syedwala Teh &amp; Distt Nankana</t>
  </si>
  <si>
    <t>GPS MEHESIAN</t>
  </si>
  <si>
    <t>eminaabad</t>
  </si>
  <si>
    <t>mahasian</t>
  </si>
  <si>
    <t>ladahay wala goraya</t>
  </si>
  <si>
    <t>GPS MEHFOOZABAD</t>
  </si>
  <si>
    <t>Govt PS Mehfoozabad</t>
  </si>
  <si>
    <t>GPS MEHIS KALAN</t>
  </si>
  <si>
    <t>Mehis Kalan</t>
  </si>
  <si>
    <t>village mehis kalan T/D narowal</t>
  </si>
  <si>
    <t>GPS MEHLIAN</t>
  </si>
  <si>
    <t>Maili Pir Bakhsh</t>
  </si>
  <si>
    <t>Maili Pir Bakhsh, P. O. Tibba Qaim Din, Tehsil and District: Khushab</t>
  </si>
  <si>
    <t>Tanzeel Anjum</t>
  </si>
  <si>
    <t>GPS MEHLO KEY</t>
  </si>
  <si>
    <t>Mehlukay</t>
  </si>
  <si>
    <t>Mehlukay p/o mupalkay tehsil Renala khurd Okars</t>
  </si>
  <si>
    <t>Mupalkay</t>
  </si>
  <si>
    <t>Ghulam Rasool Shah</t>
  </si>
  <si>
    <t>GPS MEHLO WALA</t>
  </si>
  <si>
    <t>village mehlowala</t>
  </si>
  <si>
    <t>GPS MEHLOWALA</t>
  </si>
  <si>
    <t>Village and po mehlowala tah zafarwal distt narowal</t>
  </si>
  <si>
    <t>GPS MEHMAN FAT VERA-EAST</t>
  </si>
  <si>
    <t>Mehma Fatvera</t>
  </si>
  <si>
    <t>Moza mehma fatvera</t>
  </si>
  <si>
    <t>Basti Ch Shair Muhammad Muhammad</t>
  </si>
  <si>
    <t>GPS MEHMAND BALOCH</t>
  </si>
  <si>
    <t>Bilarra Mehmand Blouch</t>
  </si>
  <si>
    <t>Bilarra mehmand blouch</t>
  </si>
  <si>
    <t>Bilarra Mehmand</t>
  </si>
  <si>
    <t>Muhammad Khan Shahid</t>
  </si>
  <si>
    <t>GPS MEHMOOD GUJAR</t>
  </si>
  <si>
    <t>BASTI HANBHI FATEH PUR</t>
  </si>
  <si>
    <t>Wasim Riaz</t>
  </si>
  <si>
    <t>GPS MEHMOOD KHAN KACHHALA</t>
  </si>
  <si>
    <t>Dharay Oat</t>
  </si>
  <si>
    <t>moza dharay oat p/o tranda muhammed panah tehsil liaquat pur district rahim yar khan</t>
  </si>
  <si>
    <t>Basti Kachila</t>
  </si>
  <si>
    <t>GPS MEHMOOD KHOKHAR</t>
  </si>
  <si>
    <t>mokal</t>
  </si>
  <si>
    <t>VILLAGE MEHMOOD KHOKHAR ,TEGSIL CHUNIAN KASUR</t>
  </si>
  <si>
    <t>MEHMOOD Khokhar KHOKHAR</t>
  </si>
  <si>
    <t>HASEEB AHMAD</t>
  </si>
  <si>
    <t>GPS MEHMOOD KOT</t>
  </si>
  <si>
    <t>Basti Mahmood Kot mouza chhohan tehsil Hasil pur District Bhawal pur</t>
  </si>
  <si>
    <t>GPS MEHMOOD KOT BOSAN ROAD MULTAN</t>
  </si>
  <si>
    <t>basti mehmood kot, bosan road multan</t>
  </si>
  <si>
    <t>GPS MEHMOOD MASJID MARDWAL</t>
  </si>
  <si>
    <t>post office mardwal tehsil naushara district khushab</t>
  </si>
  <si>
    <t>GPS MEHMOOD NAGAR</t>
  </si>
  <si>
    <t>Wahid Bux sial</t>
  </si>
  <si>
    <t>GBPS mehmood nager basti langah Wahid Bux sail Allah Abad</t>
  </si>
  <si>
    <t>GPS MEHMOOD PUR ABOHAR</t>
  </si>
  <si>
    <t>Mehmood Pur Abohar</t>
  </si>
  <si>
    <t>chak Mehmood pur Abohar P/0 7Eb Tesil  Arif wala Distt Pakpattan</t>
  </si>
  <si>
    <t>GPS MEHMOOD PUR LALAY KA</t>
  </si>
  <si>
    <t>Basti Mehmoodpur Laleka</t>
  </si>
  <si>
    <t>Mehmoodpur Laeka</t>
  </si>
  <si>
    <t>GPS MEHMOOD SAHARAN WALA P/O NAWAN KOT</t>
  </si>
  <si>
    <t>chah mehmood saharan wala</t>
  </si>
  <si>
    <t>Mehmood Saharan Wala</t>
  </si>
  <si>
    <t>GPS MEHMOOD WALA NO.1</t>
  </si>
  <si>
    <t>Mehmood wala p/o dadu wala tehsil kallur kot district bhakkar</t>
  </si>
  <si>
    <t>shafaullah khan sheeraz</t>
  </si>
  <si>
    <t>GPS MEHMOODA ABAD</t>
  </si>
  <si>
    <t>moza gujjar khankah wala</t>
  </si>
  <si>
    <t>Khankah Wala</t>
  </si>
  <si>
    <t>Raees Yousaf</t>
  </si>
  <si>
    <t>GPS MEHMOODA JODEKA</t>
  </si>
  <si>
    <t>Mehmooda Jodheka</t>
  </si>
  <si>
    <t>saifpul pura chak mehmooda jodheka</t>
  </si>
  <si>
    <t>chak Mehmooda Jodhks</t>
  </si>
  <si>
    <t>GPS MEHNAGAL</t>
  </si>
  <si>
    <t>village anguri p/o anguri tehsil murree</t>
  </si>
  <si>
    <t>GPS MEHNWAL</t>
  </si>
  <si>
    <t>Mehnwal</t>
  </si>
  <si>
    <t>Village Mehnwal post office bhao Gaseet pur</t>
  </si>
  <si>
    <t>Muhammad Maroof</t>
  </si>
  <si>
    <t>GPS MEHO RONGA</t>
  </si>
  <si>
    <t>Range Pur</t>
  </si>
  <si>
    <t>moza rang Pur basti meho Rongha p/o mian Wali qureshian T/d Rahim yar khan</t>
  </si>
  <si>
    <t>Meho Rongha</t>
  </si>
  <si>
    <t>GPS MEHOO WALA CHAK NO. 332</t>
  </si>
  <si>
    <t>Patti Arian</t>
  </si>
  <si>
    <t>gps mahoo wala</t>
  </si>
  <si>
    <t>GPS MEHR DAD P/O KOTLA CHAKAR JPP</t>
  </si>
  <si>
    <t>Basti Koray wala moza motha shumali</t>
  </si>
  <si>
    <t>GPS MEHR KHAN SHIMAR</t>
  </si>
  <si>
    <t>Dara wand shimar</t>
  </si>
  <si>
    <t>Naseer Khan</t>
  </si>
  <si>
    <t>GPS MEHR KHAN WALA</t>
  </si>
  <si>
    <t>GPS Mehr khanwala</t>
  </si>
  <si>
    <t>Muhammad Farooq Khan</t>
  </si>
  <si>
    <t>neighbor 's cooperation</t>
  </si>
  <si>
    <t>GPS MEHRAM CHINNA</t>
  </si>
  <si>
    <t>Mehram Cheena</t>
  </si>
  <si>
    <t>Moza Mehram cheena</t>
  </si>
  <si>
    <t>Ayaz Iqbal</t>
  </si>
  <si>
    <t>GPS MEHRAM SIAL</t>
  </si>
  <si>
    <t>MOUZA MEHRAM SIAL</t>
  </si>
  <si>
    <t>GPS MEHRAN THAL</t>
  </si>
  <si>
    <t>Ochgul Amam</t>
  </si>
  <si>
    <t>mehran thal chk no 11/1</t>
  </si>
  <si>
    <t>Mehran Thal</t>
  </si>
  <si>
    <t>och Gul Amam</t>
  </si>
  <si>
    <t>GPS MEHRAY WARRAICH WALA</t>
  </si>
  <si>
    <t>gps mehray warraich wala</t>
  </si>
  <si>
    <t>Mehray Warraich Wala</t>
  </si>
  <si>
    <t>GPS MEHRI WALA</t>
  </si>
  <si>
    <t>Gher Mustaqil Darmiani</t>
  </si>
  <si>
    <t>basti shakrela moza gher mustaqil darmiani union hinjrai ehsanpur</t>
  </si>
  <si>
    <t>Basti Shakrela</t>
  </si>
  <si>
    <t>GPS MEHROO</t>
  </si>
  <si>
    <t>Mehroo tensil Quaid a bad district khushab</t>
  </si>
  <si>
    <t>Mehroo</t>
  </si>
  <si>
    <t>GPS MEHROO WALI</t>
  </si>
  <si>
    <t>NONARI</t>
  </si>
  <si>
    <t>BASTI MEHER WALI UC NONARI</t>
  </si>
  <si>
    <t>MEHAR WALI</t>
  </si>
  <si>
    <t>Muhammad Ilyas Bhatti</t>
  </si>
  <si>
    <t>GPS MEHRWAN KHELAN WALA</t>
  </si>
  <si>
    <t>dara mehrwan khelan wala shadia shumali</t>
  </si>
  <si>
    <t>Mehrwan Khelan Wala</t>
  </si>
  <si>
    <t>Muhammad Ameer Afreen</t>
  </si>
  <si>
    <t>GPS MEHTA</t>
  </si>
  <si>
    <t>Mahta</t>
  </si>
  <si>
    <t>mehta</t>
  </si>
  <si>
    <t>GPS MEHTA SUJA</t>
  </si>
  <si>
    <t>Mehta Suja P/O Same Teh.Muridke. Distt.Sheikhupura</t>
  </si>
  <si>
    <t>Afraz Arshad Khan</t>
  </si>
  <si>
    <t>GPS MEHTA TREDDA</t>
  </si>
  <si>
    <t>Mehta Tredda</t>
  </si>
  <si>
    <t>Mehta Tredda p/o sharaqpur tehsil sharaqpur district sheikhupura</t>
  </si>
  <si>
    <t>GPS MEINOWAL</t>
  </si>
  <si>
    <t>Meinowal</t>
  </si>
  <si>
    <t>meinowal p/o tanda tehsile&amp;district gujrat</t>
  </si>
  <si>
    <t>Azhar bashir</t>
  </si>
  <si>
    <t>GPS MELA</t>
  </si>
  <si>
    <t>Kuchh Tunder khel</t>
  </si>
  <si>
    <t>GPS Mela bangi khel</t>
  </si>
  <si>
    <t>GPS MELO VIRKAN</t>
  </si>
  <si>
    <t>Melu Virkan</t>
  </si>
  <si>
    <t>Melu Virkan, Tehsil Nowshera Virkan, Dist. Gujranwala</t>
  </si>
  <si>
    <t>Melu VIRKAN</t>
  </si>
  <si>
    <t>GPS MELO WAL</t>
  </si>
  <si>
    <t>Melowal TehBheraDisttSargodha</t>
  </si>
  <si>
    <t>Fateh-Gareh</t>
  </si>
  <si>
    <t>GPS MELOANA</t>
  </si>
  <si>
    <t>meloana</t>
  </si>
  <si>
    <t>village Meloana p/o khanqah dogran tehsil and district Hafizabad</t>
  </si>
  <si>
    <t>Meloana</t>
  </si>
  <si>
    <t>Muhammad Usman Ilyas</t>
  </si>
  <si>
    <t>GPS MELOO WALA</t>
  </si>
  <si>
    <t>Drahmah</t>
  </si>
  <si>
    <t>chah meelo wala</t>
  </si>
  <si>
    <t>Meelo Wala</t>
  </si>
  <si>
    <t>GPS MEMON SYED WALA</t>
  </si>
  <si>
    <t>Memon</t>
  </si>
  <si>
    <t>GPS memon markz syedwala the &amp;  Distt  Nankan</t>
  </si>
  <si>
    <t>ghulam hussain</t>
  </si>
  <si>
    <t>GPS MEOWAL</t>
  </si>
  <si>
    <t>Meonwal</t>
  </si>
  <si>
    <t>Village meonwal</t>
  </si>
  <si>
    <t>Mohammad Sajid</t>
  </si>
  <si>
    <t>GPS MERA GHARPA</t>
  </si>
  <si>
    <t>Meray Wali</t>
  </si>
  <si>
    <t>M Obaidullah</t>
  </si>
  <si>
    <t>GPS MERA KUFRI</t>
  </si>
  <si>
    <t>GPS Mera Kufri</t>
  </si>
  <si>
    <t>Hafiz Mukhtar Ahmad</t>
  </si>
  <si>
    <t>GPS MERA MARDWAL</t>
  </si>
  <si>
    <t>P/S MERA MARDWAL</t>
  </si>
  <si>
    <t>GPS MERAJ PURA</t>
  </si>
  <si>
    <t>muhallah merajnpura skp</t>
  </si>
  <si>
    <t>Rakh Hirn Minar</t>
  </si>
  <si>
    <t>Syed Mahmood Alam Bukhari</t>
  </si>
  <si>
    <t>GPS MERAN SHAH</t>
  </si>
  <si>
    <t>meran shah</t>
  </si>
  <si>
    <t>GPS MERHINYAN</t>
  </si>
  <si>
    <t>Merhinyan</t>
  </si>
  <si>
    <t>Village. Merhinyan P.o. lehtrar Tehsil kahuta District Rawalpind</t>
  </si>
  <si>
    <t>Muhammad Fazal</t>
  </si>
  <si>
    <t>GPS MERO BHADIAR</t>
  </si>
  <si>
    <t>Bhadiar</t>
  </si>
  <si>
    <t>Mero Bhadiar, Pasrur, Sialkot</t>
  </si>
  <si>
    <t>Mero Bhadiar</t>
  </si>
  <si>
    <t>GPS MERU BALUCH</t>
  </si>
  <si>
    <t>Meru Baluch</t>
  </si>
  <si>
    <t>basti meru baluch</t>
  </si>
  <si>
    <t>Dulla Bhadara</t>
  </si>
  <si>
    <t>GPS MERYAM ABAD</t>
  </si>
  <si>
    <t>Meryamabad</t>
  </si>
  <si>
    <t>Meryamabad.Tehsil wazirabad.District Gujranwala</t>
  </si>
  <si>
    <t>GPS MERZA KACHELLA</t>
  </si>
  <si>
    <t>Basti shahoo buzdar mauza chak dodarha</t>
  </si>
  <si>
    <t>Chak Dodar</t>
  </si>
  <si>
    <t>GPS MEWAT NAGAR SHUJABAD</t>
  </si>
  <si>
    <t>Shiekhpur Shujrah</t>
  </si>
  <si>
    <t>jhandi dhori Moza Shiekhpur Shujrah p/o Matotli Shujabad Multan</t>
  </si>
  <si>
    <t>GPS MEWAY WALA</t>
  </si>
  <si>
    <t>Darkhast jamal Khan Gharbi No 1</t>
  </si>
  <si>
    <t>Basti mewa kaleri</t>
  </si>
  <si>
    <t>Basti Meway wala</t>
  </si>
  <si>
    <t>GPS MIAL V &amp; P.O MIAL</t>
  </si>
  <si>
    <t>V&amp;PO mial Teh talagng distt chakwal</t>
  </si>
  <si>
    <t>Bidharr</t>
  </si>
  <si>
    <t>GPS MIAN ACCHA</t>
  </si>
  <si>
    <t>KANIAL</t>
  </si>
  <si>
    <t>GPS MIAN  ACCHA</t>
  </si>
  <si>
    <t>MIAN ACCHA</t>
  </si>
  <si>
    <t>Azmat Hayyat Khan</t>
  </si>
  <si>
    <t>GPS MIAN AHMEDA</t>
  </si>
  <si>
    <t>Mian Ahmeda</t>
  </si>
  <si>
    <t>village MianAhmeda dak khana nakrali</t>
  </si>
  <si>
    <t>Syed Haseeb Raza</t>
  </si>
  <si>
    <t>neighbour's well</t>
  </si>
  <si>
    <t>GPS MIAN AZHAR IQBAL KOT BADAR DIN</t>
  </si>
  <si>
    <t>Kot Badar Din</t>
  </si>
  <si>
    <t>Kot Badar Din Post Office And Tehsil Pindi Bhattian District Hafizabad</t>
  </si>
  <si>
    <t>Badar ali</t>
  </si>
  <si>
    <t>GPS MIAN DEEN WALA</t>
  </si>
  <si>
    <t>Wan Bhachran Jonobi</t>
  </si>
  <si>
    <t>Mian deen wala p/o wan bhachran distt. Mianwali</t>
  </si>
  <si>
    <t>Mian Deen Wala</t>
  </si>
  <si>
    <t>Muhammad Faheem Shahzad</t>
  </si>
  <si>
    <t>GPS MIAN ISA</t>
  </si>
  <si>
    <t>main essa</t>
  </si>
  <si>
    <t>Main Easa</t>
  </si>
  <si>
    <t>GPS MIAN NAZAR WALI NARA</t>
  </si>
  <si>
    <t>vpo nara</t>
  </si>
  <si>
    <t>GPS MIAN NOOR FATEH JANG</t>
  </si>
  <si>
    <t>GPS mian Noor Fateh jang , Attock.</t>
  </si>
  <si>
    <t>GPS MIAN PEER BUKHSH</t>
  </si>
  <si>
    <t>Mouza boolay wala tehsil Jampur post office Mohammed Pur</t>
  </si>
  <si>
    <t>GPS MIAN RAJA</t>
  </si>
  <si>
    <t>Mian Raja</t>
  </si>
  <si>
    <t>GPS Mian Raja tehsil pindi bhattian distt hafizabad</t>
  </si>
  <si>
    <t>Muhammad Aftab Zafar</t>
  </si>
  <si>
    <t>GPS MIAN WAL</t>
  </si>
  <si>
    <t>Mianwal</t>
  </si>
  <si>
    <t>moza mianwal  hersa sheikh tehsil and district chiniot</t>
  </si>
  <si>
    <t>Mian Wal</t>
  </si>
  <si>
    <t>Hersa Shikh</t>
  </si>
  <si>
    <t>GPS MIAN WALA NALLI</t>
  </si>
  <si>
    <t>G PS Dera Mian wala Nalli Khushab</t>
  </si>
  <si>
    <t>GPS MIANA GONDAL</t>
  </si>
  <si>
    <t>VPO Miana Gondal, Tehsil Malakwal Distt M.B.Din</t>
  </si>
  <si>
    <t>GPS MIANA HAZARA</t>
  </si>
  <si>
    <t>Miana Hazara</t>
  </si>
  <si>
    <t>tehseel kotomin district Sargodha village miana hazara</t>
  </si>
  <si>
    <t>GPS MIANA KOT</t>
  </si>
  <si>
    <t>Gujart</t>
  </si>
  <si>
    <t>p.o musa kamala village miana kot</t>
  </si>
  <si>
    <t>Mianakot</t>
  </si>
  <si>
    <t>GPS MIANA WALA</t>
  </si>
  <si>
    <t>Village mianawala Teh.Isa khel mianwali</t>
  </si>
  <si>
    <t>Parvez Shah</t>
  </si>
  <si>
    <t>GPS MIANI ACHAA</t>
  </si>
  <si>
    <t>Mini Ichha</t>
  </si>
  <si>
    <t>Govt p/s miani ichha tehsil lqp distt Ryk</t>
  </si>
  <si>
    <t>Muhammad Ayaz Rasool</t>
  </si>
  <si>
    <t>GPS MIANI AWANAN</t>
  </si>
  <si>
    <t>Mianiawanan</t>
  </si>
  <si>
    <t>gps mianiawanan1985</t>
  </si>
  <si>
    <t>Mohammad Amin Tahir</t>
  </si>
  <si>
    <t>GPS MIANI HAKRA</t>
  </si>
  <si>
    <t>basti lal jhabil moza miani post office khajgan bwp</t>
  </si>
  <si>
    <t>LallJhabil</t>
  </si>
  <si>
    <t>GPS MIANI JADEED</t>
  </si>
  <si>
    <t>Bakerpur</t>
  </si>
  <si>
    <t>basti saeadabad mouza bakerpur T/D bahawalpur</t>
  </si>
  <si>
    <t>Saeadabad</t>
  </si>
  <si>
    <t>Muhammad Faisal Amin</t>
  </si>
  <si>
    <t>GPS MIANI JHABAIL</t>
  </si>
  <si>
    <t>Basti Jhabhail P/O khanqha Sharif</t>
  </si>
  <si>
    <t>Basti Jhabhail</t>
  </si>
  <si>
    <t>Hazoor Ahmad</t>
  </si>
  <si>
    <t>GPS MIANI MEHMOOD</t>
  </si>
  <si>
    <t>basti jam Rahim bukhsh</t>
  </si>
  <si>
    <t>Jam Rahim Bux Somra</t>
  </si>
  <si>
    <t>Mukhtar Ahmad Faridi</t>
  </si>
  <si>
    <t>GPS MIANS SAIDY SULTAN</t>
  </si>
  <si>
    <t>Mian Sadi sultan</t>
  </si>
  <si>
    <t>basti bangla meraan pur Sadat mouza Mian sadi sultan</t>
  </si>
  <si>
    <t>Bangla Miran pur Sadat</t>
  </si>
  <si>
    <t>H M Iqbal</t>
  </si>
  <si>
    <t>GPS MIANWALI</t>
  </si>
  <si>
    <t>vill mianwali p/o kanjrur teh shakargarh dist narowal</t>
  </si>
  <si>
    <t>Syed Zahid Abbas</t>
  </si>
  <si>
    <t>GPS MIANWALI BANGLA NO.2</t>
  </si>
  <si>
    <t>Village Mianwali Bangla Teh Daska Distt Sialkot</t>
  </si>
  <si>
    <t>M- Azam</t>
  </si>
  <si>
    <t>GPS MICHHORA HASHIM</t>
  </si>
  <si>
    <t>Machora Hashim</t>
  </si>
  <si>
    <t>GPS MICHIANA</t>
  </si>
  <si>
    <t>Mouza Machiana</t>
  </si>
  <si>
    <t>Mouza  MACHIANA p/o Machhiwal teh. 18 Hazari Jhang</t>
  </si>
  <si>
    <t>Chak7/1 Thal Janobi</t>
  </si>
  <si>
    <t>Muhammad Nawaz Asi</t>
  </si>
  <si>
    <t>GPS MIDH</t>
  </si>
  <si>
    <t>Midh,Tehsil shah pur district sargodha</t>
  </si>
  <si>
    <t>GPS MIDH PARGANA</t>
  </si>
  <si>
    <t>MIDH Pargana</t>
  </si>
  <si>
    <t>MIDH pargana</t>
  </si>
  <si>
    <t>Ghazanfar Iqbal</t>
  </si>
  <si>
    <t>GPS MIDH RANJHA</t>
  </si>
  <si>
    <t>gps midh ranjha</t>
  </si>
  <si>
    <t>Midh  Ranjha</t>
  </si>
  <si>
    <t>shams ul hassan</t>
  </si>
  <si>
    <t>GPS MILLAN HANS</t>
  </si>
  <si>
    <t>Millan hans</t>
  </si>
  <si>
    <t>Moza and basti millan hans lodhran</t>
  </si>
  <si>
    <t>GPS MILLAT ISLAMIA DHOK RAHEEM BAKHSH RAWALPINDI</t>
  </si>
  <si>
    <t>Dhok Raheem Bakhsh Rawalpindi</t>
  </si>
  <si>
    <t>TAHIR MEHMOOD KIANI</t>
  </si>
  <si>
    <t>GPS MILLAT SAHIWAL</t>
  </si>
  <si>
    <t>Z block tariq bin ziad colony sahiwal</t>
  </si>
  <si>
    <t>Madina Colony New Abadi</t>
  </si>
  <si>
    <t>Waqar Adrees</t>
  </si>
  <si>
    <t>GPS MINGAL WALA</t>
  </si>
  <si>
    <t>Basti Mingal Wala Tonmi Dgkhan</t>
  </si>
  <si>
    <t>Tonmi</t>
  </si>
  <si>
    <t>IMTIAZ HUSSAIN</t>
  </si>
  <si>
    <t>GPS MINHALA KALAN</t>
  </si>
  <si>
    <t>GPS Minhala Kalan Tehsil Shalimar Lahore</t>
  </si>
  <si>
    <t>GPS MINHALA KHURD</t>
  </si>
  <si>
    <t>gps minhala khurd</t>
  </si>
  <si>
    <t>GPS MINHALI</t>
  </si>
  <si>
    <t>P.O Kali dili village minhali tehsil Jand district Attock</t>
  </si>
  <si>
    <t>Minhali</t>
  </si>
  <si>
    <t>GPS MIR HAJI</t>
  </si>
  <si>
    <t>mir haji</t>
  </si>
  <si>
    <t>govt primary school mir haji shahjamal m.garh</t>
  </si>
  <si>
    <t>GPS MIR HAZAR KHAN</t>
  </si>
  <si>
    <t>Warrian Wala</t>
  </si>
  <si>
    <t>P/o Mir Hazar Khan</t>
  </si>
  <si>
    <t>Sohail Ur Rehman</t>
  </si>
  <si>
    <t>GPS MIR KHANI</t>
  </si>
  <si>
    <t>Mir Khani</t>
  </si>
  <si>
    <t>village Mir khani p!o kisana teh,kharian district gujrat</t>
  </si>
  <si>
    <t>Mir khani</t>
  </si>
  <si>
    <t>Jora</t>
  </si>
  <si>
    <t>Syed  Kazim Hussain</t>
  </si>
  <si>
    <t>GPS MIR MUHAMMAD KACHHELA</t>
  </si>
  <si>
    <t>Bakhar wah</t>
  </si>
  <si>
    <t>Basti Meer Muhammad Kachhela</t>
  </si>
  <si>
    <t>GPS MIR MUHAMMAD LAR</t>
  </si>
  <si>
    <t>Basti Jatto Sial, mouza chaudhary tehsil Liaquat Pur District Rahim Yar Khan</t>
  </si>
  <si>
    <t>Jatto Sial</t>
  </si>
  <si>
    <t>Javeed Ahmed</t>
  </si>
  <si>
    <t>Hand and water pump both</t>
  </si>
  <si>
    <t>GPS MIR NAGAR</t>
  </si>
  <si>
    <t>darkhast jamal khan janobi1</t>
  </si>
  <si>
    <t>bsti mir abdullah</t>
  </si>
  <si>
    <t>basti mir abdullah</t>
  </si>
  <si>
    <t>darkhast jmal khan jnobi1</t>
  </si>
  <si>
    <t>GPS MIR PUR BAR</t>
  </si>
  <si>
    <t>Meerpur Chak#87rb</t>
  </si>
  <si>
    <t>MIR PUR BAR CHAK # 87</t>
  </si>
  <si>
    <t>MIR PUR BAR</t>
  </si>
  <si>
    <t>KOT NIZM DIN</t>
  </si>
  <si>
    <t>Tehseen Raza</t>
  </si>
  <si>
    <t>GPS MIR PUR BHATTIN</t>
  </si>
  <si>
    <t>Meerpur Bhattian</t>
  </si>
  <si>
    <t>meerpur bhattian nankana sahub</t>
  </si>
  <si>
    <t>Muneer Hussian</t>
  </si>
  <si>
    <t>GPS MIRALI</t>
  </si>
  <si>
    <t>moza mirali</t>
  </si>
  <si>
    <t>Norabba</t>
  </si>
  <si>
    <t>GPS MIRAN KHAN</t>
  </si>
  <si>
    <t>Bella</t>
  </si>
  <si>
    <t>Basti miran khan uc bella mouza bella district dera ghazi khan</t>
  </si>
  <si>
    <t>Basti Miran Khan</t>
  </si>
  <si>
    <t>Private arrangement</t>
  </si>
  <si>
    <t>GPS MIRAN KHAN P/O KHOJA UBBHA</t>
  </si>
  <si>
    <t>Miran Khan</t>
  </si>
  <si>
    <t>moza miran khan th shujabad multan</t>
  </si>
  <si>
    <t>GPS MIRAN PUR</t>
  </si>
  <si>
    <t>Beela Wahga</t>
  </si>
  <si>
    <t>Basti miran Pur, Miuza Beela Wahga, Khair Pur Road Kahror Pacca, Lodhran</t>
  </si>
  <si>
    <t>GPS MIRANI</t>
  </si>
  <si>
    <t>basti mirani mauza nawan dera</t>
  </si>
  <si>
    <t>Murad Pur South</t>
  </si>
  <si>
    <t>Zulfqar Ali</t>
  </si>
  <si>
    <t>GPS MIRANI PACCA</t>
  </si>
  <si>
    <t>Noshehra Nasheb</t>
  </si>
  <si>
    <t>klasra Wala shadu Khan layyah</t>
  </si>
  <si>
    <t>Klasra Wala</t>
  </si>
  <si>
    <t>GPS MIRHAN BAIROON 425/TDA</t>
  </si>
  <si>
    <t>Merhan Bairoon</t>
  </si>
  <si>
    <t>chak no.425 Merhan bairoon Haider Wala layyah</t>
  </si>
  <si>
    <t>Muhammad Amin Javid</t>
  </si>
  <si>
    <t>GPS MIRO WALA</t>
  </si>
  <si>
    <t>Basti ghaghri mirowala</t>
  </si>
  <si>
    <t>Basti Ghaghri Mirowala</t>
  </si>
  <si>
    <t>asad abdullah</t>
  </si>
  <si>
    <t>GPS MIRPUR</t>
  </si>
  <si>
    <t>Mir pur</t>
  </si>
  <si>
    <t>Muhammad Riasat</t>
  </si>
  <si>
    <t>GPS MIRZA PUR</t>
  </si>
  <si>
    <t>Mirza pur Mandi Faizabad Nankana Sahib</t>
  </si>
  <si>
    <t>Mehdi Hasan</t>
  </si>
  <si>
    <t>GPS MIRZAN PUR</t>
  </si>
  <si>
    <t>Mirzan Pur</t>
  </si>
  <si>
    <t>near chowk Nasser wala Basti mirzan pur</t>
  </si>
  <si>
    <t>Sharoon Stephen</t>
  </si>
  <si>
    <t>GPS MISBAH-UL-ALOOM PIPLE BAZAR MAILSI</t>
  </si>
  <si>
    <t>Govt.P/S Misbah-ul-Aloom Mailsi Piple Bazar Mailsi</t>
  </si>
  <si>
    <t>Municipal Corporation Mailsi Ward No 7</t>
  </si>
  <si>
    <t>GPS MISKEEN ABAD</t>
  </si>
  <si>
    <t>basti hayat Muhammad khokhar mouza sangla taranda Muhammad panah</t>
  </si>
  <si>
    <t>Rafiq Ur Rahman</t>
  </si>
  <si>
    <t>GPS MISRI MIANI</t>
  </si>
  <si>
    <t>Misri Miani</t>
  </si>
  <si>
    <t>VILLAGE Misri miani    PO sherakot.    Gujranwala</t>
  </si>
  <si>
    <t>Dhariwall</t>
  </si>
  <si>
    <t>GPS MISRI WALA</t>
  </si>
  <si>
    <t>Misriwala</t>
  </si>
  <si>
    <t>misriwala p.o more khunda nns</t>
  </si>
  <si>
    <t>Khiary Kalan</t>
  </si>
  <si>
    <t>GPS MISRIOT</t>
  </si>
  <si>
    <t>GPS, MISRIOT, Chakri road, Teh&amp;Distt Rawalpindi</t>
  </si>
  <si>
    <t>Misriot</t>
  </si>
  <si>
    <t>Mehwish Arif</t>
  </si>
  <si>
    <t>GPS MISSION</t>
  </si>
  <si>
    <t>Zahid colony Gujranwala</t>
  </si>
  <si>
    <t>Gps mission zahid colony gujranwala</t>
  </si>
  <si>
    <t>Sharif pura gujranwala</t>
  </si>
  <si>
    <t>Asim Mehmood Butt</t>
  </si>
  <si>
    <t>GPS MISSION 8/11-L</t>
  </si>
  <si>
    <t>mission 8/11L</t>
  </si>
  <si>
    <t>chak no 8/11-L</t>
  </si>
  <si>
    <t>8/11-L mission</t>
  </si>
  <si>
    <t>Farzana Wazir</t>
  </si>
  <si>
    <t>GPS MISSION BLOCK G</t>
  </si>
  <si>
    <t>GPS Mission G Block Arifwala</t>
  </si>
  <si>
    <t>Ward No 19</t>
  </si>
  <si>
    <t>Alif Ain Ullah Shah</t>
  </si>
  <si>
    <t>GPS MISSION GLOTIAN KHURD</t>
  </si>
  <si>
    <t>Christian abaadi Galotian Khurd Daska Sialkot</t>
  </si>
  <si>
    <t>GPS MISSION HARI PUR</t>
  </si>
  <si>
    <t>Haripur cantt  Sialkot</t>
  </si>
  <si>
    <t>GPS MISSION TALHARA</t>
  </si>
  <si>
    <t>Talhara the.daska dist.sialkot</t>
  </si>
  <si>
    <t>GPS MISSON KOT</t>
  </si>
  <si>
    <t>Basti misson kot muzah Mubarakpur tehsil Ahmedpur East District Bahawalpur</t>
  </si>
  <si>
    <t>Misson Kot</t>
  </si>
  <si>
    <t>GPS MITHA AKKOKA</t>
  </si>
  <si>
    <t>Mitha Akuka</t>
  </si>
  <si>
    <t>GPS MITHA ASSAR</t>
  </si>
  <si>
    <t>Mitha Assar</t>
  </si>
  <si>
    <t>p/o jallah jeem</t>
  </si>
  <si>
    <t>Wairsi Wahan</t>
  </si>
  <si>
    <t>Hafiz Abdulkhaliq</t>
  </si>
  <si>
    <t>GPS MITHA HUNJAN</t>
  </si>
  <si>
    <t>Mitha hunjan</t>
  </si>
  <si>
    <t>Moza Mitha hunjan</t>
  </si>
  <si>
    <t>Ludden</t>
  </si>
  <si>
    <t>GPS MITHA KHAN GHALL</t>
  </si>
  <si>
    <t>bhan mitha khan ghallu noorpurthal</t>
  </si>
  <si>
    <t>Bhan mitha khan  Ghallu</t>
  </si>
  <si>
    <t>Aurang Zeb</t>
  </si>
  <si>
    <t>GPS MITHA LAR</t>
  </si>
  <si>
    <t>Mitho Lar</t>
  </si>
  <si>
    <t>Moza mitho lar p/o ghouse pur tehsil ahmad pur east district bahawalpur</t>
  </si>
  <si>
    <t>GPS MITHA MERANI</t>
  </si>
  <si>
    <t>GPS Mitha Mirani</t>
  </si>
  <si>
    <t>M NAWAZ</t>
  </si>
  <si>
    <t>GPS MITHAN KOT NO. 1</t>
  </si>
  <si>
    <t>MC MITHAN KOT</t>
  </si>
  <si>
    <t>WARD NO.4 MITHAN KOT</t>
  </si>
  <si>
    <t>GPS MITHAN KOT NO. 3</t>
  </si>
  <si>
    <t>new abadi kot mithan</t>
  </si>
  <si>
    <t>Irfan Yousaf</t>
  </si>
  <si>
    <t>GPS MITHAN WALA</t>
  </si>
  <si>
    <t>Noorshah Talia Sharqi</t>
  </si>
  <si>
    <t>chah tappa mouza noorshah talia sharqi tehsil kot addu</t>
  </si>
  <si>
    <t>Chah Tappa</t>
  </si>
  <si>
    <t>GPS MITHAY WALI</t>
  </si>
  <si>
    <t>Mitheywali</t>
  </si>
  <si>
    <t>Gps mithewali tehseel taunsa sharif dist Dg khan</t>
  </si>
  <si>
    <t>Mithewali</t>
  </si>
  <si>
    <t>RAHMAT ULLAH</t>
  </si>
  <si>
    <t>GPS MITHOO WALA</t>
  </si>
  <si>
    <t>wardno 14 c kot addu</t>
  </si>
  <si>
    <t>Mohammad Tariq Saleem</t>
  </si>
  <si>
    <t>GPS MITHU KHAN WALA</t>
  </si>
  <si>
    <t>Janu Ghair Must</t>
  </si>
  <si>
    <t>chah mool wala janu ghair mustaqil union council no 4</t>
  </si>
  <si>
    <t>Chah Mool Wala</t>
  </si>
  <si>
    <t>GPS MITRAN WALI</t>
  </si>
  <si>
    <t>mitranwali Tehsil DASKA dist sialkot</t>
  </si>
  <si>
    <t>GPS MITRU TEH MAILSI</t>
  </si>
  <si>
    <t>Gps mitru tibba road mitru</t>
  </si>
  <si>
    <t>GPS MITTAR</t>
  </si>
  <si>
    <t>Mattar</t>
  </si>
  <si>
    <t>Oncha Kallan</t>
  </si>
  <si>
    <t>Munsaf Ali Raza</t>
  </si>
  <si>
    <t>GPS MITTI CHATAN</t>
  </si>
  <si>
    <t>Basti Mohabt wala Mouza Rukan pur</t>
  </si>
  <si>
    <t>Mitti Chatan</t>
  </si>
  <si>
    <t>GPS MIYANI</t>
  </si>
  <si>
    <t>VPO Miani tehsil kallar kahar district Chakwal</t>
  </si>
  <si>
    <t>Jamil-ur-Rehman</t>
  </si>
  <si>
    <t>GPS MOADDIB PERBHATI WALA</t>
  </si>
  <si>
    <t>Parbhati Wala</t>
  </si>
  <si>
    <t>parbhati Wala Tehsil Minchinabad  District Bahawal Nagar</t>
  </si>
  <si>
    <t>Iftikhar Ul Haq Shami</t>
  </si>
  <si>
    <t>GPS MOADIB BAHAR KHAKHI</t>
  </si>
  <si>
    <t>Govt Moadib P/S Bahar Khakhi</t>
  </si>
  <si>
    <t>Mouza Bahar Khakhi</t>
  </si>
  <si>
    <t>GPS MOADIB BAIT BHATTU</t>
  </si>
  <si>
    <t>BAIT  BHUTTO</t>
  </si>
  <si>
    <t>Bait Bhutto  P/O  Tranda MUHAMMAD  Panah  Teh : Liaquat Pur  Distt : R.Y.Khan</t>
  </si>
  <si>
    <t>Bait BHUTTO</t>
  </si>
  <si>
    <t>MOHAMMAD KASHIF  MALIK</t>
  </si>
  <si>
    <t>GPS MOADIB BASTI ARAIAN</t>
  </si>
  <si>
    <t>Chak No 10 N/p</t>
  </si>
  <si>
    <t>munciple town sadiq abad</t>
  </si>
  <si>
    <t>A</t>
  </si>
  <si>
    <t>MUHAMMAD KHALIL</t>
  </si>
  <si>
    <t>Drinking water cane purchased</t>
  </si>
  <si>
    <t>GPS MOADIB BASTI DAWNA</t>
  </si>
  <si>
    <t>Basti Dawna Mouza Bait Bhattar p/o Tranda Muhammad Panah Tehsil Liaquatpur pur Distt Rahim Yar Khan</t>
  </si>
  <si>
    <t>Basti Dawna</t>
  </si>
  <si>
    <t>GPS MOADIB BASTI HABIB ULLAH</t>
  </si>
  <si>
    <t>Mahmood Gharh</t>
  </si>
  <si>
    <t>Basti Habib Ullah P/O Sardargarh Teh/ Distt. Rahim Yar Khan</t>
  </si>
  <si>
    <t>Mianwali Shakhain</t>
  </si>
  <si>
    <t>GPS MOADIB BASTI SHEIKHAN</t>
  </si>
  <si>
    <t>basti sheikhan mouza noor wah</t>
  </si>
  <si>
    <t>GPS MOADIB CHAK NO.104/NP NAWAN KOT</t>
  </si>
  <si>
    <t>moza qazi tahir shaheed p/o nawankot khan pur ryk</t>
  </si>
  <si>
    <t>Chak 104 /np</t>
  </si>
  <si>
    <t>GPS MOADIB GAHANA LAR</t>
  </si>
  <si>
    <t>basti karam shah sb</t>
  </si>
  <si>
    <t>Basti Karam Shah</t>
  </si>
  <si>
    <t>Gehnalar</t>
  </si>
  <si>
    <t>GPS MOADIB GOVIND WALA</t>
  </si>
  <si>
    <t>Doda naich</t>
  </si>
  <si>
    <t>basti Aziz abad tehsil LQP DIss.RYK</t>
  </si>
  <si>
    <t>Amin abad</t>
  </si>
  <si>
    <t>Talat Noman</t>
  </si>
  <si>
    <t>GPS MOADIB HANIF ABAD</t>
  </si>
  <si>
    <t>Mud ilyas</t>
  </si>
  <si>
    <t>Hanifabad</t>
  </si>
  <si>
    <t>GPS MOADIB KADAR PUR</t>
  </si>
  <si>
    <t>Basti Kidar Pur, Tehsil Minchinabad, Distt. Bahawalnagar</t>
  </si>
  <si>
    <t>ALI MUHAMMAD</t>
  </si>
  <si>
    <t>GPS MOADIB LAR JEE MOULVIAN CHAK NO. 25 NP</t>
  </si>
  <si>
    <t>govt.p/s larjee moulvian</t>
  </si>
  <si>
    <t>Larjee Moulvian</t>
  </si>
  <si>
    <t>Dirgarha</t>
  </si>
  <si>
    <t>GPS MOADIB M. DIN LAR MOEEN ABAD</t>
  </si>
  <si>
    <t>Walid Buksh Sial</t>
  </si>
  <si>
    <t>mouza wahid buksh sial school M. din lar po jetha butha</t>
  </si>
  <si>
    <t>Basti M Din Lar</t>
  </si>
  <si>
    <t>GPS MOADIB MAHRAM MALLANA</t>
  </si>
  <si>
    <t>u.c Nawankot Basti mahram Maulana moza Mori trail Khan pur distt ryk</t>
  </si>
  <si>
    <t>Mahram Mallana</t>
  </si>
  <si>
    <t>Nawankot Kot</t>
  </si>
  <si>
    <t>Muhammad Amin Nasir</t>
  </si>
  <si>
    <t>GPS MOADIB MUD ILYAS</t>
  </si>
  <si>
    <t>GPS mud ilyas</t>
  </si>
  <si>
    <t>Mari Allah Bachya</t>
  </si>
  <si>
    <t>Muhammad Sajjad Atta</t>
  </si>
  <si>
    <t>GPS MOADIB MUD LAL</t>
  </si>
  <si>
    <t>Mud lal</t>
  </si>
  <si>
    <t>Basti mud lal</t>
  </si>
  <si>
    <t>Ahmad Ali lar</t>
  </si>
  <si>
    <t>syed Gulab Ali</t>
  </si>
  <si>
    <t>GPS MOADIB NIZAM WALA</t>
  </si>
  <si>
    <t>basti nizam wla mauza kotla nawab</t>
  </si>
  <si>
    <t>GPS MOADIB PARAN SHARIF</t>
  </si>
  <si>
    <t>Praran shrif</t>
  </si>
  <si>
    <t>praran shrif</t>
  </si>
  <si>
    <t>Muhammed Ahsan</t>
  </si>
  <si>
    <t>GPS MOADIB THAIR FAZIL</t>
  </si>
  <si>
    <t>Thair Posti</t>
  </si>
  <si>
    <t>Thair Posti P/o Kandani Tehsil Liaquat pur district Rahim yar khan</t>
  </si>
  <si>
    <t>GPS MOADIB WALHAR</t>
  </si>
  <si>
    <t>old walhar dakhna khas walhar</t>
  </si>
  <si>
    <t>Wlhar</t>
  </si>
  <si>
    <t>Bindoor Abassian</t>
  </si>
  <si>
    <t>Hafiz Ali Raza</t>
  </si>
  <si>
    <t>GPS MOCHI KERI</t>
  </si>
  <si>
    <t>Mochi Keri</t>
  </si>
  <si>
    <t>Govt Pry S.Mochi Keri</t>
  </si>
  <si>
    <t>Saddar Ayub</t>
  </si>
  <si>
    <t>GPS MOCHI PURA</t>
  </si>
  <si>
    <t>basti Mochi Pura tehsil Mailsi</t>
  </si>
  <si>
    <t>ZULIFQAR ALI</t>
  </si>
  <si>
    <t>GPS MOCHI WALA NO 4</t>
  </si>
  <si>
    <t>Maoza Ghous abad, Tehsil Kot Chutta, Distt DGKhan</t>
  </si>
  <si>
    <t>GPS MOCHI WALA NO. 2</t>
  </si>
  <si>
    <t>mauza hazara basti bishrat Pur tehsil kot chutta district dgkhan</t>
  </si>
  <si>
    <t>Busharat Pur</t>
  </si>
  <si>
    <t>GPS MOCHI WALA P/O OBAVARA SHUMALI</t>
  </si>
  <si>
    <t>GPS Mochi Wala p/o obavara shumali shujabad</t>
  </si>
  <si>
    <t>Muhammad Shahid Amin</t>
  </si>
  <si>
    <t>GPS MOCHIWAL</t>
  </si>
  <si>
    <t>Mochiwal tehsil shahpur</t>
  </si>
  <si>
    <t>MOCHIWAL</t>
  </si>
  <si>
    <t>GPS MOCHKI</t>
  </si>
  <si>
    <t>Chak12np</t>
  </si>
  <si>
    <t>basti mochki moza chak 12np uc m pur lamma tehsil sdk</t>
  </si>
  <si>
    <t>Basti Mochki</t>
  </si>
  <si>
    <t>M Pur Lamma</t>
  </si>
  <si>
    <t>Jamil Ur Rehman</t>
  </si>
  <si>
    <t>GPS MODEL  MUQADDAM SINGWALA</t>
  </si>
  <si>
    <t>Gujjarpura Mera</t>
  </si>
  <si>
    <t>mera gujjarpura village bahria town overcees B extension</t>
  </si>
  <si>
    <t>mera gujjarpura</t>
  </si>
  <si>
    <t>Mehwish Zahid</t>
  </si>
  <si>
    <t>GPS MODEL 11/8-R, KACHA KHUH</t>
  </si>
  <si>
    <t>11/8/r</t>
  </si>
  <si>
    <t>G.g.p.s 11/8/r</t>
  </si>
  <si>
    <t>11-8r</t>
  </si>
  <si>
    <t>11/a/8/r</t>
  </si>
  <si>
    <t>GPS MODEL 113/15-L, P/O 116/15-L, MIAN CHANNU</t>
  </si>
  <si>
    <t>113/15-L</t>
  </si>
  <si>
    <t>Chak No 113/15-L post Office 116/15-L</t>
  </si>
  <si>
    <t>Shakeela Niaz</t>
  </si>
  <si>
    <t>GPS MODEL 44/10-R , KHANEWAL</t>
  </si>
  <si>
    <t>44/10-R</t>
  </si>
  <si>
    <t>Benish Saleem</t>
  </si>
  <si>
    <t>GPS MODEL 48/15-L, MIAN CHANNU</t>
  </si>
  <si>
    <t>48/15-L</t>
  </si>
  <si>
    <t>chak no 48/15L</t>
  </si>
  <si>
    <t>Nasreen Abdulhaq</t>
  </si>
  <si>
    <t>GPS MODEL 5/AH, KHANEWAL</t>
  </si>
  <si>
    <t>5/ah</t>
  </si>
  <si>
    <t>chak no 5/ah khanewal</t>
  </si>
  <si>
    <t>Mariam Habib</t>
  </si>
  <si>
    <t>GPS MODEL 5/D DARKHANA, ABDUL HAKIM</t>
  </si>
  <si>
    <t>5d</t>
  </si>
  <si>
    <t>GPS MODEL 561 EB</t>
  </si>
  <si>
    <t>561/Eb</t>
  </si>
  <si>
    <t>chak no 561/eb vehari</t>
  </si>
  <si>
    <t>561/Eb Vehari</t>
  </si>
  <si>
    <t>GPS MODEL 64/10-R, KHANEWAL</t>
  </si>
  <si>
    <t>64/10R</t>
  </si>
  <si>
    <t>64/10-r</t>
  </si>
  <si>
    <t>43/10-r</t>
  </si>
  <si>
    <t>Nayab Zahra</t>
  </si>
  <si>
    <t>GPS MODEL 72/10-R, DHORIYAN WALI, KHANEWAL</t>
  </si>
  <si>
    <t>72/10r basti dodhorian</t>
  </si>
  <si>
    <t>72/10R</t>
  </si>
  <si>
    <t>GPS MODEL 91-A/10-R, KHANEWAL</t>
  </si>
  <si>
    <t>91-A/10R</t>
  </si>
  <si>
    <t>GPS MODEL ALI ASHAB</t>
  </si>
  <si>
    <t>Govt Model primary school Ali Ashab Musafir Khana</t>
  </si>
  <si>
    <t>Ali Ashab</t>
  </si>
  <si>
    <t>GPS MODEL AMIR PUR JHUGGIAN</t>
  </si>
  <si>
    <t>Ameer Pur Jhuggian</t>
  </si>
  <si>
    <t>Bhobhtian</t>
  </si>
  <si>
    <t>KOUSAR AMMAD MALIK</t>
  </si>
  <si>
    <t>GPS MODEL ANWAR ABAD</t>
  </si>
  <si>
    <t>Anwer Abad</t>
  </si>
  <si>
    <t>gmps anwer abad near bahawal wah pol moza anwer abad uc mud peer wah ahmad pur east</t>
  </si>
  <si>
    <t>GPS MODEL AWAMI COLONY BAHAWALPUR</t>
  </si>
  <si>
    <t>GMPS awami Colony bahawalpur</t>
  </si>
  <si>
    <t>Bwp City-9</t>
  </si>
  <si>
    <t>GPS Model BALLO KHEL</t>
  </si>
  <si>
    <t>GPS ballo khel mianwali</t>
  </si>
  <si>
    <t>GPS MODEL BASTI BAGHBAN</t>
  </si>
  <si>
    <t>Maril</t>
  </si>
  <si>
    <t>Basti number dar moza maril bahawalpur</t>
  </si>
  <si>
    <t>Basti number dar</t>
  </si>
  <si>
    <t>Jindoo Misson</t>
  </si>
  <si>
    <t>Rubina Gulshan</t>
  </si>
  <si>
    <t>GPS MODEL BASTI GULANI</t>
  </si>
  <si>
    <t>GMPS basti gullani</t>
  </si>
  <si>
    <t>GPS MODEL BASTI HORIAN</t>
  </si>
  <si>
    <t>basti horrian</t>
  </si>
  <si>
    <t>Basti Horrian</t>
  </si>
  <si>
    <t>GPS MODEL BASTI LARAN</t>
  </si>
  <si>
    <t>GPS Model Basti Laran Hatheji</t>
  </si>
  <si>
    <t>Iqra Jafer</t>
  </si>
  <si>
    <t>GPS MODEL BEGHA MAL</t>
  </si>
  <si>
    <t>Sui Wehar</t>
  </si>
  <si>
    <t>moza sui wehar, p/o musafir khana</t>
  </si>
  <si>
    <t>Begha Mall</t>
  </si>
  <si>
    <t>Naima Hameed</t>
  </si>
  <si>
    <t>GPS MODEL BHALOTE</t>
  </si>
  <si>
    <t>village Bhalote p o jand mehlu</t>
  </si>
  <si>
    <t>Bhalote</t>
  </si>
  <si>
    <t>GPS MODEL BHATTIAN</t>
  </si>
  <si>
    <t>bhattian</t>
  </si>
  <si>
    <t>GPS MODEL BODI SHAH KABIRWALA</t>
  </si>
  <si>
    <t>GMPS Bodi shah Mouza Noor pur</t>
  </si>
  <si>
    <t>Bodi Shah</t>
  </si>
  <si>
    <t>Asifa Anjum</t>
  </si>
  <si>
    <t>GPS MODEL CHAHRAIN ARRIAN</t>
  </si>
  <si>
    <t>Chahrain Arain</t>
  </si>
  <si>
    <t>village Chahrain arain teh GUJAR KHAN district rwp</t>
  </si>
  <si>
    <t>Fouzia Saleem</t>
  </si>
  <si>
    <t>GPS MODEL CHAK NO 367 TDA</t>
  </si>
  <si>
    <t>367 T</t>
  </si>
  <si>
    <t>367 t tehsil chobara dist layyah</t>
  </si>
  <si>
    <t>Ariba Niazi</t>
  </si>
  <si>
    <t>GPS MODEL CHAK NO 440 TDA</t>
  </si>
  <si>
    <t>Chak No 440 TDA</t>
  </si>
  <si>
    <t>chak no#440  tda   teh   choubara distt  layyah</t>
  </si>
  <si>
    <t>GPS MODEL CHAK NO. 4 MB</t>
  </si>
  <si>
    <t>1 Mb</t>
  </si>
  <si>
    <t>government   primary  school  model chak  no 4 mb mianwali</t>
  </si>
  <si>
    <t>Chak No 4 Mb</t>
  </si>
  <si>
    <t>GPS MODEL CHAK NO.14/BC</t>
  </si>
  <si>
    <t>Chak No 14/bc</t>
  </si>
  <si>
    <t>chak no 14/bc</t>
  </si>
  <si>
    <t>Chak No 24/bc</t>
  </si>
  <si>
    <t>GPS MODEL CHAK NO.28/BC BAHAWALPUR</t>
  </si>
  <si>
    <t>28bc</t>
  </si>
  <si>
    <t>GPS MODEL CHAK NO.3/DNB OLD</t>
  </si>
  <si>
    <t>3dnb</t>
  </si>
  <si>
    <t>3 dnb</t>
  </si>
  <si>
    <t>3 Dnb</t>
  </si>
  <si>
    <t>6dnb</t>
  </si>
  <si>
    <t>SHAZIA TALAT</t>
  </si>
  <si>
    <t>GPS MODEL CHAK NO.30/BC (W)</t>
  </si>
  <si>
    <t>30 BC</t>
  </si>
  <si>
    <t>Chak # 30 b.c (w) dera bakha bahawalpur</t>
  </si>
  <si>
    <t>4 BC</t>
  </si>
  <si>
    <t>GPS MODEL CHAK NO.33/DNB</t>
  </si>
  <si>
    <t>Chak No 33/dnb</t>
  </si>
  <si>
    <t>chak no 33/dnb tez yazman dis BWP</t>
  </si>
  <si>
    <t>Chak No 35/dnb</t>
  </si>
  <si>
    <t>GPS MODEL CHAK NO.43/DB (E)</t>
  </si>
  <si>
    <t>post office 42/db chack no 43/db east tehsil yazman dist bwp</t>
  </si>
  <si>
    <t>43/db  east</t>
  </si>
  <si>
    <t>44/dB</t>
  </si>
  <si>
    <t>GPS MODEL CHAK NO.7/BC</t>
  </si>
  <si>
    <t>Chak 7bc</t>
  </si>
  <si>
    <t>chak 7bc bahawalpur sadar</t>
  </si>
  <si>
    <t>Hafiza Bakhtawar</t>
  </si>
  <si>
    <t>GPS MODEL CHAK RAM WALA</t>
  </si>
  <si>
    <t>CHAK RAM K</t>
  </si>
  <si>
    <t>CHAH RAM WALA</t>
  </si>
  <si>
    <t>SULTAN K</t>
  </si>
  <si>
    <t>MADEEHA NIDA</t>
  </si>
  <si>
    <t>GPS MODEL CHAKRI WAKIALAN</t>
  </si>
  <si>
    <t>Chakri Wakilan</t>
  </si>
  <si>
    <t>vpo chakri wakilan</t>
  </si>
  <si>
    <t>Sabina Parveen</t>
  </si>
  <si>
    <t>GPS MODEL DERA SYEDAN</t>
  </si>
  <si>
    <t>Village and p/o Dara syedan theh g khan district rwp gmps Dara syedan</t>
  </si>
  <si>
    <t>Dara Syedan</t>
  </si>
  <si>
    <t>Shang</t>
  </si>
  <si>
    <t>Sadia Qaddus</t>
  </si>
  <si>
    <t>GPS MODEL DHOK BADHAL</t>
  </si>
  <si>
    <t>dhoke budhal</t>
  </si>
  <si>
    <t>Nirali</t>
  </si>
  <si>
    <t>Soveba Farooq</t>
  </si>
  <si>
    <t>GPS MODEL DHOK SAWAIN</t>
  </si>
  <si>
    <t>dhok sawain Tehsil &amp; District Attock</t>
  </si>
  <si>
    <t>Dhok Sawain</t>
  </si>
  <si>
    <t>Mohammad Tahir Gulzar</t>
  </si>
  <si>
    <t>GPS MODEL DHOK SHAMS</t>
  </si>
  <si>
    <t>Dhoke Shamas</t>
  </si>
  <si>
    <t>village dhoke shamas p0stoffic kanyal bajrana</t>
  </si>
  <si>
    <t>Bushra Rehma</t>
  </si>
  <si>
    <t>GPS MODEL DHOPSARI LAHORE</t>
  </si>
  <si>
    <t>DHOPSARI</t>
  </si>
  <si>
    <t>Nai Abadi Sultankay Dhopsari</t>
  </si>
  <si>
    <t>Rumaisa Noreen</t>
  </si>
  <si>
    <t>GPS MODEL DOKOLY</t>
  </si>
  <si>
    <t>Dokohli</t>
  </si>
  <si>
    <t>Dokohli  p/o Missa kaswal teh gujar khan distt rawalpindi</t>
  </si>
  <si>
    <t>Ummal Banseen</t>
  </si>
  <si>
    <t>GPS MODEL FORT ABBAS</t>
  </si>
  <si>
    <t>near grane markete Fort Abbas</t>
  </si>
  <si>
    <t>MC I</t>
  </si>
  <si>
    <t>MUHAMMAD Iftikhar Ahmad</t>
  </si>
  <si>
    <t>GPS MODEL GARMALA</t>
  </si>
  <si>
    <t>vpo garmala</t>
  </si>
  <si>
    <t>Kaniyat Khalil</t>
  </si>
  <si>
    <t>Fakhera Bibi</t>
  </si>
  <si>
    <t>GPS MODEL GHURKI</t>
  </si>
  <si>
    <t>village ghurki lahore</t>
  </si>
  <si>
    <t>rabia qamar</t>
  </si>
  <si>
    <t>GPS MODEL HERDO JHAGI</t>
  </si>
  <si>
    <t>Her-do-jaggi</t>
  </si>
  <si>
    <t>village her-do-jaggi,p/o kaliam awan,tehsil/Gujar Khan,District/RWP</t>
  </si>
  <si>
    <t>Maria Safdar</t>
  </si>
  <si>
    <t>GPS Model Hosang</t>
  </si>
  <si>
    <t>Hosang</t>
  </si>
  <si>
    <t>village hosang p\o Qutbal Teh Gujarkhan distt Rawalpindi</t>
  </si>
  <si>
    <t>HANIFA BIBI</t>
  </si>
  <si>
    <t>GPS MODEL HYDERABAD</t>
  </si>
  <si>
    <t>village hyderabad</t>
  </si>
  <si>
    <t>Azmeer Town</t>
  </si>
  <si>
    <t>Saadia Anwer</t>
  </si>
  <si>
    <t>GPS MODEL KALA GUJRAN</t>
  </si>
  <si>
    <t>KalaGujran</t>
  </si>
  <si>
    <t>vill Kala Gujran pot office Ck beli Teh. Gujar Khan distt. Rawalpindi</t>
  </si>
  <si>
    <t>Sidra Tul Husnain</t>
  </si>
  <si>
    <t>GPS MODEL KAMAL PUR MAYAN</t>
  </si>
  <si>
    <t>Kamal Pur Maiyan</t>
  </si>
  <si>
    <t>kamal pur maiyan</t>
  </si>
  <si>
    <t>ambreenshah</t>
  </si>
  <si>
    <t>GPS MODEL KASRAN</t>
  </si>
  <si>
    <t>Kasran</t>
  </si>
  <si>
    <t>kasran</t>
  </si>
  <si>
    <t>Asma Mumtaz</t>
  </si>
  <si>
    <t>GPS MODEL KHARALI JATTAN</t>
  </si>
  <si>
    <t>KHARALI JATTAN</t>
  </si>
  <si>
    <t>VILL KHARALI JATTAN PO KAUNTRILA</t>
  </si>
  <si>
    <t>SAIRA BIBI</t>
  </si>
  <si>
    <t>GPS MODEL KHARALI KHINGAR</t>
  </si>
  <si>
    <t>KHARALI KHINGER</t>
  </si>
  <si>
    <t>GMPS KHARALI KHINGER</t>
  </si>
  <si>
    <t>SAIQA NOREEN</t>
  </si>
  <si>
    <t>GPS MODEL KHINGER MAMDHAL</t>
  </si>
  <si>
    <t>Khinger Mamdal</t>
  </si>
  <si>
    <t>village and p/o khinger mamdal kalan Teh Gujarkhan Distt Rawalpindi</t>
  </si>
  <si>
    <t>Khinger Mamdal Kalan</t>
  </si>
  <si>
    <t>Yasmeen Arshad</t>
  </si>
  <si>
    <t>GPS MODEL KHOOH SABIR KHAN</t>
  </si>
  <si>
    <t>Tibba Meani</t>
  </si>
  <si>
    <t>GMPS KHU SABIR KHAN MOZA TIBBA MEANI</t>
  </si>
  <si>
    <t>GPS MODEL KNATT LEHDU</t>
  </si>
  <si>
    <t>Kanyat Ladhu</t>
  </si>
  <si>
    <t>vilg Kanyat ladhu p/o Kanyat Khalil tehsil gujar khan distt Rawalpindi</t>
  </si>
  <si>
    <t>Noshaba Jamil</t>
  </si>
  <si>
    <t>GPS MODEL KOREY WALA, KABIRWALA</t>
  </si>
  <si>
    <t>chah shareen wals mouza koreywala</t>
  </si>
  <si>
    <t>Koat Bahadar</t>
  </si>
  <si>
    <t>Fauzia Parveen</t>
  </si>
  <si>
    <t>GPS MODEL KOT MAGHRAB</t>
  </si>
  <si>
    <t>Koot Maghrib</t>
  </si>
  <si>
    <t>koot maghrib</t>
  </si>
  <si>
    <t>GPS MODEL KOTLA REHMAT SHAH</t>
  </si>
  <si>
    <t>Mouza Kotla Rehmat shah</t>
  </si>
  <si>
    <t>Uch Bokhari</t>
  </si>
  <si>
    <t>Alia Rani</t>
  </si>
  <si>
    <t>GPS MODEL LALA DERA</t>
  </si>
  <si>
    <t>lala dera</t>
  </si>
  <si>
    <t>Lala Dera</t>
  </si>
  <si>
    <t>GPS MODEL MALLAHI TOLA</t>
  </si>
  <si>
    <t>Malahi Tola</t>
  </si>
  <si>
    <t>malahi Tola Hazro attock</t>
  </si>
  <si>
    <t>GPS MODEL MANDHAL</t>
  </si>
  <si>
    <t>Gulam Muhammad Channer</t>
  </si>
  <si>
    <t>basti. mandhal</t>
  </si>
  <si>
    <t>Jamal Chaner</t>
  </si>
  <si>
    <t>GPS MODEL MARI ELACHI KHAN BAHAWALPUR</t>
  </si>
  <si>
    <t>marri ellaichi</t>
  </si>
  <si>
    <t>Marri Ellaichi</t>
  </si>
  <si>
    <t>City 5</t>
  </si>
  <si>
    <t>Nuzhat  Kanwal</t>
  </si>
  <si>
    <t>GPS MODEL MASOOD MODEL FARM NAHAR WALI</t>
  </si>
  <si>
    <t>Naharwali</t>
  </si>
  <si>
    <t>gmps masood model farm bste chah feroz walla mouza naharwalli samma satta</t>
  </si>
  <si>
    <t>Chah Feroz Walla</t>
  </si>
  <si>
    <t>Jalalabaad</t>
  </si>
  <si>
    <t>GPS MODEL MEHLOO</t>
  </si>
  <si>
    <t>gmps mehloo</t>
  </si>
  <si>
    <t>Najma  Bibi</t>
  </si>
  <si>
    <t>GPS MODEL MOHRI BARSAL</t>
  </si>
  <si>
    <t>Mohri Barsal</t>
  </si>
  <si>
    <t>v&amp;p mohri barsal</t>
  </si>
  <si>
    <t>Sumera Aslam</t>
  </si>
  <si>
    <t>GPS MODEL MORA BIJJINAL</t>
  </si>
  <si>
    <t>GMPS MORHA BAJINIAL</t>
  </si>
  <si>
    <t>Morha Bajnial</t>
  </si>
  <si>
    <t>GPS MODEL NABI PUR, KABIRWALA</t>
  </si>
  <si>
    <t>nabipur</t>
  </si>
  <si>
    <t>basti nabipur moza nabipur kabirwala</t>
  </si>
  <si>
    <t>Zoya Sadiq</t>
  </si>
  <si>
    <t>GPS MODEL NALLA MALKAN</t>
  </si>
  <si>
    <t>Village Nalla Malkan p. O dara kial Tehsil Gujar Khan District Rawalpindi</t>
  </si>
  <si>
    <t>Nalla Malkan</t>
  </si>
  <si>
    <t>Aneela Saghir</t>
  </si>
  <si>
    <t>GPS MODEL NIZAM PUR</t>
  </si>
  <si>
    <t>bisti nizampur</t>
  </si>
  <si>
    <t>Sumera Hashmat</t>
  </si>
  <si>
    <t>GPS MODEL NO. 1 LODHRAN WAR NO. 9</t>
  </si>
  <si>
    <t>THADA THAHEEM</t>
  </si>
  <si>
    <t>WARD NO.9 LIAQATABAD COLONY LODHRAN</t>
  </si>
  <si>
    <t>GANGAY WALA</t>
  </si>
  <si>
    <t>Rao Muhammad Wakeel Ahmad</t>
  </si>
  <si>
    <t>GPS MODEL NOWSHERA ROAD GUJRANWALA</t>
  </si>
  <si>
    <t>gmps nowshera road gujranwala</t>
  </si>
  <si>
    <t>GPS MODEL PARI FEROZAL</t>
  </si>
  <si>
    <t>Pari Ferozal</t>
  </si>
  <si>
    <t>Villg:Pari Ferozal</t>
  </si>
  <si>
    <t>Tanzeela muhbeen</t>
  </si>
  <si>
    <t>GPS MODEL PEROWAL, KHANEWAL</t>
  </si>
  <si>
    <t>Perowal</t>
  </si>
  <si>
    <t>Jinnah colony perowal</t>
  </si>
  <si>
    <t>14/9R</t>
  </si>
  <si>
    <t>farzana Rafiq</t>
  </si>
  <si>
    <t>GPS MODEL PORIAN WALA</t>
  </si>
  <si>
    <t>porianwala</t>
  </si>
  <si>
    <t>Porianwala</t>
  </si>
  <si>
    <t>GPS MODEL PUNJ GARAN KALAN</t>
  </si>
  <si>
    <t>Village and Po punjgran kalan tehsil gk district rwp</t>
  </si>
  <si>
    <t>Sadia Rizwan Baig</t>
  </si>
  <si>
    <t>GPS MODEL RAIB</t>
  </si>
  <si>
    <t>Raib</t>
  </si>
  <si>
    <t>village raib T \ D Narowal</t>
  </si>
  <si>
    <t>GPS MODEL RAKH JODHO DHEER</t>
  </si>
  <si>
    <t>govt model p/s rakh Jodhu Dheer</t>
  </si>
  <si>
    <t>Rakh Jodhu Dheer</t>
  </si>
  <si>
    <t>GPS MODEL RANG PUR BASTI ATTA MUHAMMAD</t>
  </si>
  <si>
    <t>Basti Atta Muhammad Moza Rangpur</t>
  </si>
  <si>
    <t>TASLEEM KAUSER</t>
  </si>
  <si>
    <t>GPS MODEL SHAH MEHMOOD</t>
  </si>
  <si>
    <t>Habib Mision</t>
  </si>
  <si>
    <t>GMP/S Shah Mehmood pur Moza Habib Mision.</t>
  </si>
  <si>
    <t>zahida anjum</t>
  </si>
  <si>
    <t>GPS MODEL SHER GARH, KABIRWALA</t>
  </si>
  <si>
    <t>Basti magasian sher garh</t>
  </si>
  <si>
    <t>Basti Magasian</t>
  </si>
  <si>
    <t>Maria Chaman</t>
  </si>
  <si>
    <t>GPS MODEL TAJIK RANGOO</t>
  </si>
  <si>
    <t>rangoo tajak</t>
  </si>
  <si>
    <t>Rangoo Tajak</t>
  </si>
  <si>
    <t>Zaitoon Begum</t>
  </si>
  <si>
    <t>GPS MODEL THATHA KHURD NO 1</t>
  </si>
  <si>
    <t>Thatta Khurd No. 1</t>
  </si>
  <si>
    <t>Thatta Khurd No1</t>
  </si>
  <si>
    <t>GPS MODEL TOWN-B BAHAWALPUR</t>
  </si>
  <si>
    <t>BANGAN</t>
  </si>
  <si>
    <t>34 i-a, ONE UNIT STAFF COLONY BAHAWALPUR</t>
  </si>
  <si>
    <t>ONE UNIT STAFF COLONY</t>
  </si>
  <si>
    <t>MUHAMMAD JAHANGEER FAIZ KHAN</t>
  </si>
  <si>
    <t>GPS MODEL WAHI QADIR DINA</t>
  </si>
  <si>
    <t>Muhabat pur basti</t>
  </si>
  <si>
    <t>Muhabat Pur</t>
  </si>
  <si>
    <t>Nighat Hameed Qureshi</t>
  </si>
  <si>
    <t>GPS MODLE CHAH GHULAM RASOOL ARAIN</t>
  </si>
  <si>
    <t>M Bux Mahar</t>
  </si>
  <si>
    <t>basti chah ghulam rasool arain APE</t>
  </si>
  <si>
    <t>Basti Chah Ghulam Rasool Arain</t>
  </si>
  <si>
    <t>Muncipal Commitee</t>
  </si>
  <si>
    <t>GPS MOEEN ABAD</t>
  </si>
  <si>
    <t>Jhanbran</t>
  </si>
  <si>
    <t>gps moeen abad jhabbran mandi skp</t>
  </si>
  <si>
    <t>GPS MOGA BASTI</t>
  </si>
  <si>
    <t>chak moga, mouza kamal muhammad, P.O. dounga bounga, tehsil &amp; district bahawalnagar.</t>
  </si>
  <si>
    <t>Moga Basti</t>
  </si>
  <si>
    <t>GPS MOGA DAIM</t>
  </si>
  <si>
    <t>Moga daim</t>
  </si>
  <si>
    <t>moga daim post office sukheke mandi tehsil pindibhattian district Hafezabad</t>
  </si>
  <si>
    <t>GPS MOGHA AMEEN</t>
  </si>
  <si>
    <t>tatha ali</t>
  </si>
  <si>
    <t>Mogha Amin</t>
  </si>
  <si>
    <t>Gujiana Naou</t>
  </si>
  <si>
    <t>MUHAMMAD Nawaz</t>
  </si>
  <si>
    <t>GPS MOH. GOHAR KHEL</t>
  </si>
  <si>
    <t>GPS mohla gohar khel Abba khel tehsil and district mianwali</t>
  </si>
  <si>
    <t>GPS MOH. ISLAM ABAD</t>
  </si>
  <si>
    <t>mohalaislamabad wanbhachran</t>
  </si>
  <si>
    <t>Mohalaislamabad</t>
  </si>
  <si>
    <t>GPS MOH. MIANA</t>
  </si>
  <si>
    <t>mohallah malik hakim khan</t>
  </si>
  <si>
    <t>GPS MOHABAT KHEL</t>
  </si>
  <si>
    <t>vill mohabbat khel ,p/o tola mangali, teh isa khel, distt mianwali</t>
  </si>
  <si>
    <t>Mohabbat Khel</t>
  </si>
  <si>
    <t>Yasir Arafat</t>
  </si>
  <si>
    <t>GPS MOHABAT PURA</t>
  </si>
  <si>
    <t>village &amp;post office Khai Tehsil kallar kahar Dist chakwal</t>
  </si>
  <si>
    <t>Mohabat Pura</t>
  </si>
  <si>
    <t>local help</t>
  </si>
  <si>
    <t>GPS MOHABBAT WALA</t>
  </si>
  <si>
    <t>mohabbat wala</t>
  </si>
  <si>
    <t>MOHABBAT WALA</t>
  </si>
  <si>
    <t>FATTA THATHA</t>
  </si>
  <si>
    <t>GPS MOHALA MUZAFFAR ABAD</t>
  </si>
  <si>
    <t>Muzaffar Abad</t>
  </si>
  <si>
    <t>Mohalla Muzaffar  Abad</t>
  </si>
  <si>
    <t>Muhammad Aziz UrRehman</t>
  </si>
  <si>
    <t>GPS MOHALAH HAJI NIAZ MUHAMMAD</t>
  </si>
  <si>
    <t>moh islam pura p/o jandanwala teh kalur kot dis bhakkar</t>
  </si>
  <si>
    <t>Anisurehman</t>
  </si>
  <si>
    <t>GPS MOHALAN WALI</t>
  </si>
  <si>
    <t>Basti Mohlan Wali  Moza Nathey Wala P/O Noor Sar Tahsil and District  Bahawal Nagar</t>
  </si>
  <si>
    <t>Basti Mohlan Wali</t>
  </si>
  <si>
    <t>Muhammad Mahmood</t>
  </si>
  <si>
    <t>GPS MOHALLA BAHAR SHAH</t>
  </si>
  <si>
    <t>Mohallah Bahar Shah</t>
  </si>
  <si>
    <t>gps bahar shah</t>
  </si>
  <si>
    <t>Bahar shah</t>
  </si>
  <si>
    <t>Jhangir Hussain</t>
  </si>
  <si>
    <t>GPS MOHALLA DAILY SHARQI</t>
  </si>
  <si>
    <t>mahla daily sharqi p/o daily namdar tehsil kallur kot district bhakkar</t>
  </si>
  <si>
    <t>Abdul Hakeem Khan</t>
  </si>
  <si>
    <t>GPS MOHALLA DHANDLA</t>
  </si>
  <si>
    <t>GPS Mohallah Dhandlha Bhakkar</t>
  </si>
  <si>
    <t>Javaid iqbal</t>
  </si>
  <si>
    <t>GPS MOHALLA FATANI</t>
  </si>
  <si>
    <t>MUBARAKPUR</t>
  </si>
  <si>
    <t>Bastia rawanii mubarakpur</t>
  </si>
  <si>
    <t>BASTIA RAWANI</t>
  </si>
  <si>
    <t>Syeda Iqra Batool</t>
  </si>
  <si>
    <t>GPS MOHALLA GOLAY KHAIL</t>
  </si>
  <si>
    <t>P/o Rangpur baghoor tehsil noorpur district khushab</t>
  </si>
  <si>
    <t>GPS MOHALLA HAJI MUHAMMAD SHER BILAND</t>
  </si>
  <si>
    <t>Gps moh.haji m.sher Biland Tehsil noorpur thal district khushab</t>
  </si>
  <si>
    <t>GPS MOHALLA KALERA BAMBOOL</t>
  </si>
  <si>
    <t>Mohalla Kalera Bambool</t>
  </si>
  <si>
    <t>Jamali Blochan</t>
  </si>
  <si>
    <t>MUHAMMAD FEROZ</t>
  </si>
  <si>
    <t>GPS MOHALLA MALKAN WALA</t>
  </si>
  <si>
    <t>Mohallah Malkan Wala Bhakkar</t>
  </si>
  <si>
    <t>Mohallah Malkan Wala</t>
  </si>
  <si>
    <t>GPS MOHALLA MOMAN ABAD</t>
  </si>
  <si>
    <t>momna abad rajkot</t>
  </si>
  <si>
    <t>Jamshaid Abdul Razzaq</t>
  </si>
  <si>
    <t>GPS MOHALLA NOOR SHAH</t>
  </si>
  <si>
    <t>scheme no 3 mohallah noor shah kot abdul malik</t>
  </si>
  <si>
    <t>Mohallah Noor Shah</t>
  </si>
  <si>
    <t>amjid hussain</t>
  </si>
  <si>
    <t>GPS MOHALLA RANN</t>
  </si>
  <si>
    <t>Mohala rawn dullewala</t>
  </si>
  <si>
    <t>Mc Dullewala</t>
  </si>
  <si>
    <t>Azizullah</t>
  </si>
  <si>
    <t>GPS MOHALLA SHARIF PURA</t>
  </si>
  <si>
    <t>Mohallh Sharifpura Arifwala</t>
  </si>
  <si>
    <t>Ward No 30</t>
  </si>
  <si>
    <t>Rana Nasir Mehmood</t>
  </si>
  <si>
    <t>GPS MOHALLA TIBBA JANUBI</t>
  </si>
  <si>
    <t>Govt. P/S Tibba Janubi</t>
  </si>
  <si>
    <t>GPS MOHALLAH ALLAH ABAD</t>
  </si>
  <si>
    <t>Mohallah alla Abad jand</t>
  </si>
  <si>
    <t>FOZIA SHAHEEN</t>
  </si>
  <si>
    <t>GPS MOHALLAH ISLAM ABAD</t>
  </si>
  <si>
    <t>mohalla islamabad lakhodair  lahore</t>
  </si>
  <si>
    <t>GPS MOHALLAH QURESHAN USMAN ABAD</t>
  </si>
  <si>
    <t>Usmanabad,Mughalpura, Lahore.</t>
  </si>
  <si>
    <t>Dars Chotay Mian</t>
  </si>
  <si>
    <t>GPS MOHALLAH ZAMAN KHAIL</t>
  </si>
  <si>
    <t>VPO Adhi Sargal Tehsail Noor Pur Thal District Khushab</t>
  </si>
  <si>
    <t>GPS MOHAMMAD SHARIF WALI</t>
  </si>
  <si>
    <t>PO Mohammed Sharif wali Tehsil and District Mianwali</t>
  </si>
  <si>
    <t>Mohammed Sharif Wali</t>
  </si>
  <si>
    <t>Shoaib Hussain Shah</t>
  </si>
  <si>
    <t>GPS MOHAMMAD YAR WALA</t>
  </si>
  <si>
    <t>govt primary school muhammad yar wala tehsil mankera district bhakkar</t>
  </si>
  <si>
    <t>muhammad yar wala</t>
  </si>
  <si>
    <t>GPS MOHAN PUR BHATTIAN</t>
  </si>
  <si>
    <t>Mohan Pur Bhattian</t>
  </si>
  <si>
    <t>p/o chakk ramdass neo teh.kamonki,distt Gujranwala,Mohan Pur Bhattian</t>
  </si>
  <si>
    <t>Chakkramdass Neo</t>
  </si>
  <si>
    <t>Abdulaziz</t>
  </si>
  <si>
    <t>GPS MOHANDA</t>
  </si>
  <si>
    <t>Mohanda</t>
  </si>
  <si>
    <t>Village Mohanda tehsil Taunsa DG khan</t>
  </si>
  <si>
    <t>GPS MOHANT DARSHAIN</t>
  </si>
  <si>
    <t>mahantdarshan p/o kalyana pakpattan</t>
  </si>
  <si>
    <t>Sadid Ahmad Mohal</t>
  </si>
  <si>
    <t>GPS MOHAR SHARIF</t>
  </si>
  <si>
    <t>P.O Mohar Sharif, Chishtian</t>
  </si>
  <si>
    <t>GPS MOHARAN WALA</t>
  </si>
  <si>
    <t>ahamad khan wala</t>
  </si>
  <si>
    <t>Mohranwala</t>
  </si>
  <si>
    <t>Shahbazk Khail</t>
  </si>
  <si>
    <t>Abdul Hameed Khan</t>
  </si>
  <si>
    <t>GPS MOHARI WALA NORTH</t>
  </si>
  <si>
    <t>mohari Wala north</t>
  </si>
  <si>
    <t>Mohair Wala North</t>
  </si>
  <si>
    <t>GPS MOHI CHOOR</t>
  </si>
  <si>
    <t>CHOR</t>
  </si>
  <si>
    <t>GPS MOHI CHOR</t>
  </si>
  <si>
    <t>MOHI CHOR</t>
  </si>
  <si>
    <t>Muhammad Javid Iqbal</t>
  </si>
  <si>
    <t>GPS MOHIB ALI</t>
  </si>
  <si>
    <t>Kishen garh</t>
  </si>
  <si>
    <t>Ali Raza Ahmad</t>
  </si>
  <si>
    <t>GPS MOHIB FAQIR</t>
  </si>
  <si>
    <t>Mail Manjeeth</t>
  </si>
  <si>
    <t>Darbar Mohib Faqir Muza Mail Manjeeth P/O Khair pur sadat Tehsil Ali pur District Muzaffar Garh</t>
  </si>
  <si>
    <t>GPS MOHIB LISKANI</t>
  </si>
  <si>
    <t>Mohib laskani</t>
  </si>
  <si>
    <t>GPS mohib laskani P/O jakhar imam shah tehsil kot chhutta district D G Khaan</t>
  </si>
  <si>
    <t>mohib laskani</t>
  </si>
  <si>
    <t>Haji kamand</t>
  </si>
  <si>
    <t>GPS MOHIB PUR DHAKWAN (RE-DESIGNATED AS MALE)</t>
  </si>
  <si>
    <t>Mohib Pur Dhakwan</t>
  </si>
  <si>
    <t>Dhakwan Wala</t>
  </si>
  <si>
    <t>Imran Hydar</t>
  </si>
  <si>
    <t>GPS MOHKAM ABAD</t>
  </si>
  <si>
    <t>vpo Gojra dera Mohkamabad Tehsil malikwal District mandbahauddin</t>
  </si>
  <si>
    <t>Taqi Husnan</t>
  </si>
  <si>
    <t>GPS MOHKAY WALA</t>
  </si>
  <si>
    <t>MOHKAY WALA</t>
  </si>
  <si>
    <t>MOHKAY WALA MARKAZ USMAN WALA TEH AND DISTT KASUR</t>
  </si>
  <si>
    <t>RAJOWAL Nao</t>
  </si>
  <si>
    <t>GPS MOHLA KHURD</t>
  </si>
  <si>
    <t>Mohla Khurad</t>
  </si>
  <si>
    <t>village mohla khurd post office mohla klan District and tehsil gujrat</t>
  </si>
  <si>
    <t>Mohla khurad</t>
  </si>
  <si>
    <t>Amir Nazeer</t>
  </si>
  <si>
    <t>GPS MOHLAN</t>
  </si>
  <si>
    <t>GPS Mohlan Basti Mohlan Near Khurshed Abad Markaz Zahir Pir</t>
  </si>
  <si>
    <t>Basti Mohlan</t>
  </si>
  <si>
    <t>Ghoos Pur</t>
  </si>
  <si>
    <t>GPS MOHLAN WAL KHURD</t>
  </si>
  <si>
    <t>Mohlanwal khurd multan road Lahore</t>
  </si>
  <si>
    <t>MUHAMMAD SHOAIB ANJUM</t>
  </si>
  <si>
    <t>GPS MOHLANKE</t>
  </si>
  <si>
    <t>Mohlankay</t>
  </si>
  <si>
    <t>vill and PO Mohlankay, tehsil Wazirabad district Gujranwala</t>
  </si>
  <si>
    <t>Sikandar Iqbal</t>
  </si>
  <si>
    <t>GPS MOHLANWALHOUSING SCHEME</t>
  </si>
  <si>
    <t>pgshs MOHLANWAL HOUSING SCHEME Lahore</t>
  </si>
  <si>
    <t>Anwar Ahmad</t>
  </si>
  <si>
    <t>GPS MOHNI SHAH WALA</t>
  </si>
  <si>
    <t>mohni shah wala P/O Haider abad thall.tehsil Mankera Distt Bhakar</t>
  </si>
  <si>
    <t>GPS MOHRA</t>
  </si>
  <si>
    <t>Village Mohra, Chak Beli Khan Road, Teshil &amp; Distt. RWP.</t>
  </si>
  <si>
    <t>Ejaz Raziq</t>
  </si>
  <si>
    <t>GPS MOHRA ALU</t>
  </si>
  <si>
    <t>Gps Mohra Allo</t>
  </si>
  <si>
    <t>Vpo mohra allo teh and distt chakwal</t>
  </si>
  <si>
    <t>Pahadshan</t>
  </si>
  <si>
    <t>GPS MOHRA BAKHTAN</t>
  </si>
  <si>
    <t>village &amp; PO mohra bakhtan tehsil kallar syedan</t>
  </si>
  <si>
    <t>GPS MOHRA BUTNARA</t>
  </si>
  <si>
    <t>gao mohra butnara,uc musyari ,Murree</t>
  </si>
  <si>
    <t>Mohra  Butnara</t>
  </si>
  <si>
    <t>GPS MOHRA DARYAL</t>
  </si>
  <si>
    <t>Talkhalsa</t>
  </si>
  <si>
    <t>Post office Talkhalsa</t>
  </si>
  <si>
    <t>Mohra Daryal</t>
  </si>
  <si>
    <t>GPS MOHRA HAYAT</t>
  </si>
  <si>
    <t>village Mohra Hayat, tehail Gujar khan, dist Rawalpindi</t>
  </si>
  <si>
    <t>GPS MOHRA JAND</t>
  </si>
  <si>
    <t>Bishndote</t>
  </si>
  <si>
    <t>village rupper  p/o bishndote tehsil kallar syedan distt rawalpindi</t>
  </si>
  <si>
    <t>Rupperr</t>
  </si>
  <si>
    <t>Shumaila Ayub</t>
  </si>
  <si>
    <t>GPS MOHRA JANYAL</t>
  </si>
  <si>
    <t>Bhit Must</t>
  </si>
  <si>
    <t>village  mohra janyal p o &amp; tehsil sohawa jhelum</t>
  </si>
  <si>
    <t>Mohra Janyal</t>
  </si>
  <si>
    <t>Samsun Nisa</t>
  </si>
  <si>
    <t>GPS MOHRA LAL</t>
  </si>
  <si>
    <t>Mohra Lal</t>
  </si>
  <si>
    <t>Bari luss teh. sohawa district Jhelum</t>
  </si>
  <si>
    <t>Pail Baney Khan</t>
  </si>
  <si>
    <t>GPS MOHRA MANDO</t>
  </si>
  <si>
    <t>GBPS Mohra Mando p.o Mandra Teh Gujar khan Dist Rwp</t>
  </si>
  <si>
    <t>Mohra Mando</t>
  </si>
  <si>
    <t>Hamid Latif</t>
  </si>
  <si>
    <t>GPS MOHRA MAST</t>
  </si>
  <si>
    <t>village Mohra Mast p/o takia shah murad tehsil&amp; district chakwal</t>
  </si>
  <si>
    <t>Coha Ganj Ali Shah</t>
  </si>
  <si>
    <t>Humaira Imdad</t>
  </si>
  <si>
    <t>GPS MOHRA MORADOO</t>
  </si>
  <si>
    <t>Mohra Muradu</t>
  </si>
  <si>
    <t>mohra muradu</t>
  </si>
  <si>
    <t>Furrukh Mehmood</t>
  </si>
  <si>
    <t>GPS MOHRA ROPIAL</t>
  </si>
  <si>
    <t>Mohra Ropial</t>
  </si>
  <si>
    <t>Village Mohra Ropial post office chowk pindori tehsil kallar syedan district rawalpindi</t>
  </si>
  <si>
    <t>Aamer Iqbal</t>
  </si>
  <si>
    <t>GPS MOHRA ROSHAN</t>
  </si>
  <si>
    <t>Mohra Roshan</t>
  </si>
  <si>
    <t>village mohra roshan p.o pari derwaza teh.sohawa distt.jhelum</t>
  </si>
  <si>
    <t>Najaf Ali</t>
  </si>
  <si>
    <t>GPS MOHRA SHAH WALI</t>
  </si>
  <si>
    <t>Mohra Shah Wali</t>
  </si>
  <si>
    <t>Mohra shah wali Txila</t>
  </si>
  <si>
    <t>Mohra Shah Wali Shah</t>
  </si>
  <si>
    <t>Nosheen Bibi</t>
  </si>
  <si>
    <t>GPS MOHRI (THATTA)</t>
  </si>
  <si>
    <t>Dhoke Mohri Thatta</t>
  </si>
  <si>
    <t>GPS Mohri thatta P/O thatta tehsil jand  district attock</t>
  </si>
  <si>
    <t>Mohri Thatta</t>
  </si>
  <si>
    <t>GPS MOHRI GHAZAN</t>
  </si>
  <si>
    <t>Ghaziaba</t>
  </si>
  <si>
    <t>near Kalid Karyana store street 8 Ghaziabad Rwp</t>
  </si>
  <si>
    <t>GPS MOHRI KHTRIAL</t>
  </si>
  <si>
    <t>Mohri Kathreel</t>
  </si>
  <si>
    <t>gps mohri kathreel</t>
  </si>
  <si>
    <t>GPS MOHSIN ABAD</t>
  </si>
  <si>
    <t>mohsin abad</t>
  </si>
  <si>
    <t>GPS MOJIAN WALA</t>
  </si>
  <si>
    <t>vpo Mojianwala</t>
  </si>
  <si>
    <t>Adnan Ali Khan</t>
  </si>
  <si>
    <t>GPS MOJO KAY</t>
  </si>
  <si>
    <t>Mojo Kay</t>
  </si>
  <si>
    <t>moko kay tehsil depalpur distt okara</t>
  </si>
  <si>
    <t>GPS MOJOKE DARAP</t>
  </si>
  <si>
    <t>mojokay</t>
  </si>
  <si>
    <t>mojokay darap</t>
  </si>
  <si>
    <t>Zahd Iqbal</t>
  </si>
  <si>
    <t>GPS MOLLOLA</t>
  </si>
  <si>
    <t>Gps malola kuch tunder khel district mianwali</t>
  </si>
  <si>
    <t>Malola</t>
  </si>
  <si>
    <t>Mahtab Ahmed Khan</t>
  </si>
  <si>
    <t>GPS MOLVI SIKANDAR</t>
  </si>
  <si>
    <t>chah abasian wala po chak himta moza molvi sikandar uc chakhimta tehsil and district Lodhran</t>
  </si>
  <si>
    <t>Abasia Wala</t>
  </si>
  <si>
    <t>Abdul Ghafoor Anjum</t>
  </si>
  <si>
    <t>GPS MOMAN KALAN</t>
  </si>
  <si>
    <t>Shahbaz  Mehmood</t>
  </si>
  <si>
    <t>GPS MOMAN PUR</t>
  </si>
  <si>
    <t>Momanpur</t>
  </si>
  <si>
    <t>GPS MOMEN WALA</t>
  </si>
  <si>
    <t>band sandoor wala moza khalol chak nau abad</t>
  </si>
  <si>
    <t>Band Sandoor Wala</t>
  </si>
  <si>
    <t>Hand Pump, Electric Motor</t>
  </si>
  <si>
    <t>GPS MONA MANEKA</t>
  </si>
  <si>
    <t>Mona Maneka</t>
  </si>
  <si>
    <t>GPS Mona maneka</t>
  </si>
  <si>
    <t>Muhammad Azhar Hayat</t>
  </si>
  <si>
    <t>GPS MONA MIRWAL</t>
  </si>
  <si>
    <t>vpo Mona</t>
  </si>
  <si>
    <t>Chakwal Umra</t>
  </si>
  <si>
    <t>Pirandad</t>
  </si>
  <si>
    <t>GPS MONA PIND</t>
  </si>
  <si>
    <t>Monapind</t>
  </si>
  <si>
    <t>vpo monapind teh&amp;distt jhelum</t>
  </si>
  <si>
    <t>GPS MONA SYEDAN</t>
  </si>
  <si>
    <t>GPS Mona Syedan</t>
  </si>
  <si>
    <t>Iffat Naheed</t>
  </si>
  <si>
    <t>GPS MONDAN WALA NEAR PIPLAN</t>
  </si>
  <si>
    <t>Govt primary school mondan wala</t>
  </si>
  <si>
    <t>Mondan Wala</t>
  </si>
  <si>
    <t>GPS MONDI KALAN</t>
  </si>
  <si>
    <t>Mondi Kalan</t>
  </si>
  <si>
    <t>Gps mondi kalan</t>
  </si>
  <si>
    <t>Mansab Ali</t>
  </si>
  <si>
    <t>GPS MONDI LAR</t>
  </si>
  <si>
    <t>Basti Mondi Lar p/o Mari Allah Bachaya Khan pur</t>
  </si>
  <si>
    <t>GPS MONDON PO JALLAH JEEM</t>
  </si>
  <si>
    <t>Mouza Mondon , P/O Jallah Jeem , Tehsil Mailsi , Distt Vehari, Division Multan.</t>
  </si>
  <si>
    <t>WarsiWahan</t>
  </si>
  <si>
    <t>GPS MONG</t>
  </si>
  <si>
    <t>Village &amp;post office mong Teh.Distt m.b.din</t>
  </si>
  <si>
    <t>GPS MONG WADH BASTI MONG WALA P/O TATEY PUR</t>
  </si>
  <si>
    <t>Mong Wadh</t>
  </si>
  <si>
    <t>Basti mong wash multan</t>
  </si>
  <si>
    <t>Tata Pur</t>
  </si>
  <si>
    <t>GPS MONGAR</t>
  </si>
  <si>
    <t>monger P.O. shah jewana city</t>
  </si>
  <si>
    <t>Mohammad Haneef</t>
  </si>
  <si>
    <t>GPS MONGHI REST HOUSE</t>
  </si>
  <si>
    <t>MONGI BANGLA</t>
  </si>
  <si>
    <t>GPS MONGI REST HOUSE</t>
  </si>
  <si>
    <t>TALVANDI</t>
  </si>
  <si>
    <t>Ghazanfar ali</t>
  </si>
  <si>
    <t>GPS MONGI THALI</t>
  </si>
  <si>
    <t>Mongi Thali</t>
  </si>
  <si>
    <t>GPS mongithali</t>
  </si>
  <si>
    <t>GPS MONGI WALA</t>
  </si>
  <si>
    <t>basti mongi wala mouza sadan wali p/0 budh station m.gath</t>
  </si>
  <si>
    <t>Mongi Wala</t>
  </si>
  <si>
    <t>Shahbaz Ahmed Khan</t>
  </si>
  <si>
    <t>GPS MONGI WALI</t>
  </si>
  <si>
    <t>Mongi Wali</t>
  </si>
  <si>
    <t>vill.mongi wali</t>
  </si>
  <si>
    <t>BIBI YASMIN</t>
  </si>
  <si>
    <t>GPS MONGO WALI</t>
  </si>
  <si>
    <t>Mongowali</t>
  </si>
  <si>
    <t>gps mongowali</t>
  </si>
  <si>
    <t>Noreywala</t>
  </si>
  <si>
    <t>GPS MONI THAL PO CHAK NO 17 P</t>
  </si>
  <si>
    <t>tibba 17p monithal</t>
  </si>
  <si>
    <t>Tibba 17p</t>
  </si>
  <si>
    <t>GPS MOONDI WALA</t>
  </si>
  <si>
    <t>GPS MOONDI WALA TEHSIL KALLUR KOT</t>
  </si>
  <si>
    <t>Moondi Wala</t>
  </si>
  <si>
    <t>GPS MOONI DHAEI</t>
  </si>
  <si>
    <t>Mooni Dheai</t>
  </si>
  <si>
    <t>Mooni dheai</t>
  </si>
  <si>
    <t>Moonidhaei</t>
  </si>
  <si>
    <t>GPS MOOSA KHAN HOTWANI</t>
  </si>
  <si>
    <t>Awami colony Jampur</t>
  </si>
  <si>
    <t>from tube well</t>
  </si>
  <si>
    <t>GPS MOOSA WALA</t>
  </si>
  <si>
    <t>Saadullah pur</t>
  </si>
  <si>
    <t>basti qabool wala moza saadullah pur p/o qureshi wala Teh /distt Lodhran</t>
  </si>
  <si>
    <t>basti qabool wala</t>
  </si>
  <si>
    <t>saadullah pur</t>
  </si>
  <si>
    <t>GPS MOOT TARAR</t>
  </si>
  <si>
    <t>Moot Tarar</t>
  </si>
  <si>
    <t>Gps Mout tarar post office Rasoolpur tarar Tehsil pindi battian district Hafizabad</t>
  </si>
  <si>
    <t>Dilawar Shemsher</t>
  </si>
  <si>
    <t>GPS MORAN</t>
  </si>
  <si>
    <t>Basti moran</t>
  </si>
  <si>
    <t>muhammad rafique</t>
  </si>
  <si>
    <t>GPS MORANI</t>
  </si>
  <si>
    <t>basti Morani p/o box laskano Wala karor</t>
  </si>
  <si>
    <t>Morani</t>
  </si>
  <si>
    <t>KAMRAN ALI KHAN</t>
  </si>
  <si>
    <t>GPS MORE EMINABAD NO.1</t>
  </si>
  <si>
    <t>More Eminabad</t>
  </si>
  <si>
    <t>GPS No. 1  more Eminabad</t>
  </si>
  <si>
    <t>Dhilanwali</t>
  </si>
  <si>
    <t>Rana Shakeel</t>
  </si>
  <si>
    <t>GPS MORE JHANGI</t>
  </si>
  <si>
    <t>Khokar</t>
  </si>
  <si>
    <t>ada maksoda p/o gurmani</t>
  </si>
  <si>
    <t>Sarlay Wala</t>
  </si>
  <si>
    <t>GPS MORE KHUNDA GAON MANGTANWALA</t>
  </si>
  <si>
    <t>khunda Gaon</t>
  </si>
  <si>
    <t>Khunda Goan . PO . More Khunda . NNS</t>
  </si>
  <si>
    <t>Gulfam Ata</t>
  </si>
  <si>
    <t>GPS MORE SAMBRIAL</t>
  </si>
  <si>
    <t>more sambrial</t>
  </si>
  <si>
    <t>Mor Sambrial</t>
  </si>
  <si>
    <t>GPS MORE WALA</t>
  </si>
  <si>
    <t>Hunjrai Sharqi</t>
  </si>
  <si>
    <t>hunjrai mustakil sharqi ehsan pur no 1</t>
  </si>
  <si>
    <t>Haqani wala</t>
  </si>
  <si>
    <t>GPS MORGAH</t>
  </si>
  <si>
    <t>GBPS Morgah Rawalpindi</t>
  </si>
  <si>
    <t>Naveeda Mushtaq</t>
  </si>
  <si>
    <t>GPS MORI</t>
  </si>
  <si>
    <t>village Mori po hanesar kahuta rwp</t>
  </si>
  <si>
    <t>Abdur Rab Janjua</t>
  </si>
  <si>
    <t>GPS MORLI</t>
  </si>
  <si>
    <t>village Morli tehsil Shakargarh district Narowal</t>
  </si>
  <si>
    <t>GPS MORRO WALA</t>
  </si>
  <si>
    <t>village sardarpur tehsil shahpur district sargodha</t>
  </si>
  <si>
    <t>Rana WAQAR Ahmad</t>
  </si>
  <si>
    <t>GPS MOSA CHANAL</t>
  </si>
  <si>
    <t>mosa chanal chak Jogiani p/o choti Bala</t>
  </si>
  <si>
    <t>Mosa Chanal</t>
  </si>
  <si>
    <t>shokat ali</t>
  </si>
  <si>
    <t>take from outside</t>
  </si>
  <si>
    <t>GPS MOSIN WALI JALALPUR PIRWALA</t>
  </si>
  <si>
    <t>Basti Mosin Wali,near Ghazi Pur</t>
  </si>
  <si>
    <t>Khuda Baksh</t>
  </si>
  <si>
    <t>GPS MOTA</t>
  </si>
  <si>
    <t>Village Mota,P.O Tanda, Tehsil  and District Gujrat</t>
  </si>
  <si>
    <t>GPS MOTAHR WALA</t>
  </si>
  <si>
    <t>CHECK NO 18 RH</t>
  </si>
  <si>
    <t>MUTAHER WALA TEHSEEL MENKERA DISTRICT BHAKKAR</t>
  </si>
  <si>
    <t>MUTAHER WALA</t>
  </si>
  <si>
    <t>Muhammad BAKHSH</t>
  </si>
  <si>
    <t>GPS MOTHA SINGH WALA</t>
  </si>
  <si>
    <t>Mota Sing Wala</t>
  </si>
  <si>
    <t>Mota Sing Bedian road lahore</t>
  </si>
  <si>
    <t>Mota Sing Wals</t>
  </si>
  <si>
    <t>Lidderrh</t>
  </si>
  <si>
    <t>Muhammad Sajjad Arshad</t>
  </si>
  <si>
    <t>GPS MOTHO MUHREE</t>
  </si>
  <si>
    <t>motho mohri post office padhri tehsil sohawa district jhelum</t>
  </si>
  <si>
    <t>Motho Mohri</t>
  </si>
  <si>
    <t>GPS MOTI PUR</t>
  </si>
  <si>
    <t>Shehbazpur</t>
  </si>
  <si>
    <t>Basti Motipur</t>
  </si>
  <si>
    <t>Motipur</t>
  </si>
  <si>
    <t>Mihammad Afzal</t>
  </si>
  <si>
    <t>GPS MOTTA WALA</t>
  </si>
  <si>
    <t>MARI  ALLAH  BACHAYA</t>
  </si>
  <si>
    <t>BASTI MOTTON WALA  UC  MARI ALLAH BACHAYA TEHSIL KPR, DISTRICT  RYK.</t>
  </si>
  <si>
    <t>MOTTAN WALA</t>
  </si>
  <si>
    <t>GPS MOUDAB BASTI DHUNDI</t>
  </si>
  <si>
    <t>dhandi</t>
  </si>
  <si>
    <t>basti dhandi city p/o kot sabzal</t>
  </si>
  <si>
    <t>JAMIL AHMED</t>
  </si>
  <si>
    <t>GPS MOUJ DIN KATHIA</t>
  </si>
  <si>
    <t>Mouj din kathia</t>
  </si>
  <si>
    <t>GPS Mouj din Kathia shorkot city,  jhang</t>
  </si>
  <si>
    <t>Moujdin Kathia</t>
  </si>
  <si>
    <t>Khaki lucky</t>
  </si>
  <si>
    <t>waqas abbas</t>
  </si>
  <si>
    <t>GPS MOULA BUX MISSAN</t>
  </si>
  <si>
    <t>Ameen Abad</t>
  </si>
  <si>
    <t>Basti Maola Bakhsh Misson UC Ameen Abad Tehsil Liaqat pur District Rahim Yar Khan</t>
  </si>
  <si>
    <t>Maola Bakhsh Misson</t>
  </si>
  <si>
    <t>ABDUL ALEEM</t>
  </si>
  <si>
    <t>GPS MOUSA KHOKHAR MOUZA HEERAN</t>
  </si>
  <si>
    <t>GPS MOUSA KHOKHAR MOUSA HERRAN</t>
  </si>
  <si>
    <t>Mousa Khokhar</t>
  </si>
  <si>
    <t>Missenabad</t>
  </si>
  <si>
    <t>GPS MOUSA WALA</t>
  </si>
  <si>
    <t>Jhole</t>
  </si>
  <si>
    <t>Mousa wala</t>
  </si>
  <si>
    <t>Mousa Wala</t>
  </si>
  <si>
    <t>GPS MOUZA BAGAR</t>
  </si>
  <si>
    <t>Bagar</t>
  </si>
  <si>
    <t>Mouza bagar Tehsil kamalia District Toba Tek Singh</t>
  </si>
  <si>
    <t>Mouza Bagar</t>
  </si>
  <si>
    <t>GPS MOUZA BAZAR</t>
  </si>
  <si>
    <t>Bazar</t>
  </si>
  <si>
    <t>p.o. musa Khel teh and dist mianwali</t>
  </si>
  <si>
    <t>Mozabazar</t>
  </si>
  <si>
    <t>GPS MOUZA BUB KAMALIA</t>
  </si>
  <si>
    <t>GPS Mouza bub  746GB</t>
  </si>
  <si>
    <t>746GB</t>
  </si>
  <si>
    <t>GPS MOUZA CHURA BHOJIA</t>
  </si>
  <si>
    <t>Chora Bhojia</t>
  </si>
  <si>
    <t>Govt Primary School  Mouza Choura Bhojia</t>
  </si>
  <si>
    <t>Uc 189 Gb</t>
  </si>
  <si>
    <t>GPS MOUZA DALAIL KAY NO 1 P/O 22/E.B</t>
  </si>
  <si>
    <t>Mouza Dalail kay</t>
  </si>
  <si>
    <t>Mouza Dalail Kay ( basti sulmanki)</t>
  </si>
  <si>
    <t>Mouza dalail kay</t>
  </si>
  <si>
    <t>Chak 50/Sp</t>
  </si>
  <si>
    <t>GPS MOUZA DARSANA</t>
  </si>
  <si>
    <t>DARSANA</t>
  </si>
  <si>
    <t>MOUZA DARSANA BASTI NOOR KI</t>
  </si>
  <si>
    <t>KOT PHATHANA</t>
  </si>
  <si>
    <t>Shafqat Hussain Tahir</t>
  </si>
  <si>
    <t>GPS MOUZA DHULARY</t>
  </si>
  <si>
    <t>Dhulary</t>
  </si>
  <si>
    <t>dhulary</t>
  </si>
  <si>
    <t>GPS MOUZA HAYAT KAY KATHIA</t>
  </si>
  <si>
    <t>Hayat Ka Kathia</t>
  </si>
  <si>
    <t>mouza hayat ka kathia kamalia</t>
  </si>
  <si>
    <t>Hayat Ks Kathis</t>
  </si>
  <si>
    <t>Chak737GB</t>
  </si>
  <si>
    <t>Zubair Ahmad Khan</t>
  </si>
  <si>
    <t>GPS MOUZA KALERA KHURD</t>
  </si>
  <si>
    <t>KALERA KHURD</t>
  </si>
  <si>
    <t>mouza kalera khurd kamalia</t>
  </si>
  <si>
    <t>Mouza Kalera khurd kamalia</t>
  </si>
  <si>
    <t>Qaiser Aziz</t>
  </si>
  <si>
    <t>GPS MOUZA KOHAL KALAN</t>
  </si>
  <si>
    <t>Kohal kalan</t>
  </si>
  <si>
    <t>MOUZA KOHAL KALAN</t>
  </si>
  <si>
    <t>Mouza kohal kalan</t>
  </si>
  <si>
    <t>319 GB</t>
  </si>
  <si>
    <t>MUZAMIL ABASS</t>
  </si>
  <si>
    <t>GPS MOUZA KOTO WALA SHER MUHAMMAD</t>
  </si>
  <si>
    <t>Koto Wala</t>
  </si>
  <si>
    <t>koto wala sher muhammad post office more khonda nankana sahib</t>
  </si>
  <si>
    <t>Haffet Madder</t>
  </si>
  <si>
    <t>Imranbabar</t>
  </si>
  <si>
    <t>GPS MOUZA LANGAH</t>
  </si>
  <si>
    <t>moza Langah Tehsil Kamalia</t>
  </si>
  <si>
    <t>Azmat Shah-Qadir Baksh</t>
  </si>
  <si>
    <t>GPS MOUZA MAGHRANA</t>
  </si>
  <si>
    <t>Govt.boys primary school mouza maghrana</t>
  </si>
  <si>
    <t>GPS MOUZA MALL</t>
  </si>
  <si>
    <t>Mouza Mall</t>
  </si>
  <si>
    <t>GPS MOUZA MOHAL</t>
  </si>
  <si>
    <t>Mouza Mohal P/O Luddan Vehari</t>
  </si>
  <si>
    <t>GPS MOUZA MUMBER</t>
  </si>
  <si>
    <t>Mumber</t>
  </si>
  <si>
    <t>moza mumber</t>
  </si>
  <si>
    <t>MOZA MUMBER</t>
  </si>
  <si>
    <t>Mohammad Rafique Shahid</t>
  </si>
  <si>
    <t>GPS MOUZA PAINCH PO PAKPATTAN</t>
  </si>
  <si>
    <t>Painch</t>
  </si>
  <si>
    <t>Moza painch</t>
  </si>
  <si>
    <t>Juggah Bloch</t>
  </si>
  <si>
    <t>Qurban Rasool</t>
  </si>
  <si>
    <t>GPS MOUZA QASMANA</t>
  </si>
  <si>
    <t>Moza qasmana kamalia district toba tek singh</t>
  </si>
  <si>
    <t>Moza qasmana</t>
  </si>
  <si>
    <t>Chak no 724 GB</t>
  </si>
  <si>
    <t>Imran Hanif</t>
  </si>
  <si>
    <t>GPS MOUZA WAGHI</t>
  </si>
  <si>
    <t>WAGHI</t>
  </si>
  <si>
    <t>GPS mouza waghi</t>
  </si>
  <si>
    <t>Mouza waghi</t>
  </si>
  <si>
    <t>722gb</t>
  </si>
  <si>
    <t>GPS MOZA BATH P/O KOT TAHIR</t>
  </si>
  <si>
    <t>Moza bath P/O Kot Tahir</t>
  </si>
  <si>
    <t>Moza Bath</t>
  </si>
  <si>
    <t>Muhammad     Imran</t>
  </si>
  <si>
    <t>GPS MOZA DAHER</t>
  </si>
  <si>
    <t>Moza dahar tehsil Arifwala dist pakpatn</t>
  </si>
  <si>
    <t>Moza Dahar</t>
  </si>
  <si>
    <t>GPS MOZA DANA ABAD</t>
  </si>
  <si>
    <t>Moza Dana Abad</t>
  </si>
  <si>
    <t>,g p s moza nana abad</t>
  </si>
  <si>
    <t>Hamad Ka 378 G B</t>
  </si>
  <si>
    <t>GPS MOZA DHERMA</t>
  </si>
  <si>
    <t>moza dharma</t>
  </si>
  <si>
    <t>116/7cr</t>
  </si>
  <si>
    <t>GPS MOZA HERCHOKAY</t>
  </si>
  <si>
    <t>Herchukay</t>
  </si>
  <si>
    <t>moza herchukay</t>
  </si>
  <si>
    <t>Moza Herchukay</t>
  </si>
  <si>
    <t>583gb</t>
  </si>
  <si>
    <t>GPS MOZA JHADOO</t>
  </si>
  <si>
    <t>moza jhedu p/o Luddan tehsil and District Vehari</t>
  </si>
  <si>
    <t>Moza Jhedu</t>
  </si>
  <si>
    <t>GPS MOZA JHANGIR</t>
  </si>
  <si>
    <t>Jhanger</t>
  </si>
  <si>
    <t>Mouza Jhanger awana p/o same abdi kenel</t>
  </si>
  <si>
    <t>Mouza Kenal</t>
  </si>
  <si>
    <t>Chak# 583 G B</t>
  </si>
  <si>
    <t>Ishtiaque Ahmed</t>
  </si>
  <si>
    <t>GPS MOZA KANNAL</t>
  </si>
  <si>
    <t>Kannal</t>
  </si>
  <si>
    <t>GPS Moza Kannal Tehsil Jaranwala, District Faisalabad</t>
  </si>
  <si>
    <t>Moza Kannal</t>
  </si>
  <si>
    <t>Chak # 583 GB</t>
  </si>
  <si>
    <t>Muhammad Akraam</t>
  </si>
  <si>
    <t>GPS MOZA KHACHI</t>
  </si>
  <si>
    <t>Gps mouza khichi</t>
  </si>
  <si>
    <t>GPS MOZA KHEW</t>
  </si>
  <si>
    <t>GPS MOZA KHEW MANKERA</t>
  </si>
  <si>
    <t>GPS MOZA KUR</t>
  </si>
  <si>
    <t>Moza Kur</t>
  </si>
  <si>
    <t>Gps Moza kur</t>
  </si>
  <si>
    <t>Chak 597</t>
  </si>
  <si>
    <t>Ali Sher Shahid</t>
  </si>
  <si>
    <t>GPS MOZA LUNDAH</t>
  </si>
  <si>
    <t>Lundah</t>
  </si>
  <si>
    <t>Moza Lundah</t>
  </si>
  <si>
    <t>Chak No 148P</t>
  </si>
  <si>
    <t>Imrana Yasmeen</t>
  </si>
  <si>
    <t>GPS MOZA MANSOOR SHAH</t>
  </si>
  <si>
    <t>Mansoor Shah</t>
  </si>
  <si>
    <t>Moza Mansoor Shah</t>
  </si>
  <si>
    <t>Muhammad Saleem Shah Khagga</t>
  </si>
  <si>
    <t>GPS MOZA NOON</t>
  </si>
  <si>
    <t>mouza Noon</t>
  </si>
  <si>
    <t>GPS MOZA RAHIM SHAH</t>
  </si>
  <si>
    <t>rahim shah</t>
  </si>
  <si>
    <t>Khizer amanet</t>
  </si>
  <si>
    <t>GPS MOZA WULIY WALI</t>
  </si>
  <si>
    <t>Wully Wali</t>
  </si>
  <si>
    <t>GPS Wullay Wali Teh. Tandlianwala Distt. Faisalabad</t>
  </si>
  <si>
    <t>Moza Wullay Wali</t>
  </si>
  <si>
    <t>Chak No 556 Gb</t>
  </si>
  <si>
    <t>Nabila Nasir</t>
  </si>
  <si>
    <t>GPS MU ZUBAIDA MULTAN ROAD BAIT UR RAZA COLONY</t>
  </si>
  <si>
    <t>SAMAN ABAD</t>
  </si>
  <si>
    <t>Bait up Raza colony Lahore</t>
  </si>
  <si>
    <t>Paki ithatti</t>
  </si>
  <si>
    <t>Samina Zia</t>
  </si>
  <si>
    <t>GPS MUADDAB DOLAT PUR</t>
  </si>
  <si>
    <t>Nae Abadi chak dolat pur tehsil minchanabad</t>
  </si>
  <si>
    <t>Muhammad Fazalurrahman</t>
  </si>
  <si>
    <t>GPS MUBARA</t>
  </si>
  <si>
    <t>mubara p/o kaleke mandi teshil and district hafizabad</t>
  </si>
  <si>
    <t>Jamshaid Abbas</t>
  </si>
  <si>
    <t>GPS MUBARAK BHARA</t>
  </si>
  <si>
    <t>Basti Kot Jan Muhammad Abbasi</t>
  </si>
  <si>
    <t>Basti Kot Jan Muhammad Muhammad Muhammad Muhammad</t>
  </si>
  <si>
    <t>Asmatullah</t>
  </si>
  <si>
    <t>GPS MUBARAK CHANWAS</t>
  </si>
  <si>
    <t>GPS Mubarak Chanwas</t>
  </si>
  <si>
    <t>GPS MUBARAK COLONY</t>
  </si>
  <si>
    <t>shah rukh colony gala kabrastan Hafiz abad road Gujranwala</t>
  </si>
  <si>
    <t>Khiali Shah Pur</t>
  </si>
  <si>
    <t>Zahid Anjum</t>
  </si>
  <si>
    <t>GPS MUBARAK KHAN WALA</t>
  </si>
  <si>
    <t>Bahadur Gharh</t>
  </si>
  <si>
    <t>Inam Abbad, bahadur Gharh</t>
  </si>
  <si>
    <t>Inam Abbad</t>
  </si>
  <si>
    <t>GPS MUBARAK PURA</t>
  </si>
  <si>
    <t>Mubarak Pura</t>
  </si>
  <si>
    <t>Mubarak pur sheikhupura road Muridke</t>
  </si>
  <si>
    <t>Mubarak Pura Muridke</t>
  </si>
  <si>
    <t>GPS MUBARAK SAMAIJA NO. 1</t>
  </si>
  <si>
    <t>Zulifqar Ali Dashti</t>
  </si>
  <si>
    <t>GPS MUBARAK SAMAIJA NO. 2</t>
  </si>
  <si>
    <t>KHAR PUR BUMBLY</t>
  </si>
  <si>
    <t>BASTI IBRAHEEM KHAN DULANI ROJHAN</t>
  </si>
  <si>
    <t>Basti Ibraheem  DULANI</t>
  </si>
  <si>
    <t>KIN KHAS</t>
  </si>
  <si>
    <t>GPS MUD ABDUL SAMI</t>
  </si>
  <si>
    <t>Madd Abdul.Sami Kulasra p/o hajipur teh.jampur dst.Rajanpur</t>
  </si>
  <si>
    <t>Madd Abdul Sami Kulasra</t>
  </si>
  <si>
    <t>GPS MUD ADIL</t>
  </si>
  <si>
    <t>basti jam hayat muhammad ahmad kudan</t>
  </si>
  <si>
    <t>Basti Jam Hayat Muhammad</t>
  </si>
  <si>
    <t>GPS MUD ALI MUHAMMAD</t>
  </si>
  <si>
    <t>Rakh Taung</t>
  </si>
  <si>
    <t>raqba Ghulam Ali Balooch rakh taung</t>
  </si>
  <si>
    <t>mud Ali Muhd</t>
  </si>
  <si>
    <t>GPS MUD BUKHSHAN</t>
  </si>
  <si>
    <t>basti mud bukhshan chak 100/p</t>
  </si>
  <si>
    <t>Basti Mud Bukhshan</t>
  </si>
  <si>
    <t>Hafiz Shahid Hussain</t>
  </si>
  <si>
    <t>GPS MUD CHACHAR</t>
  </si>
  <si>
    <t>Basti Rais Qadir Bux Kobhar</t>
  </si>
  <si>
    <t>Abdul Razzaque</t>
  </si>
  <si>
    <t>GPS MUD DILSHAD</t>
  </si>
  <si>
    <t>Dhagoo</t>
  </si>
  <si>
    <t>Mud Dilshad</t>
  </si>
  <si>
    <t>Abdul Hanan</t>
  </si>
  <si>
    <t>GPS MUD DUR MUHAMMAD</t>
  </si>
  <si>
    <t>HAJIPUR</t>
  </si>
  <si>
    <t>MUD GLORY SHARQI HAJIPUR TEHSIL JAMPUR</t>
  </si>
  <si>
    <t>MUD GLORY</t>
  </si>
  <si>
    <t>Jamshaid Ghaffar</t>
  </si>
  <si>
    <t>take water from pond</t>
  </si>
  <si>
    <t>GPS MUD GANGOO</t>
  </si>
  <si>
    <t>Mud Hassan P/o Tranda Soy Khan  Ryk</t>
  </si>
  <si>
    <t>Chuck 100/ P</t>
  </si>
  <si>
    <t>Wazeer Ahmed Asim</t>
  </si>
  <si>
    <t>GPS MUD GUDARA P/O DAJAL</t>
  </si>
  <si>
    <t>Mud gudara tail shumali p/o dajal teh jampur distt.rajanpur</t>
  </si>
  <si>
    <t>GPS MUD HAJI HABTAN</t>
  </si>
  <si>
    <t>CHAK SOHRANI</t>
  </si>
  <si>
    <t>GPS MUD HAJI HABTAN BASTI SHAHNAWAZ CHANG</t>
  </si>
  <si>
    <t>CHAK SARANI</t>
  </si>
  <si>
    <t>GPS MUD HASHIM</t>
  </si>
  <si>
    <t>Mud Hashim</t>
  </si>
  <si>
    <t>basti sewrra</t>
  </si>
  <si>
    <t>GPS MUD IJAZ ABAD</t>
  </si>
  <si>
    <t>mud ijazabad moza behli khairpur tamewali</t>
  </si>
  <si>
    <t>Mud Ijazabad</t>
  </si>
  <si>
    <t>GPS MUD ISMAIL</t>
  </si>
  <si>
    <t>basti rais ghulam sarwar  bahadar pur mouza</t>
  </si>
  <si>
    <t>Basti Rais Ghulam Sarwar Attari</t>
  </si>
  <si>
    <t>Missan Abbad</t>
  </si>
  <si>
    <t>GPS MUD LOSI</t>
  </si>
  <si>
    <t>Chak Serai</t>
  </si>
  <si>
    <t>GPS mud losi chak serai</t>
  </si>
  <si>
    <t>Mud Losi</t>
  </si>
  <si>
    <t>Sajad Hussain</t>
  </si>
  <si>
    <t>GPS MUD MACHHI</t>
  </si>
  <si>
    <t>Moza Bhag p/o Murghai Indus Highway Tehsil &amp; District Rajanpur</t>
  </si>
  <si>
    <t>Mud Machhi</t>
  </si>
  <si>
    <t>GPS MUD MAINGRAJ</t>
  </si>
  <si>
    <t>basti mangraija</t>
  </si>
  <si>
    <t>Basti mangraija</t>
  </si>
  <si>
    <t>GPS MUD MEO MOUZA</t>
  </si>
  <si>
    <t>Mudd Meo</t>
  </si>
  <si>
    <t>near sonwah hajipur</t>
  </si>
  <si>
    <t>GPS MUD MUHAMMAD SHAH</t>
  </si>
  <si>
    <t>check saleem abad mud muhammad shah</t>
  </si>
  <si>
    <t>GPS MUD RASHID</t>
  </si>
  <si>
    <t>mud Rasheed</t>
  </si>
  <si>
    <t>basti mud rasheed mouza mud rasheed</t>
  </si>
  <si>
    <t>khuda Bux Mahr</t>
  </si>
  <si>
    <t>Muhammad Azhar Bhatti</t>
  </si>
  <si>
    <t>GPS MUD SAIDU KHAN</t>
  </si>
  <si>
    <t>MUD SAIDU KHAN MOZA FATEH PUR</t>
  </si>
  <si>
    <t>Habib ur Rehman Ather</t>
  </si>
  <si>
    <t>GPS MUD TAJ MUHAMMAD</t>
  </si>
  <si>
    <t>KOTLA ADROON ANDROON</t>
  </si>
  <si>
    <t>Basti Hafiz Muhammad Shafi mouza kotla androon</t>
  </si>
  <si>
    <t>Basti Hafiz Muhammad Shafi</t>
  </si>
  <si>
    <t>Hussain Bakhsh</t>
  </si>
  <si>
    <t>GPS MUDD</t>
  </si>
  <si>
    <t>Sanu Isra</t>
  </si>
  <si>
    <t>basti Allah Yar P/O Basti Qazi Teh karor layyah</t>
  </si>
  <si>
    <t>Sanu Wala</t>
  </si>
  <si>
    <t>sultan Ahmad</t>
  </si>
  <si>
    <t>GPS MUDDHAN WALI</t>
  </si>
  <si>
    <t>Muddhanwali</t>
  </si>
  <si>
    <t>village mudhawali nankana</t>
  </si>
  <si>
    <t>Faisal Arshad</t>
  </si>
  <si>
    <t>GPS MUDHAN WALA</t>
  </si>
  <si>
    <t>Mudhanwala Khushab</t>
  </si>
  <si>
    <t>Farida Sultana</t>
  </si>
  <si>
    <t>GPS MUDKAY</t>
  </si>
  <si>
    <t>Mudky</t>
  </si>
  <si>
    <t>GPS mudky</t>
  </si>
  <si>
    <t>Adnan Ashraf</t>
  </si>
  <si>
    <t>GPS MUFT PURA GEHLAN HITHAR</t>
  </si>
  <si>
    <t>gps muft pura</t>
  </si>
  <si>
    <t>Abdul Razzaq Shahed</t>
  </si>
  <si>
    <t>GPS MUFTI WALA</t>
  </si>
  <si>
    <t>GPS  Mufti Wala  khaki Gharbi d g khan</t>
  </si>
  <si>
    <t>Mufti Wala</t>
  </si>
  <si>
    <t>Sania Nasir</t>
  </si>
  <si>
    <t>GPS MUFTIAN</t>
  </si>
  <si>
    <t>Muftian Post office Dina Tehsil Dina District Jhelum</t>
  </si>
  <si>
    <t>Akhlaq Ahmed</t>
  </si>
  <si>
    <t>GPS MUGHAL ABAD</t>
  </si>
  <si>
    <t>Jinnah Colony P.O &amp; Teh Kallar Syedan Dist . Rwp</t>
  </si>
  <si>
    <t>Shahid Anjum</t>
  </si>
  <si>
    <t>GPS MUGHAL CHAK KALAN</t>
  </si>
  <si>
    <t>GPS Mughal Chack</t>
  </si>
  <si>
    <t>GPS mughal chack klan</t>
  </si>
  <si>
    <t>Mughal Chack Kalan</t>
  </si>
  <si>
    <t>GPS MUGHLI</t>
  </si>
  <si>
    <t>Khadija Rafi</t>
  </si>
  <si>
    <t>GPS MUGHOKI</t>
  </si>
  <si>
    <t>village mughoki</t>
  </si>
  <si>
    <t>mughoki</t>
  </si>
  <si>
    <t>Bilal asghar</t>
  </si>
  <si>
    <t>GPS MUHALLAH JALOTION BHATI GATE LAHORE</t>
  </si>
  <si>
    <t>Bhatti gate</t>
  </si>
  <si>
    <t>Muhallah jalotia Bhatti gate Lahore</t>
  </si>
  <si>
    <t>mazhar ul haq</t>
  </si>
  <si>
    <t>GPS MUHAMAD WALA</t>
  </si>
  <si>
    <t>amar ditty wala mirzy ka bagh kahror pacca</t>
  </si>
  <si>
    <t>Amar Ditty Wala</t>
  </si>
  <si>
    <t>GPS MUHAMMAD ALI WALA</t>
  </si>
  <si>
    <t>Dera Muhammad Ali wala peelowains</t>
  </si>
  <si>
    <t>GPS MUHAMMAD BAKHASH DIRIG</t>
  </si>
  <si>
    <t>p/s Muhammad bukhsh drigh</t>
  </si>
  <si>
    <t>Allah Bux</t>
  </si>
  <si>
    <t>GPS MUHAMMAD BAKHSH WALA NO.1 P/O MOHRI PUR, SARAI SIDHU</t>
  </si>
  <si>
    <t>Muhammad bakhsh wala p/o mohri pur</t>
  </si>
  <si>
    <t>Muhammad Bakhsh Wala</t>
  </si>
  <si>
    <t>GPS MUHAMMAD BAKHSH WALA NO.2 SARAI SIDHU</t>
  </si>
  <si>
    <t>Mohri Pur</t>
  </si>
  <si>
    <t>adda sial machine mouza mohri pur</t>
  </si>
  <si>
    <t>Marri Sahu</t>
  </si>
  <si>
    <t>GPS MUHAMMAD BIN QASIM COLONY</t>
  </si>
  <si>
    <t>Muhammad Bin Qasim Colony</t>
  </si>
  <si>
    <t>Muhammad bin qasam colony</t>
  </si>
  <si>
    <t>mukhtar masood hasrat</t>
  </si>
  <si>
    <t>GPS MUHAMMAD BUKHSH</t>
  </si>
  <si>
    <t>Qadu Wali</t>
  </si>
  <si>
    <t>maoza, basti qadu wali</t>
  </si>
  <si>
    <t>GPS MUHAMMAD BUKHSH MAHAR</t>
  </si>
  <si>
    <t>Muhammad Bux Mahar</t>
  </si>
  <si>
    <t>Basti Haji Rab Nawaz Arain Mouza Muhammad Bux Mahar</t>
  </si>
  <si>
    <t>Rab Nawaz Arain</t>
  </si>
  <si>
    <t>GPS MUHAMMAD BUX CHANDIO</t>
  </si>
  <si>
    <t>basti Muhammad bux chandio mouza qasmani tehsil sadiqabad</t>
  </si>
  <si>
    <t>Muhammad bux chandio</t>
  </si>
  <si>
    <t>GPS MUHAMMAD DIN</t>
  </si>
  <si>
    <t>Gps. Muhammad Din Markaz latki moza Ahmed abad  P/O Bagho Bahar Tehsil Khanpur District Rahim yar Khan</t>
  </si>
  <si>
    <t>GPS MUHAMMAD KHAIL</t>
  </si>
  <si>
    <t>DERA MUHAMMAD KHAIL RODA</t>
  </si>
  <si>
    <t>GPS MUHAMMAD KHAILAN WALA BANDIAL</t>
  </si>
  <si>
    <t>bandial</t>
  </si>
  <si>
    <t>GPS MUHAMMAD KHAN</t>
  </si>
  <si>
    <t>v,p,o rangli tehsil jand</t>
  </si>
  <si>
    <t>Dk Muhammad Khan  Rangli</t>
  </si>
  <si>
    <t>GPS MUHAMMAD KHAN BUZDAR</t>
  </si>
  <si>
    <t>Sirthokh</t>
  </si>
  <si>
    <t>GPS Muhammad khan buzdar u/c mubarki</t>
  </si>
  <si>
    <t>Muhammad Shahmeer</t>
  </si>
  <si>
    <t>supplying by neighbors</t>
  </si>
  <si>
    <t>GPS MUHAMMAD KHAN GOPANG</t>
  </si>
  <si>
    <t>Kotli Khudai p/o Fazil pur Teh/Distt Rajan pur</t>
  </si>
  <si>
    <t>Basti Zangeja</t>
  </si>
  <si>
    <t>GPS MUHAMMAD KHAN KOKARA</t>
  </si>
  <si>
    <t>Basti Muhammad Khan Kokara, Tehsil Hasilpur, District Bahawalpur.</t>
  </si>
  <si>
    <t>Muhammad Khan Kokara</t>
  </si>
  <si>
    <t>GPS MUHAMMAD KHAN WALA P/O JAL WALA</t>
  </si>
  <si>
    <t>Muhammad khan wala</t>
  </si>
  <si>
    <t>Muhammad khan Wala</t>
  </si>
  <si>
    <t>Abdul Sattar Yasar</t>
  </si>
  <si>
    <t>GPS MUHAMMAD MURAD DAHIR</t>
  </si>
  <si>
    <t>Muhammad Murad Dahar Murad Dahar</t>
  </si>
  <si>
    <t>malook Shah m.m.dahar sadik abad</t>
  </si>
  <si>
    <t>GPS MUHAMMAD NAWAZ BURREY WALA</t>
  </si>
  <si>
    <t>Burrey wala</t>
  </si>
  <si>
    <t>moza burrey wala post office dajal tehsil jampur distt Rajanpur</t>
  </si>
  <si>
    <t>Jamshad Umar</t>
  </si>
  <si>
    <t>GPS MUHAMMAD NAWAZ PURA</t>
  </si>
  <si>
    <t>MUHAMMAD NAWAZ PURA</t>
  </si>
  <si>
    <t>G.P.S. MUHAMMAD NAWAZ PURA. BASTI KARU MAIKAN</t>
  </si>
  <si>
    <t>Karu Maikan</t>
  </si>
  <si>
    <t>RAB NAWAZ PURA</t>
  </si>
  <si>
    <t>Muhammad kamal</t>
  </si>
  <si>
    <t>GPS MUHAMMAD PUR GAMO WALA</t>
  </si>
  <si>
    <t>nasirpur p/o Muhammad pur</t>
  </si>
  <si>
    <t>GPS MUHAMMAD PUR HANBHI</t>
  </si>
  <si>
    <t>Muhammad pur Hanbhi</t>
  </si>
  <si>
    <t>Muhammad pur hanbhi</t>
  </si>
  <si>
    <t>Tibbi Londan</t>
  </si>
  <si>
    <t>Purchased</t>
  </si>
  <si>
    <t>GPS MUHAMMAD PUR JAGEER PO PAKPATTAN</t>
  </si>
  <si>
    <t>Muhammad Pur Jageer</t>
  </si>
  <si>
    <t>GPS Muhammad Pur Jageer</t>
  </si>
  <si>
    <t>Sohail Mehmood Abasi</t>
  </si>
  <si>
    <t>GPS MUHAMMAD PUR MUGHLAN</t>
  </si>
  <si>
    <t>Muhammad Pur  Mughlan</t>
  </si>
  <si>
    <t>Muhammad pur mughla</t>
  </si>
  <si>
    <t>Muhammad Pur Mughlan</t>
  </si>
  <si>
    <t>Sajida Ramzan</t>
  </si>
  <si>
    <t>GPS MUHAMMAD PUR NASHEB</t>
  </si>
  <si>
    <t>Muhammad Pur  M Muhammad Pur Ns</t>
  </si>
  <si>
    <t>Muhammad Pur Nashaib</t>
  </si>
  <si>
    <t>Muhammad Pur Muhammad Pur Nash</t>
  </si>
  <si>
    <t>Nazar Abass</t>
  </si>
  <si>
    <t>GPS MUHAMMAD PUR NO. 1</t>
  </si>
  <si>
    <t>Mhammad pur No2</t>
  </si>
  <si>
    <t>Muhammad Pur Dewan tehsil jampur district rajanpur</t>
  </si>
  <si>
    <t>Masood Javed</t>
  </si>
  <si>
    <t>GPS MUHAMMAD PURA WARD NO.6</t>
  </si>
  <si>
    <t>Mohallah Muhammad Pura Ward No.06 Faqirwali</t>
  </si>
  <si>
    <t>Faqirwali no 2</t>
  </si>
  <si>
    <t>Abdur Rouf</t>
  </si>
  <si>
    <t>GPS MUHAMMAD SHAH</t>
  </si>
  <si>
    <t>Mohammed shah</t>
  </si>
  <si>
    <t>village Mohammad shah district khushab</t>
  </si>
  <si>
    <t>Mohammad shah</t>
  </si>
  <si>
    <t>Hassan pur tiwana</t>
  </si>
  <si>
    <t>Syed jafar Iqbal Hussain</t>
  </si>
  <si>
    <t>GPS MUHAMMAD SHAH BANGLA</t>
  </si>
  <si>
    <t>Muhammad Shah kamalia</t>
  </si>
  <si>
    <t>GPS MUHAMMAD SHER WALA</t>
  </si>
  <si>
    <t>GPS MUHAMMAD SHER WALA VPO  BILAND TEHSIL NOOR PUR THAL</t>
  </si>
  <si>
    <t>GPS MUHAMMAD UMAR KOREEJA</t>
  </si>
  <si>
    <t>Basti tumrani baloch P/O Shedani sharif</t>
  </si>
  <si>
    <t>Basti Gara Bloch</t>
  </si>
  <si>
    <t>Shadani Sharif</t>
  </si>
  <si>
    <t>Ghulam Riaz</t>
  </si>
  <si>
    <t>GPS MUHAMMAD WALA</t>
  </si>
  <si>
    <t>muhammad wala shahpur sadar</t>
  </si>
  <si>
    <t>GPS MUHAMMAD WALA SYED WALA</t>
  </si>
  <si>
    <t>Mohalla Ali Nagar Syedwala Tehsil &amp; Distt. Nankana Sahib</t>
  </si>
  <si>
    <t>Syewala</t>
  </si>
  <si>
    <t>GPS MUHAMMAD WALI</t>
  </si>
  <si>
    <t>Khairlursadat</t>
  </si>
  <si>
    <t>Gps Muhammad wali</t>
  </si>
  <si>
    <t>Mahbub Alam</t>
  </si>
  <si>
    <t>GPS MUHAMMAD YAR HANCE</t>
  </si>
  <si>
    <t>Qadri Pur</t>
  </si>
  <si>
    <t>basti Muhammad Yar hance</t>
  </si>
  <si>
    <t>Muhammad Yar Hance</t>
  </si>
  <si>
    <t>Mari Mian Sb</t>
  </si>
  <si>
    <t>Gohar Ali</t>
  </si>
  <si>
    <t>GPS MUHAMMAD YAR WALA</t>
  </si>
  <si>
    <t>peelowains/ noor pur/khushab</t>
  </si>
  <si>
    <t>Mosum  Khan</t>
  </si>
  <si>
    <t>GPS MUHAMMADDIA GHOUSIA</t>
  </si>
  <si>
    <t>stop no 5 kahna nau</t>
  </si>
  <si>
    <t>GPS MUHAMMADIA</t>
  </si>
  <si>
    <t>Govt muhammadia primary school e block burewala</t>
  </si>
  <si>
    <t>E  Block Burewala</t>
  </si>
  <si>
    <t>Ward 29</t>
  </si>
  <si>
    <t>mosque motor pump</t>
  </si>
  <si>
    <t>GPS MUHIB PUR GHARBI</t>
  </si>
  <si>
    <t>village Mohib Pur teh &amp; distt: Khushab</t>
  </si>
  <si>
    <t>GPS MUHMMAD PURA</t>
  </si>
  <si>
    <t>Muhammad Pura post office Aya Nagar Klan tehsile ferozwala  district sheikhupura</t>
  </si>
  <si>
    <t>GPS MUJAHID KEY</t>
  </si>
  <si>
    <t>Mujahid Ka</t>
  </si>
  <si>
    <t>mujahid ka post office Attari Tehsil Depalpur Distt. Okara</t>
  </si>
  <si>
    <t>Bheni Falik Sher Wali</t>
  </si>
  <si>
    <t>GPS MUJAWAR WALI</t>
  </si>
  <si>
    <t>Mohalla Nizam Abad Near Purani sabz Mandi Taunsa Sharif</t>
  </si>
  <si>
    <t>GPS MUJAWARAN WALI CHAK NO 26</t>
  </si>
  <si>
    <t>Majwarawala</t>
  </si>
  <si>
    <t>GPS majwarawala chak #26</t>
  </si>
  <si>
    <t>GPS Mujtaba (SAW) Campus Piplan</t>
  </si>
  <si>
    <t>Mummy Wala tehsil piplan dist mianwali</t>
  </si>
  <si>
    <t>Mummy Wala</t>
  </si>
  <si>
    <t>GPS MUKHAD</t>
  </si>
  <si>
    <t>village and post office Makhad Teh.Jand  District Attock</t>
  </si>
  <si>
    <t>Fazal Mehmood</t>
  </si>
  <si>
    <t>local water suply</t>
  </si>
  <si>
    <t>GPS MUKHTAR ABAD</t>
  </si>
  <si>
    <t>BASTI RAAN MAOZA BUKHARA</t>
  </si>
  <si>
    <t>BASTI RAAN</t>
  </si>
  <si>
    <t>Muhammad Aftab Khalid</t>
  </si>
  <si>
    <t>GPS MUKHTAR ARIAN</t>
  </si>
  <si>
    <t>chah goristani Wala p/o choti zareen</t>
  </si>
  <si>
    <t>GPS MUKHTAR COLONY</t>
  </si>
  <si>
    <t>Mukhtar Colony Bhalwal</t>
  </si>
  <si>
    <t>Muhammad Awais Ulqurnain</t>
  </si>
  <si>
    <t>GPS MUKTA</t>
  </si>
  <si>
    <t>Mukta</t>
  </si>
  <si>
    <t>village mukta p/o Mirza virkhan teh/distt Sheikhupura</t>
  </si>
  <si>
    <t>Farman ALI</t>
  </si>
  <si>
    <t>elecric pump</t>
  </si>
  <si>
    <t>GPS MULA BUKHSH</t>
  </si>
  <si>
    <t>Basti Moula Bukhsh P.O kot Samaba</t>
  </si>
  <si>
    <t>Basti Moula Bukhsh</t>
  </si>
  <si>
    <t>GPS MULAZIM WALA</t>
  </si>
  <si>
    <t>Mouza Kulachi P/O Pir Abdul Rehman Teh.A.P Sial Distt Jhang</t>
  </si>
  <si>
    <t>GPS MULHAL MUGHLAN</t>
  </si>
  <si>
    <t>Bamla</t>
  </si>
  <si>
    <t>V.p,o Mulhal Mughlan</t>
  </si>
  <si>
    <t>mansoor ahmed</t>
  </si>
  <si>
    <t>GPS MULLA KHELAN WALA</t>
  </si>
  <si>
    <t>malla khelan wala kamer mushani</t>
  </si>
  <si>
    <t>malla khekan wala</t>
  </si>
  <si>
    <t>GPS MULLACH WARD NO.8</t>
  </si>
  <si>
    <t>mullach murree</t>
  </si>
  <si>
    <t>Mullach</t>
  </si>
  <si>
    <t>Numble Murree</t>
  </si>
  <si>
    <t>kafayat ullah</t>
  </si>
  <si>
    <t>from house</t>
  </si>
  <si>
    <t>GPS MULLAN WALA</t>
  </si>
  <si>
    <t>Basti Noon Wala Mouza Khohawar Railway Station Mehmood Kot</t>
  </si>
  <si>
    <t>Noon Wala</t>
  </si>
  <si>
    <t>GPS MULLAN WALA JALALABAD</t>
  </si>
  <si>
    <t>Ali Assar</t>
  </si>
  <si>
    <t>addah jalal abad more lodhran</t>
  </si>
  <si>
    <t>Addah Jalal Abad More</t>
  </si>
  <si>
    <t>Water supplier</t>
  </si>
  <si>
    <t>GPS MULLAN WALI JADEED</t>
  </si>
  <si>
    <t>Basti Mazarwala Mauza Aliwali tehsil Alipur</t>
  </si>
  <si>
    <t>Basti Mazar Wala</t>
  </si>
  <si>
    <t>Muntazir Mehdi</t>
  </si>
  <si>
    <t>GPS MULTAN KHURD NO 2</t>
  </si>
  <si>
    <t>Mohallah union council Multan khurd</t>
  </si>
  <si>
    <t>Amjad Obaidullah</t>
  </si>
  <si>
    <t>GPS MULTANI</t>
  </si>
  <si>
    <t>P/o wara sehran tehsil karor Lal eson district layyah</t>
  </si>
  <si>
    <t>Multani</t>
  </si>
  <si>
    <t>Mehboob Hussain</t>
  </si>
  <si>
    <t>GPS MULWANAY WALA</t>
  </si>
  <si>
    <t>Kahor</t>
  </si>
  <si>
    <t>Basti mulwany wala kahror pacca</t>
  </si>
  <si>
    <t>Mulwany Wala</t>
  </si>
  <si>
    <t>hafeez ahmad</t>
  </si>
  <si>
    <t>GPS MUMDANI KALAT</t>
  </si>
  <si>
    <t>Naldaf</t>
  </si>
  <si>
    <t>Mumdani kalat p/o Barthi trible area distt dgkhan</t>
  </si>
  <si>
    <t>Mumdani Kalat</t>
  </si>
  <si>
    <t>GPS MUMDNI CHAK NO 38/NP MACHKA</t>
  </si>
  <si>
    <t>38/np</t>
  </si>
  <si>
    <t>moza 38/np uc machka</t>
  </si>
  <si>
    <t>Lal Bakhsh</t>
  </si>
  <si>
    <t>GPS MUMTAZ MODEL FORM MUMTAZ</t>
  </si>
  <si>
    <t>Basti bashk solangi moza bhara u/c machka</t>
  </si>
  <si>
    <t>Basti bashk solangi</t>
  </si>
  <si>
    <t>GPS MUMTAZ NAGAR P/O MATOTLI SHUJABAD</t>
  </si>
  <si>
    <t>Chah Malhay wala p/o Matotli Tehsil shujabad, Multan</t>
  </si>
  <si>
    <t>Chah malahy wala</t>
  </si>
  <si>
    <t>GPS MUMTAZ WALA</t>
  </si>
  <si>
    <t>Chak no 624/TDA Kot adu  muzaffar garh</t>
  </si>
  <si>
    <t>Chak no 624/TDA</t>
  </si>
  <si>
    <t>GPS MUNAWAR PURA-WEST</t>
  </si>
  <si>
    <t>Nawaspura</t>
  </si>
  <si>
    <t>GPS Munawarpura Chak jaito Bahawalnagar</t>
  </si>
  <si>
    <t>Chak Jaito</t>
  </si>
  <si>
    <t>Barish Ali</t>
  </si>
  <si>
    <t>GPS MUNDA</t>
  </si>
  <si>
    <t>Mouza Munda nazd Sanjar Saydan Tehsil Taunsa Sharif District DG Khan</t>
  </si>
  <si>
    <t>Basti Qari Ijaz</t>
  </si>
  <si>
    <t>Azadar Hussain Khadim</t>
  </si>
  <si>
    <t>GPS MUNDAIR KHURD</t>
  </si>
  <si>
    <t>GPS MUNDAKE BUBAK</t>
  </si>
  <si>
    <t>MUNDAKEY BUBAK</t>
  </si>
  <si>
    <t>VILLAGE MUNDAKEY BUBAK POST OFFICE NONAR TEHSIL NAROWAL</t>
  </si>
  <si>
    <t>BUBAK MARALI</t>
  </si>
  <si>
    <t>GPS MUNDAKEY BARIAN</t>
  </si>
  <si>
    <t>Munday ke barian</t>
  </si>
  <si>
    <t>village and post office Munday ke barian teh pasrur distt sialkot</t>
  </si>
  <si>
    <t>GPS MUNDALI KALAN</t>
  </si>
  <si>
    <t>Mundali Kalan</t>
  </si>
  <si>
    <t>village Mandyali kalan p/o satuwall  Teh. shakargarh Distt. Narowal</t>
  </si>
  <si>
    <t>GPS MUNDANAY WALA</t>
  </si>
  <si>
    <t>mundanay wala p/o 67/ML tehsiil Mankera DisstBhakkar</t>
  </si>
  <si>
    <t>Mundanay Wala</t>
  </si>
  <si>
    <t>GPS MUNDAY</t>
  </si>
  <si>
    <t>vpo munday chakwal</t>
  </si>
  <si>
    <t>GPS MUNDHI WALA</t>
  </si>
  <si>
    <t>Kacha Kenjher</t>
  </si>
  <si>
    <t>mouza kacha kenjher p/o shah jamal</t>
  </si>
  <si>
    <t>GPS MUNDIAL NOUSHERA</t>
  </si>
  <si>
    <t>Mundial Naushera District khushab</t>
  </si>
  <si>
    <t>GPS MUNDWANI</t>
  </si>
  <si>
    <t>Berot MUNDWANI</t>
  </si>
  <si>
    <t>MUNDWANI</t>
  </si>
  <si>
    <t>Berot</t>
  </si>
  <si>
    <t>GPS MUNEER ABAD</t>
  </si>
  <si>
    <t>Umer Fatani</t>
  </si>
  <si>
    <t>Gps muneer abad khairpur</t>
  </si>
  <si>
    <t>Ahmad Sardar</t>
  </si>
  <si>
    <t>GPS MUNIAN WALA</t>
  </si>
  <si>
    <t>Muninwala</t>
  </si>
  <si>
    <t>Village Munianwala P/O More Khunda Tehsil &amp; District Nankana Sahib.</t>
  </si>
  <si>
    <t>GPS MUNIR ABAD</t>
  </si>
  <si>
    <t>muneer abad p/o shareef abad</t>
  </si>
  <si>
    <t>Muneer Abad</t>
  </si>
  <si>
    <t>GPS MUNIR NAGAR P/O DAJAL</t>
  </si>
  <si>
    <t>HANBHI</t>
  </si>
  <si>
    <t>BASTI MUNIR NAGAR MAUZA HANBHI</t>
  </si>
  <si>
    <t>MUNIR NAGAR</t>
  </si>
  <si>
    <t>TIBBI LUNDAN</t>
  </si>
  <si>
    <t>Malik Shakeel Ahmad</t>
  </si>
  <si>
    <t>GPS MUNSHI FATEH MUHAMMAD</t>
  </si>
  <si>
    <t>basti thengi balocha moza Muhammad azeem ctn</t>
  </si>
  <si>
    <t>Basti Thengi Balocha</t>
  </si>
  <si>
    <t>Sheli Gharbi</t>
  </si>
  <si>
    <t>Danish Sunil Jaan</t>
  </si>
  <si>
    <t>GPS MUNSHI HITTAR</t>
  </si>
  <si>
    <t>Munshi Hithar</t>
  </si>
  <si>
    <t>MUNSHI Hithar Minchin Abad</t>
  </si>
  <si>
    <t>Munshi hithar</t>
  </si>
  <si>
    <t>GPS MUNSHI IBRAHIM JUIYA</t>
  </si>
  <si>
    <t>Wahi Mochiyan</t>
  </si>
  <si>
    <t>wahi Michigan basti joya</t>
  </si>
  <si>
    <t>Muhammad JALIL YASIN</t>
  </si>
  <si>
    <t>GPS MUNSHI KHAN WALA JALAL PUR PO KALABAGH</t>
  </si>
  <si>
    <t>Munshi khanwala Jalalpur p/o Kalabagh</t>
  </si>
  <si>
    <t>Munshi Khanwala</t>
  </si>
  <si>
    <t>GPS MUNSHI OTTAR</t>
  </si>
  <si>
    <t>mousa munshi uttar thsil minchinabad distrct bhawalngar</t>
  </si>
  <si>
    <t>Fiddai Shah</t>
  </si>
  <si>
    <t>GPS MUNSHI WALA P/O JUGGU WALA</t>
  </si>
  <si>
    <t>MUNSHI WALA</t>
  </si>
  <si>
    <t>GPS MUNSHIAN WALA</t>
  </si>
  <si>
    <t>Dagger Awan</t>
  </si>
  <si>
    <t>Chalk No 18 TDA</t>
  </si>
  <si>
    <t>Chak No18 TDA</t>
  </si>
  <si>
    <t>Hafeez ullah Khan</t>
  </si>
  <si>
    <t>GPS MUQAM</t>
  </si>
  <si>
    <t>Mojuki</t>
  </si>
  <si>
    <t>muqam p/o bodhoki teh chunian kasur</t>
  </si>
  <si>
    <t>Muqam</t>
  </si>
  <si>
    <t>GPS MUQEEM COLONY</t>
  </si>
  <si>
    <t>Village and P/O Sultan khel Tehsil isa khel District Mianwali</t>
  </si>
  <si>
    <t>GPS MURAD DASTI</t>
  </si>
  <si>
    <t>Murad Dasti</t>
  </si>
  <si>
    <t>chah wali wala murad dasti</t>
  </si>
  <si>
    <t>Wali Wala</t>
  </si>
  <si>
    <t>GPS MURAD KHARAL</t>
  </si>
  <si>
    <t>Murad kharal</t>
  </si>
  <si>
    <t>Murad kharal p/o noor sar bahawalnagar</t>
  </si>
  <si>
    <t>GPS MURAD PUR JANUBI</t>
  </si>
  <si>
    <t>tehsil alipur district m garh</t>
  </si>
  <si>
    <t>Cheelan Wali</t>
  </si>
  <si>
    <t>Gabar Arain</t>
  </si>
  <si>
    <t>GPS MURAD PUR PO DROHER WAHIN</t>
  </si>
  <si>
    <t>MORAD PUR</t>
  </si>
  <si>
    <t>MOZA MURADPIR TEH. MAILSI VEHARI</t>
  </si>
  <si>
    <t>BILAND PUR</t>
  </si>
  <si>
    <t>GPS MURAD PUR PUNWARAN</t>
  </si>
  <si>
    <t>Kot  Mehdi Shah</t>
  </si>
  <si>
    <t>MURAD pur panwaran raja kot  rahim yar khan</t>
  </si>
  <si>
    <t>MURAD Pur Panwaran</t>
  </si>
  <si>
    <t>GPS MURAD WAH PO KOTLA PATHAN</t>
  </si>
  <si>
    <t>gps murad wah basti peer bahar shah</t>
  </si>
  <si>
    <t>Basti Peerbahar Shah</t>
  </si>
  <si>
    <t>GIKhan</t>
  </si>
  <si>
    <t>GPS MURAD WAL</t>
  </si>
  <si>
    <t>village Muradwal post office Haria Tehsil Malakwal District M.B.Din.</t>
  </si>
  <si>
    <t>KHALID MAHMOOD ARSHAD</t>
  </si>
  <si>
    <t>GPS MURADAY KALAN</t>
  </si>
  <si>
    <t>muraday kalam</t>
  </si>
  <si>
    <t>GPS MURADIAN</t>
  </si>
  <si>
    <t>village muradian P/O Kot goura Hafizabad</t>
  </si>
  <si>
    <t>Mangat Nacheea</t>
  </si>
  <si>
    <t>GPS MURADINA WALA</t>
  </si>
  <si>
    <t>Gps Muradianwala p/o Saray mohajir teh &amp; distt bhakkar</t>
  </si>
  <si>
    <t>Muradianwala And Islam Shah Wala</t>
  </si>
  <si>
    <t>GPS MURALA SHUMALI</t>
  </si>
  <si>
    <t>GPS MURALI</t>
  </si>
  <si>
    <t>GPS Murali District Gujrat Tehsil Kharian</t>
  </si>
  <si>
    <t>GPS MURALI OTTAR</t>
  </si>
  <si>
    <t>GPS Marali Ottar</t>
  </si>
  <si>
    <t>GPS MURANI SANDI</t>
  </si>
  <si>
    <t>Sandi</t>
  </si>
  <si>
    <t>morani sandi</t>
  </si>
  <si>
    <t>Morani Sandi</t>
  </si>
  <si>
    <t>Mjoka</t>
  </si>
  <si>
    <t>GPS MURARIAN</t>
  </si>
  <si>
    <t>village n p/o Murarian,kharian,grt</t>
  </si>
  <si>
    <t>Charyawala</t>
  </si>
  <si>
    <t>Zille E Huma</t>
  </si>
  <si>
    <t>GPS MURATHLY</t>
  </si>
  <si>
    <t>Murathly</t>
  </si>
  <si>
    <t>post office Khar fort munroo Bawata</t>
  </si>
  <si>
    <t>GPS MUREED HUSSAIN</t>
  </si>
  <si>
    <t>Thul Ali Mohammad</t>
  </si>
  <si>
    <t>govrment primary school bisti mureed husain</t>
  </si>
  <si>
    <t>Muhammad Ahmad Haseeb</t>
  </si>
  <si>
    <t>GPS MURGI WALA SURRAKI</t>
  </si>
  <si>
    <t>v.po surraki tehsil naushera district khushab</t>
  </si>
  <si>
    <t>Saqidue Abad</t>
  </si>
  <si>
    <t>Rab Nawaz Awan</t>
  </si>
  <si>
    <t>carry water from homes</t>
  </si>
  <si>
    <t>GPS MURID</t>
  </si>
  <si>
    <t>Village Mureed P.O Thatti Mureed Tehsil Phalia Distt M.B.Din</t>
  </si>
  <si>
    <t>Nasir wakeel</t>
  </si>
  <si>
    <t>GPS MURID ABAD</t>
  </si>
  <si>
    <t>Mureed Abad</t>
  </si>
  <si>
    <t>muza mureed abad</t>
  </si>
  <si>
    <t>m hassan</t>
  </si>
  <si>
    <t>Muhammad Sharif solangi</t>
  </si>
  <si>
    <t>GPS MURID ABBAS SHAH</t>
  </si>
  <si>
    <t>Mureed abas shah Teh Piplan Dist Mianwali</t>
  </si>
  <si>
    <t>Mureed Abas Shah</t>
  </si>
  <si>
    <t>Syed Qamar Abas Bukhari</t>
  </si>
  <si>
    <t>GPS MURIDEKI</t>
  </si>
  <si>
    <t>murideki</t>
  </si>
  <si>
    <t>MURIDEKI T&amp;D NANKANA SAHIB</t>
  </si>
  <si>
    <t>FREEDABAD</t>
  </si>
  <si>
    <t>Ideel Ahmad</t>
  </si>
  <si>
    <t>GPS MURIDKEY GAON</t>
  </si>
  <si>
    <t>Muridky Gaon</t>
  </si>
  <si>
    <t>Muridke Gaon Farooqabad Sheikhupura</t>
  </si>
  <si>
    <t>Muridke Gaon</t>
  </si>
  <si>
    <t>Muhammad Babar Naeem</t>
  </si>
  <si>
    <t>GPS MURIDWALI</t>
  </si>
  <si>
    <t>Muriedwall</t>
  </si>
  <si>
    <t>GPS MURIED WALL LAHORE</t>
  </si>
  <si>
    <t>Shahpurkanjra</t>
  </si>
  <si>
    <t>Razia Saeed</t>
  </si>
  <si>
    <t>GPS MURLY GARH</t>
  </si>
  <si>
    <t>Murligarh</t>
  </si>
  <si>
    <t>murligarh</t>
  </si>
  <si>
    <t>MURLIGARH</t>
  </si>
  <si>
    <t>GPS MURRAD PUR SNAGI</t>
  </si>
  <si>
    <t>Murrad Pur Sangi</t>
  </si>
  <si>
    <t>pull 14000 Murad Pur Sanghi</t>
  </si>
  <si>
    <t>Pull 14000</t>
  </si>
  <si>
    <t>Hajji Pur</t>
  </si>
  <si>
    <t>GPS MURRAD WAND</t>
  </si>
  <si>
    <t>Muradwand</t>
  </si>
  <si>
    <t>village Muradwand. P.O. pichnand .Teh.  Lawa, District.  Chakwal</t>
  </si>
  <si>
    <t>GPS MURRANG</t>
  </si>
  <si>
    <t>Murrung</t>
  </si>
  <si>
    <t>murrung</t>
  </si>
  <si>
    <t>Murung</t>
  </si>
  <si>
    <t>GUL FARAZ</t>
  </si>
  <si>
    <t>GPS MURRANJ</t>
  </si>
  <si>
    <t>Budha Thul</t>
  </si>
  <si>
    <t>budha thul</t>
  </si>
  <si>
    <t>GPS MURRARIA</t>
  </si>
  <si>
    <t>Village Murariaria Tehsil Hazro District Attock</t>
  </si>
  <si>
    <t>Muhammad Abbas Sidqi</t>
  </si>
  <si>
    <t>GPS MURRIANI</t>
  </si>
  <si>
    <t>suhanra zahr garbi</t>
  </si>
  <si>
    <t>basti zahr wala</t>
  </si>
  <si>
    <t>zahr wala</t>
  </si>
  <si>
    <t>Abdul Nazeef</t>
  </si>
  <si>
    <t>GPS MUSA BHOTTA</t>
  </si>
  <si>
    <t>Basti haji shahra, Moza Musa Bhota BWN</t>
  </si>
  <si>
    <t>Haji Shahra</t>
  </si>
  <si>
    <t>GPS MUSA JOGIANI</t>
  </si>
  <si>
    <t>Chak Mugloo</t>
  </si>
  <si>
    <t>Basti Musa Jogiani chak mugloo Choti Bala Teh Kotchutta distt:D.G.KHAN</t>
  </si>
  <si>
    <t>Musa Jogiani</t>
  </si>
  <si>
    <t>pitcher</t>
  </si>
  <si>
    <t>GPS MUSA PUR</t>
  </si>
  <si>
    <t>V.P.O MUSA PUR</t>
  </si>
  <si>
    <t>MUSAPUR</t>
  </si>
  <si>
    <t>SHAMAS PERVAIZ</t>
  </si>
  <si>
    <t>GPS MUSA WALI JANUBI</t>
  </si>
  <si>
    <t>musawali janubi teh.piplan distt.mianwali</t>
  </si>
  <si>
    <t>Tibba Meharban Shah</t>
  </si>
  <si>
    <t>GPS MUSAY WALA</t>
  </si>
  <si>
    <t>Mussaywala</t>
  </si>
  <si>
    <t>GPS MUSHTAQ BHUTTO</t>
  </si>
  <si>
    <t>Bait Balouch</t>
  </si>
  <si>
    <t>basti rais Abdul sattar, bait balouch, Uc noor wala</t>
  </si>
  <si>
    <t>GPS MUSHTAQ KHOSA</t>
  </si>
  <si>
    <t>Darkhast Jamal Darmiani</t>
  </si>
  <si>
    <t>basti mushtaq khosa tehseel kot chutta district dg khan</t>
  </si>
  <si>
    <t>Mushtaq Khosa</t>
  </si>
  <si>
    <t>Darkhast Jamal Khan Junoobi</t>
  </si>
  <si>
    <t>GPS MUSLAY NAJMA ABAD</t>
  </si>
  <si>
    <t>Takhat Mahal Hitharh</t>
  </si>
  <si>
    <t>Basti Najma Abad P/O Madrissa Tehsil and District Bahawalnagar</t>
  </si>
  <si>
    <t>Najma Abad</t>
  </si>
  <si>
    <t>Ahmad Bakhsh Snattaka</t>
  </si>
  <si>
    <t>GPS MUSLIM CHAJRA</t>
  </si>
  <si>
    <t>Muslim Chajra</t>
  </si>
  <si>
    <t>Basti Muslim chajra UC binda ishaq tehsil jatoi disrict muzaffar garh</t>
  </si>
  <si>
    <t>GPS MUSLIM GUNJ</t>
  </si>
  <si>
    <t>Muhallah Muslim Gunj, Tehsil Kamoke. Gujranwala</t>
  </si>
  <si>
    <t>Kamoke-II</t>
  </si>
  <si>
    <t>GPS MUSLIM LEAGUE VILLAGE</t>
  </si>
  <si>
    <t>Muslim League</t>
  </si>
  <si>
    <t>Muslim league</t>
  </si>
  <si>
    <t>Qasim Hassan</t>
  </si>
  <si>
    <t>GPS MUSLIM MODEL NEIGHBAN PUR</t>
  </si>
  <si>
    <t>nighaban pura</t>
  </si>
  <si>
    <t>nighban pura faisalabad</t>
  </si>
  <si>
    <t>Nighaban Pura</t>
  </si>
  <si>
    <t>mehmooadabad</t>
  </si>
  <si>
    <t>GPS MUSLIM SHEIKHANWALA</t>
  </si>
  <si>
    <t>wandha Muslim sheikhanwala via harnoli tehsil piplan district Mianwali</t>
  </si>
  <si>
    <t>Muslim Sheikhanwala</t>
  </si>
  <si>
    <t>GPS MUSLIM TOWN RENALA KHURD</t>
  </si>
  <si>
    <t>Renala Khurd-II</t>
  </si>
  <si>
    <t>Mansoor Akbar</t>
  </si>
  <si>
    <t>GPS MUSLIM WALA</t>
  </si>
  <si>
    <t>gps muslim wala p/o haider abad tehsil mankera district bhakkar</t>
  </si>
  <si>
    <t>Muslim Wals</t>
  </si>
  <si>
    <t>GPS MUSLIM-BIN-AQEEL COLONY</t>
  </si>
  <si>
    <t>Street No 5 Muslin Bin Aqeel Colony Sahiwal</t>
  </si>
  <si>
    <t>Muslim Bin Aqeel Colony</t>
  </si>
  <si>
    <t>Muhammad Tariq Khilji</t>
  </si>
  <si>
    <t>GPS MUSSA KANJOO</t>
  </si>
  <si>
    <t>Garib Shah</t>
  </si>
  <si>
    <t>basti kabol kanjo moza garib shah tehsile liaqatpur distt.ryk</t>
  </si>
  <si>
    <t>Kabol Kanjoo</t>
  </si>
  <si>
    <t>GPS MUSSAKANJO</t>
  </si>
  <si>
    <t>Mussa Kanju</t>
  </si>
  <si>
    <t>dera raja sultan Mussa Kanju</t>
  </si>
  <si>
    <t>GPS MUSSALIAN WALA</t>
  </si>
  <si>
    <t>wandha marwat p/o kallur kot</t>
  </si>
  <si>
    <t>Musslian Wala</t>
  </si>
  <si>
    <t>Dgar Non</t>
  </si>
  <si>
    <t>Rao Abdul Malik</t>
  </si>
  <si>
    <t>GPS MUSSO TALPUR</t>
  </si>
  <si>
    <t>Chak dodara</t>
  </si>
  <si>
    <t>chak dodara basti massu talpur</t>
  </si>
  <si>
    <t>GPS Mustafa</t>
  </si>
  <si>
    <t>dhoke mochian</t>
  </si>
  <si>
    <t>Sabiha  Khanum</t>
  </si>
  <si>
    <t>GPS MUSTAFA ABAD JRN FSD</t>
  </si>
  <si>
    <t>Mustafa Abad Jaranwala District Faisalabad</t>
  </si>
  <si>
    <t>Ahmed Park</t>
  </si>
  <si>
    <t>Muhammad Abbas Khan Sial</t>
  </si>
  <si>
    <t>GPS MUSTAFA WALA</t>
  </si>
  <si>
    <t>Umar Pur</t>
  </si>
  <si>
    <t>mustafawala nawabpur road</t>
  </si>
  <si>
    <t>GPS MUSTALA</t>
  </si>
  <si>
    <t>Mustala</t>
  </si>
  <si>
    <t>village mustala post office adhi</t>
  </si>
  <si>
    <t>Sajjad Afsar</t>
  </si>
  <si>
    <t>GPS MUSTAQEEM MAHMONKA P/O PAKPATTAN</t>
  </si>
  <si>
    <t>Mustaqeem Mahmonka</t>
  </si>
  <si>
    <t>GPS MUSU KHAN</t>
  </si>
  <si>
    <t>Chak 69/p tehsil khan pur district rahim yar khan</t>
  </si>
  <si>
    <t>GPS MUT DILBER</t>
  </si>
  <si>
    <t>chak mat no 1</t>
  </si>
  <si>
    <t>basti allah wasaya</t>
  </si>
  <si>
    <t>chak mut</t>
  </si>
  <si>
    <t>MUMTAZ AHMED CHANA</t>
  </si>
  <si>
    <t>GPS MUZAFAR ABAD</t>
  </si>
  <si>
    <t>chak Muzaffarabad</t>
  </si>
  <si>
    <t>Muhammad Tanveer Azhar</t>
  </si>
  <si>
    <t>GPS MUZAFAR PUR</t>
  </si>
  <si>
    <t>roras road muzafarpur sialkot</t>
  </si>
  <si>
    <t>Faisal Hafeez</t>
  </si>
  <si>
    <t>GPS MUZAFFAR ABAD</t>
  </si>
  <si>
    <t>chah pakka Muzaffarabad</t>
  </si>
  <si>
    <t>TANVIR AHMAD</t>
  </si>
  <si>
    <t>GPS NA REHMAN PURA</t>
  </si>
  <si>
    <t>govt N.A school rehmanpura Lahore</t>
  </si>
  <si>
    <t>GPS NAABINA</t>
  </si>
  <si>
    <t>BASTI NABINA, P/O TIBBI QAISRANI, U/C PANJGRAIN</t>
  </si>
  <si>
    <t>BASTI NABINA</t>
  </si>
  <si>
    <t>PANGRAIN</t>
  </si>
  <si>
    <t>GPS NAALSHI WALA</t>
  </si>
  <si>
    <t>Aalam Pur</t>
  </si>
  <si>
    <t>Naalshi wala mouza aalam pur mailsi</t>
  </si>
  <si>
    <t>Naalshi Wala</t>
  </si>
  <si>
    <t>GPS NABAHOO WALA</t>
  </si>
  <si>
    <t>Nabahoo Wala</t>
  </si>
  <si>
    <t>Village Nabahoo wala Post office Kangan Pur</t>
  </si>
  <si>
    <t>Lunday</t>
  </si>
  <si>
    <t>Habib Hamad</t>
  </si>
  <si>
    <t>GPS NABBA</t>
  </si>
  <si>
    <t>Nabba</t>
  </si>
  <si>
    <t>village nabba post office Chakmubarak Tehsil Bhera District Sargodha</t>
  </si>
  <si>
    <t>Chakmubarak</t>
  </si>
  <si>
    <t>Hafiz Muhammad Abdullah</t>
  </si>
  <si>
    <t>GPS NABI BUKHSH KHOR</t>
  </si>
  <si>
    <t>Basti Nabi Bux Khor Mouza Mahand P/o Mahand Tehsil Ahmad Pur East District Bahawalpur</t>
  </si>
  <si>
    <t>Basti Nabi Bux Khor</t>
  </si>
  <si>
    <t>GPS NABI BUX WALA</t>
  </si>
  <si>
    <t>village nabi bux lhr</t>
  </si>
  <si>
    <t>GPS NABI DAYA</t>
  </si>
  <si>
    <t>Panuhan</t>
  </si>
  <si>
    <t>tera pati nabi daya moza panuhan</t>
  </si>
  <si>
    <t>Tera Pati</t>
  </si>
  <si>
    <t>Asif jamil</t>
  </si>
  <si>
    <t>GPS NABI PURA DINGA</t>
  </si>
  <si>
    <t>Moh:Nabi pura Dinga</t>
  </si>
  <si>
    <t>GPS NABI SHAH COLONY</t>
  </si>
  <si>
    <t>nabi shah colony</t>
  </si>
  <si>
    <t>Nabi Shah Colony</t>
  </si>
  <si>
    <t>Hassan Mehmood</t>
  </si>
  <si>
    <t>GPS NABOO WALA</t>
  </si>
  <si>
    <t>moza rakh khokhar wala</t>
  </si>
  <si>
    <t>Basti Noo</t>
  </si>
  <si>
    <t>Haji Ghulam Shabbir Nasir</t>
  </si>
  <si>
    <t>GPS NACH WALLA</t>
  </si>
  <si>
    <t>Nach walla nawan shumali tehsil kot chutta</t>
  </si>
  <si>
    <t>Nach Walla</t>
  </si>
  <si>
    <t>Mohammad Jalal</t>
  </si>
  <si>
    <t>GPS NADDAY</t>
  </si>
  <si>
    <t>Mouza Nadday</t>
  </si>
  <si>
    <t>mouza nadday p/o hujra shah muqeem</t>
  </si>
  <si>
    <t>Moza Nadday</t>
  </si>
  <si>
    <t>Phola Toli</t>
  </si>
  <si>
    <t>GPS NADEEM COLONY FAROOQABAD</t>
  </si>
  <si>
    <t>Mohallah Rasoolpura, Farooqabad, Sheikhupura</t>
  </si>
  <si>
    <t>Mohallah Rasoolpura Sharqi</t>
  </si>
  <si>
    <t>MC Farooqabad</t>
  </si>
  <si>
    <t>Abid Inayat</t>
  </si>
  <si>
    <t>GPS NADHA</t>
  </si>
  <si>
    <t>vpo naddha teh. kamoke disst.gujranwala</t>
  </si>
  <si>
    <t>Nadha</t>
  </si>
  <si>
    <t>Kali Soba</t>
  </si>
  <si>
    <t>GPS NAGAN WALA</t>
  </si>
  <si>
    <t>chah nangan wala moza nawan kot tehsil chobara district layyah</t>
  </si>
  <si>
    <t>Muhammad Aamir Islam</t>
  </si>
  <si>
    <t>GPS NAGAR AMAN PURA</t>
  </si>
  <si>
    <t>Nagar Aman Pura</t>
  </si>
  <si>
    <t>nagar aman pura kasur</t>
  </si>
  <si>
    <t>Zahid Mubeen Ali Anjum</t>
  </si>
  <si>
    <t>GPS NAGIRA JANUBI</t>
  </si>
  <si>
    <t>Mouza Kathgarh</t>
  </si>
  <si>
    <t>Nagira Janubi tehsil taunsa p/ o nutkani District D.G Khan</t>
  </si>
  <si>
    <t>Nagira Janubi</t>
  </si>
  <si>
    <t>GPS NAGIRAN WALA</t>
  </si>
  <si>
    <t>Nazish Ambreen</t>
  </si>
  <si>
    <t>GPS NAGRAIN WALA</t>
  </si>
  <si>
    <t>village nagrianwala p.o jathekey</t>
  </si>
  <si>
    <t>Adnan Shahid</t>
  </si>
  <si>
    <t>GPS NAGREY</t>
  </si>
  <si>
    <t>Nagrey</t>
  </si>
  <si>
    <t>village Nagrey P/O bal Shahn Teh. Zafarwal District Narowal</t>
  </si>
  <si>
    <t>GPS NAGRI AHMED SHAH</t>
  </si>
  <si>
    <t>Nagri Ahmed Shah Gujranwala</t>
  </si>
  <si>
    <t>Nagri Ahmed Shah</t>
  </si>
  <si>
    <t>GPS NAGROTA ANSARIAN</t>
  </si>
  <si>
    <t>nagrota ansarian p/o sukho chak tehsil shakar garh  district Narowal</t>
  </si>
  <si>
    <t>Naseer Ahmed Khlji</t>
  </si>
  <si>
    <t>GPS NAHAL CHAND</t>
  </si>
  <si>
    <t>Basti nahal Chand moza chak Chopa tehsil chishtian</t>
  </si>
  <si>
    <t>Nahal Chand</t>
  </si>
  <si>
    <t>Muhammad  Yaseen</t>
  </si>
  <si>
    <t>GPS NAHAL WALA</t>
  </si>
  <si>
    <t>Gps nahal wala</t>
  </si>
  <si>
    <t>Nahal Wala</t>
  </si>
  <si>
    <t>GPS NAHAR WALI</t>
  </si>
  <si>
    <t>Basti Nahar Wali</t>
  </si>
  <si>
    <t>GPS NAHLA</t>
  </si>
  <si>
    <t>Village Nahla Raiwind</t>
  </si>
  <si>
    <t>Nahla Raiwind</t>
  </si>
  <si>
    <t>Javed Shahid</t>
  </si>
  <si>
    <t>GPS NAHO WALA</t>
  </si>
  <si>
    <t>Nawan SHUMALI</t>
  </si>
  <si>
    <t>Kabeer wala mouza nawan shumali choti zareen</t>
  </si>
  <si>
    <t>GPS NAHR PUL KAMRAY WALA</t>
  </si>
  <si>
    <t>sheikhu</t>
  </si>
  <si>
    <t>dera kamray wala moza sheikhu teh.&amp; distt .khushab</t>
  </si>
  <si>
    <t>bijjar</t>
  </si>
  <si>
    <t>GPS NAHRAN WALA P/O BAIT KACH</t>
  </si>
  <si>
    <t>Nahran Wala</t>
  </si>
  <si>
    <t>basti Bhand</t>
  </si>
  <si>
    <t>GPS NAHRIAN WALA</t>
  </si>
  <si>
    <t>GPS NAI ABADI</t>
  </si>
  <si>
    <t>Nsi Abadi Harappa</t>
  </si>
  <si>
    <t>anwar ul haq</t>
  </si>
  <si>
    <t>GPS NAI ABADI BANGLA</t>
  </si>
  <si>
    <t>Nai Abadi Bangla</t>
  </si>
  <si>
    <t>Bhopalwala Teh Sambrial Sialkot</t>
  </si>
  <si>
    <t>GPS NAI ABADI CHAPRARI</t>
  </si>
  <si>
    <t>Nai Abadi Chprari</t>
  </si>
  <si>
    <t>Village Nai Abadi chaprari Post Office chaprar Tehsil&amp;Distt Sialkot</t>
  </si>
  <si>
    <t>Chak Joggo</t>
  </si>
  <si>
    <t>GPS NAI ABADI DUNGA BUNGA</t>
  </si>
  <si>
    <t>Murad Mochi</t>
  </si>
  <si>
    <t>Govt.P/S Nai abadi Dunga Bunga</t>
  </si>
  <si>
    <t>GPS NAI ABADI FAQIR WALI</t>
  </si>
  <si>
    <t>Madni colony faqirwali</t>
  </si>
  <si>
    <t>GPS NAI ABADI JHUGIAN AMEERPUR RAIWIND ROAD</t>
  </si>
  <si>
    <t>Jhuggian ameer pura raiwind road Lahore</t>
  </si>
  <si>
    <t>Jhugian Ameer Pura</t>
  </si>
  <si>
    <t>Rao Tahir Mehmood</t>
  </si>
  <si>
    <t>GPS NAI ABADI KHOUT</t>
  </si>
  <si>
    <t>New Abadi Khout</t>
  </si>
  <si>
    <t>New Abadi khout</t>
  </si>
  <si>
    <t>GPS NAI ABADI MANCHRIAN</t>
  </si>
  <si>
    <t>Nai Abadi Mancharian</t>
  </si>
  <si>
    <t>Nai Abadi Mancharian Depalpur okara</t>
  </si>
  <si>
    <t>Haider Sher</t>
  </si>
  <si>
    <t>GPS NAI ABADI MIR PUR KHURD</t>
  </si>
  <si>
    <t>Mirpur Khurd</t>
  </si>
  <si>
    <t>Teh and Distt JhelumVPO Khurd</t>
  </si>
  <si>
    <t>GPS NAI BASTI ALLAH ABAD, KABIRWALA</t>
  </si>
  <si>
    <t>Alahabad</t>
  </si>
  <si>
    <t>nai basti allahabad tah kabirwala distt khanewal</t>
  </si>
  <si>
    <t>Nai Basti Allahabad</t>
  </si>
  <si>
    <t>GPS NAI BASTI HERNOLI</t>
  </si>
  <si>
    <t>Near Masjid Bilal Lari Adda Harnoli</t>
  </si>
  <si>
    <t>GPS NAI BASTI LOHAR WALA MOUZA MATI TAL</t>
  </si>
  <si>
    <t>Nai Basti Loharwala Markaz Mattital Teh,Dist.Multan</t>
  </si>
  <si>
    <t>Nai Basti Loharwala</t>
  </si>
  <si>
    <t>Soba Khan</t>
  </si>
  <si>
    <t>GPS NAI BASTI UMEED GARH, ABDUL HAKIM</t>
  </si>
  <si>
    <t>Teh. Kabirwla Dist Khanewal Moza Umeed Garh AbdulHakim</t>
  </si>
  <si>
    <t>GPS NAI SAMUNDRI</t>
  </si>
  <si>
    <t>Nai Samundri</t>
  </si>
  <si>
    <t>GPS Nai Samundri</t>
  </si>
  <si>
    <t>Nai Smd</t>
  </si>
  <si>
    <t>MC Smd</t>
  </si>
  <si>
    <t>Muhammad Haleem</t>
  </si>
  <si>
    <t>GPS NAI WALA BANGLA</t>
  </si>
  <si>
    <t>Naiwala Bangla</t>
  </si>
  <si>
    <t>naiwala bangla</t>
  </si>
  <si>
    <t>Muhammad Bashir Tabish</t>
  </si>
  <si>
    <t>GPS NAIB WAL</t>
  </si>
  <si>
    <t>Naib Wal</t>
  </si>
  <si>
    <t>post office kalyana,Teh and Distt Pakpattan. chak naib wal</t>
  </si>
  <si>
    <t>Ferozw Pur</t>
  </si>
  <si>
    <t>GPS NAIKA</t>
  </si>
  <si>
    <t>VPO Neka tehsil Fateh Jang Distt.Attock</t>
  </si>
  <si>
    <t>GPS NAIKO KARA</t>
  </si>
  <si>
    <t>Basti naiko kara moza ali wali, tehsil alipur distt. muzaffargarh</t>
  </si>
  <si>
    <t>bsti naiko kara</t>
  </si>
  <si>
    <t>Muhammad Aslam Bhutta</t>
  </si>
  <si>
    <t>GPS NAIMAT ABAD FSD</t>
  </si>
  <si>
    <t>naimatabad 219 rb iii fsd</t>
  </si>
  <si>
    <t>Hafiz Rizwan Mujeeb</t>
  </si>
  <si>
    <t>GPS NAIN SUKH</t>
  </si>
  <si>
    <t>P.o Dhrabi V. Nain Sukh. Teh and Disst. Chakwal</t>
  </si>
  <si>
    <t>GPS NAIN WAL JAGIR</t>
  </si>
  <si>
    <t>NAINWAL JAGIR</t>
  </si>
  <si>
    <t>NAINWAL JAGIR P/O DHOLAN HITHAR TEHSIL AND DISTRICT KASUR</t>
  </si>
  <si>
    <t>GPS NAIN WALA</t>
  </si>
  <si>
    <t>nawan wadoo Wala</t>
  </si>
  <si>
    <t>Nawan Wadoo Wala</t>
  </si>
  <si>
    <t>GPS NAIN WALA KHALSA</t>
  </si>
  <si>
    <t>Nainwal Khalsa</t>
  </si>
  <si>
    <t>nainwal khalsa</t>
  </si>
  <si>
    <t>Jamsherkhurd</t>
  </si>
  <si>
    <t>GPS NAJAM ABAD</t>
  </si>
  <si>
    <t>KOT MITHAN PAKA</t>
  </si>
  <si>
    <t>Basti Allah Daad Khan Gopang,Moza Kot Mithan Paka,U/C Rakhh Kot Mithan,Distt Rajan Pur</t>
  </si>
  <si>
    <t>Basti Allah Daad Khan</t>
  </si>
  <si>
    <t>RAKHH KOT MITHAN</t>
  </si>
  <si>
    <t>MUHAMMAD GHAZANFAR AYAZ</t>
  </si>
  <si>
    <t>GPS NAJU CHAK</t>
  </si>
  <si>
    <t>Naju Chak</t>
  </si>
  <si>
    <t>Naju chak p,o bhsgiari tehsil pasrur distt sialkot</t>
  </si>
  <si>
    <t>GPS NAK PATRI</t>
  </si>
  <si>
    <t>HINGLOON Kuch</t>
  </si>
  <si>
    <t>basti nakh patri tribal area d g khan</t>
  </si>
  <si>
    <t>Nakh Patri</t>
  </si>
  <si>
    <t>GPS NAKA CHOI</t>
  </si>
  <si>
    <t>dhoke sukhial, p/o thoha mehram khan, talagang chakwal</t>
  </si>
  <si>
    <t>Dhoke Sukhial</t>
  </si>
  <si>
    <t>Kashif Feroz Bhatti</t>
  </si>
  <si>
    <t>GPS NAKA GHULAM SHAH</t>
  </si>
  <si>
    <t>POB sorag village Naka Ghulam Shah,Tehsil Pindigheb , District Attock</t>
  </si>
  <si>
    <t>Mehreen Nisa</t>
  </si>
  <si>
    <t>GPS NAKHI WALA (CHAK NO. 623/TDA)</t>
  </si>
  <si>
    <t>Chak 623TDA P/O chak 626TDA Kot Adu</t>
  </si>
  <si>
    <t>Chak number 623TDA</t>
  </si>
  <si>
    <t>Fiaz hussain</t>
  </si>
  <si>
    <t>GPS NAKHLORE</t>
  </si>
  <si>
    <t>Basti bhattia mouza nakhlore</t>
  </si>
  <si>
    <t>Basti Bhattia</t>
  </si>
  <si>
    <t>GPS NAKKA</t>
  </si>
  <si>
    <t>post office lawa</t>
  </si>
  <si>
    <t>Hafiz Muhammad Jawad</t>
  </si>
  <si>
    <t>GPS NAKKA CHAUDHRIAN NEW</t>
  </si>
  <si>
    <t>nakka chaudhrian p.o jajyal tehsil sohawa</t>
  </si>
  <si>
    <t>Nakka Chaudhrian</t>
  </si>
  <si>
    <t>GPS NAKKA KHURD</t>
  </si>
  <si>
    <t>Nakka khurd</t>
  </si>
  <si>
    <t>nakka khurd tehsil jand distt. Attock</t>
  </si>
  <si>
    <t>Zia-ur-rehman</t>
  </si>
  <si>
    <t>from neighbouring house</t>
  </si>
  <si>
    <t>GPS NAKKA REHAN</t>
  </si>
  <si>
    <t>Nakka rehan</t>
  </si>
  <si>
    <t>v.p.o Nakka Rehan tehsil talagang district Chakwal</t>
  </si>
  <si>
    <t>GPS NAKODAR</t>
  </si>
  <si>
    <t>vill nakodar p/o ladhar teh dina dist jhelum</t>
  </si>
  <si>
    <t>GPS NALA BRAHMINAN</t>
  </si>
  <si>
    <t>Nala Brahmina</t>
  </si>
  <si>
    <t>village nala brahminan.tehsil kahuta.distt rwp</t>
  </si>
  <si>
    <t>Nala Brahminan</t>
  </si>
  <si>
    <t>GPS NALA GHARBI</t>
  </si>
  <si>
    <t>nala gharbi</t>
  </si>
  <si>
    <t>rifaat abbas</t>
  </si>
  <si>
    <t>GPS NALA KHAIRA</t>
  </si>
  <si>
    <t>Nalakhaira</t>
  </si>
  <si>
    <t>dhoke nalakhaira village saweeri P.O Khalil tehsil Kahuta Rawalpindi</t>
  </si>
  <si>
    <t>Saweeri</t>
  </si>
  <si>
    <t>Muhammad Fayaz Satti</t>
  </si>
  <si>
    <t>GPS NALA SHARQI NO 1</t>
  </si>
  <si>
    <t>Khodath Nala Sharqi</t>
  </si>
  <si>
    <t>khohi dath nala sharqi</t>
  </si>
  <si>
    <t>Khohi Dath Nala Sharqi</t>
  </si>
  <si>
    <t>Etzaz Munir</t>
  </si>
  <si>
    <t>GPS NALA SHARQI NO 2</t>
  </si>
  <si>
    <t>KAMAWIL JANOBI</t>
  </si>
  <si>
    <t>KAMAWIL JANOBI TRIBAL AREA</t>
  </si>
  <si>
    <t>KAMAAWIL JANOBI</t>
  </si>
  <si>
    <t>allou din</t>
  </si>
  <si>
    <t>GPS NALDAF</t>
  </si>
  <si>
    <t>naldaf tehsil taunsa sharif</t>
  </si>
  <si>
    <t>GPS NALI</t>
  </si>
  <si>
    <t>P/O Kot Hassan Khan village Nali Tehsil and District Hafizabad</t>
  </si>
  <si>
    <t>MUHAMMAD SAJJAD AWAN</t>
  </si>
  <si>
    <t>GPS NALI LADWANI</t>
  </si>
  <si>
    <t>Nali Ladwani  Tehsil taunsa sharif hills shumali</t>
  </si>
  <si>
    <t>nali ladwani</t>
  </si>
  <si>
    <t>GPS NALKA CHADRAN WALA</t>
  </si>
  <si>
    <t>Nalka chadhran wala p/O Litten  Tehsail Mankera DissticBhakkar</t>
  </si>
  <si>
    <t>Nalka Chadhran wala</t>
  </si>
  <si>
    <t>GPS NALKA DILDAR WALA</t>
  </si>
  <si>
    <t>Jhangi raam</t>
  </si>
  <si>
    <t>Gps nalka dildar wala tehsil mankera and district bhakkar</t>
  </si>
  <si>
    <t>Nalaka dildar wala</t>
  </si>
  <si>
    <t>Patti blunda</t>
  </si>
  <si>
    <t>GPS NALKA FARM</t>
  </si>
  <si>
    <t>p/o mirdad muafi nalka faram sahiwal</t>
  </si>
  <si>
    <t>Nalka Faram</t>
  </si>
  <si>
    <t>GPS NALLI GHARBI</t>
  </si>
  <si>
    <t>Nalli shumali Teh&amp;Dist KHB</t>
  </si>
  <si>
    <t>GPS NALLI P.O NALLI</t>
  </si>
  <si>
    <t>GPS Nalli</t>
  </si>
  <si>
    <t>GPS NAMA SIAL</t>
  </si>
  <si>
    <t>NamA Sial</t>
  </si>
  <si>
    <t>chak Nama sial Sahiwal</t>
  </si>
  <si>
    <t>Nama Sial</t>
  </si>
  <si>
    <t>GPS NAMDAR PHULLI</t>
  </si>
  <si>
    <t>Namdar Phully</t>
  </si>
  <si>
    <t>Nam Dar Phully</t>
  </si>
  <si>
    <t>Raza mustafa</t>
  </si>
  <si>
    <t>GPS NAMLA MAIRA</t>
  </si>
  <si>
    <t>Kot Chhaji</t>
  </si>
  <si>
    <t>Namla Maira village and post office kot chhaji tehsil Jand district Attock.</t>
  </si>
  <si>
    <t>Ahmed Farooq Qureshi</t>
  </si>
  <si>
    <t>GPS NANAK PUR</t>
  </si>
  <si>
    <t>Nanak Pur</t>
  </si>
  <si>
    <t>chak Nanak pur</t>
  </si>
  <si>
    <t>Bung a Hayat</t>
  </si>
  <si>
    <t>Jung Sher Ali</t>
  </si>
  <si>
    <t>GPS NAND PUR, SARAI SIDHU</t>
  </si>
  <si>
    <t>Lot Gohar Muhammad</t>
  </si>
  <si>
    <t>GPS NAND PURA</t>
  </si>
  <si>
    <t>basti shamay wali mouza nandpura</t>
  </si>
  <si>
    <t>GPS NANDAN PURA</t>
  </si>
  <si>
    <t>Nandanpura</t>
  </si>
  <si>
    <t>Sandan Kalan</t>
  </si>
  <si>
    <t>GPS NANDNA</t>
  </si>
  <si>
    <t>Nandna</t>
  </si>
  <si>
    <t>vill Nandna PO bolani tehsil sarai alamgir distt.gujra</t>
  </si>
  <si>
    <t>GPS NANDNA JATTAL</t>
  </si>
  <si>
    <t>Nandna Jattal</t>
  </si>
  <si>
    <t>village nandna jattal PO chowk pindori teh kallar sydian distric Rawalpindi</t>
  </si>
  <si>
    <t>Bashandote</t>
  </si>
  <si>
    <t>Naeem Akther</t>
  </si>
  <si>
    <t>GPS NANDNA MANGRAL</t>
  </si>
  <si>
    <t>Village Nandna Mangral PO Chowk pindori Tehsil Kallar syedan</t>
  </si>
  <si>
    <t>Amna Mukhtar</t>
  </si>
  <si>
    <t>GPS NANGA WALI</t>
  </si>
  <si>
    <t>NANGAWALI</t>
  </si>
  <si>
    <t>GBPS NANGAWALI</t>
  </si>
  <si>
    <t>CHAKkI</t>
  </si>
  <si>
    <t>GPS NANGAH</t>
  </si>
  <si>
    <t>Jabbi Rakh</t>
  </si>
  <si>
    <t>dhok nangha jabbi shumali</t>
  </si>
  <si>
    <t>Dhok Nangah</t>
  </si>
  <si>
    <t>GPS NANGAL BAJWA</t>
  </si>
  <si>
    <t>Nangli Bajwa</t>
  </si>
  <si>
    <t>nangli bajwaP/0Ali pur shareef</t>
  </si>
  <si>
    <t>GPS NANGAL BUCHER</t>
  </si>
  <si>
    <t>Nangal bucher</t>
  </si>
  <si>
    <t>nangal bucher tehsil muridke distt sheikhupura</t>
  </si>
  <si>
    <t>GPS NANGAL ESSA</t>
  </si>
  <si>
    <t>Nangal Essa</t>
  </si>
  <si>
    <t>nangal essa</t>
  </si>
  <si>
    <t>Nangal Sadah</t>
  </si>
  <si>
    <t>GPS NANGAL GOJRAN</t>
  </si>
  <si>
    <t>NangalGujjran</t>
  </si>
  <si>
    <t>Govt.p/s nangal gujjran markaz Chak amru union council norangabad</t>
  </si>
  <si>
    <t>GPS NANGAL KAMLA</t>
  </si>
  <si>
    <t>Nangal Kamla</t>
  </si>
  <si>
    <t>Village Nagal P/O  ban bajwa Tehsil Pasrur District Sialkot</t>
  </si>
  <si>
    <t>Awais Rashid</t>
  </si>
  <si>
    <t>GPS NANGAL KAS WAL</t>
  </si>
  <si>
    <t>nangal kaswala</t>
  </si>
  <si>
    <t>GPS NANGAR</t>
  </si>
  <si>
    <t>village Nangar post office Kahna Mou Lahore</t>
  </si>
  <si>
    <t>Ghulqm Murtaza</t>
  </si>
  <si>
    <t>GPS NANGI LOUNCH</t>
  </si>
  <si>
    <t>5 Marla scheme Layyah</t>
  </si>
  <si>
    <t>GPS NANGLE KHURD</t>
  </si>
  <si>
    <t>Nangal Khurd</t>
  </si>
  <si>
    <t>Village Nangal Khurd post office Nangal Bucher Tehsil Muridke District Sheikhupura</t>
  </si>
  <si>
    <t>Ishtiaq Ali</t>
  </si>
  <si>
    <t>GPS NANGRAY DADAN</t>
  </si>
  <si>
    <t>Village Nangray Dadan</t>
  </si>
  <si>
    <t>LADHAY WALA GORAYA</t>
  </si>
  <si>
    <t>Rizwan Asghar</t>
  </si>
  <si>
    <t>GPS NANIA</t>
  </si>
  <si>
    <t>Nanyah</t>
  </si>
  <si>
    <t>village Nanyah p o kalnabassand</t>
  </si>
  <si>
    <t>Khalid Razaq</t>
  </si>
  <si>
    <t>GPS NANIK CHAND</t>
  </si>
  <si>
    <t>Sindhuan Wali</t>
  </si>
  <si>
    <t>SindhuanWali</t>
  </si>
  <si>
    <t>ABDULMAJEED</t>
  </si>
  <si>
    <t>GPS NANKA GHADIR</t>
  </si>
  <si>
    <t>Nanka Gidar</t>
  </si>
  <si>
    <t>moza nanka gadir tehsil pirmahal district toba tek singh</t>
  </si>
  <si>
    <t>GPS NANO DOGER NOWLAN</t>
  </si>
  <si>
    <t>Nanodogr</t>
  </si>
  <si>
    <t>nanodogar</t>
  </si>
  <si>
    <t>Nanodogar</t>
  </si>
  <si>
    <t>GPS NANOANA GHARBI</t>
  </si>
  <si>
    <t>kaleki mandi sharqi</t>
  </si>
  <si>
    <t>Hafiz Muhammad Tufail Anjum</t>
  </si>
  <si>
    <t>GPS NANOANA SHARQI</t>
  </si>
  <si>
    <t>Nano Ana</t>
  </si>
  <si>
    <t>Post office Kaleke Mandi, Village Nanu Ana Sharqi, Tehsile &amp; District Hafizabad</t>
  </si>
  <si>
    <t>Nanu Ana Sharqi</t>
  </si>
  <si>
    <t>Nanu Ana</t>
  </si>
  <si>
    <t>GPS NANU WALA</t>
  </si>
  <si>
    <t>nainowala Moza karlowala</t>
  </si>
  <si>
    <t>Nainowala</t>
  </si>
  <si>
    <t>GPS NAQSHA</t>
  </si>
  <si>
    <t>NAQSHA</t>
  </si>
  <si>
    <t>chak NAQSHA</t>
  </si>
  <si>
    <t>GPS NAR KHELAN WALA</t>
  </si>
  <si>
    <t>Nar khelan wala ,kamar mushani ,Isa khel, Mianwali</t>
  </si>
  <si>
    <t>Nar Khelan Wala</t>
  </si>
  <si>
    <t>Fiaz Ahmad Khan</t>
  </si>
  <si>
    <t>GPS NARA NO.1</t>
  </si>
  <si>
    <t>VPO Nara Teh Jand  Dist. Attock</t>
  </si>
  <si>
    <t>GPS NARA NO.2</t>
  </si>
  <si>
    <t>vpo nara tehsil jand district attock</t>
  </si>
  <si>
    <t>Saghir Ul Haq</t>
  </si>
  <si>
    <t>GPS NARAGHI</t>
  </si>
  <si>
    <t>VPO Naraghi,Kotsarang Markaz. Tehseel Talagang</t>
  </si>
  <si>
    <t>Mohsin Altaf</t>
  </si>
  <si>
    <t>GPS NARAIN GARH P/O GARDEZPUR SHUJABAD</t>
  </si>
  <si>
    <t>Nai Basti Moza Bangala</t>
  </si>
  <si>
    <t>GPS NARAIN SING WALA</t>
  </si>
  <si>
    <t>Narain Singh Wala</t>
  </si>
  <si>
    <t>post office khas ellah abad</t>
  </si>
  <si>
    <t>M Naeem</t>
  </si>
  <si>
    <t>GPS NARAIN WALA</t>
  </si>
  <si>
    <t>Wahi Nuo</t>
  </si>
  <si>
    <t>Narain Wala moza wahi nuo Tehsil Kahror Pakka Disrict Lodharan</t>
  </si>
  <si>
    <t>Wahid Bakhsh Asif</t>
  </si>
  <si>
    <t>GPS NARALI JABBAIR</t>
  </si>
  <si>
    <t>Narali Jabair</t>
  </si>
  <si>
    <t>narali jabair Teh. Gujar Khan Distt. Rawalpindi</t>
  </si>
  <si>
    <t>Toseer Ahmed</t>
  </si>
  <si>
    <t>GPS NARAN WALA</t>
  </si>
  <si>
    <t>NARAN Wala</t>
  </si>
  <si>
    <t>NARAN Wala p/o More Khunda</t>
  </si>
  <si>
    <t>GPS NARANG GAUN</t>
  </si>
  <si>
    <t>Narang Village</t>
  </si>
  <si>
    <t>narang village</t>
  </si>
  <si>
    <t>Sharafat Haneef</t>
  </si>
  <si>
    <t>GPS NARANG PURANA</t>
  </si>
  <si>
    <t>Narang Purana</t>
  </si>
  <si>
    <t>village purana narang</t>
  </si>
  <si>
    <t>GPS NARANJNI</t>
  </si>
  <si>
    <t>Naranjani</t>
  </si>
  <si>
    <t>GPS naranjani</t>
  </si>
  <si>
    <t>GPS NARI</t>
  </si>
  <si>
    <t>basti jaliyain gulpur talbani tahseel khairpur tamewali dis. bahawalpur</t>
  </si>
  <si>
    <t>Basti Jaliyain</t>
  </si>
  <si>
    <t>GPS NARI DHAMRAYA</t>
  </si>
  <si>
    <t>Nari Dhamaraya</t>
  </si>
  <si>
    <t>Basti Wounday Wala  Mouza Nari Dhamaraya  Tehsil kot chutta District DGKHAN Khan</t>
  </si>
  <si>
    <t>Wounday Wala</t>
  </si>
  <si>
    <t>Nadir Hussain</t>
  </si>
  <si>
    <t>GPS NARI JANUBI</t>
  </si>
  <si>
    <t>nari shumali</t>
  </si>
  <si>
    <t>Near Madrsa dar ul Islam</t>
  </si>
  <si>
    <t>GPS NARI MIANA</t>
  </si>
  <si>
    <t>village nari miana p/o wan bhachran</t>
  </si>
  <si>
    <t>Village Nari Miana</t>
  </si>
  <si>
    <t>MuzfarPur Shumali</t>
  </si>
  <si>
    <t>GPS NARI SHUMALI</t>
  </si>
  <si>
    <t>Nari shumali</t>
  </si>
  <si>
    <t>GPS NARIAN</t>
  </si>
  <si>
    <t>village and po karahi</t>
  </si>
  <si>
    <t>GPS NARING WALI</t>
  </si>
  <si>
    <t>Naring Wali</t>
  </si>
  <si>
    <t>Government Primary School Naring Wali</t>
  </si>
  <si>
    <t>GPS NARO KI MORE KHUNDA</t>
  </si>
  <si>
    <t>Naroki</t>
  </si>
  <si>
    <t>Naroki More khunda</t>
  </si>
  <si>
    <t>GPS NAROKI THATA</t>
  </si>
  <si>
    <t>Naroki thatha</t>
  </si>
  <si>
    <t>Javed Mehmood</t>
  </si>
  <si>
    <t>GPS NAROOKI MAHJA</t>
  </si>
  <si>
    <t>GPS Naroki Mahja Pattoki Distt Kasur</t>
  </si>
  <si>
    <t>Muhammad  NAFEES</t>
  </si>
  <si>
    <t>GPS NAROWAL</t>
  </si>
  <si>
    <t>po Chak Bhatti tehsil Pindi Bhattian Dis.Hafizabad</t>
  </si>
  <si>
    <t>GPS NARRI BIG</t>
  </si>
  <si>
    <t>uc nonari basti haji sonhara tehsil ape</t>
  </si>
  <si>
    <t>Basti Haji Sonhara</t>
  </si>
  <si>
    <t>Abdul Majid Bhatti</t>
  </si>
  <si>
    <t>GPS NARU</t>
  </si>
  <si>
    <t>Bharyun Wala</t>
  </si>
  <si>
    <t>dera hathi khelanwala wala</t>
  </si>
  <si>
    <t>Rokhhary</t>
  </si>
  <si>
    <t>Muhammad Zafarullah Khan</t>
  </si>
  <si>
    <t>GPS NARWAL</t>
  </si>
  <si>
    <t>Village Narwal PO Khadriala Sarai Alamgir</t>
  </si>
  <si>
    <t>aamir hussain</t>
  </si>
  <si>
    <t>GPS NASEER KATHIA, P/O 2/8-R, TULAMBA</t>
  </si>
  <si>
    <t>Fareed Kay Kathia</t>
  </si>
  <si>
    <t>GPS Naseer Kathia Post Office Chak No 2/8-R Mirza Pur</t>
  </si>
  <si>
    <t>GPS NASEER KHAN WALA</t>
  </si>
  <si>
    <t>chah chudhary Wala raja raam</t>
  </si>
  <si>
    <t>Chudhary Wala</t>
  </si>
  <si>
    <t>Aamir Sajjad</t>
  </si>
  <si>
    <t>GPS NASEER PUR</t>
  </si>
  <si>
    <t>naseer pur village</t>
  </si>
  <si>
    <t>GPS NASIB ABAD</t>
  </si>
  <si>
    <t>Nasibabad</t>
  </si>
  <si>
    <t>Ahmad Hassan Saeed</t>
  </si>
  <si>
    <t>GPS NASIM ABAD</t>
  </si>
  <si>
    <t>Mahboob Elahi</t>
  </si>
  <si>
    <t>GPS NASIR ABAD (ADAM WALA)</t>
  </si>
  <si>
    <t>M BuxKohawar</t>
  </si>
  <si>
    <t>basti dose wala Muhammad Bux kohawar</t>
  </si>
  <si>
    <t>Dosay Wala</t>
  </si>
  <si>
    <t>HAFIZ MUHAMMAD  SHARIF</t>
  </si>
  <si>
    <t>GPS NASIR ABAD (SIPIYAN WALA)</t>
  </si>
  <si>
    <t>HassanpurKatcha</t>
  </si>
  <si>
    <t>Basti sepienwala hassanpur katcha tehsil o district muzaffar garh</t>
  </si>
  <si>
    <t>Sepyanwala</t>
  </si>
  <si>
    <t>Hassanpur Katcha</t>
  </si>
  <si>
    <t>Mujeeb Ur Rahman</t>
  </si>
  <si>
    <t>GPS NASIR ABAD BASTI KHATRAN</t>
  </si>
  <si>
    <t>Gps naseer abad basti khetran</t>
  </si>
  <si>
    <t>Basti Khetran</t>
  </si>
  <si>
    <t>Muhammad Ahamd</t>
  </si>
  <si>
    <t>GPS NASIR ABAD MAJOKA</t>
  </si>
  <si>
    <t>Nasirabad Majoka</t>
  </si>
  <si>
    <t>GPS NASIR ABBAD</t>
  </si>
  <si>
    <t>Havali Bahadur Shah</t>
  </si>
  <si>
    <t>nasirabad P/O Havali bahadur shah</t>
  </si>
  <si>
    <t>GPS NASIR KAY</t>
  </si>
  <si>
    <t>Dhool Rukna</t>
  </si>
  <si>
    <t>chak Nasir Key .Teh#depalpur,Distt#Okara</t>
  </si>
  <si>
    <t>Nasir Key</t>
  </si>
  <si>
    <t>GPS NASIR KHAN PO PAKPATTAN</t>
  </si>
  <si>
    <t>Chak Nasir khan</t>
  </si>
  <si>
    <t>Chak nasir khan</t>
  </si>
  <si>
    <t>Shehzada Gul Khan</t>
  </si>
  <si>
    <t>GPS NASIR TOWN</t>
  </si>
  <si>
    <t>nasir town FSD</t>
  </si>
  <si>
    <t>Nasir Town</t>
  </si>
  <si>
    <t>chaman zar colony</t>
  </si>
  <si>
    <t>purchased from water supplier</t>
  </si>
  <si>
    <t>GPS NATA MOHRA</t>
  </si>
  <si>
    <t>Nata</t>
  </si>
  <si>
    <t>nata</t>
  </si>
  <si>
    <t>Nata Mohra</t>
  </si>
  <si>
    <t>Mumtaz Qureshi</t>
  </si>
  <si>
    <t>GPS NATAL WALA</t>
  </si>
  <si>
    <t>Village Natal Wala Post office Wan bhachran teh &amp; dist Mianwali</t>
  </si>
  <si>
    <t>Natal Wala</t>
  </si>
  <si>
    <t>Muhammad Khlass</t>
  </si>
  <si>
    <t>GPS NATHA CHATTAR</t>
  </si>
  <si>
    <t>p.o Daultala District Rawalpindi Tehsil Gujarkhan</t>
  </si>
  <si>
    <t>GPS NATHA SINGH WALA</t>
  </si>
  <si>
    <t>Natha Singh Wala</t>
  </si>
  <si>
    <t>Natha Singh Wala, Kamaha Road, Tehsil Cantt, Lahore</t>
  </si>
  <si>
    <t>Muhammad Nusrat Mubeen Khan</t>
  </si>
  <si>
    <t>GPS NATHOT</t>
  </si>
  <si>
    <t>NATHOT</t>
  </si>
  <si>
    <t>Village Nathot P /O Diyal Tehsil Sohawa District Jhelum</t>
  </si>
  <si>
    <t>Kashif Ashraf</t>
  </si>
  <si>
    <t>GPS NATHU AMIR</t>
  </si>
  <si>
    <t>Nathu Amir</t>
  </si>
  <si>
    <t>chakbandi bandi nathu amir</t>
  </si>
  <si>
    <t>muhammad Ramzan</t>
  </si>
  <si>
    <t>GPS NATHU DAD WASLI</t>
  </si>
  <si>
    <t>Nathu Wasli</t>
  </si>
  <si>
    <t>nathu dad wasli qutab shahana sahiwal</t>
  </si>
  <si>
    <t>GPS NATHU KLAIR</t>
  </si>
  <si>
    <t>nathu klair p/o badiana teh. pasrur dis. sialkot</t>
  </si>
  <si>
    <t>GPS NATHU KOT</t>
  </si>
  <si>
    <t>Nathu Kot</t>
  </si>
  <si>
    <t>Nathu kot kala khati road Ferozewala SKP.P/O Shahadra</t>
  </si>
  <si>
    <t>GPS NATHWALA</t>
  </si>
  <si>
    <t>VPO Nathwala Tehsil Dina Distt Jhelum</t>
  </si>
  <si>
    <t>Yasar Mehmood</t>
  </si>
  <si>
    <t>GPS NATHY WALA</t>
  </si>
  <si>
    <t>basti sufi bashir ahmad joyia</t>
  </si>
  <si>
    <t>GPS NATLA KHURD</t>
  </si>
  <si>
    <t>Natlah Khurd</t>
  </si>
  <si>
    <t>Village Natlah khurd P/O Tarkhana Murida Tehsil Shakargarh District Narowal.</t>
  </si>
  <si>
    <t>GPS NATOANA</t>
  </si>
  <si>
    <t>dera natoana bashmola warn</t>
  </si>
  <si>
    <t>GPS NATT</t>
  </si>
  <si>
    <t>Village Natt tensile wazirabad</t>
  </si>
  <si>
    <t>Bohma Bath</t>
  </si>
  <si>
    <t>Nabi Ahmad</t>
  </si>
  <si>
    <t>GPS NATTO WALA KAHAR</t>
  </si>
  <si>
    <t>Natto Wala kahar</t>
  </si>
  <si>
    <t>village Natto wala kahar post office kallar Kahar tehsil kallar Kahar district chakwal</t>
  </si>
  <si>
    <t>Natto Wala Kahar</t>
  </si>
  <si>
    <t>GPS NAU ABAD</t>
  </si>
  <si>
    <t>Nau Abad</t>
  </si>
  <si>
    <t>gps nau abad moza nau abab p/0 samma satta</t>
  </si>
  <si>
    <t>Mari Shiekh shjra</t>
  </si>
  <si>
    <t>GPS NAU BERAMDA</t>
  </si>
  <si>
    <t>Rakh Chheena Malana</t>
  </si>
  <si>
    <t>basti chandia maoza rakh chheena malana</t>
  </si>
  <si>
    <t>GPS NAU LAKHI, P/O KOHI WALA, KABIRWALA</t>
  </si>
  <si>
    <t>Noulakhiwala Kohi Wala Post Office KohiWala Tehsil Kabirwala District Khaunewal</t>
  </si>
  <si>
    <t>Nou Lakhi</t>
  </si>
  <si>
    <t>GPS NAUL</t>
  </si>
  <si>
    <t>FOJIAN</t>
  </si>
  <si>
    <t>CHAK FOUJIAN PO 12GD TEHSIL&amp; DISTRICT OKARA</t>
  </si>
  <si>
    <t>FOJIAN NOUL</t>
  </si>
  <si>
    <t>MEREEK</t>
  </si>
  <si>
    <t>Muzamal Hussain</t>
  </si>
  <si>
    <t>GPS NAUMANIA BUND ROAD</t>
  </si>
  <si>
    <t>Abu Bakar Siddiq Colony</t>
  </si>
  <si>
    <t>Abu Bakar Siddiq Colony Bund Road Lhr.</t>
  </si>
  <si>
    <t>Qaisar Fayyaz</t>
  </si>
  <si>
    <t>GPS NAURANG WALA</t>
  </si>
  <si>
    <t>paigah 2</t>
  </si>
  <si>
    <t>GPS NAUROZ PUR</t>
  </si>
  <si>
    <t>Nauroz Pur</t>
  </si>
  <si>
    <t>nauroz pur post office rasool pur tehsile pindi bhattian</t>
  </si>
  <si>
    <t>GPS NAUTHEEN STATION</t>
  </si>
  <si>
    <t>jinnah colony Nautheen station, nautheen, Tehsil pindi bhattian District Hafizabad</t>
  </si>
  <si>
    <t>Jinnah Colony Nautheen Station</t>
  </si>
  <si>
    <t>Rai Nazir Ahmad</t>
  </si>
  <si>
    <t>GPS NAVEED JUNIOR MODEL AMIR ROAD</t>
  </si>
  <si>
    <t>Bhagat Pura</t>
  </si>
  <si>
    <t>Govt.Naveed Junior Model School Shadbagh Lahore</t>
  </si>
  <si>
    <t>Saima Wali Muhammad</t>
  </si>
  <si>
    <t>GPS NAWAB BAGHBAN PURA LAHORE</t>
  </si>
  <si>
    <t>Gps Nawab madina colony baghbanpura LHR</t>
  </si>
  <si>
    <t>GPS NAWAB KAY KATHIA</t>
  </si>
  <si>
    <t>Nawab K Kathia</t>
  </si>
  <si>
    <t>mouza nawab k kathia chichawatni district sahiwal</t>
  </si>
  <si>
    <t>112 7/R</t>
  </si>
  <si>
    <t>GPS NAWAB PURA</t>
  </si>
  <si>
    <t>Hamza Town Pindi Bhattian</t>
  </si>
  <si>
    <t>GPS NAWAB WALA</t>
  </si>
  <si>
    <t>gpsnawabwalla bkr.</t>
  </si>
  <si>
    <t>Nawabwala</t>
  </si>
  <si>
    <t>Muhammad Jahangir Bader</t>
  </si>
  <si>
    <t>GPS NAWAN AKHTAR ABAD</t>
  </si>
  <si>
    <t>Purna Qureshi</t>
  </si>
  <si>
    <t>chak jhanbhoo p/o  basira  m garh</t>
  </si>
  <si>
    <t>Chak Jhanbhoo</t>
  </si>
  <si>
    <t>GPS NAWAN CHAK</t>
  </si>
  <si>
    <t>Basti Gori p/o Kotla Mughlan  Tehsil Jampur District rajanpur</t>
  </si>
  <si>
    <t>Baste Gori Nawan Chak</t>
  </si>
  <si>
    <t>GPS NAWAN CHAK P/O MATOTLI</t>
  </si>
  <si>
    <t>Nawan Chak p/o Matotli Shujabad</t>
  </si>
  <si>
    <t>Mohin Pur</t>
  </si>
  <si>
    <t>GPS NAWAN GIRAN</t>
  </si>
  <si>
    <t>Nawan Giran</t>
  </si>
  <si>
    <t>Nawan Giran, P.O chak jani, PD Khan, Jhelum</t>
  </si>
  <si>
    <t>GPS NAWAN JANUBI</t>
  </si>
  <si>
    <t>Ayub Abad U/C Nawan Janubi  Choti Zareen</t>
  </si>
  <si>
    <t>Ayub Abad</t>
  </si>
  <si>
    <t>GPS NAWAN KALOKA</t>
  </si>
  <si>
    <t>Government Primary School NAWAN Kaloka, Tehsil Lalian District Chiniot</t>
  </si>
  <si>
    <t>M Nadeem</t>
  </si>
  <si>
    <t>GPS NAWAN KHOK</t>
  </si>
  <si>
    <t>Nawan Khuh</t>
  </si>
  <si>
    <t>Nawan Khuh P/o Hoikey Sheikhupura</t>
  </si>
  <si>
    <t>Bahumaan</t>
  </si>
  <si>
    <t>Samma Shahzad</t>
  </si>
  <si>
    <t>GPS NAWAN KOT MANDI FAIZ ABAD</t>
  </si>
  <si>
    <t>Rosay</t>
  </si>
  <si>
    <t>Nawankot P/O Bholay shah Teh&amp;Dist Nankana</t>
  </si>
  <si>
    <t>GPS NAWAN LOK</t>
  </si>
  <si>
    <t>nawanlok</t>
  </si>
  <si>
    <t>Nawanlok Jhelum</t>
  </si>
  <si>
    <t>GPS NAWAN LOK DHARO WALA</t>
  </si>
  <si>
    <t>Naeanlok Dharowal, gujrat</t>
  </si>
  <si>
    <t>GPS NAWAN LOK KATHA SAGHRAL</t>
  </si>
  <si>
    <t>katha saghral</t>
  </si>
  <si>
    <t>GPS NAWAN LOK LANGAY</t>
  </si>
  <si>
    <t>Nawan Lok Langay</t>
  </si>
  <si>
    <t>p o Lanlgay, nawan lok langay,gujrat,gujrat</t>
  </si>
  <si>
    <t>GPS NAWAN MANEKA KALAN</t>
  </si>
  <si>
    <t>Nawan Manika  KALAN</t>
  </si>
  <si>
    <t>GPS NAWAN MANEKA KHURD</t>
  </si>
  <si>
    <t>Nawan Maneka Khurd</t>
  </si>
  <si>
    <t>Sajjad Arif</t>
  </si>
  <si>
    <t>GPS NAWAN NOOR JAGWALA (MUDD GARRI)</t>
  </si>
  <si>
    <t>Mudgarri</t>
  </si>
  <si>
    <t>Basti Mudgarri Karor thal jandi P/ O &amp; Teh.Karor lal eson Dist.Layyah</t>
  </si>
  <si>
    <t>Manazir  Hussain</t>
  </si>
  <si>
    <t>GPS NAWAN PIND ARIAN</t>
  </si>
  <si>
    <t>Nawan Pind Arian</t>
  </si>
  <si>
    <t>Village Nawan Pind Arian, Tehsil &amp; District Sialkot</t>
  </si>
  <si>
    <t>Afrasiab Irshad Ahmed</t>
  </si>
  <si>
    <t>Private Water Filter Plant</t>
  </si>
  <si>
    <t>GPS NAWAN PIND CHEEMA</t>
  </si>
  <si>
    <t>Nawan Pind Cheema</t>
  </si>
  <si>
    <t>nawan pind cheema</t>
  </si>
  <si>
    <t>Yousaf</t>
  </si>
  <si>
    <t>GPS NAWAN PIND H-II JOHAR TOWN</t>
  </si>
  <si>
    <t>634,H-2, Johar Town,lhr</t>
  </si>
  <si>
    <t>Mehar Pura</t>
  </si>
  <si>
    <t>GPS NAWAN PIND KOT</t>
  </si>
  <si>
    <t>Nawan Pind Kot</t>
  </si>
  <si>
    <t>village nawan pind kot p/o kot bhwanidas teh &amp; distt gujranwala</t>
  </si>
  <si>
    <t>Botala  Jhanda Singh</t>
  </si>
  <si>
    <t>Muhammad Nadeem Akhter</t>
  </si>
  <si>
    <t>GPS NAWAN PIND PANDOKI</t>
  </si>
  <si>
    <t>nawan pind pandoki dakkhana kahna no lahore</t>
  </si>
  <si>
    <t>Nawa Pind Pandoki</t>
  </si>
  <si>
    <t>Mohammed Siddique</t>
  </si>
  <si>
    <t>GPS NAWAN PIND WARD NO. 1 BADDOMALHI</t>
  </si>
  <si>
    <t>Nawan Pind Badomali</t>
  </si>
  <si>
    <t>mohalla Nawan pind Baddomalhi ward No.1</t>
  </si>
  <si>
    <t>Nawan Pind Baddomal</t>
  </si>
  <si>
    <t>Munawar Ahmad</t>
  </si>
  <si>
    <t>GPS NAWAN QILA</t>
  </si>
  <si>
    <t>Nawan qila</t>
  </si>
  <si>
    <t>Olkh Hithar</t>
  </si>
  <si>
    <t>Muhammad Saleem Sajid</t>
  </si>
  <si>
    <t>GPS NAWAN QURESHI WALA</t>
  </si>
  <si>
    <t>dera rheem shah dagar qureshi darmiani</t>
  </si>
  <si>
    <t>Dagar Qureshi Darmiani</t>
  </si>
  <si>
    <t>Rizwan Zubair</t>
  </si>
  <si>
    <t>GPS NAWAN RAM KALI, MOUZA MARI SAHU, KABIRWALA</t>
  </si>
  <si>
    <t>Gps, nawan ramkalli mari sahu</t>
  </si>
  <si>
    <t>GPS NAWAN SHEHR GHARBI, KABIRWALA</t>
  </si>
  <si>
    <t>nawan shaher gharbi</t>
  </si>
  <si>
    <t>Nawan Shaher Gharbi</t>
  </si>
  <si>
    <t>Mc Kabirwala</t>
  </si>
  <si>
    <t>GPS NAWAN SIAL</t>
  </si>
  <si>
    <t>basti nawan sial mouza gujrat teh kot addu zila muzaffargarh</t>
  </si>
  <si>
    <t>Nawan Sial</t>
  </si>
  <si>
    <t>Muhammad Yousuf Pervaiz</t>
  </si>
  <si>
    <t>GPS NAWAN WADO WALA</t>
  </si>
  <si>
    <t>chah Muhammad Buksh Wala moza Nawan kot</t>
  </si>
  <si>
    <t>Chah Muhammad Buksh Wala</t>
  </si>
  <si>
    <t>Muhammad Mumtaz Iqbal</t>
  </si>
  <si>
    <t>GPS NAWANI PO SHAHNI</t>
  </si>
  <si>
    <t>Gps nawani p/o shahani Bhakkar</t>
  </si>
  <si>
    <t>Nawani</t>
  </si>
  <si>
    <t>GPS NAWANPIND</t>
  </si>
  <si>
    <t>Village Nawanpind Dongian post office Nonar Tehsil and District Narowal</t>
  </si>
  <si>
    <t>GPS NAWAZ ABAD MOUZA SHADI KACHALA P/O GHAZI PUR</t>
  </si>
  <si>
    <t>moza shadi  kachala</t>
  </si>
  <si>
    <t>Akhlaq ahmad</t>
  </si>
  <si>
    <t>GPS NAWAZ ABAD NO 1</t>
  </si>
  <si>
    <t>GPS NAWAZ DIRKHAN WALA</t>
  </si>
  <si>
    <t>Nawaz Dirkhan Wala  Tehsile Chobara Distt. Layyah</t>
  </si>
  <si>
    <t>Nawaz Dirkhan Wala</t>
  </si>
  <si>
    <t>Nosheen Aslam</t>
  </si>
  <si>
    <t>GPS NAWAZ KALRU WALA</t>
  </si>
  <si>
    <t>Pahar Pur Nashaib</t>
  </si>
  <si>
    <t>chah shakre wala pahar pur nashaib tehs &amp; dist Layyah</t>
  </si>
  <si>
    <t>SAJID KAREEM</t>
  </si>
  <si>
    <t>GPS NAWAZ PUR MOUZA KACHI ZAMA</t>
  </si>
  <si>
    <t>Kachi zama</t>
  </si>
  <si>
    <t>GBPS Nawaz Pur, Basti Habib Kot, Mouza Kachi Zama, P/O Rukan Pur
Tehsil &amp; Distt. Rahim Yar Khan</t>
  </si>
  <si>
    <t>GPS NAWAZISH ABAD RAIWIND ROAD</t>
  </si>
  <si>
    <t>Nawazish Abad near EME housing society Lahore</t>
  </si>
  <si>
    <t>Israr Khan</t>
  </si>
  <si>
    <t>GPS NAYA KAMBOKA</t>
  </si>
  <si>
    <t>Chak No 12 Jb</t>
  </si>
  <si>
    <t>Chak no 12 jb salotrian wla chiniot</t>
  </si>
  <si>
    <t>GPS NAZAM ABAD</t>
  </si>
  <si>
    <t>GPS NAZAM PURA</t>
  </si>
  <si>
    <t>GPS NAZAR HAYAT WALA</t>
  </si>
  <si>
    <t>Nano Wais</t>
  </si>
  <si>
    <t>GPS moza nazar Hayat wala p/o verowal tehsil Bhera disst sargodha</t>
  </si>
  <si>
    <t>Nazar Hayat Wala</t>
  </si>
  <si>
    <t>GPS NAZAR HUSSAIN DASHTI</t>
  </si>
  <si>
    <t>Kotla Khan Laar</t>
  </si>
  <si>
    <t>Basti Meer Chakar khan Dashti</t>
  </si>
  <si>
    <t>Basti Meer Chakar Khan Dashti</t>
  </si>
  <si>
    <t>Dhandh Gaghri</t>
  </si>
  <si>
    <t>ghulam Fareed</t>
  </si>
  <si>
    <t>GPS NAZAR MUHAMMAD JHULAN</t>
  </si>
  <si>
    <t>Bait Soi</t>
  </si>
  <si>
    <t>Adda 22 wala mouza bait soi P/O Thul Hamza Teh liquat Pur Dist RYK</t>
  </si>
  <si>
    <t>GPS NAZER PAKA</t>
  </si>
  <si>
    <t>Nazer Pakka</t>
  </si>
  <si>
    <t>nazar pakka</t>
  </si>
  <si>
    <t>Nazar Pakka</t>
  </si>
  <si>
    <t>GPS NAZIR PURA</t>
  </si>
  <si>
    <t>Nazir Pura</t>
  </si>
  <si>
    <t>village Nazir Pura p/o Chakrala Sialkot</t>
  </si>
  <si>
    <t>Tasadaq Hussain</t>
  </si>
  <si>
    <t>GPS NAZOO WALA</t>
  </si>
  <si>
    <t>Haji Hussain Shah Dagger</t>
  </si>
  <si>
    <t>Chah Nazoo Wala</t>
  </si>
  <si>
    <t>Muhammad Taqi Shah</t>
  </si>
  <si>
    <t>GPS NEAMAT ALI SHAH</t>
  </si>
  <si>
    <t>dera mian anwar</t>
  </si>
  <si>
    <t>Dera Mian Anwar</t>
  </si>
  <si>
    <t>Nazir Hussain</t>
  </si>
  <si>
    <t>GPS NEEL GARH</t>
  </si>
  <si>
    <t>Neel-garh</t>
  </si>
  <si>
    <t>neelgarh</t>
  </si>
  <si>
    <t>Shahid-hassan</t>
  </si>
  <si>
    <t>GPS NEEL KOT NEEL KOT BOSAN ROAD MULTAN</t>
  </si>
  <si>
    <t>Neelkot</t>
  </si>
  <si>
    <t>Sabzar Colony, Neelkot Bosan Road Multan</t>
  </si>
  <si>
    <t>GPS NEELI LAKRI</t>
  </si>
  <si>
    <t>Grozen</t>
  </si>
  <si>
    <t>GPS NEELI LAKRRI</t>
  </si>
  <si>
    <t>Basti Peer Bux</t>
  </si>
  <si>
    <t>GPS NEHAL MAHAR</t>
  </si>
  <si>
    <t>nehal mahar</t>
  </si>
  <si>
    <t>GPS NEHALAY WALA</t>
  </si>
  <si>
    <t>Chan Nehalay Wala , Mouza Chatta Jhang</t>
  </si>
  <si>
    <t>GPS NEHALAY WALA, ABDUL HAKIM</t>
  </si>
  <si>
    <t>Nehalay Wala Teh: Kabirwala Khanewal</t>
  </si>
  <si>
    <t>Basti Nehalay Wala</t>
  </si>
  <si>
    <t>GPS NEHALO CHAK</t>
  </si>
  <si>
    <t>Nehalo Chak</t>
  </si>
  <si>
    <t>nehalo chak wazirabad gujranwala</t>
  </si>
  <si>
    <t>GPS NEHLA ABAD P/O DHUPAI</t>
  </si>
  <si>
    <t>Nehla Abad</t>
  </si>
  <si>
    <t>chak nehla abad po dhappi pakpattan</t>
  </si>
  <si>
    <t>Dhappi</t>
  </si>
  <si>
    <t>GPS NEW ASIR WALA</t>
  </si>
  <si>
    <t>basti chaudhery  Asgher Ali moza kot ratta jatoi</t>
  </si>
  <si>
    <t>Basti Chaudhery  Asgher Ali</t>
  </si>
  <si>
    <t>Muhammad Madni</t>
  </si>
  <si>
    <t>GPS NEW BAZAR KAMALIA</t>
  </si>
  <si>
    <t>Moh.Nia Bazar kamalia</t>
  </si>
  <si>
    <t>Ward No 20</t>
  </si>
  <si>
    <t>GPS NEW BHAIDIAN WALI</t>
  </si>
  <si>
    <t>DAAG</t>
  </si>
  <si>
    <t>GPS NEW BHAIDAIN WALI</t>
  </si>
  <si>
    <t>GPS NEW BINDI</t>
  </si>
  <si>
    <t>basti bindi</t>
  </si>
  <si>
    <t>GPS NEW BONTRA</t>
  </si>
  <si>
    <t>New Bontra</t>
  </si>
  <si>
    <t>new bontra</t>
  </si>
  <si>
    <t>village hand pump</t>
  </si>
  <si>
    <t>GPS NEW BUGHLANI</t>
  </si>
  <si>
    <t>P/o: Bughlani Tehsil Taunsa district DGKhan</t>
  </si>
  <si>
    <t>GPS NEW BUKEN WALI</t>
  </si>
  <si>
    <t>Mehmood Botti</t>
  </si>
  <si>
    <t>New bukanwal shalimar town lahore</t>
  </si>
  <si>
    <t>Maqsood Asghar</t>
  </si>
  <si>
    <t>GPS NEW CENTRAL JAIL</t>
  </si>
  <si>
    <t>KARNA</t>
  </si>
  <si>
    <t>NEW CENTRAL JAIL ROAD BAHAWALPUR</t>
  </si>
  <si>
    <t>BASTI ARIF COLONY</t>
  </si>
  <si>
    <t>Naeem Haider</t>
  </si>
  <si>
    <t>GPS NEW CHAKORI</t>
  </si>
  <si>
    <t>Village New Chakori (Chakori Bhelowal ) Gujjo Road Gujrat</t>
  </si>
  <si>
    <t>New Chakori</t>
  </si>
  <si>
    <t>GPS NEW CHHTTEY WALA</t>
  </si>
  <si>
    <t>khanpur shumali</t>
  </si>
  <si>
    <t>GPS New Chatty wala markaz khanpur  ,tehsil kot chutta,district dera ghazi khan</t>
  </si>
  <si>
    <t>dhoaan anayat shah</t>
  </si>
  <si>
    <t>basti foja</t>
  </si>
  <si>
    <t>Ejaz Iqbal</t>
  </si>
  <si>
    <t>GPS NEW DANGRA, TULAMBA</t>
  </si>
  <si>
    <t>8/8R</t>
  </si>
  <si>
    <t>Chak No 8/ 8_R Gps New Dangra</t>
  </si>
  <si>
    <t>8/8-R Afridi Wala</t>
  </si>
  <si>
    <t>GPS NEW GUL PERA P.O MANDRA</t>
  </si>
  <si>
    <t>Gulpera</t>
  </si>
  <si>
    <t>Gov.t Boys Primary School New Gulpera Markaz Mandra Gujar Khan</t>
  </si>
  <si>
    <t>Sunjoot</t>
  </si>
  <si>
    <t>Ghungreela</t>
  </si>
  <si>
    <t>Tahir Pervaiz Bhatti</t>
  </si>
  <si>
    <t>GPS NEW GUT</t>
  </si>
  <si>
    <t>Kathgarh</t>
  </si>
  <si>
    <t>GPS New Gut</t>
  </si>
  <si>
    <t>Lal Wali Jhok</t>
  </si>
  <si>
    <t>Muhammad Ismail Raza</t>
  </si>
  <si>
    <t>GPS NEW HAIRO EAST TAUNSA</t>
  </si>
  <si>
    <t>village lalo</t>
  </si>
  <si>
    <t>GPS NEW HASSAN WALA</t>
  </si>
  <si>
    <t>Bait Nahrki</t>
  </si>
  <si>
    <t>Basti gadi</t>
  </si>
  <si>
    <t>Basti Gadi</t>
  </si>
  <si>
    <t>GPS NEW JANDOWAL</t>
  </si>
  <si>
    <t>New Janduwall</t>
  </si>
  <si>
    <t>new janduwall</t>
  </si>
  <si>
    <t>Kanduwall</t>
  </si>
  <si>
    <t>GPS NEW KAN WALA</t>
  </si>
  <si>
    <t>GPS New kan wala</t>
  </si>
  <si>
    <t>Basti Jan Muhammad Marha</t>
  </si>
  <si>
    <t>Muhammad Farhan Ahmad</t>
  </si>
  <si>
    <t>GPS NEW KARIM ABAD</t>
  </si>
  <si>
    <t>GPS NEW KARIM ABAD JAMPUR EAST</t>
  </si>
  <si>
    <t>GPS NEW KOTLA NASEER</t>
  </si>
  <si>
    <t>gps new kotla naseer</t>
  </si>
  <si>
    <t>Abdul Bari</t>
  </si>
  <si>
    <t>GPS NEW LEGHARI</t>
  </si>
  <si>
    <t>KOTHA MUBARAK P/O LITRA TEHSILTAUNSA DISTT DGK</t>
  </si>
  <si>
    <t>KOTHA MUBARAK</t>
  </si>
  <si>
    <t>GPS NEW MALIK WALA</t>
  </si>
  <si>
    <t>Thali Wala</t>
  </si>
  <si>
    <t>Aziz ur Rehman</t>
  </si>
  <si>
    <t>GPS NEW MANDHAR</t>
  </si>
  <si>
    <t>Jallowali</t>
  </si>
  <si>
    <t>GPS NEW MANDI SUKHEKE</t>
  </si>
  <si>
    <t>New Mandi</t>
  </si>
  <si>
    <t>new mandi sukheki</t>
  </si>
  <si>
    <t>mc Sukheke</t>
  </si>
  <si>
    <t>GPS NEW MANGA</t>
  </si>
  <si>
    <t>New Manga</t>
  </si>
  <si>
    <t>New Manga, Pasrur, Sialkot</t>
  </si>
  <si>
    <t>GPS NEW MARI</t>
  </si>
  <si>
    <t>basti raisan wala paigah</t>
  </si>
  <si>
    <t>Raisen Wala</t>
  </si>
  <si>
    <t>Harrum Gul</t>
  </si>
  <si>
    <t>GPS NEW NOSHARA</t>
  </si>
  <si>
    <t>gps new noshehra school jalal pur jattan gujrat</t>
  </si>
  <si>
    <t>New Noshehra</t>
  </si>
  <si>
    <t>Jp Jattan 2</t>
  </si>
  <si>
    <t>Syed Kashif Ali Shah</t>
  </si>
  <si>
    <t>GPS NEW PLOT GOJRA ST. NO. 4 W-17</t>
  </si>
  <si>
    <t>New plot, street no. 4 w-17 ,Gojra</t>
  </si>
  <si>
    <t>GPS NEW PUBLIC ISLAMIA TOWNSHIP</t>
  </si>
  <si>
    <t>161 15 b1 township lahore</t>
  </si>
  <si>
    <t>FAIZA Azmat</t>
  </si>
  <si>
    <t>GPS NEW PUBLIC RAWALPINDI</t>
  </si>
  <si>
    <t>mohallah Ayubabad pirwadhai rwp</t>
  </si>
  <si>
    <t>Mohammad Azad</t>
  </si>
  <si>
    <t>GPS NEW SEED FARM CHAK NO.38 NB</t>
  </si>
  <si>
    <t>Chak 38nb Sgd</t>
  </si>
  <si>
    <t>GPS NEW SEED FARM SGD CHAK NO.38 NB SARGODHA</t>
  </si>
  <si>
    <t>Chak 34nb Sgd</t>
  </si>
  <si>
    <t>GPS NEW SIKANDAR ABAD</t>
  </si>
  <si>
    <t>Koohar</t>
  </si>
  <si>
    <t>Basti Sikandar Abad P/O Vahoa Teh.Taunsa Distt.DG Khan</t>
  </si>
  <si>
    <t>GPS NEW STANDARD CHAK JHUMRA</t>
  </si>
  <si>
    <t>Mohalla Muhammad Pura Chak Jhumra Faisalabad</t>
  </si>
  <si>
    <t>Zahid Naseem</t>
  </si>
  <si>
    <t>GPS NEW SUFI PURA (AL FATEH NOOR)</t>
  </si>
  <si>
    <t>New Sufi Pura</t>
  </si>
  <si>
    <t>New sufi pura Teh &amp; Distt M.B.Din</t>
  </si>
  <si>
    <t>GPS NIA MIANA PURA WEST</t>
  </si>
  <si>
    <t>Nia Miana Pura W</t>
  </si>
  <si>
    <t>Nia Miana Pura west Sialkot</t>
  </si>
  <si>
    <t>Nia Miana Pura west</t>
  </si>
  <si>
    <t>GPS NIA SOHAWA</t>
  </si>
  <si>
    <t>New sohawa teh : pasrur dist : sialkot p / o ratta bajwa</t>
  </si>
  <si>
    <t>New sohawa</t>
  </si>
  <si>
    <t>Checher Wali</t>
  </si>
  <si>
    <t>Ijazrasool</t>
  </si>
  <si>
    <t>GPS NIAZ BAIG</t>
  </si>
  <si>
    <t>Slamat Pura</t>
  </si>
  <si>
    <t>gps niaz baig slamat  pura</t>
  </si>
  <si>
    <t>Niaz Big</t>
  </si>
  <si>
    <t>Khald Naseeb Khan</t>
  </si>
  <si>
    <t>GPS NIAZ PUR PO ASHRAF SHAH</t>
  </si>
  <si>
    <t>Niazpur</t>
  </si>
  <si>
    <t>MUZANIAZPUR</t>
  </si>
  <si>
    <t>Aliwha</t>
  </si>
  <si>
    <t>GPS NIBBU WALA</t>
  </si>
  <si>
    <t>nibbuwala</t>
  </si>
  <si>
    <t>Nibbu Wala</t>
  </si>
  <si>
    <t>GPS NICHAN THAL</t>
  </si>
  <si>
    <t>GPS NICHAN THAL Mauza Kundal Khokhran Tehsil Ahmad pur  Sial</t>
  </si>
  <si>
    <t>Jabir  Ali Shahid</t>
  </si>
  <si>
    <t>GPS NIDALA SINDWAN</t>
  </si>
  <si>
    <t>nadala sandhuan</t>
  </si>
  <si>
    <t>village nadala sandhuan post office wadala sandhuan</t>
  </si>
  <si>
    <t>USAMA ZAFAR</t>
  </si>
  <si>
    <t>GPS NIDO SARAY</t>
  </si>
  <si>
    <t>Nido Saray</t>
  </si>
  <si>
    <t>GPS Nido saray</t>
  </si>
  <si>
    <t>Nido Saray Kalan</t>
  </si>
  <si>
    <t>Chak Chuadary</t>
  </si>
  <si>
    <t>Muhammad  Shafiq</t>
  </si>
  <si>
    <t>GPS NIEVI RASOOL PUR</t>
  </si>
  <si>
    <t>Neveen Rasoolpur</t>
  </si>
  <si>
    <t>niveen rasoolpur narowal</t>
  </si>
  <si>
    <t>GPS NIHAL WALA</t>
  </si>
  <si>
    <t>Nihal Wala</t>
  </si>
  <si>
    <t>basti mouza nihal wala</t>
  </si>
  <si>
    <t>GPS NIHALKA</t>
  </si>
  <si>
    <t>nehalka</t>
  </si>
  <si>
    <t>nehalka p.o noor sir district bwn</t>
  </si>
  <si>
    <t>noor sir</t>
  </si>
  <si>
    <t>Muhammad Iqbal Shahid</t>
  </si>
  <si>
    <t>GPS NIJABAT</t>
  </si>
  <si>
    <t>Nijabat</t>
  </si>
  <si>
    <t>Mouza Nijabat</t>
  </si>
  <si>
    <t>Havali Shekh Rajoo</t>
  </si>
  <si>
    <t>GPS NIKA KEILA</t>
  </si>
  <si>
    <t>village nikka Kaila p.o mitranwali tehsil daska sialkot</t>
  </si>
  <si>
    <t>Mansoor Ali</t>
  </si>
  <si>
    <t>GPS NIKKA DOULTANA (De-consolidated April-2016)</t>
  </si>
  <si>
    <t>Nikka Doultana</t>
  </si>
  <si>
    <t>GPS Nikka Doultana jhang</t>
  </si>
  <si>
    <t>GPS NIKKAH BALOCHAN</t>
  </si>
  <si>
    <t>Nikkah Balochan</t>
  </si>
  <si>
    <t>Mouza Nikkah Balochan Markaz Massan</t>
  </si>
  <si>
    <t>PirKot Sadhana</t>
  </si>
  <si>
    <t>GPS NIKKI SHAFI P/O SHAFI ARIFWALA</t>
  </si>
  <si>
    <t>NIKKI SHAFI</t>
  </si>
  <si>
    <t>GPS NIKKI SHAFI</t>
  </si>
  <si>
    <t>Nikki Shafi</t>
  </si>
  <si>
    <t>Chak Shafii</t>
  </si>
  <si>
    <t>GPS NIKOO</t>
  </si>
  <si>
    <t>Nikoo</t>
  </si>
  <si>
    <t>village Nikoo Tehsil Taxila</t>
  </si>
  <si>
    <t>Lab Thatho</t>
  </si>
  <si>
    <t>Faisal Shehzad</t>
  </si>
  <si>
    <t>GPS NILIAN WALI</t>
  </si>
  <si>
    <t>nilian wali p/0 mandi sadiq gung minchin abad</t>
  </si>
  <si>
    <t>GPS NIMTAS MIANI</t>
  </si>
  <si>
    <t>nimtas</t>
  </si>
  <si>
    <t>Kotahmad</t>
  </si>
  <si>
    <t>Syed Saleem Abbas Sherazi</t>
  </si>
  <si>
    <t>GPS NISHTAR COLONY MULTAN</t>
  </si>
  <si>
    <t>Ward November 58</t>
  </si>
  <si>
    <t>Nishtar colony multan</t>
  </si>
  <si>
    <t>Nishter Town</t>
  </si>
  <si>
    <t>Abdullah Shakeel</t>
  </si>
  <si>
    <t>GPS NITHAR KAY</t>
  </si>
  <si>
    <t>Nitherkay Tehsil Bhowana District Chiniot</t>
  </si>
  <si>
    <t>GPS NITHER KAY</t>
  </si>
  <si>
    <t>nitherkay p/o same teh nowshera virkan gujjranwala</t>
  </si>
  <si>
    <t>GPS NITHIAL</t>
  </si>
  <si>
    <t>Nithial</t>
  </si>
  <si>
    <t>Village Nithial Teh Pindi Gheb District  Attock</t>
  </si>
  <si>
    <t>GPS NITHRAN WALI</t>
  </si>
  <si>
    <t>Nithranwali</t>
  </si>
  <si>
    <t>village nithran wali teh,kamoke Grw</t>
  </si>
  <si>
    <t>Gunnaur</t>
  </si>
  <si>
    <t>Gulam Mujtaba</t>
  </si>
  <si>
    <t>GPS NIWAN THEH</t>
  </si>
  <si>
    <t>NIWAN THEH MUSTAFABD</t>
  </si>
  <si>
    <t>MC Mustafabad</t>
  </si>
  <si>
    <t>Muhammad Haseeb Ahmed</t>
  </si>
  <si>
    <t>GPS NIZAM ABAD PO KUNDIAN</t>
  </si>
  <si>
    <t>Mohallah Nizamabad kundian</t>
  </si>
  <si>
    <t>GPS NIZAM ADLIKEY P.O 23-S.P</t>
  </si>
  <si>
    <t>NIZAM ADLIKAY Pakpattan</t>
  </si>
  <si>
    <t>CHAK NIZAM ADLIKAY</t>
  </si>
  <si>
    <t>TWANA KALAN</t>
  </si>
  <si>
    <t>MUHAMMAD ARIF QAYYUM</t>
  </si>
  <si>
    <t>GPS NIZAM DIRIG</t>
  </si>
  <si>
    <t>basti nizam drigh mouza Dashti p/o thull hamza tehsil liaquatpur district rahim yar khan</t>
  </si>
  <si>
    <t>Basti nizam Drigh</t>
  </si>
  <si>
    <t>GPS NIZAM PUR DHAKA</t>
  </si>
  <si>
    <t>Bahar colony kot abdul maliktehsil ferozawala district sheikhupura</t>
  </si>
  <si>
    <t>Bahar Colony Kot Abdul Malik</t>
  </si>
  <si>
    <t>GPS NIZAM PURA CHAK NO. 80/RB</t>
  </si>
  <si>
    <t>Nizam Pura Chak No 80</t>
  </si>
  <si>
    <t>Gps nizam pura chak 80</t>
  </si>
  <si>
    <t>Nizam Pura Chak 80</t>
  </si>
  <si>
    <t>GPS NIZAM PURA DEWA SINGH WALA CHAK 38/RB</t>
  </si>
  <si>
    <t>Dewa Singh</t>
  </si>
  <si>
    <t>nizam pura deva singh chak 38 tehseel shahkot district nankana</t>
  </si>
  <si>
    <t>Nizam Pura Dewa Singh</t>
  </si>
  <si>
    <t>Abdu R Rasheed</t>
  </si>
  <si>
    <t>GPS NIZAM WALA MOUZA NOSHAHERA NASHIB</t>
  </si>
  <si>
    <t>Basti Hans Mouza Noshehra Nasheeb</t>
  </si>
  <si>
    <t>Basti Hans</t>
  </si>
  <si>
    <t>GPS NLLAH</t>
  </si>
  <si>
    <t>Village waghal po waghal tehsil kotli sattian district rawalpindi</t>
  </si>
  <si>
    <t>GPS NO 1 BHOWANA</t>
  </si>
  <si>
    <t>Mohalla Aziz abad Bhowana</t>
  </si>
  <si>
    <t>MC 44</t>
  </si>
  <si>
    <t>GPS NO 1 CHAK BAHADUR</t>
  </si>
  <si>
    <t>Chak Bahadar</t>
  </si>
  <si>
    <t>GPS NO 1 KOT MUSA KHAN</t>
  </si>
  <si>
    <t>kot musa khan 1</t>
  </si>
  <si>
    <t>GPS NO 10/4L</t>
  </si>
  <si>
    <t>10/4-L</t>
  </si>
  <si>
    <t>10/4-L Okara</t>
  </si>
  <si>
    <t>Shamaun</t>
  </si>
  <si>
    <t>GPS NO 2 BHOWANA</t>
  </si>
  <si>
    <t>Ward No 8 Bhowana</t>
  </si>
  <si>
    <t>Municipal Committy Bhowana</t>
  </si>
  <si>
    <t>GPS NO 2 BORANAWALA</t>
  </si>
  <si>
    <t>Borana Wala Khas</t>
  </si>
  <si>
    <t>Tahla Khatwan</t>
  </si>
  <si>
    <t>muhammad ramzan ghafari</t>
  </si>
  <si>
    <t>GPS NO 2 CHAK BAHADUR</t>
  </si>
  <si>
    <t>chak bahadar</t>
  </si>
  <si>
    <t>Kanway Wala</t>
  </si>
  <si>
    <t>GPS NO 2 CHAK NO 115 SB</t>
  </si>
  <si>
    <t>115 Sb</t>
  </si>
  <si>
    <t>chak no.115 sb tehsil &amp; district Sargodha</t>
  </si>
  <si>
    <t>Chak No115 sb</t>
  </si>
  <si>
    <t>AKHTAR RASOOL</t>
  </si>
  <si>
    <t>clean water is bought in canes and billed on monthly bases as we are informed through lab test that the school pump's water is inappropriate and test report has prohibited pump's water</t>
  </si>
  <si>
    <t>GPS NO 2 CHAKRALA</t>
  </si>
  <si>
    <t>p/o chakrala</t>
  </si>
  <si>
    <t>Zia Ur Rehman Farooqi</t>
  </si>
  <si>
    <t>GPS NO 2 ISA KHEL PO ISA KHEL TEH MIANWALI</t>
  </si>
  <si>
    <t>Mohallah esaab KHEL tehsil Isa KHEL district mianwali</t>
  </si>
  <si>
    <t>Sher Ali Khan</t>
  </si>
  <si>
    <t>GPS NO 2 KHURRIANWALA 266 RB</t>
  </si>
  <si>
    <t>266 RB khurrianwala</t>
  </si>
  <si>
    <t>Muhammad Sohail Majeed</t>
  </si>
  <si>
    <t>GPS NO 2 PAIL</t>
  </si>
  <si>
    <t>Haytum Khan</t>
  </si>
  <si>
    <t>public scheme</t>
  </si>
  <si>
    <t>GPS NO 3 HAVELI</t>
  </si>
  <si>
    <t>haveli</t>
  </si>
  <si>
    <t>mohallah mall mandi haveli lakha tehsil depalpur district okara</t>
  </si>
  <si>
    <t>haveli lakha mohallah mall mandi</t>
  </si>
  <si>
    <t>Mchaveli</t>
  </si>
  <si>
    <t>zafar javed</t>
  </si>
  <si>
    <t>GPS NO 3 NAROWAL</t>
  </si>
  <si>
    <t>Gunj Hussain Abad Narowal</t>
  </si>
  <si>
    <t>Near Railway station Gunj Hussain Abad Narowal</t>
  </si>
  <si>
    <t>Muhammad Nawaz Malik</t>
  </si>
  <si>
    <t>GPS NO 3 TANDLIANWALA</t>
  </si>
  <si>
    <t>ward  no 14  tandlianwala</t>
  </si>
  <si>
    <t>GPS NO 6 TANDLIANWALA</t>
  </si>
  <si>
    <t>lqbal. colony. tanflianwala</t>
  </si>
  <si>
    <t>CC TANDLIANWALA</t>
  </si>
  <si>
    <t>Muhammad abbas</t>
  </si>
  <si>
    <t>GPS NO 8 TANDLIANWALA</t>
  </si>
  <si>
    <t>Mohalla Mubarik pura Tandlianwala</t>
  </si>
  <si>
    <t>Mohalla Mubarik pura street no 10 Tandlianwala</t>
  </si>
  <si>
    <t>City Tandlianwala</t>
  </si>
  <si>
    <t>GPS NO. 1 ADHI SARGAL</t>
  </si>
  <si>
    <t>VPO ADHI SARGAL TEHSIL NOOR PUR THAL DISTRICT  KHUSHAB</t>
  </si>
  <si>
    <t>GPS NO. 1 AHMED ABAD</t>
  </si>
  <si>
    <t>Ahmedabad  Narowal</t>
  </si>
  <si>
    <t>GPS NO. 1 BHALWAL CITY</t>
  </si>
  <si>
    <t>GPS no 1 bhalwal</t>
  </si>
  <si>
    <t>Bhalwal City</t>
  </si>
  <si>
    <t>Muhammad Akhtar Bashir</t>
  </si>
  <si>
    <t>GPS NO. 1 BHIKHI SHARIF</t>
  </si>
  <si>
    <t>BHIKHI SHAREEF</t>
  </si>
  <si>
    <t>VPO BHIKHI SHAREEF</t>
  </si>
  <si>
    <t>Syed Asad Ali Shirazi</t>
  </si>
  <si>
    <t>GPS NO. 1 CHAK NO.226/ EB</t>
  </si>
  <si>
    <t>Chak 226/eb</t>
  </si>
  <si>
    <t>chak no 226/eb</t>
  </si>
  <si>
    <t>226/eb</t>
  </si>
  <si>
    <t>GPS NO. 1 CHAK NO.41 SB</t>
  </si>
  <si>
    <t>41 SB</t>
  </si>
  <si>
    <t>CHAK NO41 SB</t>
  </si>
  <si>
    <t>Chak 41 SB</t>
  </si>
  <si>
    <t>Naeemullah</t>
  </si>
  <si>
    <t>GPS NO. 1 DERA ATHAL</t>
  </si>
  <si>
    <t>GPS NO.I DERA ATHAL,VPO KHURA,TEH.NAUSHEHRA,DISTT.KHUSHAB</t>
  </si>
  <si>
    <t>from near by mosque via pipe line</t>
  </si>
  <si>
    <t>GPS NO. 1 DHOKRI</t>
  </si>
  <si>
    <t>Dhokri  tehsil  Quaidabad  District  Khushab</t>
  </si>
  <si>
    <t>Choaha</t>
  </si>
  <si>
    <t>GPS NO. 1 FATEH PUR</t>
  </si>
  <si>
    <t>Chattay Wala Mouza Fateh Pur</t>
  </si>
  <si>
    <t>Jamshed Ali</t>
  </si>
  <si>
    <t>GPS NO. 1 HADALI</t>
  </si>
  <si>
    <t>Govt Primary school No:1 Hadali</t>
  </si>
  <si>
    <t>Ahmed Nawaz</t>
  </si>
  <si>
    <t>GPS NO. 1 HUJRA</t>
  </si>
  <si>
    <t>Hujra Shah muqeem</t>
  </si>
  <si>
    <t>main bazaar hujra shah muqeem</t>
  </si>
  <si>
    <t>Municipal committee hujra</t>
  </si>
  <si>
    <t>GPS NO. 1 JALAL PUR BHATTIAN</t>
  </si>
  <si>
    <t>Alum Pura</t>
  </si>
  <si>
    <t>mohala alum pura</t>
  </si>
  <si>
    <t>Mc Jpb</t>
  </si>
  <si>
    <t>Umair Maqsood</t>
  </si>
  <si>
    <t>GPS NO. 1 JHAWARIAN</t>
  </si>
  <si>
    <t>Rab nawaz</t>
  </si>
  <si>
    <t>GPS NO. 1 JHUGIAN</t>
  </si>
  <si>
    <t>village jhugian p/o Rajar teh &amp;distt khushab</t>
  </si>
  <si>
    <t>Waqar Ul Hasnain Shah</t>
  </si>
  <si>
    <t>GPS NO. 1 JOYIA</t>
  </si>
  <si>
    <t>Gps no1 Joyia Teh and Distt Khushab</t>
  </si>
  <si>
    <t>GPS NO. 1 KALA BAGH</t>
  </si>
  <si>
    <t>moh eid gah kalabagh</t>
  </si>
  <si>
    <t>GPS NO. 1 LADHAY WALA WARRAICH</t>
  </si>
  <si>
    <t>Ladhewala Warraich</t>
  </si>
  <si>
    <t>Hafizabad Road Near Tanki Paniwali GPS No.1 Ladhewala Warraich GRW</t>
  </si>
  <si>
    <t>GPS NO. 1 LAL HUSSAIN</t>
  </si>
  <si>
    <t>lal Hussain</t>
  </si>
  <si>
    <t>Joran Kalan</t>
  </si>
  <si>
    <t>GPS NO. 1 MANANWALA</t>
  </si>
  <si>
    <t>Nadeem Abad</t>
  </si>
  <si>
    <t>mohallah nadeem abad near saim naala mananwala tehsil and district sheikhupura</t>
  </si>
  <si>
    <t>TMA MANANWALA</t>
  </si>
  <si>
    <t>GPS NO. 1 MITHA TIWANA</t>
  </si>
  <si>
    <t>MITHA TIWANA</t>
  </si>
  <si>
    <t>Najmi Chok Mitha Tiwana</t>
  </si>
  <si>
    <t>RaoMuhammad Khalid</t>
  </si>
  <si>
    <t>GPS NO. 1 MUSTAFA ABAD</t>
  </si>
  <si>
    <t>Shah Nawaz chowk Mustafabad</t>
  </si>
  <si>
    <t>Muhammad Jamil Malik</t>
  </si>
  <si>
    <t>GPS NO. 1 NAUSHERA</t>
  </si>
  <si>
    <t>Noushera Tehsil Noushera district Khushab</t>
  </si>
  <si>
    <t>MC Noushera</t>
  </si>
  <si>
    <t>Shukat Iqbal</t>
  </si>
  <si>
    <t>GPS NO. 1 PADHRAR</t>
  </si>
  <si>
    <t>GPS NO. 1 TAMMAN PO TAMMAN</t>
  </si>
  <si>
    <t>Vil&amp;poTamman</t>
  </si>
  <si>
    <t>GPS NO. 1 ZAFARWAL</t>
  </si>
  <si>
    <t>GPS NO. 2 AHMAD ABAD TOWN COMMITTEE</t>
  </si>
  <si>
    <t>Ahmad Abad Narowal</t>
  </si>
  <si>
    <t>GPS NO. 2 AHMEDAL</t>
  </si>
  <si>
    <t>Village Ahmedal Tehsil Quaidabad District Khushab</t>
  </si>
  <si>
    <t>Gunjial Shimali</t>
  </si>
  <si>
    <t>by filling water cooler</t>
  </si>
  <si>
    <t>GPS NO. 2 ATHAL</t>
  </si>
  <si>
    <t>p.o khura distt khushab teh noshara</t>
  </si>
  <si>
    <t>GPS NO. 2 BUCHAL KALAN</t>
  </si>
  <si>
    <t>REHAN MOHALLAH BUCHAL KALAN</t>
  </si>
  <si>
    <t>GPS NO. 2 CHAK JHUMRA</t>
  </si>
  <si>
    <t>MohallahTariq Colony, Chak Jhumra, Faisalabad.</t>
  </si>
  <si>
    <t>Qamar uz Zaman</t>
  </si>
  <si>
    <t>GPS NO. 2 CHUNIAN</t>
  </si>
  <si>
    <t>GPS NO. 2 DAUD KHEL</t>
  </si>
  <si>
    <t>Daud Khel City</t>
  </si>
  <si>
    <t>Moh.sallar Daud khel city</t>
  </si>
  <si>
    <t>MC Daud Khel City</t>
  </si>
  <si>
    <t>GPS NO. 2 DHOKRI</t>
  </si>
  <si>
    <t>tehsil quaidabad village dhokri</t>
  </si>
  <si>
    <t>local water commity</t>
  </si>
  <si>
    <t>GPS NO. 2 DINA</t>
  </si>
  <si>
    <t>Mohala Azad Shah Dian District Jhelum</t>
  </si>
  <si>
    <t>Urban 2 Dina</t>
  </si>
  <si>
    <t>GPS NO. 2 GAKHAR</t>
  </si>
  <si>
    <t>GPS No 2</t>
  </si>
  <si>
    <t>Rana Imtiaz Ali</t>
  </si>
  <si>
    <t>GPS NO. 2 HERNOLI</t>
  </si>
  <si>
    <t>MOHALLAH FAROOQA ABAD HARNOLI TEHSIL PIPLAN DISTRICT MIANWALI</t>
  </si>
  <si>
    <t>Urban Harnoli</t>
  </si>
  <si>
    <t>GPS NO. 2 HYDERABAD TOWN</t>
  </si>
  <si>
    <t>Hyder Abad Town</t>
  </si>
  <si>
    <t>GPS No.2 Hyder Abad Town</t>
  </si>
  <si>
    <t>GPS No. 2 JALALPUR PIRWALA</t>
  </si>
  <si>
    <t>JPPW</t>
  </si>
  <si>
    <t>Mohallah Haideria JPPW</t>
  </si>
  <si>
    <t>City JPPW</t>
  </si>
  <si>
    <t>Shakir Abbas</t>
  </si>
  <si>
    <t>GPS NO. 2 JATOI</t>
  </si>
  <si>
    <t>ward no 2 jatoi</t>
  </si>
  <si>
    <t>GPS NO. 2 JAUHARABAD</t>
  </si>
  <si>
    <t>block#6 jauharabad</t>
  </si>
  <si>
    <t>CH Iftikhar Ahmad</t>
  </si>
  <si>
    <t>GPS NO. 2 JOYIA</t>
  </si>
  <si>
    <t>g p s no 2 joyia</t>
  </si>
  <si>
    <t>GPS NO. 2 KOT BHAI KHAN</t>
  </si>
  <si>
    <t>Shahid Murtaza</t>
  </si>
  <si>
    <t>GPS NO. 2 KOTLI NIJABAT</t>
  </si>
  <si>
    <t>P/O Box kotli nijabat shujabad multan</t>
  </si>
  <si>
    <t>Hussain Qaisar</t>
  </si>
  <si>
    <t>GPS NO. 2 LADHAY WALA WARRAICH</t>
  </si>
  <si>
    <t>Gujranwala Sadar4 4</t>
  </si>
  <si>
    <t>hafiz abad road ludhe wala warraich Afzal Town</t>
  </si>
  <si>
    <t>Ladhy Wala Warraich</t>
  </si>
  <si>
    <t>Mc Ladhy Wala Warraich</t>
  </si>
  <si>
    <t>GPS NO. 2 LALIAN</t>
  </si>
  <si>
    <t>Near old thana Lalian Tehsil Lalian District Chiniot</t>
  </si>
  <si>
    <t>Hujrah road</t>
  </si>
  <si>
    <t>GPS NO. 2 MANANWALA</t>
  </si>
  <si>
    <t>Eman Town Mananwala</t>
  </si>
  <si>
    <t>Khalid Mehmood Sabir</t>
  </si>
  <si>
    <t>GPS NO. 2 MANGAT</t>
  </si>
  <si>
    <t>filter water plant</t>
  </si>
  <si>
    <t>GPS NO. 2 MURIDKE</t>
  </si>
  <si>
    <t>Qaddafi Park</t>
  </si>
  <si>
    <t>mohallah qad fi park</t>
  </si>
  <si>
    <t>Qazaf Park Muridke</t>
  </si>
  <si>
    <t>Qazafi Park</t>
  </si>
  <si>
    <t>Afzaal Ahmed Rehaan</t>
  </si>
  <si>
    <t>GPS NO. 2 NOOR PUR THAL</t>
  </si>
  <si>
    <t>Govt pS  no 2 noorpurthal</t>
  </si>
  <si>
    <t>Mc  Noorpurthal</t>
  </si>
  <si>
    <t>Zain Ul Abidin</t>
  </si>
  <si>
    <t>GPS NO. 2 PADHRAR</t>
  </si>
  <si>
    <t>Paharanwali</t>
  </si>
  <si>
    <t>Padhrat</t>
  </si>
  <si>
    <t>Nasir Munir</t>
  </si>
  <si>
    <t>GPS NO. 2 PASRUR CITY</t>
  </si>
  <si>
    <t>mohallah dehsiyali pasrur</t>
  </si>
  <si>
    <t>Muncipal Committe Pasrur</t>
  </si>
  <si>
    <t>Zeeshan Imtiaz</t>
  </si>
  <si>
    <t>GPS NO. 2 SAMUNDRI</t>
  </si>
  <si>
    <t>Mohallah Danish pura  Samundri</t>
  </si>
  <si>
    <t>McSamundri</t>
  </si>
  <si>
    <t>GPS NO. 2 SHAHKOT</t>
  </si>
  <si>
    <t>Ward 13</t>
  </si>
  <si>
    <t>ward 13 shahkot</t>
  </si>
  <si>
    <t>Ward 13 Shahkot</t>
  </si>
  <si>
    <t>MAQSOOD KHALID MUDASSAR</t>
  </si>
  <si>
    <t>GPS NO. 3 ARIFWALA</t>
  </si>
  <si>
    <t>albadr colony arifwala street no 2</t>
  </si>
  <si>
    <t>Ward No 24</t>
  </si>
  <si>
    <t>liaqat Hussain</t>
  </si>
  <si>
    <t>GPS NO. 3 DAUD KHEL</t>
  </si>
  <si>
    <t>near railway station daud khel</t>
  </si>
  <si>
    <t>GPS NO. 3 DUNYAPUR</t>
  </si>
  <si>
    <t>Ward No 9</t>
  </si>
  <si>
    <t>Ward No. 9, Dunyapur City</t>
  </si>
  <si>
    <t>GPS NO. 3 HADALI</t>
  </si>
  <si>
    <t>mohallah sumblianwala hadali tehsil and district khushab</t>
  </si>
  <si>
    <t>Allah Bakhsh Najam</t>
  </si>
  <si>
    <t>GPS NO. 3 HERNOLI</t>
  </si>
  <si>
    <t>mohalla masjid Btool Harnoli teh Piplan distt Mionwali</t>
  </si>
  <si>
    <t>Rana Sanaullah</t>
  </si>
  <si>
    <t>GPS NO. 3 LALIAN</t>
  </si>
  <si>
    <t>mohallah jamia masjid lalian</t>
  </si>
  <si>
    <t>GPS NO. 3 MOCHI WALA</t>
  </si>
  <si>
    <t>Yaqiani</t>
  </si>
  <si>
    <t>mochi wala Mazza yaqiani u/c Jalbani no 71</t>
  </si>
  <si>
    <t>GPS NO. 3 MOHALLA QASABAN WALA</t>
  </si>
  <si>
    <t>Muhalla Qasaban wala Chunian</t>
  </si>
  <si>
    <t>Chunian City</t>
  </si>
  <si>
    <t>Rana Muhammad Tariq Sharif</t>
  </si>
  <si>
    <t>GPS NO. 3 MURIDKE</t>
  </si>
  <si>
    <t>town muridke</t>
  </si>
  <si>
    <t>Muridke 1</t>
  </si>
  <si>
    <t>GPS NO. 3 MUSTAFA ABAD BASTI MEO RAJPUTAN MSD</t>
  </si>
  <si>
    <t>basti mayo rajputain mustafa a bad kasur</t>
  </si>
  <si>
    <t>Mc Mustafa Abad</t>
  </si>
  <si>
    <t>Tanveer Hassan</t>
  </si>
  <si>
    <t>GPS NO. 3 NAUSHERA</t>
  </si>
  <si>
    <t>Mohallah Saddal Naushera.</t>
  </si>
  <si>
    <t>GPS NO. 3 NOON COLONY SILLANWALI</t>
  </si>
  <si>
    <t>MC-Sillanwali</t>
  </si>
  <si>
    <t>Noon Colony Sillanwali</t>
  </si>
  <si>
    <t>GPS NO. 3 NOOR PUR THAL</t>
  </si>
  <si>
    <t>mohsllah lal kalony noor pur thal</t>
  </si>
  <si>
    <t>Mc Noor Pur</t>
  </si>
  <si>
    <t>GPS NO. 3 PHULARWAN</t>
  </si>
  <si>
    <t>Gps No.3 Phularwan near post office</t>
  </si>
  <si>
    <t>GPS NO. 4 BASIR PUR</t>
  </si>
  <si>
    <t>Mohalla Sheikhupura Basirpur Tehsil pur district Okara</t>
  </si>
  <si>
    <t>MC Basirpur</t>
  </si>
  <si>
    <t>GPS NO. 4 GAKHAR</t>
  </si>
  <si>
    <t>GhakhR</t>
  </si>
  <si>
    <t>govt primery school no.4 ghakhar</t>
  </si>
  <si>
    <t>32/3</t>
  </si>
  <si>
    <t>Javed Zulqernain</t>
  </si>
  <si>
    <t>GPS NO. 4 MOH BASIRA BUCHAL KALAN</t>
  </si>
  <si>
    <t>vpo buchal kalan tensile kallar kahar district chakwal</t>
  </si>
  <si>
    <t>Aftab javeed</t>
  </si>
  <si>
    <t>through water tanker</t>
  </si>
  <si>
    <t>GPS NO. 4 NOOR PUR THAL</t>
  </si>
  <si>
    <t>Noor pur Thal</t>
  </si>
  <si>
    <t>near civil hospital noor pur thal</t>
  </si>
  <si>
    <t>Noor  Pur</t>
  </si>
  <si>
    <t>Noor Pur thal</t>
  </si>
  <si>
    <t>GPS NO. 4 SARFRAZ COLONY JAUHARABAD</t>
  </si>
  <si>
    <t>govt primary school no 4 sarafraz colony</t>
  </si>
  <si>
    <t>Basharat Saeed</t>
  </si>
  <si>
    <t>GPS NO. 4 SHAHKOT</t>
  </si>
  <si>
    <t>Chak No88</t>
  </si>
  <si>
    <t>ward no.12 shahkot</t>
  </si>
  <si>
    <t>Amjad Ali Akhtar</t>
  </si>
  <si>
    <t>we purchase water</t>
  </si>
  <si>
    <t>GPS NO. 4 TAUNSA SHARIF</t>
  </si>
  <si>
    <t>Mohala mohajran Wala mangrotha road taunsa</t>
  </si>
  <si>
    <t>Azmat Ullah</t>
  </si>
  <si>
    <t>GPS NO. 5 GAKHAR</t>
  </si>
  <si>
    <t>Ansari Town Ghakhar</t>
  </si>
  <si>
    <t>Ghakhar 1</t>
  </si>
  <si>
    <t>GPS NO. 6 CHUNIAN</t>
  </si>
  <si>
    <t>chah samuwala chunian</t>
  </si>
  <si>
    <t>Chahsamuwala Chunian</t>
  </si>
  <si>
    <t>ZAKAR ALI</t>
  </si>
  <si>
    <t>GPS NO. 7 GAKHAR</t>
  </si>
  <si>
    <t>GPS no 7 ghakhar bangla abadi</t>
  </si>
  <si>
    <t>Ghakhar 2</t>
  </si>
  <si>
    <t>Hafiz Shafiq  Ahmad</t>
  </si>
  <si>
    <t>GPS NO.1 BHABRA</t>
  </si>
  <si>
    <t>Bhabhra</t>
  </si>
  <si>
    <t>maghrabi mohallah sheikhaan bhabra teh kotmomin distt sargodha</t>
  </si>
  <si>
    <t>GPS NO.1 CHAK NO 35 SB</t>
  </si>
  <si>
    <t>Chak 35 Sb</t>
  </si>
  <si>
    <t>chak 35 sb tehsil Sargodha</t>
  </si>
  <si>
    <t>Chak 28 Sb</t>
  </si>
  <si>
    <t>GPS NO.1 CHAK NO.163 NB</t>
  </si>
  <si>
    <t>Chak 163 NB Tehsil Sillanwali District Sargodha</t>
  </si>
  <si>
    <t>GPS NO.1 CHAK NO.27 SB</t>
  </si>
  <si>
    <t>27SB</t>
  </si>
  <si>
    <t>chak  27SB</t>
  </si>
  <si>
    <t>Chak 27SB</t>
  </si>
  <si>
    <t>Chak 28SB</t>
  </si>
  <si>
    <t>GPS NO.1 CHAK NO.33 SB</t>
  </si>
  <si>
    <t>Chak#33 SB</t>
  </si>
  <si>
    <t>Chak#33 SB Sargodha</t>
  </si>
  <si>
    <t>GPS NO.1 CHAK NO.40 SB</t>
  </si>
  <si>
    <t>chak No 40 SB Sargodha</t>
  </si>
  <si>
    <t>Chak No 42 SB</t>
  </si>
  <si>
    <t>Hassan Ejaz</t>
  </si>
  <si>
    <t>GPS NO.1 CHAKRALA</t>
  </si>
  <si>
    <t>GPS NO.1 DHAREMA</t>
  </si>
  <si>
    <t>GPS No.1 Dharema</t>
  </si>
  <si>
    <t>Hafiz Rab Nawaz</t>
  </si>
  <si>
    <t>GPS NO.1 LALYANI</t>
  </si>
  <si>
    <t>mohala pujuthianwala lalliani</t>
  </si>
  <si>
    <t>GPS NO.1 MIANWAL RANJHA</t>
  </si>
  <si>
    <t>V-/Po Mianwal Ranjha teh &amp;distt Mandi Bahuddin</t>
  </si>
  <si>
    <t>Shahzad ahmad</t>
  </si>
  <si>
    <t>GPS NO.1 SADA KOMBOH</t>
  </si>
  <si>
    <t>po and vill sada kamboh dist sargodha teh shahpur</t>
  </si>
  <si>
    <t>Khurram shehzad</t>
  </si>
  <si>
    <t>GPS NO.1 SAHIWAL</t>
  </si>
  <si>
    <t>qabli gate wazir pur SAHIWAL  (SGD)</t>
  </si>
  <si>
    <t>Rifat Hayat</t>
  </si>
  <si>
    <t>GPS NO.1 TMA ROAD SILLANWALI</t>
  </si>
  <si>
    <t>TMA Road Sillanwali</t>
  </si>
  <si>
    <t>GPS NO.1 VIJH</t>
  </si>
  <si>
    <t>vijh tehseel sahiwal district sargodha</t>
  </si>
  <si>
    <t>GPS NO.1 WARBURTON</t>
  </si>
  <si>
    <t>Main bazar warburton city</t>
  </si>
  <si>
    <t>MC Warburton</t>
  </si>
  <si>
    <t>GPS NO.2 ASIAN WALA</t>
  </si>
  <si>
    <t>Assianwala district sargodha</t>
  </si>
  <si>
    <t>50 N B</t>
  </si>
  <si>
    <t>Chanda Younas</t>
  </si>
  <si>
    <t>GPS NO.2 BHABRA</t>
  </si>
  <si>
    <t>Mohalla Muhajreen Bhabra</t>
  </si>
  <si>
    <t>Khadim Hussain Mujahid</t>
  </si>
  <si>
    <t>GPS NO.2 CHAK MIANA</t>
  </si>
  <si>
    <t>chak miana</t>
  </si>
  <si>
    <t>GPS NO.2 CHAK NO. 115 A SB</t>
  </si>
  <si>
    <t>Chak 115 A S B</t>
  </si>
  <si>
    <t>Chak 120 S B</t>
  </si>
  <si>
    <t>GPS NO.2 CHAK NO.163 NB</t>
  </si>
  <si>
    <t>Chak 163 NB P/O Mandi Shah Jewana Tehsil Sillanwali District Sargodha</t>
  </si>
  <si>
    <t>ASGHAR MEHMOOD</t>
  </si>
  <si>
    <t>GPS NO.2 CHAK NO.27 SB</t>
  </si>
  <si>
    <t>Chak No 27sb</t>
  </si>
  <si>
    <t>Chak No. 27 Sb, Tehsil &amp; District Sargodha</t>
  </si>
  <si>
    <t>Chak No 27 Sb</t>
  </si>
  <si>
    <t>GPS NO.2 CHAK NO.33 SB</t>
  </si>
  <si>
    <t>Chak 33 Sb Sgd</t>
  </si>
  <si>
    <t>chak No 33 Sb</t>
  </si>
  <si>
    <t>Chak No 33 Sb</t>
  </si>
  <si>
    <t>GPS NO.2 CHAK NO.40 SB</t>
  </si>
  <si>
    <t>40SB</t>
  </si>
  <si>
    <t>GPS NO 2 CHAK   40 SB</t>
  </si>
  <si>
    <t>40 SB</t>
  </si>
  <si>
    <t>42 SB</t>
  </si>
  <si>
    <t>Naina Khalid</t>
  </si>
  <si>
    <t>GPS NO.2 CHAK NO.71 NB</t>
  </si>
  <si>
    <t>71 Nb</t>
  </si>
  <si>
    <t>chak no 71 nb sargodha</t>
  </si>
  <si>
    <t>Chak No 71nb</t>
  </si>
  <si>
    <t>GPS NO.2 CHAK NO.90 SB</t>
  </si>
  <si>
    <t>Chak 90-SB</t>
  </si>
  <si>
    <t>Chak 36-SB</t>
  </si>
  <si>
    <t>GPS NO.2 DEPALPUR</t>
  </si>
  <si>
    <t>GPS No 2 Depalpur</t>
  </si>
  <si>
    <t>Depalpur MC 1</t>
  </si>
  <si>
    <t>GPS NO.2 DHAREMA</t>
  </si>
  <si>
    <t>GPS NO 2 DHAREMA</t>
  </si>
  <si>
    <t>Muhammad ISMAIL</t>
  </si>
  <si>
    <t>GPS NO.2 FAROOKA</t>
  </si>
  <si>
    <t>madina market Farooka</t>
  </si>
  <si>
    <t>GPS NO.2 ISLAMPURA TT SINGH</t>
  </si>
  <si>
    <t>Islam Pura Toba Tek Singh</t>
  </si>
  <si>
    <t>GPS NO.2 JAROLA</t>
  </si>
  <si>
    <t>bhinder town farooka</t>
  </si>
  <si>
    <t>Bhinder Town</t>
  </si>
  <si>
    <t>GPS NO.2 JHAWARIAN</t>
  </si>
  <si>
    <t>Mohala awanwala jhawarian Tehsil shahpir Distt Sargodha</t>
  </si>
  <si>
    <t>GPS NO.2 KHARIAN</t>
  </si>
  <si>
    <t>Gujarat</t>
  </si>
  <si>
    <t>GPS#2 sittarpura kharian</t>
  </si>
  <si>
    <t>Fatima Gulzar</t>
  </si>
  <si>
    <t>GPS NO.2 LODHRAN</t>
  </si>
  <si>
    <t>Basti bahoo wala road near khamisa bhatta road Lodhran</t>
  </si>
  <si>
    <t>Near Qabool Wala</t>
  </si>
  <si>
    <t>Ghulab Pura</t>
  </si>
  <si>
    <t>UMuhammad Azhar</t>
  </si>
  <si>
    <t>GPS NO.2 MAKKA COLONY SILLANWALI</t>
  </si>
  <si>
    <t>Makkah colony</t>
  </si>
  <si>
    <t>GPS NO2 MAKKAH COLONY SILLANAWLI</t>
  </si>
  <si>
    <t>SILLANAWLI</t>
  </si>
  <si>
    <t>MC SILLANAWLI</t>
  </si>
  <si>
    <t>GPS NO.2 MIANI</t>
  </si>
  <si>
    <t>Khurshid Ali</t>
  </si>
  <si>
    <t>GPS NO.2 MOAZAM ABAD</t>
  </si>
  <si>
    <t>GPS NO.2 MOAZZAMABAD</t>
  </si>
  <si>
    <t>GPS NO.2 NAWAZ ABAD</t>
  </si>
  <si>
    <t>ShedaniSharif</t>
  </si>
  <si>
    <t>Shedani Sharif Tehsil LiaquatPur</t>
  </si>
  <si>
    <t>Lal Akhtar</t>
  </si>
  <si>
    <t>GPS NO.2 SAHIWAL</t>
  </si>
  <si>
    <t>GPS no 5  Nae Hawaili,sahiwal</t>
  </si>
  <si>
    <t>Alia Khanum</t>
  </si>
  <si>
    <t>GPS NO.2 UPPI</t>
  </si>
  <si>
    <t>V Uppi Post office khas Tehsil Kotmoman Distt Sargodha</t>
  </si>
  <si>
    <t>Chk19 SB</t>
  </si>
  <si>
    <t>Khuram shahzad</t>
  </si>
  <si>
    <t>GPS NO.2 VIJH COLONY</t>
  </si>
  <si>
    <t>Vijh Coloony</t>
  </si>
  <si>
    <t>RANA  JAHANGIR ALI KHAN</t>
  </si>
  <si>
    <t>GPS NO.2 WARBURTON NANKANA ROAD</t>
  </si>
  <si>
    <t>near municipal committee warburton</t>
  </si>
  <si>
    <t>GPS NO.2CHAK NO.173NB</t>
  </si>
  <si>
    <t>Chak 173 Nb</t>
  </si>
  <si>
    <t>Chak No 173 NB Tehsil Sillanwali District Sargodha</t>
  </si>
  <si>
    <t>GPS NO.3 BHABRA</t>
  </si>
  <si>
    <t>GPS NO. 3 bhabra</t>
  </si>
  <si>
    <t>Abdul Gaffar Shaheen</t>
  </si>
  <si>
    <t>GPS NO.3 DEPAL PUR</t>
  </si>
  <si>
    <t>Sakhi saidan colony depalpur</t>
  </si>
  <si>
    <t>GPS NO.3 HAYDER ABAD TOWN</t>
  </si>
  <si>
    <t>Hayder Abad Town</t>
  </si>
  <si>
    <t>GPS No.3 Hayder Abad Town</t>
  </si>
  <si>
    <t>GPS NO.3 LODHRAN</t>
  </si>
  <si>
    <t>Lodhran City</t>
  </si>
  <si>
    <t>near gghs Lodhran</t>
  </si>
  <si>
    <t>Ward12/3</t>
  </si>
  <si>
    <t>Muncipal Commetty</t>
  </si>
  <si>
    <t>GPS NO.3 MOHALLAH GOBIND PURA TTSINGH</t>
  </si>
  <si>
    <t>mohala Gobind pura Toba Tel Singh</t>
  </si>
  <si>
    <t>GPS NO.3 QILA DIDAR SINGH</t>
  </si>
  <si>
    <t>Mohallah taj pura, Qila Dedar Singh.</t>
  </si>
  <si>
    <t>M C Qila Dedar Singh</t>
  </si>
  <si>
    <t>GPS NO.4 AWAMI BASTI T.T.SINGH</t>
  </si>
  <si>
    <t>Awami Basti toba tek singh</t>
  </si>
  <si>
    <t>Sultan Bahadur Shehzqd</t>
  </si>
  <si>
    <t>GPS NO.4 DEPALPUR</t>
  </si>
  <si>
    <t>GPS no. 4,depalpur</t>
  </si>
  <si>
    <t>GPS NO.4 SAHIWAL</t>
  </si>
  <si>
    <t>mohallah Hussain abad tehsil sahiwal sargodha</t>
  </si>
  <si>
    <t>GPS NO.4 ZAFAR ABAD SILLANWALI</t>
  </si>
  <si>
    <t>zafar abbad sillanwali</t>
  </si>
  <si>
    <t>Muhammad Gulsher Ali</t>
  </si>
  <si>
    <t>GPS NO.5 RAHMAT COLONY SILLANWALI</t>
  </si>
  <si>
    <t>GPS No 5 Rehmat Colony Sillanwali</t>
  </si>
  <si>
    <t>GPS NO.5 SAHIWAL</t>
  </si>
  <si>
    <t>NAE HAVELI SAHIWAL (SGD)</t>
  </si>
  <si>
    <t>Muhammad Saleem Raza Khan</t>
  </si>
  <si>
    <t>GPS NO.6 NAWAN LOK SAHIWAL</t>
  </si>
  <si>
    <t>sahiwal disst.. sargodha</t>
  </si>
  <si>
    <t>GPS NOKHAR</t>
  </si>
  <si>
    <t>P.O Nokhar</t>
  </si>
  <si>
    <t>GPS NOKHAR QADIM</t>
  </si>
  <si>
    <t>Nokhar Qadeem Farooqabad</t>
  </si>
  <si>
    <t>GPS NOKHER NAI ABADI</t>
  </si>
  <si>
    <t>Nokhar Nai Abadi</t>
  </si>
  <si>
    <t>Ba Muqaam Madrissa Qari Altaf Sb, Nokhar Nai Abadi</t>
  </si>
  <si>
    <t>GPS NOKRIAN MUGHLAN</t>
  </si>
  <si>
    <t>Noukrian Mughalan</t>
  </si>
  <si>
    <t>noukrian mughalan</t>
  </si>
  <si>
    <t>Balgan</t>
  </si>
  <si>
    <t>Javid Akhtar Khokhar</t>
  </si>
  <si>
    <t>GPS NOMANIA</t>
  </si>
  <si>
    <t>Block U Dera Ghazi Khan</t>
  </si>
  <si>
    <t>Saad Ullah Khan Qaisrani</t>
  </si>
  <si>
    <t>GPS NOON</t>
  </si>
  <si>
    <t>Noon shreef moza bhidwal wala p/o haidera abad tehsil Mankera Dist. Bhakkar</t>
  </si>
  <si>
    <t>GPS NOON JAGEER</t>
  </si>
  <si>
    <t>Noon jageer The Shahpur Disr Sargodha</t>
  </si>
  <si>
    <t>Noon Jagir</t>
  </si>
  <si>
    <t>Abdul Waheed Rabbani</t>
  </si>
  <si>
    <t>GPS NOON KALLU</t>
  </si>
  <si>
    <t>village noon kallu tehsil shahpur sargodha</t>
  </si>
  <si>
    <t>GPS NOON SUGAR MILL SHAH TOWN</t>
  </si>
  <si>
    <t>Shah Town Bhalwal</t>
  </si>
  <si>
    <t>GPS NOON SUGAR MILLS SHAH TOWN BHALWAL</t>
  </si>
  <si>
    <t>Shah Town</t>
  </si>
  <si>
    <t>GPS NOONA WALI</t>
  </si>
  <si>
    <t>Shafia Tabassum</t>
  </si>
  <si>
    <t>GPS NOOR AHMED WALI</t>
  </si>
  <si>
    <t>noor Ahmad wali p/o nutkani taunsa Sharif dist DG khan</t>
  </si>
  <si>
    <t>Mohammad Nawab</t>
  </si>
  <si>
    <t>GPS NOOR DIN SHAH</t>
  </si>
  <si>
    <t>Basti Noor din shah</t>
  </si>
  <si>
    <t>Noor Din Shah</t>
  </si>
  <si>
    <t>Sumara Khanam</t>
  </si>
  <si>
    <t>GPS NOOR HAYAT COLONY</t>
  </si>
  <si>
    <t>Noor hayat colony bhalwal Distt.Sargodha</t>
  </si>
  <si>
    <t>Noor Hayat Colony</t>
  </si>
  <si>
    <t>Hafiz Muhmmad Amjad</t>
  </si>
  <si>
    <t>GPS NOOR JAHANIAN</t>
  </si>
  <si>
    <t>Noor Jahanian</t>
  </si>
  <si>
    <t>Gps Noor Jahanian Tehsil District Bahawl Nagar</t>
  </si>
  <si>
    <t>Maqsood Ahmad Khawar</t>
  </si>
  <si>
    <t>GPS NOOR KA KATHYA</t>
  </si>
  <si>
    <t>Noor K Kathia</t>
  </si>
  <si>
    <t>mouza noor k kathia post office harrapa tehsil and district sahiwal</t>
  </si>
  <si>
    <t>Mirdad Maufi</t>
  </si>
  <si>
    <t>water room</t>
  </si>
  <si>
    <t>GPS NOOR KAY</t>
  </si>
  <si>
    <t>Pinjri Pur</t>
  </si>
  <si>
    <t>nooreyki dakhli pinjri pur</t>
  </si>
  <si>
    <t>Nooreyki</t>
  </si>
  <si>
    <t>Ladhewal</t>
  </si>
  <si>
    <t>GPS NOOR KHAN</t>
  </si>
  <si>
    <t>Sukka</t>
  </si>
  <si>
    <t>Vpo Sukka Tehsil Lawa District Chakwalq</t>
  </si>
  <si>
    <t>Dk Noor Khan</t>
  </si>
  <si>
    <t>GPS NOOR KHAN WALA</t>
  </si>
  <si>
    <t>chah noor khan wala</t>
  </si>
  <si>
    <t>Noor Khan Wala</t>
  </si>
  <si>
    <t>Khaliqdad Khaki</t>
  </si>
  <si>
    <t>GPS NOOR KUBRA</t>
  </si>
  <si>
    <t>Noor kubra</t>
  </si>
  <si>
    <t>GPS NOOR MANDI</t>
  </si>
  <si>
    <t>Noor Mandi</t>
  </si>
  <si>
    <t>Noor Mandi.PO.More Khunda.NNS</t>
  </si>
  <si>
    <t>GPS NOOR MUHAMMAD</t>
  </si>
  <si>
    <t>Miani Icha</t>
  </si>
  <si>
    <t>basti noor muhammad</t>
  </si>
  <si>
    <t>Basti Allah  Diwaya</t>
  </si>
  <si>
    <t>Gull Muhammed  Langah</t>
  </si>
  <si>
    <t>MOHAMMAD AKHTAR NADEEM</t>
  </si>
  <si>
    <t>GPS NOOR MUHAMMAD CHANNAR</t>
  </si>
  <si>
    <t>fatto wali road opposite to shahida flour mill</t>
  </si>
  <si>
    <t>Fatto Wali</t>
  </si>
  <si>
    <t>maznoor ahmad</t>
  </si>
  <si>
    <t>hand pump+motor pump</t>
  </si>
  <si>
    <t>GPS NOOR MUHAMMAD LASHARI</t>
  </si>
  <si>
    <t>Mushtarka Mehray Wala</t>
  </si>
  <si>
    <t>mouza mushtarka mehray wala basti seri bosan teh$district rajan pur</t>
  </si>
  <si>
    <t>Bast Seri Bosan</t>
  </si>
  <si>
    <t>GPS NOOR MUHAMMAD WALA</t>
  </si>
  <si>
    <t>Noor Muhammad Wala P/O Gale wal Tehsil &amp; Distric Lodhran</t>
  </si>
  <si>
    <t>GPS NOOR PUR ARAZI QAIMKA</t>
  </si>
  <si>
    <t>Arazi Qaimka</t>
  </si>
  <si>
    <t>noor pur teh$disst. bahawalnagar</t>
  </si>
  <si>
    <t>Hafeez Ur Rahman</t>
  </si>
  <si>
    <t>GPS NOOR PUR BODLA</t>
  </si>
  <si>
    <t>near pul denga post office qasba gujrat teh kot addu disst muzaffar garh</t>
  </si>
  <si>
    <t>bet sohni</t>
  </si>
  <si>
    <t>Muhammad Javaid Babar</t>
  </si>
  <si>
    <t>GPS NOOR PUR GACHAL</t>
  </si>
  <si>
    <t>Umer Wada Gachal</t>
  </si>
  <si>
    <t>basti NOOR Pur gachal</t>
  </si>
  <si>
    <t>Noor  Pur Gachal</t>
  </si>
  <si>
    <t>M Altaf Khan</t>
  </si>
  <si>
    <t>GPS NOOR PUR JATTAN</t>
  </si>
  <si>
    <t>Noor Pur Jattan</t>
  </si>
  <si>
    <t>GPS NOOR PUR MOUZA KAMAL PUR</t>
  </si>
  <si>
    <t>Kamal Pur Jatyal</t>
  </si>
  <si>
    <t>Basti Noor pur Mouza Jamal Pur Jatyal Lodhran</t>
  </si>
  <si>
    <t>GPS NOOR PUR NATHOWALA</t>
  </si>
  <si>
    <t>Kurhmaan Singh</t>
  </si>
  <si>
    <t>Basti Anwar Abad, Moza kurh Man Singh</t>
  </si>
  <si>
    <t>Basti Anwar Abad</t>
  </si>
  <si>
    <t>Murtazabad</t>
  </si>
  <si>
    <t>GPS NOOR PUR P/O NAWAN KOT LAYYAH</t>
  </si>
  <si>
    <t>tibby wala uc nawankot</t>
  </si>
  <si>
    <t>Tibbay Wala</t>
  </si>
  <si>
    <t>GPS NOOR PUR PO TAMMAN</t>
  </si>
  <si>
    <t>GPS Noorpur Markaz Tamman  Teh Talagang Dist Chakwal</t>
  </si>
  <si>
    <t>Muhammad SAEED</t>
  </si>
  <si>
    <t>GPS NOOR PUR SHAMSABAD</t>
  </si>
  <si>
    <t>village and post office noorpur tehsil hazro district attock</t>
  </si>
  <si>
    <t>GPS NOOR PUR VIRKAN</t>
  </si>
  <si>
    <t>GPS Noor pur virkan</t>
  </si>
  <si>
    <t>Sajjad Akhtar</t>
  </si>
  <si>
    <t>GPS NOOR PURA</t>
  </si>
  <si>
    <t>Naeem Manzoor</t>
  </si>
  <si>
    <t>GPS NOOR SHAH BUKHARI</t>
  </si>
  <si>
    <t>hamza town Ahmad pur east</t>
  </si>
  <si>
    <t>Ahmed Pur East</t>
  </si>
  <si>
    <t>GPS NOOR SHAH PALLAH</t>
  </si>
  <si>
    <t>basti noor shah pallah .</t>
  </si>
  <si>
    <t>Ahmad Bukhsh Chishti</t>
  </si>
  <si>
    <t>GPS NOOR UL HAQ JHANDEER</t>
  </si>
  <si>
    <t>Jhandeer</t>
  </si>
  <si>
    <t>basti jhandeer teh.mailsi</t>
  </si>
  <si>
    <t>GPS NOOR UL MADARSS</t>
  </si>
  <si>
    <t>Frooq colony ayesha masjad</t>
  </si>
  <si>
    <t>14/G Farooq Colony</t>
  </si>
  <si>
    <t>GPS NOOR ULLAH</t>
  </si>
  <si>
    <t>Govt. Primary School Noorullah</t>
  </si>
  <si>
    <t>Mauza Noorullah</t>
  </si>
  <si>
    <t>GPS NOOR UN-NABI</t>
  </si>
  <si>
    <t>bilal colony</t>
  </si>
  <si>
    <t>bilal colony sahiwal</t>
  </si>
  <si>
    <t>GPS NOOR WAH</t>
  </si>
  <si>
    <t>GPS NOOR WAH Basti bakshani noor wah bela dgkhan</t>
  </si>
  <si>
    <t>Basti bakshani</t>
  </si>
  <si>
    <t>GPS NOOR WAHI</t>
  </si>
  <si>
    <t>Kotla Ahmad khan</t>
  </si>
  <si>
    <t>Basti bhabay wala mouza kotla Ahmad khan post office Mana Ahmadani tehsil kot chutta district Dera Ghazi khan</t>
  </si>
  <si>
    <t>Bhabay Wala</t>
  </si>
  <si>
    <t>Muhammad Fahad</t>
  </si>
  <si>
    <t>GPS NOOR WAHI SEDHRAN</t>
  </si>
  <si>
    <t>Noor Wahi Sedhran</t>
  </si>
  <si>
    <t>gps noor wahi sedhran maoza noor wahi uc kotla ahmad khan mrkz khanpur tehsil kot chutta district d g khan.</t>
  </si>
  <si>
    <t>Kotla Ahemd Khan</t>
  </si>
  <si>
    <t>GPS NOOR WALA</t>
  </si>
  <si>
    <t>CHAK QABOOL SHAH</t>
  </si>
  <si>
    <t>NOOR WALA P/O KOT CHHUTTA,TEH:KOT CHHUTTA,DISST:DGKHAN</t>
  </si>
  <si>
    <t>SYED QAISER ABBAS Naqvi</t>
  </si>
  <si>
    <t>GPS NOOR WALA SALEEM ABAD</t>
  </si>
  <si>
    <t>Chakar Noor Wala</t>
  </si>
  <si>
    <t>Basti Saleem Abad Moza Noor Wala</t>
  </si>
  <si>
    <t>WASSIM AKRAM</t>
  </si>
  <si>
    <t>GPS NOOR WANA</t>
  </si>
  <si>
    <t>GPS Noorwana Khushab</t>
  </si>
  <si>
    <t>Tasawar Hussain</t>
  </si>
  <si>
    <t>GPS NOORA DADU PO PAKPATTAN</t>
  </si>
  <si>
    <t>GPS NOORA DADU CHAK NOORA AHLOKA</t>
  </si>
  <si>
    <t>GPS NOORAN ABRIEND</t>
  </si>
  <si>
    <t>Noran abriend</t>
  </si>
  <si>
    <t>noran abriend</t>
  </si>
  <si>
    <t>Shareef Chajra</t>
  </si>
  <si>
    <t>GPS NOORAN BALOUCHAN</t>
  </si>
  <si>
    <t>Meero Baloch</t>
  </si>
  <si>
    <t>Basti Nooran Balouchan</t>
  </si>
  <si>
    <t>Nooran Balouchan</t>
  </si>
  <si>
    <t>GPS NOORAN SANPAL</t>
  </si>
  <si>
    <t>Moza Nooran Sanpal</t>
  </si>
  <si>
    <t>Ghulam Hussain Hameed</t>
  </si>
  <si>
    <t>GPS NOORANG ABAD 1/8-R, TULAMBA</t>
  </si>
  <si>
    <t>Chak No1/8R</t>
  </si>
  <si>
    <t>Noorang abad chak no 1/8.R</t>
  </si>
  <si>
    <t>Noorang Abad</t>
  </si>
  <si>
    <t>Chak no 20/8BR</t>
  </si>
  <si>
    <t>Akmal Rashid</t>
  </si>
  <si>
    <t>GPS NOORAY WALA CHAK NO 118 TDA</t>
  </si>
  <si>
    <t>Chak no.118/tda Layyah</t>
  </si>
  <si>
    <t>Chak no118/ Tda</t>
  </si>
  <si>
    <t>mulazim hussain</t>
  </si>
  <si>
    <t>GPS NOOREY AFSHAN</t>
  </si>
  <si>
    <t>Main Lahore road near women degree college Bucheki</t>
  </si>
  <si>
    <t>GPS NOORI JAMIA MASJID</t>
  </si>
  <si>
    <t>mohalla rana faiz fazil pur</t>
  </si>
  <si>
    <t>Muhammad  Zafar Nawaz</t>
  </si>
  <si>
    <t>GPS NOORI NARI</t>
  </si>
  <si>
    <t>Village &amp;P/O Nari Teh.&amp;Distt.Khushab</t>
  </si>
  <si>
    <t>AbdulRehman</t>
  </si>
  <si>
    <t>GPS NOORI WALA</t>
  </si>
  <si>
    <t>NOORI Wala</t>
  </si>
  <si>
    <t>Village Noori Wala P/0 Hussain Khan Wala</t>
  </si>
  <si>
    <t>GPS NOORIA FARIDIA</t>
  </si>
  <si>
    <t>basti bokhri teh. jatoi</t>
  </si>
  <si>
    <t>Basti Bokhri</t>
  </si>
  <si>
    <t>GPS NOORPUR DOGRAN P/O DOST PUR</t>
  </si>
  <si>
    <t>GPS Noor Pur Dogran  P.O Dost Pura Kasur</t>
  </si>
  <si>
    <t>GPS NOORPUR NAURANGA</t>
  </si>
  <si>
    <t>Noorpur city</t>
  </si>
  <si>
    <t>Jamal channar</t>
  </si>
  <si>
    <t>Bakhat Ali</t>
  </si>
  <si>
    <t>GPS NOOR-UL-ISLAM</t>
  </si>
  <si>
    <t>Gardeezpur</t>
  </si>
  <si>
    <t>chah hadda wala mouza gardeezpur tehsil shujabad district Multan</t>
  </si>
  <si>
    <t>Chah Hadda  Wala</t>
  </si>
  <si>
    <t>GPS NORANG WALA</t>
  </si>
  <si>
    <t>NORANG WALA</t>
  </si>
  <si>
    <t>Norang wala</t>
  </si>
  <si>
    <t>Norey Wala</t>
  </si>
  <si>
    <t>GPS NORANGAY WALA</t>
  </si>
  <si>
    <t>Gps Norangaywala</t>
  </si>
  <si>
    <t>GPS NOSHARA PATHAN</t>
  </si>
  <si>
    <t>Noshara More Singh</t>
  </si>
  <si>
    <t>Kot Bagham Ayesha</t>
  </si>
  <si>
    <t>Hithar Chunian</t>
  </si>
  <si>
    <t>GPS NOSHEHRA JUNGLE RAKH</t>
  </si>
  <si>
    <t>Noshrah Jungle Rakh</t>
  </si>
  <si>
    <t>Noshra Jungle Rakh p/o Hasil saru  Techsil Minchinabad dist Bhawalnager</t>
  </si>
  <si>
    <t>Noshra Jungle Rakh</t>
  </si>
  <si>
    <t>La-la Amiir Sing</t>
  </si>
  <si>
    <t>GPS NOSHEHRA P/O LSDURI MOZA PUNJANI</t>
  </si>
  <si>
    <t>GPS Naoushehra mouza punjani tehsil shujabad disstt.multan</t>
  </si>
  <si>
    <t>Naoushehrah</t>
  </si>
  <si>
    <t>Muhammad Shehzad Chohan</t>
  </si>
  <si>
    <t>GPS NOSHERA</t>
  </si>
  <si>
    <t>mozah noshera</t>
  </si>
  <si>
    <t>GPS NOSHERA BHATTIAN</t>
  </si>
  <si>
    <t>Noshehra  Bhattian</t>
  </si>
  <si>
    <t>Noshehra  Bhattian, P/O. Qadir abad</t>
  </si>
  <si>
    <t>Noshehra Bhattian</t>
  </si>
  <si>
    <t>GPS NOSHERHA</t>
  </si>
  <si>
    <t>village Noshehra markaz Bara Manga</t>
  </si>
  <si>
    <t>GPS NOTHA KHICHI</t>
  </si>
  <si>
    <t>NOTA KHICHI</t>
  </si>
  <si>
    <t>MOUZA NOTA KHICHI P.O JABOKA TEHSIL &amp; DISTRICT OKARA</t>
  </si>
  <si>
    <t>JANDRAKA</t>
  </si>
  <si>
    <t>GPS NOTHIA</t>
  </si>
  <si>
    <t>village Nothia, p/o Nothia khan, tehsil Kallar syedan,District rawalpindi</t>
  </si>
  <si>
    <t>Ifraz Bibi</t>
  </si>
  <si>
    <t>GPS NOTHIA QURASHIAN</t>
  </si>
  <si>
    <t>gps nothia qureshian</t>
  </si>
  <si>
    <t>Nothia Qureshia</t>
  </si>
  <si>
    <t>BhagNagar</t>
  </si>
  <si>
    <t>Abdul Wasim</t>
  </si>
  <si>
    <t>GPS NOU ABAD JALALPUR PIRWALA</t>
  </si>
  <si>
    <t>GPS NOU ABAD, Chah Markand wala Mouza ali pur sadaat.</t>
  </si>
  <si>
    <t>Chah Markand Wala</t>
  </si>
  <si>
    <t>GPS NOUL</t>
  </si>
  <si>
    <t>Wazira Abad Road, Noul Tehsil &amp; District Sialkot.</t>
  </si>
  <si>
    <t>Hararr</t>
  </si>
  <si>
    <t>Inam Ullah</t>
  </si>
  <si>
    <t>GPS NOUL OTTAR</t>
  </si>
  <si>
    <t>Noul Ottar</t>
  </si>
  <si>
    <t>Noul Ottar Tehsil Krk District Kasur</t>
  </si>
  <si>
    <t>GPS NOURABA</t>
  </si>
  <si>
    <t>moza norabba teh. mailsi</t>
  </si>
  <si>
    <t>GPS NOUSHEHRA PO SARDAR JHANDIR</t>
  </si>
  <si>
    <t>basti noshehra tehsil mailsi disstrict vehari</t>
  </si>
  <si>
    <t>GPS NOWBAHAR WALA</t>
  </si>
  <si>
    <t>Noshehra Shumali</t>
  </si>
  <si>
    <t>Chah Nowbahar wala p/o darbar peer baroo sharif</t>
  </si>
  <si>
    <t>Nowbahar Wala</t>
  </si>
  <si>
    <t>GPS NOWLAN WALA</t>
  </si>
  <si>
    <t>Chah Nowlanwala Sial  bhakkar</t>
  </si>
  <si>
    <t>Chah Nowlanwala</t>
  </si>
  <si>
    <t>GPS NOWLAN WALI</t>
  </si>
  <si>
    <t>basti nowlan wali, near shoaib khoawar petrol pump, dakh khana kotla jam tahseel o zila bhakkar</t>
  </si>
  <si>
    <t>Nowlanwali</t>
  </si>
  <si>
    <t>Muhammad Umair Khan</t>
  </si>
  <si>
    <t>GPS NOWSHERA VIRKAN NO.2</t>
  </si>
  <si>
    <t>mohalla Muslim Town  Nowshera Virkan</t>
  </si>
  <si>
    <t>Mohalla Muslim Town</t>
  </si>
  <si>
    <t>INTIZAR HUSSAIN</t>
  </si>
  <si>
    <t>GPS NOWSHERA VIRKAN NO.3</t>
  </si>
  <si>
    <t>Moh. Bath Nowshera Virkan</t>
  </si>
  <si>
    <t>Moh. Bath</t>
  </si>
  <si>
    <t>GPS NOWSHERA VIRKAN NO.4</t>
  </si>
  <si>
    <t>Baddo Ratta Road Nowshera Virkan</t>
  </si>
  <si>
    <t>GPS NUMBERDAR WALI</t>
  </si>
  <si>
    <t>Mouza Tibbi Arbi Tehsil Ahmed Pur East Distt. Bwp</t>
  </si>
  <si>
    <t>Javed Ali</t>
  </si>
  <si>
    <t>GPS NUMBLE DANNA</t>
  </si>
  <si>
    <t>Nimble Dana</t>
  </si>
  <si>
    <t>village namble,p/o murree,tensile murree,dist rawalpindi</t>
  </si>
  <si>
    <t>water pipe line</t>
  </si>
  <si>
    <t>GPS NURA ARAIN</t>
  </si>
  <si>
    <t>Nura Arain</t>
  </si>
  <si>
    <t>basti Nura Arain p/o mohar sharif teh chishtian distt BWN</t>
  </si>
  <si>
    <t>GPS NUROOR</t>
  </si>
  <si>
    <t>Naroor</t>
  </si>
  <si>
    <t>gps naroor teh skg distt narowal</t>
  </si>
  <si>
    <t>Sarwar Hussain</t>
  </si>
  <si>
    <t>GPS NUSRAT PERHAR</t>
  </si>
  <si>
    <t>Basti Nusrat Perhar Moza Saifpur MARKAZ Dera Bakha TEHSIL SADDAR BAHAWALPUR</t>
  </si>
  <si>
    <t>Nusrat Perhar</t>
  </si>
  <si>
    <t>GPS NUSRAT PUR, P/O ROTLA, TULAMBA (PEF,PSSP PHASE II) Not yet handedover</t>
  </si>
  <si>
    <t>Nusrat Pur</t>
  </si>
  <si>
    <t>Nusrat pur p/o rotla tulamba</t>
  </si>
  <si>
    <t>GPS NUTKANI NO. 1</t>
  </si>
  <si>
    <t>p/o nutkani</t>
  </si>
  <si>
    <t>GPS O BLOCK ARIFWALA</t>
  </si>
  <si>
    <t>43 O Block, Arifwala</t>
  </si>
  <si>
    <t>Zulfiqar AHMAD</t>
  </si>
  <si>
    <t>GPS OAD WALA</t>
  </si>
  <si>
    <t>GPS Oad wala, UC Mutfariq Chahan, Choti Zareen DGK</t>
  </si>
  <si>
    <t>Oad Wala</t>
  </si>
  <si>
    <t>GPS OBARA JNOOBI JALAL PUR PIR WALA</t>
  </si>
  <si>
    <t>Obara Janubi</t>
  </si>
  <si>
    <t>moza obara janobi uc nouraja bhutta no 172 tehsil jalal pur pir wala multan</t>
  </si>
  <si>
    <t>Nouraja bhutta</t>
  </si>
  <si>
    <t>GPS ODHEY PUR</t>
  </si>
  <si>
    <t>Odhay Pur</t>
  </si>
  <si>
    <t>GPS Odhay Pur p/o khattan BWN</t>
  </si>
  <si>
    <t>muhammad sagheer ud din</t>
  </si>
  <si>
    <t>GPS OJHRIAN</t>
  </si>
  <si>
    <t>Ojhrian</t>
  </si>
  <si>
    <t>village ojhrian p.o. barnali tehsil kharian district. gujrat</t>
  </si>
  <si>
    <t>GPS OJLA KALAN TH. PATTOKI DT. KASUR</t>
  </si>
  <si>
    <t>ojla pattoki kasur</t>
  </si>
  <si>
    <t>Alpha Kalan</t>
  </si>
  <si>
    <t>GPS OJLA P.O 187/WB</t>
  </si>
  <si>
    <t>p .o 187 wb</t>
  </si>
  <si>
    <t>GPS OKALA CHANDA</t>
  </si>
  <si>
    <t>Poss Bangi Khel Darmyni</t>
  </si>
  <si>
    <t>okala chanda p/o Tabbi sar  teh  essa  khel distt mianwali</t>
  </si>
  <si>
    <t>Okala Chanda</t>
  </si>
  <si>
    <t>GPS OKAN WALA</t>
  </si>
  <si>
    <t>Jhanian Shah</t>
  </si>
  <si>
    <t>Aqeel Haider Khan</t>
  </si>
  <si>
    <t>GPS OKHAR WAND</t>
  </si>
  <si>
    <t>Basti Mazari Khan Mouzs khokhran</t>
  </si>
  <si>
    <t>Okhar Wand</t>
  </si>
  <si>
    <t>GPS OKHRANY WALA</t>
  </si>
  <si>
    <t>moza Nawan kot teh.choubara dist layyah</t>
  </si>
  <si>
    <t>Okhrany Wala</t>
  </si>
  <si>
    <t>Muhammad Mahmood Akhtar</t>
  </si>
  <si>
    <t>GPS OKKIAN WALA</t>
  </si>
  <si>
    <t>Okainwala</t>
  </si>
  <si>
    <t>okainwala teh.pindi bhattian disst.hafizabadgps</t>
  </si>
  <si>
    <t>TOQEER ABBAS</t>
  </si>
  <si>
    <t>GPS OLAKH HITHAR</t>
  </si>
  <si>
    <t>OLAKH HITHAR</t>
  </si>
  <si>
    <t>Heri kay noul p/o khudian khas kasur</t>
  </si>
  <si>
    <t>GPS OLD BATTA MOZA GHRYALA P/O MUKHDOOM RASHID</t>
  </si>
  <si>
    <t>Chah Sandhi Wala Gharyala P /O Makhdoom Rasheed Multan</t>
  </si>
  <si>
    <t>GPS OLD SADIQABAD</t>
  </si>
  <si>
    <t>Goth Joora</t>
  </si>
  <si>
    <t>street no.11 mazhar freed colony sdk</t>
  </si>
  <si>
    <t>Sdk</t>
  </si>
  <si>
    <t>GPS ONARA</t>
  </si>
  <si>
    <t>mouza onara post office mandi shah jewana</t>
  </si>
  <si>
    <t>GPS OPAL</t>
  </si>
  <si>
    <t>village opal</t>
  </si>
  <si>
    <t>GPS OPANA</t>
  </si>
  <si>
    <t>chak opana post office pacca Sidhar Teh &amp;District pakpattan</t>
  </si>
  <si>
    <t>GPS OPIAN</t>
  </si>
  <si>
    <t>Opian</t>
  </si>
  <si>
    <t>vill.opian Teh. zafarwal</t>
  </si>
  <si>
    <t>Munir Sharif</t>
  </si>
  <si>
    <t>GPS OTHIAN</t>
  </si>
  <si>
    <t>GPS OUTHI</t>
  </si>
  <si>
    <t>Outhi</t>
  </si>
  <si>
    <t>Mouza Outhi</t>
  </si>
  <si>
    <t>Imtiaz Hussain Qaisar</t>
  </si>
  <si>
    <t>GPS OZMAN</t>
  </si>
  <si>
    <t>Ozman</t>
  </si>
  <si>
    <t>ozman</t>
  </si>
  <si>
    <t>OZMAN</t>
  </si>
  <si>
    <t>GPS PACCA</t>
  </si>
  <si>
    <t>Pacca Uc Karlu Wala Tehsil Mankera Disst Bhakkar</t>
  </si>
  <si>
    <t>Naseem Iqbal</t>
  </si>
  <si>
    <t>GPS PACCA AWAN ABAD</t>
  </si>
  <si>
    <t>pacca awanabad kot sultan. layyah</t>
  </si>
  <si>
    <t>Pacca Awanabd</t>
  </si>
  <si>
    <t>Muhammad Muddasir Afzal</t>
  </si>
  <si>
    <t>GPS PACCA DALA CHAK NO. 26/RB</t>
  </si>
  <si>
    <t>Pacca Dalla Chak #26/RB</t>
  </si>
  <si>
    <t>GPS pacca Dalla chak#26/RB</t>
  </si>
  <si>
    <t>Pacca Dalla Chak#26/RB</t>
  </si>
  <si>
    <t>GPS PACCA GHANJERA</t>
  </si>
  <si>
    <t>waan bachraan janobi</t>
  </si>
  <si>
    <t>pacca ghanjera waan bachraan mianwali</t>
  </si>
  <si>
    <t>pacca ghanjera</t>
  </si>
  <si>
    <t>waan bachraan 1</t>
  </si>
  <si>
    <t>GPS PACCA MIANA</t>
  </si>
  <si>
    <t>R/O PACCA MIANA,P/O DULLEWALA,TEH:DARYA KHAN,DISTT: BHAKKAR</t>
  </si>
  <si>
    <t>PACCA MIANA</t>
  </si>
  <si>
    <t>GPS PACCA MIRANI</t>
  </si>
  <si>
    <t>basti Bakht moza kunnel bashing p/o Kamran shah layyah</t>
  </si>
  <si>
    <t>Basti Bakhri</t>
  </si>
  <si>
    <t>Moon Shahzad</t>
  </si>
  <si>
    <t>GPS PACCA WARA FAROOQABAD</t>
  </si>
  <si>
    <t>pacca wara</t>
  </si>
  <si>
    <t>pacca wara postoffice jatri kohna</t>
  </si>
  <si>
    <t>GPS PACHANI</t>
  </si>
  <si>
    <t>Pachani</t>
  </si>
  <si>
    <t>Pachani Tehsil Shahpur District Sargodha</t>
  </si>
  <si>
    <t>ZAHID NASEER ULLAH</t>
  </si>
  <si>
    <t>GPS PACHNAND NO.2</t>
  </si>
  <si>
    <t>MOHALLAH KHANAL VPO PICHNAND</t>
  </si>
  <si>
    <t>ZAHEER UDDIN</t>
  </si>
  <si>
    <t>GPS PACHWAL</t>
  </si>
  <si>
    <t>v&amp;po dewal teh murree distt Rawalpindi</t>
  </si>
  <si>
    <t>GPS PADHRALA</t>
  </si>
  <si>
    <t>Padhrala</t>
  </si>
  <si>
    <t>village padhrala P/O phadial</t>
  </si>
  <si>
    <t>GPS PADHRALI</t>
  </si>
  <si>
    <t>village Padhrali P.O. &amp;Teh. Dina District Jhelum</t>
  </si>
  <si>
    <t>Padhrali</t>
  </si>
  <si>
    <t>Shahid Rehman</t>
  </si>
  <si>
    <t>GPS PADHRI</t>
  </si>
  <si>
    <t>gps padhri</t>
  </si>
  <si>
    <t>water line</t>
  </si>
  <si>
    <t>GPS PAHAR PUR</t>
  </si>
  <si>
    <t>AHMAD MOHANA</t>
  </si>
  <si>
    <t>Basti Bhandi Wali Moza Ahmad MOHANA</t>
  </si>
  <si>
    <t>MUHAMMAD BAQIR</t>
  </si>
  <si>
    <t>GPS PAHLWANKA</t>
  </si>
  <si>
    <t>Haider Dhudhi</t>
  </si>
  <si>
    <t>Village Pehlwanka P/o Laleka Tehsil minchin Abad</t>
  </si>
  <si>
    <t>GPS PAHOOR WALA</t>
  </si>
  <si>
    <t>Ameer Klasara Sharki</t>
  </si>
  <si>
    <t>Ameer Klasara chak no 172/TDA</t>
  </si>
  <si>
    <t>Muhammad  Saleem</t>
  </si>
  <si>
    <t>GPS PAHORAN WALA</t>
  </si>
  <si>
    <t>gps pahoranwala</t>
  </si>
  <si>
    <t>Pahoran Wala</t>
  </si>
  <si>
    <t>GPS PAHRIAN WALI</t>
  </si>
  <si>
    <t>Pharianwali</t>
  </si>
  <si>
    <t>village p/o pharianwali</t>
  </si>
  <si>
    <t>GPS PAI AHNA</t>
  </si>
  <si>
    <t>basti pai ahna</t>
  </si>
  <si>
    <t>GPS PAI KHEL</t>
  </si>
  <si>
    <t>MOHALLA kibi khel P/o Pai khel Tehseel and district Mianwali</t>
  </si>
  <si>
    <t>UC Paikhel</t>
  </si>
  <si>
    <t>Khalid Hameed Khan</t>
  </si>
  <si>
    <t>GPS PAI RAMDANI</t>
  </si>
  <si>
    <t>Thattha Gobolan</t>
  </si>
  <si>
    <t>Pai ramdani choti zareen</t>
  </si>
  <si>
    <t>Pai Ramdani</t>
  </si>
  <si>
    <t>Tatha Gobolann</t>
  </si>
  <si>
    <t>GPS PAIL MIRZA</t>
  </si>
  <si>
    <t>Pail Mirza</t>
  </si>
  <si>
    <t>GPS Pail Mirza Tehsil Sohawa Distt. Jhelum</t>
  </si>
  <si>
    <t>GPS PAINDA</t>
  </si>
  <si>
    <t>GBPS.Painda</t>
  </si>
  <si>
    <t>GPS PAK KUWAIT MILLS KHUSHAB</t>
  </si>
  <si>
    <t>near pak kuwait mill jauharabad</t>
  </si>
  <si>
    <t>Daira Muhammad Ali</t>
  </si>
  <si>
    <t>16-ii Hadali</t>
  </si>
  <si>
    <t>GPS PAK MASKEEN PURA</t>
  </si>
  <si>
    <t>Maskeen Pura</t>
  </si>
  <si>
    <t>Nabipura Mughalpura</t>
  </si>
  <si>
    <t>Maskeen</t>
  </si>
  <si>
    <t>GPS PAK WELFARE SOCIETY FAZAL PURA</t>
  </si>
  <si>
    <t>KOT KHAWAJA SAEED</t>
  </si>
  <si>
    <t>MAIN ROAD FAZAL PURA KOT KHAWAJA SAEED LAHORE</t>
  </si>
  <si>
    <t>FAZAL PURA</t>
  </si>
  <si>
    <t>SHAH NOOR PARK</t>
  </si>
  <si>
    <t>majida Bibi</t>
  </si>
  <si>
    <t>GPS PAKA DERA</t>
  </si>
  <si>
    <t>pacca dera p/o joyian wala teh&amp; distt sheikhupura</t>
  </si>
  <si>
    <t>Malian Kilan</t>
  </si>
  <si>
    <t>GPS PAKHARIWAL</t>
  </si>
  <si>
    <t>Pakhariwal chak 32</t>
  </si>
  <si>
    <t>Jhugiyaan # 292</t>
  </si>
  <si>
    <t>GPS PAKHOWAL</t>
  </si>
  <si>
    <t>Pakhowal Miani  Bhera Sargodha</t>
  </si>
  <si>
    <t>Muhammad Parvez</t>
  </si>
  <si>
    <t>GPS PAKHWAL</t>
  </si>
  <si>
    <t>village pakhwal Tensil and p.o sohawa</t>
  </si>
  <si>
    <t>Pakhwal</t>
  </si>
  <si>
    <t>GPS PAKI HAVALI HAZRA</t>
  </si>
  <si>
    <t>Paki Haveli Hazara</t>
  </si>
  <si>
    <t>paki haveli hazara</t>
  </si>
  <si>
    <t>GPS PAKI KOTLI</t>
  </si>
  <si>
    <t>village and p/o pakki kotli,tehsil &amp; district Sialkot</t>
  </si>
  <si>
    <t>GPS PAKI MANDI JADEED</t>
  </si>
  <si>
    <t>kumhar colony, boys college road, lqp</t>
  </si>
  <si>
    <t>GPS PAKKA</t>
  </si>
  <si>
    <t>gps moza pakka p/o kandiwal tehsil lalian distt chiniot</t>
  </si>
  <si>
    <t>GPS PAKKAY WALA</t>
  </si>
  <si>
    <t>u.c Ali wala basti pakay wala tehsil kot chutta dist DG Khan</t>
  </si>
  <si>
    <t>Pakky wala</t>
  </si>
  <si>
    <t>GPS PAKKI BASTI</t>
  </si>
  <si>
    <t>Pakki Basti Moza goth razaP/o taranda sway khan tehsil &amp; district Rahim yar khan</t>
  </si>
  <si>
    <t>Pakki Basti</t>
  </si>
  <si>
    <t>Mohammad Afzal</t>
  </si>
  <si>
    <t>GPS PAKKI DHARY DAKHLI CHAK NO. 33 EB</t>
  </si>
  <si>
    <t>Pakki Dahari</t>
  </si>
  <si>
    <t>chak no 33/e.b</t>
  </si>
  <si>
    <t>33EB</t>
  </si>
  <si>
    <t>GPS PAKKI MANDI 31/A JADEED</t>
  </si>
  <si>
    <t>Liaquat pur</t>
  </si>
  <si>
    <t>GPS 31/A Jadeed Pakki Mandi Abasia Road Near Imam Bargah Liaquat Pur</t>
  </si>
  <si>
    <t>MUHAMMAD SALEEM SHAKIR</t>
  </si>
  <si>
    <t>GPS PAKKI MOHANI WALI</t>
  </si>
  <si>
    <t>Khokar Isra</t>
  </si>
  <si>
    <t>pakki mohani .moza khokar isra .tehsil karor District Layyah</t>
  </si>
  <si>
    <t>Pakki Mohani Wali</t>
  </si>
  <si>
    <t>GPS PALAHAY</t>
  </si>
  <si>
    <t>Palahy</t>
  </si>
  <si>
    <t>colony moza palahy</t>
  </si>
  <si>
    <t>GPS PALALA MULLA KHAN</t>
  </si>
  <si>
    <t>GPS Palala Mulla Khan P.O. Walayat Abad Tehsil. Kallar syedan</t>
  </si>
  <si>
    <t>FAISAL ASHFAQ</t>
  </si>
  <si>
    <t>GPS PALARA</t>
  </si>
  <si>
    <t>Palara</t>
  </si>
  <si>
    <t>MOHAMMAD LATIF</t>
  </si>
  <si>
    <t>GPS PALIAH THAL</t>
  </si>
  <si>
    <t>Palya thal</t>
  </si>
  <si>
    <t>Bwata</t>
  </si>
  <si>
    <t>Bahar Khan</t>
  </si>
  <si>
    <t>GPS PALINA</t>
  </si>
  <si>
    <t>Palina</t>
  </si>
  <si>
    <t>Govt boys primary school palina</t>
  </si>
  <si>
    <t>Rasheda Kousar</t>
  </si>
  <si>
    <t>GPS PALLA HAMSHERA</t>
  </si>
  <si>
    <t>Palla Hamshira</t>
  </si>
  <si>
    <t>Basti  Kharwala mouza Palla Hamshira</t>
  </si>
  <si>
    <t>Malik Muhammad Aslam</t>
  </si>
  <si>
    <t>GPS PALLA MARI</t>
  </si>
  <si>
    <t>PALLA</t>
  </si>
  <si>
    <t>Basti pala mari near head islam</t>
  </si>
  <si>
    <t>Basti Palla Mari</t>
  </si>
  <si>
    <t>GPS PALLI</t>
  </si>
  <si>
    <t>village palli post office Ghora Gali tahseel Murree district Rawalpindi</t>
  </si>
  <si>
    <t>Palli</t>
  </si>
  <si>
    <t>Muhammad Khawar</t>
  </si>
  <si>
    <t>wellspring</t>
  </si>
  <si>
    <t>GPS PALLO TRAILY</t>
  </si>
  <si>
    <t>Moza Pallu Traily</t>
  </si>
  <si>
    <t>Moza Pallo Traily tehsil Pir mahal district toba tek singh</t>
  </si>
  <si>
    <t>ISRAR HUSSAIN</t>
  </si>
  <si>
    <t>GPS PALLO WALA</t>
  </si>
  <si>
    <t>Pallu Wala</t>
  </si>
  <si>
    <t>Govt P/s Pallu wala p/o jalal abad lodhran</t>
  </si>
  <si>
    <t>GPS PALO SHAH</t>
  </si>
  <si>
    <t>Chak Mut No1</t>
  </si>
  <si>
    <t>basti manzoor makwal chack mut no.1 Rojhan</t>
  </si>
  <si>
    <t>chak Mut no1</t>
  </si>
  <si>
    <t>GPS PALOLI</t>
  </si>
  <si>
    <t>PALOOLI</t>
  </si>
  <si>
    <t>BASTI NUMBER DAAR MOZA PALOOLI P.O. KOTLA MUSA KHAN TEHSEEL AHMADPUR EAST DISTRICT BAHAWALPUR</t>
  </si>
  <si>
    <t>BASTI NUMBERDAAR</t>
  </si>
  <si>
    <t>MUHAMMAD SALEEM AKHTER</t>
  </si>
  <si>
    <t>GPS PANA MAHAR</t>
  </si>
  <si>
    <t>Pana Mahar</t>
  </si>
  <si>
    <t>Pana Mahar P/O Jamal Kot, Tehsil Depalpur, Distric Okara</t>
  </si>
  <si>
    <t>Nihal Mhar</t>
  </si>
  <si>
    <t>GPS PANAH NAGAR</t>
  </si>
  <si>
    <t>Panah Nagar</t>
  </si>
  <si>
    <t>panah nagar</t>
  </si>
  <si>
    <t>Samundari</t>
  </si>
  <si>
    <t>GPS PANCHNAD NO.1</t>
  </si>
  <si>
    <t>vpo pichnand Tehsil Lawa Distt Chakwal</t>
  </si>
  <si>
    <t>Raheem Dad</t>
  </si>
  <si>
    <t>GPS PANDAK</t>
  </si>
  <si>
    <t>PANDAK</t>
  </si>
  <si>
    <t>village pandak p.o nartopa tehsil hazro distt Attock</t>
  </si>
  <si>
    <t>NISAR AHMED KHAN</t>
  </si>
  <si>
    <t>govt girls school</t>
  </si>
  <si>
    <t>GPS PANDAT WALA</t>
  </si>
  <si>
    <t>booe asal</t>
  </si>
  <si>
    <t>muhammad rafiq shakir</t>
  </si>
  <si>
    <t>GPS PANDAT WALA CHAK NO 37</t>
  </si>
  <si>
    <t>pandat Wala chak 37</t>
  </si>
  <si>
    <t>Pandat Wala</t>
  </si>
  <si>
    <t>Humayun Aslam</t>
  </si>
  <si>
    <t>GPS PANDO PUR</t>
  </si>
  <si>
    <t>Pando  Pur</t>
  </si>
  <si>
    <t>pando pur  Gujranwala</t>
  </si>
  <si>
    <t>GPS PANDOKE KHURD</t>
  </si>
  <si>
    <t>P/O AliPurChattha Teh: Wazirabad District Gujranwala</t>
  </si>
  <si>
    <t>Imran Ahmad</t>
  </si>
  <si>
    <t>GPS PANJ GRAIN BAJWA</t>
  </si>
  <si>
    <t>Panj Grain Bajwa</t>
  </si>
  <si>
    <t>Village: Panj Grain Bajwa; Tehsil: Pasrur; District: Sialkot;</t>
  </si>
  <si>
    <t>Muhammad Shabbir Jahangir</t>
  </si>
  <si>
    <t>GPS PANJAY WALA</t>
  </si>
  <si>
    <t>BASTI PUNJAY WALA, MAUZA &amp; UNION COUNCIL BHUTTA PUR, MUZAFFARGARH</t>
  </si>
  <si>
    <t>PUNJAY WALA</t>
  </si>
  <si>
    <t>AURANGZAIB KHAN</t>
  </si>
  <si>
    <t>GPS PANJEERY P/O JHOKE WAINS MULTAN</t>
  </si>
  <si>
    <t>chah panjeery p/o jhoke wains multan sadar</t>
  </si>
  <si>
    <t>GPS PANJGRAIN</t>
  </si>
  <si>
    <t>Gps panjgrain</t>
  </si>
  <si>
    <t>Basti Miranhayat</t>
  </si>
  <si>
    <t>Muhammad bilal shah</t>
  </si>
  <si>
    <t>GPS PANJUAN WALA</t>
  </si>
  <si>
    <t>dera panjuan wala</t>
  </si>
  <si>
    <t>GPS PANWAR</t>
  </si>
  <si>
    <t>GPS panwar</t>
  </si>
  <si>
    <t>Panwar</t>
  </si>
  <si>
    <t>Khawaja Taimoor  Rasheed</t>
  </si>
  <si>
    <t>GPS PAPIAN</t>
  </si>
  <si>
    <t>Papeen</t>
  </si>
  <si>
    <t>village and post office Papeen teh and distt Rawalpindi</t>
  </si>
  <si>
    <t>GPS PAPRALI</t>
  </si>
  <si>
    <t>VPO Herdo Sodhi Tehsil naushera District Khushab</t>
  </si>
  <si>
    <t>Paprali</t>
  </si>
  <si>
    <t>Mudassar Farooq</t>
  </si>
  <si>
    <t>GPS PAR AHMED</t>
  </si>
  <si>
    <t>Qayyum Akhtar</t>
  </si>
  <si>
    <t>GPS PAR GHUSROO</t>
  </si>
  <si>
    <t>Par Ghussro</t>
  </si>
  <si>
    <t>par ghussro</t>
  </si>
  <si>
    <t>GPS PAR LAKHAN</t>
  </si>
  <si>
    <t>Par Lakhan</t>
  </si>
  <si>
    <t>GPS par lakhan p/o par ahmad tehsil Pindi Bhattian district hfz.</t>
  </si>
  <si>
    <t>Mian Hifzur Rahman Nasir</t>
  </si>
  <si>
    <t>GPS PAR WANDHI</t>
  </si>
  <si>
    <t>Mohallah Parwandhi P/O Musakhel Tehsil &amp; Distt. Mianwali</t>
  </si>
  <si>
    <t>UC Musa Khel</t>
  </si>
  <si>
    <t>GPS PARAN WALA</t>
  </si>
  <si>
    <t>Paran Wala</t>
  </si>
  <si>
    <t>Basti paran wala p/o Madrassa Bahawalnagr</t>
  </si>
  <si>
    <t>Noor Sir</t>
  </si>
  <si>
    <t>Muhammad Akram Anjum</t>
  </si>
  <si>
    <t>GPS PARANEKE</t>
  </si>
  <si>
    <t>Paranike</t>
  </si>
  <si>
    <t>GPS Paranike</t>
  </si>
  <si>
    <t>GPS PARARA</t>
  </si>
  <si>
    <t>Parara</t>
  </si>
  <si>
    <t>mouza parara</t>
  </si>
  <si>
    <t>Muhammad Akhtar Jilani</t>
  </si>
  <si>
    <t>GPS PARATHI CHAK NO 451 TDA</t>
  </si>
  <si>
    <t>Chak No 451/TDA</t>
  </si>
  <si>
    <t>chak no 451/TDA tehsil choubara distrct layyah</t>
  </si>
  <si>
    <t>GPS PARHANA LOK</t>
  </si>
  <si>
    <t>Parhana Loke</t>
  </si>
  <si>
    <t>Village Parhana Loke PO Rerka  Bala</t>
  </si>
  <si>
    <t>Hardo Rerka</t>
  </si>
  <si>
    <t>GPS PARI (NARA)</t>
  </si>
  <si>
    <t>gbps parri village parri p.o.nara teh.jand distt.attock</t>
  </si>
  <si>
    <t>Ahmed Nawaz Khan</t>
  </si>
  <si>
    <t>GPS PARI CITY</t>
  </si>
  <si>
    <t>Parri City</t>
  </si>
  <si>
    <t>GPS PARI SATGARAH</t>
  </si>
  <si>
    <t>po mohra sayedan</t>
  </si>
  <si>
    <t>ZAHID HUSSAIN</t>
  </si>
  <si>
    <t>GPS PARINCEP ABAD</t>
  </si>
  <si>
    <t>Principabad</t>
  </si>
  <si>
    <t>principabad post office chak bedi pakpattan</t>
  </si>
  <si>
    <t>GPS PARIOT (NARA)</t>
  </si>
  <si>
    <t>Zafar Iqbql</t>
  </si>
  <si>
    <t>GPS PARNAWAN PHOOL NAGAR</t>
  </si>
  <si>
    <t>village parnawan,markaz phool nagar,pattoki</t>
  </si>
  <si>
    <t>Siddique Azam</t>
  </si>
  <si>
    <t>GPS PARRAN WALA</t>
  </si>
  <si>
    <t>parran wala</t>
  </si>
  <si>
    <t>Parran Wala</t>
  </si>
  <si>
    <t>shahid abbas</t>
  </si>
  <si>
    <t>GPS PARTAB GARH</t>
  </si>
  <si>
    <t>Partab Garh</t>
  </si>
  <si>
    <t>Partab Garh Tehsil Pattoki District Kasur</t>
  </si>
  <si>
    <t>GPS PARTH NALA</t>
  </si>
  <si>
    <t>Parthnala</t>
  </si>
  <si>
    <t>dera Abdul razaq near geegay post office kaleki mandi hafizabad</t>
  </si>
  <si>
    <t>GPS PASAIL</t>
  </si>
  <si>
    <t>GPS PASAIL PO DULA PUKHTA</t>
  </si>
  <si>
    <t>Pandant Manfool</t>
  </si>
  <si>
    <t>Samar Iqbal</t>
  </si>
  <si>
    <t>GPS PASHA ABAD</t>
  </si>
  <si>
    <t>Pasha abad</t>
  </si>
  <si>
    <t>Haase Balail</t>
  </si>
  <si>
    <t>GPS PASSIAN WALA</t>
  </si>
  <si>
    <t>Passianwala</t>
  </si>
  <si>
    <t>35420450 gps passian wala markaz narang mandi</t>
  </si>
  <si>
    <t>Passian wala</t>
  </si>
  <si>
    <t>Faryad Hussain</t>
  </si>
  <si>
    <t>GPS PASSON WALI</t>
  </si>
  <si>
    <t>GPS passan wali p/Iqbal abad Rahim yar khan</t>
  </si>
  <si>
    <t>Passan Wali</t>
  </si>
  <si>
    <t>GPS PATAI ALLAN WALI</t>
  </si>
  <si>
    <t>Pattie Allah Wala</t>
  </si>
  <si>
    <t>Mouza pattie allah wala p/o lot issa shah jhang</t>
  </si>
  <si>
    <t>GPS PATASA P/O DHUPAI</t>
  </si>
  <si>
    <t>PATASA</t>
  </si>
  <si>
    <t>chak patasa po dhappi pakpattan</t>
  </si>
  <si>
    <t>DHAPI</t>
  </si>
  <si>
    <t>ABID RASHID</t>
  </si>
  <si>
    <t>GPS PATESER</t>
  </si>
  <si>
    <t>Pataiser</t>
  </si>
  <si>
    <t>village pataiser P/O dalowali tehsil and district sialkot.</t>
  </si>
  <si>
    <t>GPS PATHAN KEY</t>
  </si>
  <si>
    <t>village pathankey p/o barki Lahore cantt</t>
  </si>
  <si>
    <t>Fajar Din</t>
  </si>
  <si>
    <t>GPS PATHAN MOLE</t>
  </si>
  <si>
    <t>p/o khar Fort munroo</t>
  </si>
  <si>
    <t>Pathan Mole</t>
  </si>
  <si>
    <t>GPS PATHAN WALA</t>
  </si>
  <si>
    <t>Panjgrain Nashaib</t>
  </si>
  <si>
    <t>GPS PATHANAN</t>
  </si>
  <si>
    <t>basti PATHANA moza chohan</t>
  </si>
  <si>
    <t>Pathana</t>
  </si>
  <si>
    <t>GPS PATI DARKHAN WALA</t>
  </si>
  <si>
    <t>govt primary school pati darkhan wala pati zai moza dalana</t>
  </si>
  <si>
    <t>Basti Taloor</t>
  </si>
  <si>
    <t>Fazal ilahi</t>
  </si>
  <si>
    <t>GPS PATI GHULAM MUHAMMAD</t>
  </si>
  <si>
    <t>Chanjani</t>
  </si>
  <si>
    <t>Basti Malik Bakhat Ali Naich mouza chanjni UC bahar Khakhi teasel liaqat pur district Rahim Yard Khan</t>
  </si>
  <si>
    <t>GPS PATI KHAR</t>
  </si>
  <si>
    <t>Pati khar</t>
  </si>
  <si>
    <t>GPS PATI KHIARA</t>
  </si>
  <si>
    <t>Pati Khiara</t>
  </si>
  <si>
    <t>Basti Khiara moza Pati Khiara p/o Uch Sharif Teh. Ahmed pur east Distt. Bahawal pur</t>
  </si>
  <si>
    <t>Khiara</t>
  </si>
  <si>
    <t>Chanab Rasool pur</t>
  </si>
  <si>
    <t>GPS PATI PAHORAN</t>
  </si>
  <si>
    <t>PATI PAHORAN</t>
  </si>
  <si>
    <t>GPS PATI PAHORAN IMAM NAGAR RAJAN PUR KALAN</t>
  </si>
  <si>
    <t>IMAM NAGAR</t>
  </si>
  <si>
    <t>Nawaz Khalid</t>
  </si>
  <si>
    <t>GPS PATI PUR</t>
  </si>
  <si>
    <t>Patipur</t>
  </si>
  <si>
    <t>gps pati pur</t>
  </si>
  <si>
    <t>GPS PATI PUR PO KUMHARI WALA PAKPATTAN</t>
  </si>
  <si>
    <t>Pati Pur , 10 s/p,District Pakpattan</t>
  </si>
  <si>
    <t>GPS PATI SEHR MUHAMMAD</t>
  </si>
  <si>
    <t>chanjni chock Basti Aziz Muhammad Numberdaar</t>
  </si>
  <si>
    <t>Basti Aziz Muhammad</t>
  </si>
  <si>
    <t>Muhammad Abdullah Tahir</t>
  </si>
  <si>
    <t>drinking cooler</t>
  </si>
  <si>
    <t>GPS PATOKAY WAZIRABAD</t>
  </si>
  <si>
    <t>Patokay</t>
  </si>
  <si>
    <t>PATOKAY , WAZIRABAD</t>
  </si>
  <si>
    <t>Vinjo Wali</t>
  </si>
  <si>
    <t>Kaiwan Haider</t>
  </si>
  <si>
    <t>GPS PATRAKI</t>
  </si>
  <si>
    <t>moza patraki Teh&amp;dist Chiniot</t>
  </si>
  <si>
    <t>GPS PATRAN WALA</t>
  </si>
  <si>
    <t>P/O Karlu Wala R/O Patran Wala TEH. MANKERA</t>
  </si>
  <si>
    <t>Patran Wala</t>
  </si>
  <si>
    <t>GPS PATRAWAN</t>
  </si>
  <si>
    <t>Patrawan</t>
  </si>
  <si>
    <t>mouza patrawan tehsil khair pur tamewali</t>
  </si>
  <si>
    <t>GPS PATRI WALA P/O VILL GANWEN TEH.SHUJABAD</t>
  </si>
  <si>
    <t>Ganwan</t>
  </si>
  <si>
    <t>patri wala p/o VILL Ganwen Tehsil Shulabad</t>
  </si>
  <si>
    <t>Muhammad Rasheed Ahmad</t>
  </si>
  <si>
    <t>GPS PATTAL KOT ADU</t>
  </si>
  <si>
    <t>PATTL SHARQI</t>
  </si>
  <si>
    <t>basti pattal kotadu</t>
  </si>
  <si>
    <t>Basti pattal</t>
  </si>
  <si>
    <t>pattl kot adu</t>
  </si>
  <si>
    <t>Aitzaz Safdar</t>
  </si>
  <si>
    <t>GPS PATTI ABDUL WAHID</t>
  </si>
  <si>
    <t>Basti muneerwala moza mari Qasim shah tehsil bahawalpur city</t>
  </si>
  <si>
    <t>Basti Muneerwala</t>
  </si>
  <si>
    <t>Muhammad Sohail Iqbal</t>
  </si>
  <si>
    <t>GPS PATTI DRIGH JADEED</t>
  </si>
  <si>
    <t>Basti Mehdi shah maoza matoi khan garh tehsil and district Muzaffargarh.</t>
  </si>
  <si>
    <t>Basti Mehdi Shah</t>
  </si>
  <si>
    <t>Amjad Nadeem</t>
  </si>
  <si>
    <t>GPS PATTI FAQIR WALI</t>
  </si>
  <si>
    <t>Tal Kachoo</t>
  </si>
  <si>
    <t>basti faqeer wala mouza tal kachoo Tehsil and Distt M. Garh</t>
  </si>
  <si>
    <t>GPS PATTI GADI</t>
  </si>
  <si>
    <t>Patti Gadi</t>
  </si>
  <si>
    <t>barian wala muaza patti gadi</t>
  </si>
  <si>
    <t>Barian Wala</t>
  </si>
  <si>
    <t>GPS PATTI GHAREEB SHAH</t>
  </si>
  <si>
    <t>Bait Qaim shah</t>
  </si>
  <si>
    <t>Basti leghari post office Danreen moza bait qaim shah Tehsil and District MuzAffar Garh</t>
  </si>
  <si>
    <t>GPS PATTI ISHAQ MOHANA</t>
  </si>
  <si>
    <t>basti pahar pur moza Ahmed mohana</t>
  </si>
  <si>
    <t>Ahmad mohana</t>
  </si>
  <si>
    <t>GPS PATTI JUMMA ARAIN</t>
  </si>
  <si>
    <t>PATTI JUMMA ARAIN</t>
  </si>
  <si>
    <t>CHACK BURAH MOZA PATTI JUMMA ARIAN</t>
  </si>
  <si>
    <t>CHACK BURAH</t>
  </si>
  <si>
    <t>SIDDIQUE AHMAD</t>
  </si>
  <si>
    <t>GPS PATTI KHAR</t>
  </si>
  <si>
    <t>chah chakan wala mouza patti khar</t>
  </si>
  <si>
    <t>Chakan Wala</t>
  </si>
  <si>
    <t>GPS PATTI SARKAR NO.1 P/O 5/AH, KHANEWAL</t>
  </si>
  <si>
    <t>Patti Sarkar #1</t>
  </si>
  <si>
    <t>ada Bloch's wala patti sarkar 1</t>
  </si>
  <si>
    <t>Patti Sarkar</t>
  </si>
  <si>
    <t>GPS PATTI SARKAR NO.2 P/O 3/AH KHANEWAL</t>
  </si>
  <si>
    <t>moza patti sarkar nizd darbar abdullah shah</t>
  </si>
  <si>
    <t>Hafiz Muhammad Anwar Ashraf</t>
  </si>
  <si>
    <t>GPS PATTI SIKHANI</t>
  </si>
  <si>
    <t>Patti Sikhni</t>
  </si>
  <si>
    <t>muza Patti sikhani u/c shireef chajra t/d m.garh</t>
  </si>
  <si>
    <t>Patti Sikhani</t>
  </si>
  <si>
    <t>Sharref Chajra</t>
  </si>
  <si>
    <t>Muhammad Tahir Aslam</t>
  </si>
  <si>
    <t>GPS PATTI SUMRA JANUBI</t>
  </si>
  <si>
    <t>Patti Sumra Junbi</t>
  </si>
  <si>
    <t>Sumra Janubi choubara</t>
  </si>
  <si>
    <t>Details Wanna Wala</t>
  </si>
  <si>
    <t>Faiz ur rehman</t>
  </si>
  <si>
    <t>GPS PATTOKI KOHNA</t>
  </si>
  <si>
    <t>Pattoki kohna</t>
  </si>
  <si>
    <t>Toseef Ahmad</t>
  </si>
  <si>
    <t>GPS PATWALI</t>
  </si>
  <si>
    <t>Pat Wali</t>
  </si>
  <si>
    <t>pat wali</t>
  </si>
  <si>
    <t>GPS PAWALI WALA</t>
  </si>
  <si>
    <t>basti pawli wala p/o Dhingana</t>
  </si>
  <si>
    <t>Pawli Wala</t>
  </si>
  <si>
    <t>Faheem Haider Tauqeer</t>
  </si>
  <si>
    <t>GPS PEER AHMAD ABAD</t>
  </si>
  <si>
    <t>basti eden motha moza peer ahmad abad teh:sadiq abad distt:rahim yar khan</t>
  </si>
  <si>
    <t>Basti Eden Motha</t>
  </si>
  <si>
    <t>Abdul Saboor</t>
  </si>
  <si>
    <t>GPS PEER BUKHSH BHUTTA</t>
  </si>
  <si>
    <t>GPS Peer Bukhsh Bhutta, Moza Sukhail, Tehsil Ahmad Pur East</t>
  </si>
  <si>
    <t>Peer Bukhsh Bhutta</t>
  </si>
  <si>
    <t>GPS PEER BUX KORI</t>
  </si>
  <si>
    <t>Peer Bux Korai</t>
  </si>
  <si>
    <t>Garhi Ikthiar</t>
  </si>
  <si>
    <t>GPS PEER COLONY</t>
  </si>
  <si>
    <t>GPS Peer Colony 2 Multan</t>
  </si>
  <si>
    <t>Niaz Mand Hajira</t>
  </si>
  <si>
    <t>GPS PEER HUSSIAN ABAD BASTI NOOR HASSAN</t>
  </si>
  <si>
    <t>Peer Hussian Abad</t>
  </si>
  <si>
    <t>basti noor hassan khan peer hussian abad</t>
  </si>
  <si>
    <t>Noor Hassan Khan</t>
  </si>
  <si>
    <t>Ghari Dhodho</t>
  </si>
  <si>
    <t>GPS PEER JAFAR</t>
  </si>
  <si>
    <t>Peer Jafar</t>
  </si>
  <si>
    <t>village Peer Jafar</t>
  </si>
  <si>
    <t>Muhammad Awais Ur Rehman</t>
  </si>
  <si>
    <t>GPS PEER JAHANIAN, JAHANIAN</t>
  </si>
  <si>
    <t>peer jahanian 115/10 r</t>
  </si>
  <si>
    <t>peer Jahanian</t>
  </si>
  <si>
    <t>Raheel Fazal</t>
  </si>
  <si>
    <t>GPS PEER JHANDEER</t>
  </si>
  <si>
    <t>Gps Peer Jhandeer</t>
  </si>
  <si>
    <t>Basti Tabi</t>
  </si>
  <si>
    <t>GPS PEER KAMAL</t>
  </si>
  <si>
    <t>Peer kamal</t>
  </si>
  <si>
    <t>Peer kamal Teh. Pindi Bhattain Distc. Hafizabad</t>
  </si>
  <si>
    <t>Matte ki</t>
  </si>
  <si>
    <t>GPS PEER KOT SANI</t>
  </si>
  <si>
    <t>Pirkot Sani</t>
  </si>
  <si>
    <t>pirkot sani</t>
  </si>
  <si>
    <t>SAJJAD WALAYAT</t>
  </si>
  <si>
    <t>GPS PEER PIHAI PO BANI AFGHAN</t>
  </si>
  <si>
    <t>Peer Pihai</t>
  </si>
  <si>
    <t>peer pihai post office bani afgan mianwali</t>
  </si>
  <si>
    <t>Muhammad Kareem Nawaz Khan</t>
  </si>
  <si>
    <t>GPS PEER SHAH</t>
  </si>
  <si>
    <t>Peer shah</t>
  </si>
  <si>
    <t>Moza peer shah p\o karam pur tehsil mailsi district vehari</t>
  </si>
  <si>
    <t>Hafiz Muhammad Shahid Hameed Javed</t>
  </si>
  <si>
    <t>GPS PEER SHAH-WEST</t>
  </si>
  <si>
    <t>PEER SHAH</t>
  </si>
  <si>
    <t>CHACK PEER SHAH TEHSIL &amp;DISTICT BAHAWAL NAGAR</t>
  </si>
  <si>
    <t>MARI MIAN SHAB</t>
  </si>
  <si>
    <t>AHMAD HASSAN</t>
  </si>
  <si>
    <t>GPS PEER WAL NARI</t>
  </si>
  <si>
    <t>GPS peerwal  nari</t>
  </si>
  <si>
    <t>GPS PEER WALA P/O THATH GHALWAN</t>
  </si>
  <si>
    <t>thath ghalwan p/o peer wala</t>
  </si>
  <si>
    <t>Syed Irtiza Hussain</t>
  </si>
  <si>
    <t>GPS PEERAL SAIN</t>
  </si>
  <si>
    <t>Perral Sain</t>
  </si>
  <si>
    <t>Peeralsain Gary Fateh shah</t>
  </si>
  <si>
    <t>peeralsain</t>
  </si>
  <si>
    <t>garh</t>
  </si>
  <si>
    <t>GPS PEERAN BHUTA</t>
  </si>
  <si>
    <t>Peeran Bhutta</t>
  </si>
  <si>
    <t>Basti Kaman Bhutta</t>
  </si>
  <si>
    <t>Kaman Bhutta</t>
  </si>
  <si>
    <t>Mudassar atta</t>
  </si>
  <si>
    <t>GPS PEERAN GHAIB</t>
  </si>
  <si>
    <t>Mari Mitroo</t>
  </si>
  <si>
    <t>gps peeran ghaib mouza mari mitroo</t>
  </si>
  <si>
    <t>Peeran Ghaib</t>
  </si>
  <si>
    <t>GPS PEERHA KALWAL</t>
  </si>
  <si>
    <t>Peerha Kalwal</t>
  </si>
  <si>
    <t>Peerha Kalwal  tehsil  Quaidabad  District  Khushab</t>
  </si>
  <si>
    <t>private moter pump</t>
  </si>
  <si>
    <t>GPS PEERHA MARKHAL</t>
  </si>
  <si>
    <t>GPS PEERHA MARKHAL Teh&amp;Distt Khushab</t>
  </si>
  <si>
    <t>Peerha Markhal</t>
  </si>
  <si>
    <t>Hakeem Hafiz Abdul Rehman</t>
  </si>
  <si>
    <t>GPS Peeru Shaheed</t>
  </si>
  <si>
    <t>peero shaheed</t>
  </si>
  <si>
    <t>govt p. s peero Shaheed Rawali</t>
  </si>
  <si>
    <t>GPS PEHAR</t>
  </si>
  <si>
    <t>village pehar p.o khadiot kahuta</t>
  </si>
  <si>
    <t>GPS PEHARH</t>
  </si>
  <si>
    <t>Peehar post office Retra Tehsil Taunsa Distt. DG Khan</t>
  </si>
  <si>
    <t>nearest hand pump</t>
  </si>
  <si>
    <t>GPS PEHLWAAN WALA, P/O MOUZA RUKAN WALA, KABIRWALA</t>
  </si>
  <si>
    <t>pehlwan wala Moza Rukan wala p/o jodhpur Teh kabirwala District Khanewal</t>
  </si>
  <si>
    <t>Pehlwan Wala</t>
  </si>
  <si>
    <t>Jasso Kanwen</t>
  </si>
  <si>
    <t>GPS PEHLWAN PUR</t>
  </si>
  <si>
    <t>basti pehlwanpur</t>
  </si>
  <si>
    <t>Pehlwanpur</t>
  </si>
  <si>
    <t>GPS PEHLWAN PURA</t>
  </si>
  <si>
    <t>GPS PEHLWAN PURA   VPO SIRANWLI TEH. DASKA DISTT. SIALKOT POSTL CODE 51501</t>
  </si>
  <si>
    <t>PEHLWAN PURA</t>
  </si>
  <si>
    <t>GPS PELLA GOJARAN</t>
  </si>
  <si>
    <t>Village peela Gujran shakar garh narowal</t>
  </si>
  <si>
    <t>GPS PENCILLIN COLONY</t>
  </si>
  <si>
    <t>Pencillin Colony Iskandarabad</t>
  </si>
  <si>
    <t>Rural Daudkhel</t>
  </si>
  <si>
    <t>Muhammad Zafar Ullah Khan</t>
  </si>
  <si>
    <t>GPS PENDI ESSA</t>
  </si>
  <si>
    <t>pindi essa</t>
  </si>
  <si>
    <t>mozia pindi essa</t>
  </si>
  <si>
    <t>chack no 583 gb</t>
  </si>
  <si>
    <t>faraz ajmal</t>
  </si>
  <si>
    <t>GPS PENTION KHORAN</t>
  </si>
  <si>
    <t>Chak Pensionn K Khowran</t>
  </si>
  <si>
    <t>Chak pension khawaran</t>
  </si>
  <si>
    <t>Chak Pension Khawaran</t>
  </si>
  <si>
    <t>GPS PEPIL WALA</t>
  </si>
  <si>
    <t>GPS pipal wala p o more khunda tehsil dist nankana sahib</t>
  </si>
  <si>
    <t>Tanwir Iqbal</t>
  </si>
  <si>
    <t>GPS PER KHAEE</t>
  </si>
  <si>
    <t>Peer Khai</t>
  </si>
  <si>
    <t>moza peer khai  p/o mitro tehsil mailsi district vehari</t>
  </si>
  <si>
    <t>GPS PERA KAMALIN WALA</t>
  </si>
  <si>
    <t>Perha Kamlin Wala</t>
  </si>
  <si>
    <t>gps perha kamlin wala post office jabbi tehsile and district khushab</t>
  </si>
  <si>
    <t>Jabbi Shareef</t>
  </si>
  <si>
    <t>ponds</t>
  </si>
  <si>
    <t>GPS PERH</t>
  </si>
  <si>
    <t>Hokra Kari</t>
  </si>
  <si>
    <t>post office New Murree village hokra Kari</t>
  </si>
  <si>
    <t>Sehr Bgla</t>
  </si>
  <si>
    <t>Muhammad Sohrab</t>
  </si>
  <si>
    <t>GPS PERO ANA SHUMALI</t>
  </si>
  <si>
    <t>p/o jaboana, moza perowana shumali</t>
  </si>
  <si>
    <t>Mahboob Ur Rahman</t>
  </si>
  <si>
    <t>GPS PERO CHAK</t>
  </si>
  <si>
    <t>Talwandi Musa khan</t>
  </si>
  <si>
    <t>GPS PERO SHAHI</t>
  </si>
  <si>
    <t>Peroshahi</t>
  </si>
  <si>
    <t>Vill Peroshahi Teh Fatah Jang Distt Attock</t>
  </si>
  <si>
    <t>Gohar Iman</t>
  </si>
  <si>
    <t>GPS PERSOWAL</t>
  </si>
  <si>
    <t>Persowal</t>
  </si>
  <si>
    <t>village Persowal p.o Persowal teh&amp;Distt gujrat</t>
  </si>
  <si>
    <t>Madiha younas</t>
  </si>
  <si>
    <t>GPS PETHHI</t>
  </si>
  <si>
    <t>village pethi tehsil  hazro district  Attock</t>
  </si>
  <si>
    <t>GPS PETHORA</t>
  </si>
  <si>
    <t>Barrian Pethora</t>
  </si>
  <si>
    <t>vill barrian pethora p/o Mallot sattian Teh Kotli Sattian Distt RWP</t>
  </si>
  <si>
    <t>Madiha Abrar</t>
  </si>
  <si>
    <t>GPS PHAGLI</t>
  </si>
  <si>
    <t>Phagli</t>
  </si>
  <si>
    <t>Vilge phagli post office shiekhpur Teh sarai Alamgir District Gujrat</t>
  </si>
  <si>
    <t>GPS PHALIA BOOTA</t>
  </si>
  <si>
    <t>phalia boota</t>
  </si>
  <si>
    <t>GPS PHALIA KEEMAN</t>
  </si>
  <si>
    <t>phalia keeman</t>
  </si>
  <si>
    <t>MC  Phalia</t>
  </si>
  <si>
    <t>Mustansar Ahmad</t>
  </si>
  <si>
    <t>GPS PHALIA MEHMAN</t>
  </si>
  <si>
    <t>phalia ameer tehsil phalia district mandi bahauddin</t>
  </si>
  <si>
    <t>Mc Phalia</t>
  </si>
  <si>
    <t>Bilawal Mehdi</t>
  </si>
  <si>
    <t>GPS PHAMBAL MIANA</t>
  </si>
  <si>
    <t>Phimbal Miana</t>
  </si>
  <si>
    <t>vpo phimbal miana gujar khas rwp</t>
  </si>
  <si>
    <t>GPS PHAMBI WALA</t>
  </si>
  <si>
    <t>Meetla</t>
  </si>
  <si>
    <t>phambi wala p/o Darain</t>
  </si>
  <si>
    <t>Phambi Wala</t>
  </si>
  <si>
    <t>GPS PHAMBREY</t>
  </si>
  <si>
    <t>phambray</t>
  </si>
  <si>
    <t>Qazi Nasrullah Khan</t>
  </si>
  <si>
    <t>GPS PHARRI</t>
  </si>
  <si>
    <t>Maanga</t>
  </si>
  <si>
    <t>village Pharri mouza Maanga Tehsil Murree District Rawalpindi</t>
  </si>
  <si>
    <t>Pharri</t>
  </si>
  <si>
    <t>GPS PHATANI</t>
  </si>
  <si>
    <t>pathani</t>
  </si>
  <si>
    <t>rot kohi</t>
  </si>
  <si>
    <t>GPS PHATHAR PO TAMMAN</t>
  </si>
  <si>
    <t>Village Phathar, P.O. Budhial, Tehsil Talagang, District Chakwal</t>
  </si>
  <si>
    <t>GPS PHATWAL ANGA</t>
  </si>
  <si>
    <t>Vpo anga tehsil naushera district khushab</t>
  </si>
  <si>
    <t>Angs</t>
  </si>
  <si>
    <t>GPS PHERL</t>
  </si>
  <si>
    <t>Charhain</t>
  </si>
  <si>
    <t>Village  pharl P/O Bann Teh  Murree</t>
  </si>
  <si>
    <t>Pharl</t>
  </si>
  <si>
    <t>GPS PHEROKE</t>
  </si>
  <si>
    <t>pheorki post office vanikey tarar district and tehsil hafizabad</t>
  </si>
  <si>
    <t>GPS PHILLO DUWATA</t>
  </si>
  <si>
    <t>Phillo Dewtta</t>
  </si>
  <si>
    <t>GPS PHILLO DEWTTA</t>
  </si>
  <si>
    <t>Amjad Farooq Virk</t>
  </si>
  <si>
    <t>GPS PHITO KHELAN WALA</t>
  </si>
  <si>
    <t>Manda  Khel</t>
  </si>
  <si>
    <t>po mandakhel  GPS  pathukhelan  wala</t>
  </si>
  <si>
    <t>Pathukhelan  Wala</t>
  </si>
  <si>
    <t>KALEEM ULLAH</t>
  </si>
  <si>
    <t>GPS PHOFANDI</t>
  </si>
  <si>
    <t>Phofandi</t>
  </si>
  <si>
    <t>Village Phofandi Teh Kotlisattian</t>
  </si>
  <si>
    <t>GPS PHOGAN WALA</t>
  </si>
  <si>
    <t>Phogan</t>
  </si>
  <si>
    <t>Gps phogan wala dakhana takht mahah</t>
  </si>
  <si>
    <t>Chak Phogan Wala</t>
  </si>
  <si>
    <t>GPS PHOLAH BANGLA</t>
  </si>
  <si>
    <t>POHLA Bangla</t>
  </si>
  <si>
    <t>GPS PHOTAKI</t>
  </si>
  <si>
    <t>PHOTAKI</t>
  </si>
  <si>
    <t>V.P.O.PHOTAKI. TEH &amp; DISTRICT. CHAKWAL</t>
  </si>
  <si>
    <t>MULHAL MIGHLAN</t>
  </si>
  <si>
    <t>GPS PHOTE THALANG</t>
  </si>
  <si>
    <t>Dhall Bun</t>
  </si>
  <si>
    <t>po khar fort munro</t>
  </si>
  <si>
    <t>Barli Phoot Thalang</t>
  </si>
  <si>
    <t>Bakht Muhammad</t>
  </si>
  <si>
    <t>GPS PHUL NAI WALA</t>
  </si>
  <si>
    <t>SAMINA GHARBI</t>
  </si>
  <si>
    <t>basti phull nai wala mouza samina union samina</t>
  </si>
  <si>
    <t>PHUL NAI WALA</t>
  </si>
  <si>
    <t>RAHEEM BAKHSH</t>
  </si>
  <si>
    <t>GPS PHULAHI</t>
  </si>
  <si>
    <t>dk laham</t>
  </si>
  <si>
    <t>Dk Phullahi</t>
  </si>
  <si>
    <t>Shabir Ahmed Nadeem</t>
  </si>
  <si>
    <t>GPS PHULAN TOLI KHURD</t>
  </si>
  <si>
    <t>Qalandar Shah</t>
  </si>
  <si>
    <t>GPS PHULARWAN</t>
  </si>
  <si>
    <t>BAISA</t>
  </si>
  <si>
    <t>GPS PHULARWAN KOHNA</t>
  </si>
  <si>
    <t>Nai abadi ward no 6 near sui gas Phularwan</t>
  </si>
  <si>
    <t>GPS PHULARWAN LAHORE CANTT</t>
  </si>
  <si>
    <t>phularwan village barki road Lahore Pakistan</t>
  </si>
  <si>
    <t>HAFIZ MUHAMMED USMAN</t>
  </si>
  <si>
    <t>GPS PHULER WAN WAZIR KE</t>
  </si>
  <si>
    <t>Village phullarwan Wazir Kay</t>
  </si>
  <si>
    <t>GPS PHULLAN KHAN MEHRAB WALA</t>
  </si>
  <si>
    <t>basti boobak gasoora moza mehrabwala ape distt bwp</t>
  </si>
  <si>
    <t>Basti Boobak Gasoora</t>
  </si>
  <si>
    <t>GPS PHULLARWAN</t>
  </si>
  <si>
    <t>vpo phularwan gujrat</t>
  </si>
  <si>
    <t>Muhammad Inayat</t>
  </si>
  <si>
    <t>GPS PHULO GHULLO WALA</t>
  </si>
  <si>
    <t>CHAH BAKHTAWAR WALA MAHOTA PO DULLE WALA TEHSIL DARYA KHAN DISTRICT BHAKKAR</t>
  </si>
  <si>
    <t>PHULOO GHULOO WALA</t>
  </si>
  <si>
    <t>PHULOO</t>
  </si>
  <si>
    <t>GPS PHULRA FORT ABBAS</t>
  </si>
  <si>
    <t>Basti Pholra</t>
  </si>
  <si>
    <t>Basti pholra fort abbas district bahawalnagar</t>
  </si>
  <si>
    <t>GPS PHULWARI</t>
  </si>
  <si>
    <t>village Phulwari</t>
  </si>
  <si>
    <t>GPS PHURALA</t>
  </si>
  <si>
    <t>Pirani</t>
  </si>
  <si>
    <t>vpo pirani tahsel pindi gheb attock</t>
  </si>
  <si>
    <t>Maira Shref</t>
  </si>
  <si>
    <t>Khaleel Ahemd</t>
  </si>
  <si>
    <t>GPS PHUSKAN WALA</t>
  </si>
  <si>
    <t>pati Farooq choubara</t>
  </si>
  <si>
    <t>Pati Farooq</t>
  </si>
  <si>
    <t>Muhammad Ameen Tabasam</t>
  </si>
  <si>
    <t>GPS PIAL KALAN NO. 1</t>
  </si>
  <si>
    <t>GPS pial kalan no1</t>
  </si>
  <si>
    <t>Pial Kalam</t>
  </si>
  <si>
    <t>GPS PIAL KALAN NO. 2</t>
  </si>
  <si>
    <t>pial kalan post office usman wala tehsil  and district Kasur</t>
  </si>
  <si>
    <t>GPS PIAL KHURD</t>
  </si>
  <si>
    <t>pial khurd tehsil and distt.kasur</t>
  </si>
  <si>
    <t>GPS PIDRAN WALA</t>
  </si>
  <si>
    <t>GPS Pidranwala Okhli Mohla Tehsil Quaidabad District Khushab</t>
  </si>
  <si>
    <t>GPS PILOWAL SIDDIQA</t>
  </si>
  <si>
    <t>Pillowal Siddiqa</t>
  </si>
  <si>
    <t>pillowal siddiqa Dist Choniot</t>
  </si>
  <si>
    <t>Kawain Wala</t>
  </si>
  <si>
    <t>GPS PILOWAL SYEDAN</t>
  </si>
  <si>
    <t>Pillowal Syedn</t>
  </si>
  <si>
    <t>pillowal syedan dist chiniot</t>
  </si>
  <si>
    <t>Pillowal Syedan</t>
  </si>
  <si>
    <t>GPS PIND</t>
  </si>
  <si>
    <t>pind tehsil chakwal</t>
  </si>
  <si>
    <t>Thanil  Kamal</t>
  </si>
  <si>
    <t>LIAQUAT ALI KHAN</t>
  </si>
  <si>
    <t>GPS PIND BAHDAR KHAN</t>
  </si>
  <si>
    <t>Pind Bahadar Khan</t>
  </si>
  <si>
    <t>district attock, tensil Fateh Jang .</t>
  </si>
  <si>
    <t>GPS PIND BARHAMNAN</t>
  </si>
  <si>
    <t>G P s Pind Brehmnan</t>
  </si>
  <si>
    <t>pind brehmnan</t>
  </si>
  <si>
    <t>Pind Brehmnan</t>
  </si>
  <si>
    <t>Dinga narine Pure</t>
  </si>
  <si>
    <t>GPS PIND CHANBA</t>
  </si>
  <si>
    <t>vill pind Chanba teh kotli sattian distt rwp</t>
  </si>
  <si>
    <t>Pind Chanba</t>
  </si>
  <si>
    <t>YASIR SOHAIL NAWAZ</t>
  </si>
  <si>
    <t>GPS PIND FATEH</t>
  </si>
  <si>
    <t>Pind Fateh, Fateh Jang, Attock</t>
  </si>
  <si>
    <t>GPS PIND KAMAL BANIAN</t>
  </si>
  <si>
    <t>Pindkamalabanian</t>
  </si>
  <si>
    <t>Gbps pind kamala banian</t>
  </si>
  <si>
    <t>Pind Kamala Banian</t>
  </si>
  <si>
    <t>Asifa noureen</t>
  </si>
  <si>
    <t>GPS PIND MALI</t>
  </si>
  <si>
    <t>Pind Mali</t>
  </si>
  <si>
    <t>village pindmali p o hasar tehsil hasan abdal dist attock</t>
  </si>
  <si>
    <t>GPS PIND MATTAY KHAN</t>
  </si>
  <si>
    <t>Pind mattay khan po &amp; teh sohawa distt jhelum</t>
  </si>
  <si>
    <t>GPS PIND NOSHERAY</t>
  </si>
  <si>
    <t>Pind Nosheray</t>
  </si>
  <si>
    <t>village pind nosheri tehsile taxila</t>
  </si>
  <si>
    <t>Fakhar Mehmood</t>
  </si>
  <si>
    <t>GPS PIND SULEMAN MAKHAN</t>
  </si>
  <si>
    <t>Pind Suleman Makhan</t>
  </si>
  <si>
    <t>pind suleman makhan teh and distt attock</t>
  </si>
  <si>
    <t>GPS PIND THAKREEAN</t>
  </si>
  <si>
    <t>Pind Thekarian</t>
  </si>
  <si>
    <t>vill pind thekarian po natha chattr gujrkhan rwp</t>
  </si>
  <si>
    <t>GPS PINDI ABDUL REHMAN</t>
  </si>
  <si>
    <t>Pindi Abdur Rehman Rehman Rehman</t>
  </si>
  <si>
    <t>GPS Pindi Abdur Rehman</t>
  </si>
  <si>
    <t>Pindi Abdur Rehman</t>
  </si>
  <si>
    <t>GPS PINDI ALHANI</t>
  </si>
  <si>
    <t>GPS Pindi Alhani  MBDin</t>
  </si>
  <si>
    <t>Pindi Alhani</t>
  </si>
  <si>
    <t>Aamir Shabbir</t>
  </si>
  <si>
    <t>from filter null outside the school in the same village</t>
  </si>
  <si>
    <t>GPS PINDI AMLAK</t>
  </si>
  <si>
    <t>Pind Amolak</t>
  </si>
  <si>
    <t>Pindi Amolak</t>
  </si>
  <si>
    <t>Abdul Aziz Chuhan</t>
  </si>
  <si>
    <t>GPS PINDI ARA</t>
  </si>
  <si>
    <t>Kootla Mir Baaz</t>
  </si>
  <si>
    <t>dakhli basti</t>
  </si>
  <si>
    <t>Pindi Ara</t>
  </si>
  <si>
    <t>GPS PINDI BAHAUDDIN</t>
  </si>
  <si>
    <t>post office Pindi Bahauddin teh.&amp;dist. Mandi Bahauddin</t>
  </si>
  <si>
    <t>Shahzad Iqbal Cheema</t>
  </si>
  <si>
    <t>GPS PINDI BAKHASHA</t>
  </si>
  <si>
    <t>Pindi Bakhsah</t>
  </si>
  <si>
    <t>Government primary school Pindi Bakhsha Shakargarh</t>
  </si>
  <si>
    <t>Pindi Bakhsha</t>
  </si>
  <si>
    <t>Nurang Abad</t>
  </si>
  <si>
    <t>Muhammad Nadeem Younis</t>
  </si>
  <si>
    <t>GPS PINDI BHATIAN NO.1</t>
  </si>
  <si>
    <t>Chanout road pindi bhattian</t>
  </si>
  <si>
    <t>GPS PINDI BORA</t>
  </si>
  <si>
    <t>pindi bora</t>
  </si>
  <si>
    <t>pindi bora post office metha lak tehsil and district sargodha</t>
  </si>
  <si>
    <t>Pindi Bora</t>
  </si>
  <si>
    <t>jura sakesar</t>
  </si>
  <si>
    <t>GPS PINDI CHANIAN</t>
  </si>
  <si>
    <t>village pindi Chaniani, p.o marjal,tehsil zafarwal, district narowal</t>
  </si>
  <si>
    <t>GPS PINDI CHERRY</t>
  </si>
  <si>
    <t>Pindi Chery</t>
  </si>
  <si>
    <t>pindi Chery p.o syedwala Nankana sahib</t>
  </si>
  <si>
    <t>Meharpur Memon</t>
  </si>
  <si>
    <t>GPS PINDI DHOTHRAN</t>
  </si>
  <si>
    <t>Pindi Dhothran</t>
  </si>
  <si>
    <t>village pundi dhotharn p/o chak mitha tehsil phalia m.b.din</t>
  </si>
  <si>
    <t>Rensikey</t>
  </si>
  <si>
    <t>Luqman Ahmad</t>
  </si>
  <si>
    <t>GPS PINDI DHUDAL</t>
  </si>
  <si>
    <t>Pindi Dhudal</t>
  </si>
  <si>
    <t>pindi dhudal P.O. jalalpur bhattian, teh. pindi dhudal, distt. hafizabad</t>
  </si>
  <si>
    <t>Khittay Shah</t>
  </si>
  <si>
    <t>GPS PINDI GHEB</t>
  </si>
  <si>
    <t>near committee choke pindigheb</t>
  </si>
  <si>
    <t>GPS PINDI GUJRAN</t>
  </si>
  <si>
    <t>Pindi Gujran</t>
  </si>
  <si>
    <t>Village and Post Office Pindi Gujran</t>
  </si>
  <si>
    <t>kaleem javed aftab</t>
  </si>
  <si>
    <t>GPS PINDI HASNA</t>
  </si>
  <si>
    <t>village and p.o pindi hasna tehsil and Distt gujrat</t>
  </si>
  <si>
    <t>Inzamam Ashraf Butt</t>
  </si>
  <si>
    <t>From home which is situated infront of school</t>
  </si>
  <si>
    <t>GPS PINDI HATTAR</t>
  </si>
  <si>
    <t>Pindi Hattar</t>
  </si>
  <si>
    <t>pindi hattar tehsil bhera district Sargodha</t>
  </si>
  <si>
    <t>Hazoorur</t>
  </si>
  <si>
    <t>Hafiz muhammad imran</t>
  </si>
  <si>
    <t>GPS PINDI KALU KHURD</t>
  </si>
  <si>
    <t>Pindi Kalu Khurd</t>
  </si>
  <si>
    <t>village pindi kalu khurd post office pindi kalu kalan</t>
  </si>
  <si>
    <t>GPS PINDI KHEL</t>
  </si>
  <si>
    <t>Near Dera Lurkian Wala Okhli Mohla</t>
  </si>
  <si>
    <t>GPS PINDI KORA</t>
  </si>
  <si>
    <t>Narah Shumali</t>
  </si>
  <si>
    <t>pindi kora tehsil &amp;distric Khushab</t>
  </si>
  <si>
    <t>GPS PINDI LALA</t>
  </si>
  <si>
    <t>gps pindi lala</t>
  </si>
  <si>
    <t>GPS PINDI MANA</t>
  </si>
  <si>
    <t>Pindi Mana</t>
  </si>
  <si>
    <t>Village Pindi Mana Tehsil shakargarh</t>
  </si>
  <si>
    <t>GPS PINDI MEHRWAL</t>
  </si>
  <si>
    <t>Pindi Mehrwal</t>
  </si>
  <si>
    <t>GPS PINDI MINHASAN</t>
  </si>
  <si>
    <t>PINDI MINHASAN</t>
  </si>
  <si>
    <t>VILLAGE PINDI MINHASAN POST OFFICE KINGRA TEHSIL PASRUR DISTRICT SIALKOT</t>
  </si>
  <si>
    <t>GPS PINDI MUGHO</t>
  </si>
  <si>
    <t>dakhana pindi mugho</t>
  </si>
  <si>
    <t>Danish Haroon</t>
  </si>
  <si>
    <t>GPS PINDI PURBIAN</t>
  </si>
  <si>
    <t>village Pindi purbian p o Dara Pur Tehsil Zafarwal District narowal</t>
  </si>
  <si>
    <t>GPS PINDI RAJPUTAN</t>
  </si>
  <si>
    <t>GPS pindirajputan , Khan colony</t>
  </si>
  <si>
    <t>Khan Colony</t>
  </si>
  <si>
    <t>Abida Anwar</t>
  </si>
  <si>
    <t>GPS PINDI SANIAN</t>
  </si>
  <si>
    <t>village Pindi Sainian post office shakargarh district Narowal</t>
  </si>
  <si>
    <t>GPS PINDORI KHURD</t>
  </si>
  <si>
    <t>Pindori Khurd</t>
  </si>
  <si>
    <t>pindori khurd p o pindori kalan Tehsil WAZIRABAD district gujranwala</t>
  </si>
  <si>
    <t>Izeb Shahzad Ahmad</t>
  </si>
  <si>
    <t>GPS PINWAL</t>
  </si>
  <si>
    <t>PINWAL</t>
  </si>
  <si>
    <t>VPO PINWAL TEH &amp; DISTT CHAKWAL</t>
  </si>
  <si>
    <t>GPS PIPAL BHUTTA</t>
  </si>
  <si>
    <t>noor pur pipal bhutta</t>
  </si>
  <si>
    <t>pipal bhutta po kalri teh lalian chiniot</t>
  </si>
  <si>
    <t>pipal bhutta</t>
  </si>
  <si>
    <t>kot ameer</t>
  </si>
  <si>
    <t>Saeed Ahmad Shaheen</t>
  </si>
  <si>
    <t>GPS PIPAL WALA (SULTAN MANDOR)</t>
  </si>
  <si>
    <t>moza basti Kharak p/o mandoreen</t>
  </si>
  <si>
    <t>Bhan Wala</t>
  </si>
  <si>
    <t>Ghulam Jaffar Farooqi</t>
  </si>
  <si>
    <t>GPS PIPIL WALA</t>
  </si>
  <si>
    <t>Havali bahadur shah</t>
  </si>
  <si>
    <t>GPS Pipal wala</t>
  </si>
  <si>
    <t>Pipal wala</t>
  </si>
  <si>
    <t>MUHAMMAD ASIF HUSSAIN</t>
  </si>
  <si>
    <t>GPS PIPLI PAHAR</t>
  </si>
  <si>
    <t>GPS Pipli Pahar</t>
  </si>
  <si>
    <t>GPS PIPLY MEHTAB RAI</t>
  </si>
  <si>
    <t>Pipli Mehtab Ray</t>
  </si>
  <si>
    <t>GPS pipli mehtab ray</t>
  </si>
  <si>
    <t>Sumandri 42/sp</t>
  </si>
  <si>
    <t>KARAM DIN</t>
  </si>
  <si>
    <t>GPS PIPLY WALA</t>
  </si>
  <si>
    <t>Basti Pipli wala Moza sumra Lodhran</t>
  </si>
  <si>
    <t>Ghaffar Ahmad</t>
  </si>
  <si>
    <t>GPS PIPNAKHA</t>
  </si>
  <si>
    <t>GPS pipnakhaDist Gujranwala</t>
  </si>
  <si>
    <t>Muhammad  IQBAL Azad</t>
  </si>
  <si>
    <t>GPS PIR ASHAB</t>
  </si>
  <si>
    <t>Mohallah pir ashab, vpo domel, tehsil jand district attock</t>
  </si>
  <si>
    <t>Bashir Alam</t>
  </si>
  <si>
    <t>GPS PIR BAKHSH KALARY</t>
  </si>
  <si>
    <t>Darkhast Jamal Khan Gharbi No 1</t>
  </si>
  <si>
    <t>basti per bakhsh kalari darkhast jamal khan gharbi no 1</t>
  </si>
  <si>
    <t>Darkhast Jamal Khan  Gharbi No 1</t>
  </si>
  <si>
    <t>GPS PIR BAKHSH KHAS</t>
  </si>
  <si>
    <t>chak peer buxsh</t>
  </si>
  <si>
    <t>chak peer buxsh khas tehseel rojhan district rajanpur</t>
  </si>
  <si>
    <t>thull nawab</t>
  </si>
  <si>
    <t>GPS PIR BAKHSH MAGASSI WALA</t>
  </si>
  <si>
    <t>Khayray Wala</t>
  </si>
  <si>
    <t>Ada Bhie Wala Teh.Choubara Distrect Layyah</t>
  </si>
  <si>
    <t>Bhie WalA Wasa</t>
  </si>
  <si>
    <t>GPS PIR BUKHSH WALA</t>
  </si>
  <si>
    <t>Ghohar Wala</t>
  </si>
  <si>
    <t>P/O kapahi, tehsil Mankera, district Bhakkar</t>
  </si>
  <si>
    <t>Peer Bakhsh Wala</t>
  </si>
  <si>
    <t>GPS PIR BULAND JADEED</t>
  </si>
  <si>
    <t>Chak#154/ml</t>
  </si>
  <si>
    <t>Chak#154/ML chah kharak wala kot Adu</t>
  </si>
  <si>
    <t>Kharak Wala</t>
  </si>
  <si>
    <t>Hasnain sattar</t>
  </si>
  <si>
    <t>GPS PIR BUX LANJWANI</t>
  </si>
  <si>
    <t>GPS peer Baksh Lanjwani Chuck SafdarAbad Abad</t>
  </si>
  <si>
    <t>Peer Baksh Lanjwani</t>
  </si>
  <si>
    <t>GPS PIR CHARAGH SHAH</t>
  </si>
  <si>
    <t>khizar Kay tehsil lalian district chiniot</t>
  </si>
  <si>
    <t>Khizar Kay</t>
  </si>
  <si>
    <t>GPS PIR DA KOT TEHSIL NANKANA</t>
  </si>
  <si>
    <t>Pir Da Kot</t>
  </si>
  <si>
    <t>pir da kot p/o mandi faizabad tehsil and distt nankana sahib</t>
  </si>
  <si>
    <t>Jogay Kot Noubahar</t>
  </si>
  <si>
    <t>Muhammad Naveed Saquib</t>
  </si>
  <si>
    <t>GPS PIR DAD</t>
  </si>
  <si>
    <t>Pirdad</t>
  </si>
  <si>
    <t>Mohallah Pirdad, Tehsil Hazro, Distt Attock</t>
  </si>
  <si>
    <t>Hazro 2</t>
  </si>
  <si>
    <t>Muhammad Masood  Akhtar</t>
  </si>
  <si>
    <t>GPS PIR DERGAI SHAH</t>
  </si>
  <si>
    <t>Khohawar</t>
  </si>
  <si>
    <t>Govt p/s peer dargahi shah</t>
  </si>
  <si>
    <t>Peer Dargahi Shah</t>
  </si>
  <si>
    <t>GPS PIR FAKHAR UD DIN</t>
  </si>
  <si>
    <t>warchha</t>
  </si>
  <si>
    <t>Muhammad Qamar Ul Islam</t>
  </si>
  <si>
    <t>GPS PIR GHAIB P/O PIR GHAIB MOUZA HILAL WAJEH</t>
  </si>
  <si>
    <t>Hilal Wajah</t>
  </si>
  <si>
    <t>p/o peer ghaib, mouza hilal wajah shujabad</t>
  </si>
  <si>
    <t>Muhammad Aftaf Hussain</t>
  </si>
  <si>
    <t>GPS PIR HAYAT</t>
  </si>
  <si>
    <t>pir hayat</t>
  </si>
  <si>
    <t>MUHAMMAD Rafique</t>
  </si>
  <si>
    <t>GPS PIR KHARA</t>
  </si>
  <si>
    <t>Pir khara</t>
  </si>
  <si>
    <t>village pir khara post office Lilla tehsil Pind dadan khan district jhelum</t>
  </si>
  <si>
    <t>GPS PIR KOT</t>
  </si>
  <si>
    <t>village pir kot attock</t>
  </si>
  <si>
    <t>maqsood ahmed</t>
  </si>
  <si>
    <t>GPS PIR KOT PAKPATTAN</t>
  </si>
  <si>
    <t>Mohallah Peer Kot</t>
  </si>
  <si>
    <t>gps pir kot pakpattan</t>
  </si>
  <si>
    <t>Urban Ward No 18</t>
  </si>
  <si>
    <t>GPS PIR MUHAMMAD DHIR</t>
  </si>
  <si>
    <t>Pir Muhammad Dhair</t>
  </si>
  <si>
    <t>GPS pir Muhammad Dhair</t>
  </si>
  <si>
    <t>GPS PIR MUHAMMAD GHORI</t>
  </si>
  <si>
    <t>Nari Dhamrayah</t>
  </si>
  <si>
    <t>Peer Muhammad Ghouri</t>
  </si>
  <si>
    <t>Peer Muhammad Ghuori</t>
  </si>
  <si>
    <t>GPS PIR SHAH NAWAZ</t>
  </si>
  <si>
    <t>Andar Pahar Police Station Lakha P.O Dalana Tribal Area Dera Ghazi Khan</t>
  </si>
  <si>
    <t>Pir Shahnawaz</t>
  </si>
  <si>
    <t>MUHAMMAD WASEEM</t>
  </si>
  <si>
    <t>GPS PIR SUKHA</t>
  </si>
  <si>
    <t>Jass</t>
  </si>
  <si>
    <t>Mauza Jass Tehsil Kahror Pacca District Lodhran</t>
  </si>
  <si>
    <t>Syed Amjad Ali Shah</t>
  </si>
  <si>
    <t>GPS PIR VONA</t>
  </si>
  <si>
    <t>NEAR CANEL REST HOUSE</t>
  </si>
  <si>
    <t>MC HUJRA</t>
  </si>
  <si>
    <t>Muhammad Nadeem  Akbar Tahir</t>
  </si>
  <si>
    <t>GPS PIR WALA (CHAK NO. 649/TDA)</t>
  </si>
  <si>
    <t>patal munda</t>
  </si>
  <si>
    <t>chak no 649/tda chowk sarwar shaheed.tehsil. kot addu district muzaffar garah</t>
  </si>
  <si>
    <t>GPS PIR WALI MUHAMMAD SULTAN</t>
  </si>
  <si>
    <t>Peer Wali Muhammad Sultan</t>
  </si>
  <si>
    <t>P/O Badli Sharif basti Peer Wali Muhammad Sultan RYK</t>
  </si>
  <si>
    <t>Badli Sharief</t>
  </si>
  <si>
    <t>AZHER HUSSAIN</t>
  </si>
  <si>
    <t>GPS PIR ZADA</t>
  </si>
  <si>
    <t>Chack No 533 TDA</t>
  </si>
  <si>
    <t>Chack No. 533 TDA</t>
  </si>
  <si>
    <t>GPS PIR ZAI</t>
  </si>
  <si>
    <t>Pirzai</t>
  </si>
  <si>
    <t>village pirzai TEH.hazro DISTT.Attock</t>
  </si>
  <si>
    <t>GPS PIRA</t>
  </si>
  <si>
    <t>Dhok Pira</t>
  </si>
  <si>
    <t>gps dhok pira vpo thoa mehram khan</t>
  </si>
  <si>
    <t>GPS PIRA BALUCH</t>
  </si>
  <si>
    <t>pira balouch</t>
  </si>
  <si>
    <t>Basti pira balouch tehsil khanpur District Rahimyar khan</t>
  </si>
  <si>
    <t>Dhandgagri</t>
  </si>
  <si>
    <t>Aamir khalil</t>
  </si>
  <si>
    <t>GPS PIRANI</t>
  </si>
  <si>
    <t>village pirani tehsil pindigheb distt attock</t>
  </si>
  <si>
    <t>GPS PIRHA</t>
  </si>
  <si>
    <t>Pirha Khari</t>
  </si>
  <si>
    <t>post office Pail</t>
  </si>
  <si>
    <t>Muhammad Saddique Awan</t>
  </si>
  <si>
    <t>GPS PIRHAIYAN WALA</t>
  </si>
  <si>
    <t>Tetre</t>
  </si>
  <si>
    <t>post office laghare pirhyanwali</t>
  </si>
  <si>
    <t>Pirhyanwali</t>
  </si>
  <si>
    <t>Syed Imdad Hussain Shah</t>
  </si>
  <si>
    <t>GPS PIRHAR MUNDA GHARBI</t>
  </si>
  <si>
    <t>Pirhar Munda Gharbi</t>
  </si>
  <si>
    <t>Mouza Pirhar  Munda Gharbi</t>
  </si>
  <si>
    <t>Muhammad Zeshan Saddique</t>
  </si>
  <si>
    <t>GPS PIRHAR WALA</t>
  </si>
  <si>
    <t>Mail Manjeth</t>
  </si>
  <si>
    <t>Bastii dange wala mozah mail manjeth</t>
  </si>
  <si>
    <t>Basti Dange Wala</t>
  </si>
  <si>
    <t>Fatehpur Junubi</t>
  </si>
  <si>
    <t>Shamir Iqbal</t>
  </si>
  <si>
    <t>GPS PIRZADA</t>
  </si>
  <si>
    <t>basti khokharan</t>
  </si>
  <si>
    <t>Khokharan</t>
  </si>
  <si>
    <t>GPS PISHI LEGHARI</t>
  </si>
  <si>
    <t>Pheeshi</t>
  </si>
  <si>
    <t>Tribal area dgkhan</t>
  </si>
  <si>
    <t>GPS PITTHO</t>
  </si>
  <si>
    <t>Gps Pitho Markaz Tabbi Sar</t>
  </si>
  <si>
    <t>Pitho</t>
  </si>
  <si>
    <t>gravity system</t>
  </si>
  <si>
    <t>GPS PITTIN P.O MANKERA</t>
  </si>
  <si>
    <t>gps pitten</t>
  </si>
  <si>
    <t>Pitten</t>
  </si>
  <si>
    <t>GPS PLAHGRAN</t>
  </si>
  <si>
    <t>Village Plahgran p/o Achh district Gujarat Tehsil Kharian</t>
  </si>
  <si>
    <t>GPS PLATHER</t>
  </si>
  <si>
    <t>Plather</t>
  </si>
  <si>
    <t>village plather p.o khalol tehsil kahuta district Rawalpindi</t>
  </si>
  <si>
    <t>FARHAT BIBI</t>
  </si>
  <si>
    <t>GPS PLOT-A Pir Mahal</t>
  </si>
  <si>
    <t>GPS Plot A</t>
  </si>
  <si>
    <t>Muhammad anees</t>
  </si>
  <si>
    <t>GPS PLUNG PUR</t>
  </si>
  <si>
    <t>Plungpur</t>
  </si>
  <si>
    <t>gps plung pur tehsil noshera virkan dist grw</t>
  </si>
  <si>
    <t>GPS POL WALA</t>
  </si>
  <si>
    <t>POOL WALA</t>
  </si>
  <si>
    <t>Chah jawai wala mouza pool wala jampur</t>
  </si>
  <si>
    <t>GPS POLICE LINE</t>
  </si>
  <si>
    <t>Kamboh Colony</t>
  </si>
  <si>
    <t>kamboh colony police line gujranwala</t>
  </si>
  <si>
    <t>Muhammad Alyass</t>
  </si>
  <si>
    <t>GPS POOLHA</t>
  </si>
  <si>
    <t>Poohlah</t>
  </si>
  <si>
    <t>village poohlah post office sial Sharif Tehsil Sahiwal District Sargodha</t>
  </si>
  <si>
    <t>Muhammad Sibtain Akhtar</t>
  </si>
  <si>
    <t>GPS POORBA</t>
  </si>
  <si>
    <t>Poorba</t>
  </si>
  <si>
    <t>Village Poorba , P/O beowali, T/D Gujrat.</t>
  </si>
  <si>
    <t>Moin-ud-Din Pur</t>
  </si>
  <si>
    <t>Zunaira Rashid</t>
  </si>
  <si>
    <t>GPS POPULAR NURSARY</t>
  </si>
  <si>
    <t>Popular Nursery</t>
  </si>
  <si>
    <t>street no 30 popular nursery Gujranwala</t>
  </si>
  <si>
    <t>GPS PORAN</t>
  </si>
  <si>
    <t>Poran</t>
  </si>
  <si>
    <t>basti darweesh Khan po sardar garh rahim yar khan</t>
  </si>
  <si>
    <t>Basti Darweesh Khan</t>
  </si>
  <si>
    <t>GPS PORILA</t>
  </si>
  <si>
    <t>Poreela</t>
  </si>
  <si>
    <t>GPS poreela p/o maira tehsil dina</t>
  </si>
  <si>
    <t>NAEEM INAYAT</t>
  </si>
  <si>
    <t>GPS POSHIDAY WALA</t>
  </si>
  <si>
    <t>Posheeday wala khar sharqi p.o sinawan</t>
  </si>
  <si>
    <t>Posheeday Wala</t>
  </si>
  <si>
    <t>GPS POST THOKH</t>
  </si>
  <si>
    <t>Thokh Gujri</t>
  </si>
  <si>
    <t>P/o khar Fort Munro Moza Thokh Gujri distt DG Khan</t>
  </si>
  <si>
    <t>Basti Bakhat Ali</t>
  </si>
  <si>
    <t>GPS POSTAL COLONY</t>
  </si>
  <si>
    <t>Golrra Morr</t>
  </si>
  <si>
    <t>postal colony, golrra morr rwp</t>
  </si>
  <si>
    <t>GPS POSTAN WALA</t>
  </si>
  <si>
    <t>Postan wala techs all choubara district layyah</t>
  </si>
  <si>
    <t>Postan Wala</t>
  </si>
  <si>
    <t>Safdar Hussain Safdar</t>
  </si>
  <si>
    <t>GPS POSTI</t>
  </si>
  <si>
    <t>Posti</t>
  </si>
  <si>
    <t>basti posti</t>
  </si>
  <si>
    <t>Jamrani Kohn</t>
  </si>
  <si>
    <t>Waqass Rasheed</t>
  </si>
  <si>
    <t>GPS POTAY WALA P/O NAWAN KOT</t>
  </si>
  <si>
    <t>Chah Bilal Wala Mouza Nawan kot Tehsil Choubara District Layyah</t>
  </si>
  <si>
    <t>Chudhary Bilal Arain Wala</t>
  </si>
  <si>
    <t>Muhammad Naveed Akbar</t>
  </si>
  <si>
    <t>GPS POTHA NAGIAL</t>
  </si>
  <si>
    <t>govt. primary school potha nagial
village potha</t>
  </si>
  <si>
    <t>Nauman Javed</t>
  </si>
  <si>
    <t>outdoor pump</t>
  </si>
  <si>
    <t>GPS POTHA PARYAN</t>
  </si>
  <si>
    <t>p&amp;o darnoian tehsil kotli station district rawalpindi</t>
  </si>
  <si>
    <t>durnyan</t>
  </si>
  <si>
    <t>TMC kotli sattian</t>
  </si>
  <si>
    <t>Sumaira Mushtaq</t>
  </si>
  <si>
    <t>borring</t>
  </si>
  <si>
    <t>GPS POTHAA</t>
  </si>
  <si>
    <t>Dakhli Kot Qazi</t>
  </si>
  <si>
    <t>VPO Potha Tehsil Lawa District Chakwal</t>
  </si>
  <si>
    <t>Shah Fakhar Ul Arfeen</t>
  </si>
  <si>
    <t>GPS POUR MIANA</t>
  </si>
  <si>
    <t>village and post office Pourmiana Teh Hassanabdal Distt Attock</t>
  </si>
  <si>
    <t>Mian Shakir Hussain</t>
  </si>
  <si>
    <t>GPS POUR NAWAN LOK</t>
  </si>
  <si>
    <t>Pour Nawan Lok</t>
  </si>
  <si>
    <t>village pour nawan lok P/o mangowal gharbi</t>
  </si>
  <si>
    <t>GPS POWER STATION PIRRAN GHAIB PIRAN GHAIB</t>
  </si>
  <si>
    <t>Pirran Gaib</t>
  </si>
  <si>
    <t>power station piran ghaib Multan</t>
  </si>
  <si>
    <t>GPS PREETAM WALI</t>
  </si>
  <si>
    <t>GPS PREETUM WALI MALE 17 BWN</t>
  </si>
  <si>
    <t>PREETAM Wali</t>
  </si>
  <si>
    <t>GPS PROCHRAN</t>
  </si>
  <si>
    <t>prochran</t>
  </si>
  <si>
    <t>Prochran</t>
  </si>
  <si>
    <t>GPS PROHAY WALA</t>
  </si>
  <si>
    <t>Kcha Patal</t>
  </si>
  <si>
    <t>chah lail Wala kotadu</t>
  </si>
  <si>
    <t>Chah Lail Wala</t>
  </si>
  <si>
    <t>GPS PROPI ARIAN</t>
  </si>
  <si>
    <t>village propi Arian sialkot</t>
  </si>
  <si>
    <t>Propi Arian</t>
  </si>
  <si>
    <t>GPS PROPI NAGRA</t>
  </si>
  <si>
    <t>propi nagra near aiman abad road ,tehsil pasrur</t>
  </si>
  <si>
    <t>ADAMKAY NAGRA</t>
  </si>
  <si>
    <t>Muhammad Ysseen</t>
  </si>
  <si>
    <t>GPS PRTALI KHURD</t>
  </si>
  <si>
    <t>Prtali Khurd</t>
  </si>
  <si>
    <t>partali khurd p/o Dehra Muslim G.khan Rwp</t>
  </si>
  <si>
    <t>Partali Khurd</t>
  </si>
  <si>
    <t>Samina Sabir</t>
  </si>
  <si>
    <t>GPS PUBLIC COLONY</t>
  </si>
  <si>
    <t>City Sadiq Abad</t>
  </si>
  <si>
    <t>GPS Public Colony Sadiq Abad</t>
  </si>
  <si>
    <t>Sadiq Abad City</t>
  </si>
  <si>
    <t>B 2 M C Area</t>
  </si>
  <si>
    <t>Shabbir  Ahmad</t>
  </si>
  <si>
    <t>GPS PUBLIC ISLAMIA LIAQAT ABAD KOT LAKHPAT</t>
  </si>
  <si>
    <t>GPS PUBLIC KUNJAH</t>
  </si>
  <si>
    <t>Mohallah pukhta talab circular road kunjah tehsil and distt. gujrat</t>
  </si>
  <si>
    <t>MC Kunjah</t>
  </si>
  <si>
    <t>Humayun Mumtaz</t>
  </si>
  <si>
    <t>GPS PUGAL WARI</t>
  </si>
  <si>
    <t>basti balo wali MOUZA pugalwari</t>
  </si>
  <si>
    <t>Basti Balo Wali</t>
  </si>
  <si>
    <t>GPS PUL BAGAR WALI, MOUZA HATARAN, SARAI SIDHU</t>
  </si>
  <si>
    <t>moza hataran tehsil kabirwala district khanewal</t>
  </si>
  <si>
    <t>GPS PUL BAJWAN</t>
  </si>
  <si>
    <t>PUL BAJWAN</t>
  </si>
  <si>
    <t>Village&amp;p/o Pul Bajwan Tehsil &amp; distt Sialkot</t>
  </si>
  <si>
    <t>GPS PUL GAMOON WALI, SARAI SIDHU</t>
  </si>
  <si>
    <t>pull Gamoon Wali Moza Baqirpur markaz sardar pur</t>
  </si>
  <si>
    <t>Pull Gamoon Wali</t>
  </si>
  <si>
    <t>GPS PUL MIANI JHOKE LASHKAR PUR</t>
  </si>
  <si>
    <t>Chpran Wala</t>
  </si>
  <si>
    <t>19 kassi budhla road kot shahbaz</t>
  </si>
  <si>
    <t>Chpran Wals</t>
  </si>
  <si>
    <t>Tariq Javad</t>
  </si>
  <si>
    <t>GPS PUL MITRU</t>
  </si>
  <si>
    <t>177/WB</t>
  </si>
  <si>
    <t>GPS Pull Mitroo</t>
  </si>
  <si>
    <t>ALLAH BAKHSH</t>
  </si>
  <si>
    <t>GPS PUL PAKORI, MOUZA BARAG SARGANA, SARAI SIDHU</t>
  </si>
  <si>
    <t>BARJH SARGANA</t>
  </si>
  <si>
    <t>Basti Pull Pakori Moza Barjh Sargana Markaz Sarai Sidhu Tehsil Kabirwala Distt. Khanewal</t>
  </si>
  <si>
    <t>PULL PAKORI</t>
  </si>
  <si>
    <t>GPS PUL SHAH DOULA</t>
  </si>
  <si>
    <t>Pull Shah Doola</t>
  </si>
  <si>
    <t>Pull Shah Doula</t>
  </si>
  <si>
    <t>Gunnaour</t>
  </si>
  <si>
    <t>Kabir Ahmad</t>
  </si>
  <si>
    <t>GPS PUL SHAH WALA</t>
  </si>
  <si>
    <t>Basti jundo wala jampur</t>
  </si>
  <si>
    <t>Basti Jundo Wala</t>
  </si>
  <si>
    <t>Hafiz Shoukat Ali</t>
  </si>
  <si>
    <t>GPS PUL WATRAN</t>
  </si>
  <si>
    <t>primary school pull watran,moza shedani sharif,markaz khan bela,tehsile liaqatpur</t>
  </si>
  <si>
    <t>Pull Watran</t>
  </si>
  <si>
    <t>GPS PULL 27000 RD</t>
  </si>
  <si>
    <t>gps pull 27000</t>
  </si>
  <si>
    <t>Pull 27000 Rd</t>
  </si>
  <si>
    <t>Ahmad Bakhsh Zahid</t>
  </si>
  <si>
    <t>GPS PULL ARAIN WALA (ABBAS MINOR)</t>
  </si>
  <si>
    <t>Mouza Shadi khan Munda on left bank of Abbas Minor Near TP Link Canal Tehsil Kot Addu District Muzaffar Garh</t>
  </si>
  <si>
    <t>Muhammad Irshad Akhtar</t>
  </si>
  <si>
    <t>GPS PULL DAGAR</t>
  </si>
  <si>
    <t>Pull Dagar P\O Bughlani Tehsil Taunsa Distt. DGKhan</t>
  </si>
  <si>
    <t>Pull Dagar</t>
  </si>
  <si>
    <t>Mohammad Shoaib</t>
  </si>
  <si>
    <t>GPS PULL NEHAR SALAM</t>
  </si>
  <si>
    <t>Basti Hussain a bad pull nehar salam</t>
  </si>
  <si>
    <t>Tyeab Hussain</t>
  </si>
  <si>
    <t>GPS PULL SALAM DAKHLI MIANA GONDAL</t>
  </si>
  <si>
    <t>pul salam</t>
  </si>
  <si>
    <t>Pul Salam</t>
  </si>
  <si>
    <t>GPS PULLAH</t>
  </si>
  <si>
    <t>Village poohla</t>
  </si>
  <si>
    <t>Haji muhammad</t>
  </si>
  <si>
    <t>Saghir Hussain</t>
  </si>
  <si>
    <t>GPS PULLI GUDDAR KAY</t>
  </si>
  <si>
    <t>Pulli Guddar Kay</t>
  </si>
  <si>
    <t>pulli guddar kay, haveli lakha</t>
  </si>
  <si>
    <t>Naeem Abad</t>
  </si>
  <si>
    <t>GPS PUMP AHMAD KAMOKA</t>
  </si>
  <si>
    <t>Kot Kuda Yar</t>
  </si>
  <si>
    <t>Tibba Ghulam Abbas shah CHINIOT</t>
  </si>
  <si>
    <t>Tibba Ghulam  Abbas shah</t>
  </si>
  <si>
    <t>GPS PUMP MOHAMMAD BOOTA</t>
  </si>
  <si>
    <t>Pump muhammad boota</t>
  </si>
  <si>
    <t>Zair Ahmad Khan</t>
  </si>
  <si>
    <t>GPS PUMP SHAH NAWAZ</t>
  </si>
  <si>
    <t>Pump Shah Nawaz</t>
  </si>
  <si>
    <t>Pump Shah Nawaz Ghubrika</t>
  </si>
  <si>
    <t>GPS PUNA WALI</t>
  </si>
  <si>
    <t>bsti puna wali moza mosam wala tehsil minchinabad bahawal nagar</t>
  </si>
  <si>
    <t>Puna Wali</t>
  </si>
  <si>
    <t>M Akmal Saleem</t>
  </si>
  <si>
    <t>GPS PUNAN KAY</t>
  </si>
  <si>
    <t>Pinan Key</t>
  </si>
  <si>
    <t>Village Pinan Key P/O Sheowal Tehsil Pasrur District Sialkot</t>
  </si>
  <si>
    <t>GPS PUNJ GARAIN</t>
  </si>
  <si>
    <t>that's bama</t>
  </si>
  <si>
    <t>Khalid Amir</t>
  </si>
  <si>
    <t>GPS PUNJ PEER</t>
  </si>
  <si>
    <t>Basti Khand Muza Kachi Muhammad Khan Tehsil Liaqat Pur</t>
  </si>
  <si>
    <t>Basti Khand</t>
  </si>
  <si>
    <t>Muhammad Zahid Rafiq</t>
  </si>
  <si>
    <t>GPS PUNJ PEER ROAD MISRI SHAH</t>
  </si>
  <si>
    <t>punj peer road, misri shah, lahore</t>
  </si>
  <si>
    <t>Muhammad Laique</t>
  </si>
  <si>
    <t>GPS PUNJ PIR TIBBA DHUP</t>
  </si>
  <si>
    <t>Tibba Dhup</t>
  </si>
  <si>
    <t>Punj pir Moza Tibba Dhup The/Dist, Jhang</t>
  </si>
  <si>
    <t>Punj Pir</t>
  </si>
  <si>
    <t>GPS PUNJAIN</t>
  </si>
  <si>
    <t>PUNJAIN</t>
  </si>
  <si>
    <t>VPO PUNJAIN TEHSIL AND DISTRICT CHAKWAL</t>
  </si>
  <si>
    <t>KHOTIAN</t>
  </si>
  <si>
    <t>GPS PUNJKOSI</t>
  </si>
  <si>
    <t>Kaat Allah Yar</t>
  </si>
  <si>
    <t>Chak Panjkosi, Tehsil &amp; Distt. Bahwalnagar</t>
  </si>
  <si>
    <t>Panjkosi</t>
  </si>
  <si>
    <t>GPS PUNJWAR</t>
  </si>
  <si>
    <t>Panjwar</t>
  </si>
  <si>
    <t>village panjwar p/o nara Tehsil kahuta district rawalpindi</t>
  </si>
  <si>
    <t>GPS PUNNAR WALA</t>
  </si>
  <si>
    <t>Chah punnar wala moza nari dhamraya tehsil kot chutta dostrict dera ghazi khan</t>
  </si>
  <si>
    <t>Punnar Wala</t>
  </si>
  <si>
    <t>GPS PUNNUN JHULLAN</t>
  </si>
  <si>
    <t>Punnun Jhullan</t>
  </si>
  <si>
    <t>basti matra mouza punnun jhullan tehsil ahmadpur east</t>
  </si>
  <si>
    <t>Matra</t>
  </si>
  <si>
    <t>Abdul Hameed Gul</t>
  </si>
  <si>
    <t>GPS PUNOO KHAN LAGHARI</t>
  </si>
  <si>
    <t>Ghulam Ahmad Abad</t>
  </si>
  <si>
    <t>Basti Punoo khan Laghari U/c bhong Tehsil Sadiq Abad District Rahim Yar Khan</t>
  </si>
  <si>
    <t>Punu Khan Laghari</t>
  </si>
  <si>
    <t>Aftab Hussain Shah</t>
  </si>
  <si>
    <t>GPS PUNOWAL</t>
  </si>
  <si>
    <t>Punowal</t>
  </si>
  <si>
    <t>GPS Punowal  Sialkot</t>
  </si>
  <si>
    <t>GPS PURAN</t>
  </si>
  <si>
    <t>Moza Puran PO Rohella Tajaika Tehsil Depal Pur</t>
  </si>
  <si>
    <t>Rohela Tajaika</t>
  </si>
  <si>
    <t>GPS PURAN PUR</t>
  </si>
  <si>
    <t>Puran Pur</t>
  </si>
  <si>
    <t>Puran Pur Kamoke</t>
  </si>
  <si>
    <t>Muhammad Muneeb</t>
  </si>
  <si>
    <t>GPS PURANA BAGHPUR</t>
  </si>
  <si>
    <t>Puran Bhagpur</t>
  </si>
  <si>
    <t>purana bhagpur gujar khan</t>
  </si>
  <si>
    <t>Purana Bhaglur</t>
  </si>
  <si>
    <t>GPS PURANA BHALWAL</t>
  </si>
  <si>
    <t>purana Bhalwal teh Bhalwal dist  sgd</t>
  </si>
  <si>
    <t>GPS PURANA BHATTA RYK</t>
  </si>
  <si>
    <t>Kot Drya</t>
  </si>
  <si>
    <t>Gbps purana bhatta</t>
  </si>
  <si>
    <t>Purana bhatta</t>
  </si>
  <si>
    <t>Ward No 3MC</t>
  </si>
  <si>
    <t>Muhammad Pervaiz Anwar</t>
  </si>
  <si>
    <t>GPS PURANA SHER SHAH  MULTAN</t>
  </si>
  <si>
    <t>Shar Shah</t>
  </si>
  <si>
    <t>basti tibbi hayyat Purana sher shah</t>
  </si>
  <si>
    <t>Tibbi Hayat</t>
  </si>
  <si>
    <t>Fahim Ahmad</t>
  </si>
  <si>
    <t>GPS PURANA THANA</t>
  </si>
  <si>
    <t>Maloka Khurd</t>
  </si>
  <si>
    <t>purana thana post office hotta tehsil And distrect pakpattan</t>
  </si>
  <si>
    <t>GPS PURANI ABADI NANKANA</t>
  </si>
  <si>
    <t>Purani abadi nankana sahib</t>
  </si>
  <si>
    <t>GPS PURANI BHAINI</t>
  </si>
  <si>
    <t>Purani Bhenni</t>
  </si>
  <si>
    <t>GPS PURANI BHENNI ,POST OFFICE SHARAQ PUR SHRIF</t>
  </si>
  <si>
    <t>GPS PURBARA</t>
  </si>
  <si>
    <t>Purbera</t>
  </si>
  <si>
    <t>moza purbera</t>
  </si>
  <si>
    <t>58/AGD</t>
  </si>
  <si>
    <t>Zia Ul Allah</t>
  </si>
  <si>
    <t>GPS PURBAY WALA MARDAN PUR MULTAN</t>
  </si>
  <si>
    <t>Gps purbay wala moza mardan pur multan</t>
  </si>
  <si>
    <t>Purbay Wala</t>
  </si>
  <si>
    <t>Mohammad Afzal Kamran</t>
  </si>
  <si>
    <t>GPS PURNY</t>
  </si>
  <si>
    <t>Porni</t>
  </si>
  <si>
    <t>village porni post office dehlra tehsil shakargarh district narrowal</t>
  </si>
  <si>
    <t>GPS PURY WAR</t>
  </si>
  <si>
    <t>Mutfariq Mazari</t>
  </si>
  <si>
    <t>Jhandi nazd Dera Sardar Farhat Aziz Khan</t>
  </si>
  <si>
    <t>GPS QABAR KOT</t>
  </si>
  <si>
    <t>qabar kot</t>
  </si>
  <si>
    <t>GPS QABAR WALI</t>
  </si>
  <si>
    <t>Qabar Wali Jadeed</t>
  </si>
  <si>
    <t>Qabar wali jadeed p/o Mananwala  these&amp; distt sheikhupura.</t>
  </si>
  <si>
    <t>GPS QABOOL FATANI</t>
  </si>
  <si>
    <t>GPS qabool fatani</t>
  </si>
  <si>
    <t>GPS QADA WALA</t>
  </si>
  <si>
    <t>Madrissa</t>
  </si>
  <si>
    <t>Basti Qadey Wala</t>
  </si>
  <si>
    <t>GPS QADAR ABAD</t>
  </si>
  <si>
    <t>muhallah Qadir abad mananwala</t>
  </si>
  <si>
    <t>GPS QADAR BUKSH WALA</t>
  </si>
  <si>
    <t>Ghreeb Abad nazd Kikri mor, khansar road Bhakkar</t>
  </si>
  <si>
    <t>Ghreeb Abad</t>
  </si>
  <si>
    <t>GPS QADAR WAH</t>
  </si>
  <si>
    <t>mouza qadir wah tehsil and district vehari</t>
  </si>
  <si>
    <t>GPS QADEER ABAD</t>
  </si>
  <si>
    <t>ASAD KHAN</t>
  </si>
  <si>
    <t>GPS QADEER ABAD TEHSIL AND DISTRICT BAHAWALNAGAR</t>
  </si>
  <si>
    <t>QADEER ABAD</t>
  </si>
  <si>
    <t>GPS QADIMI</t>
  </si>
  <si>
    <t>Qademi</t>
  </si>
  <si>
    <t>mouza qademi p /o Malhoana tehsil and district jhang</t>
  </si>
  <si>
    <t>Waqas Muhayyu Din</t>
  </si>
  <si>
    <t>GPS QADIR ABAD COLONY</t>
  </si>
  <si>
    <t>Kotli Daim</t>
  </si>
  <si>
    <t>qadir abad colony</t>
  </si>
  <si>
    <t>Qadir Abad Colony</t>
  </si>
  <si>
    <t>GPS QADIR BAKHASH WALA</t>
  </si>
  <si>
    <t>basti Qadir Bakhsh moza laskani wala the karor dist layyah</t>
  </si>
  <si>
    <t>GPS QADIR COLONY</t>
  </si>
  <si>
    <t>qadir colony choti zareen</t>
  </si>
  <si>
    <t>qadir colony</t>
  </si>
  <si>
    <t>Ghulam mustafa</t>
  </si>
  <si>
    <t>GPS QADIR COLONY OKARA</t>
  </si>
  <si>
    <t>Qadir Colony Okara</t>
  </si>
  <si>
    <t>Govt primary scool Qadir COLONY okara</t>
  </si>
  <si>
    <t>Qadir COLONY Okara</t>
  </si>
  <si>
    <t>Muhammad Hafeez Khawar</t>
  </si>
  <si>
    <t>GPS QADIR PUR MUNSHIAN PO PAKPATTAN</t>
  </si>
  <si>
    <t>Qadirpur Munshian</t>
  </si>
  <si>
    <t>Qadirpur munshian</t>
  </si>
  <si>
    <t>Zufishan Guleraiz</t>
  </si>
  <si>
    <t>GPS QADIR PUR RAN NO. 1 MULTAN</t>
  </si>
  <si>
    <t>Qadir pur ran</t>
  </si>
  <si>
    <t>Saleem Akhtar Fani</t>
  </si>
  <si>
    <t>GPS QADIR PUR SALEH</t>
  </si>
  <si>
    <t>qadirpur saleh</t>
  </si>
  <si>
    <t>qadirpur salah</t>
  </si>
  <si>
    <t>Muhammad Danyal</t>
  </si>
  <si>
    <t>GPS QADIR PUR SETHAN</t>
  </si>
  <si>
    <t>Qadir Pur Balochan</t>
  </si>
  <si>
    <t>Qadir pur sethan Teh. Minchinabad Dist.Bahawal nagar</t>
  </si>
  <si>
    <t>Qadir Pur Sethan</t>
  </si>
  <si>
    <t>Allah Bakhash Shahid</t>
  </si>
  <si>
    <t>GPS QADIR PUR(NEW)</t>
  </si>
  <si>
    <t>basti qadir pur lal sagoo</t>
  </si>
  <si>
    <t>Muhammad Azeem Subhani</t>
  </si>
  <si>
    <t>GPS QADIR PURRAN NO.2</t>
  </si>
  <si>
    <t>Qadir Pur Raan No 2</t>
  </si>
  <si>
    <t>Jand wala qadir pur ran</t>
  </si>
  <si>
    <t>GPS QADIRA JADEED</t>
  </si>
  <si>
    <t>rakh qadira</t>
  </si>
  <si>
    <t>mouza rakh qadira p/o umer kot tehsil rojhan disst rajan pur</t>
  </si>
  <si>
    <t>giyamal</t>
  </si>
  <si>
    <t>GPS QADOO WALA</t>
  </si>
  <si>
    <t>gps qadoowala moza kotla dewan jampur</t>
  </si>
  <si>
    <t>Qadoo Wala</t>
  </si>
  <si>
    <t>ghulam  yasin</t>
  </si>
  <si>
    <t>GPS QADOOS ABAD</t>
  </si>
  <si>
    <t>Thada Thaheem</t>
  </si>
  <si>
    <t>basti topan wala qadosabad lodhran</t>
  </si>
  <si>
    <t>kanwar abdul naseer</t>
  </si>
  <si>
    <t>GPS QADRA SAILATANI</t>
  </si>
  <si>
    <t>wah machaka</t>
  </si>
  <si>
    <t>basti hussain buksh sailatani tehsil rojhan district rajanpu</t>
  </si>
  <si>
    <t>basti hussain buksh sailatani</t>
  </si>
  <si>
    <t>chak mat</t>
  </si>
  <si>
    <t>Kamran Ali</t>
  </si>
  <si>
    <t>GPS QADRIA</t>
  </si>
  <si>
    <t>GPS Qadria Housing scheme no 1 gujar khan</t>
  </si>
  <si>
    <t>Maryam Sultana</t>
  </si>
  <si>
    <t>GPS QADRIA SHALIMAR TOWN</t>
  </si>
  <si>
    <t>Muslimbad</t>
  </si>
  <si>
    <t>mohla muslim abad karolbazar</t>
  </si>
  <si>
    <t>GPS QADU MIRALI, SARAI SIDHU</t>
  </si>
  <si>
    <t>Qadu Mirali</t>
  </si>
  <si>
    <t>muza qadu mirali p/o srai sidhu tehsil kbirwala district khanewal</t>
  </si>
  <si>
    <t>MUHAMMAD AHMAD FARAZ</t>
  </si>
  <si>
    <t>GPS QADU WALI (MOUDIB)</t>
  </si>
  <si>
    <t>Qaduwali</t>
  </si>
  <si>
    <t>Moza Qaduwali P/O Aminabad Tehsil Liaquatpur</t>
  </si>
  <si>
    <t>Latif Ahmad</t>
  </si>
  <si>
    <t>GPS QAHAR WALI</t>
  </si>
  <si>
    <t>Qaharwali</t>
  </si>
  <si>
    <t>GPS qaherwali</t>
  </si>
  <si>
    <t>M Gulzar Mustafa Baig</t>
  </si>
  <si>
    <t>GPS QAIM JINDE KA</t>
  </si>
  <si>
    <t>Qaim Jinde Ka</t>
  </si>
  <si>
    <t>Qaim Jinde ka</t>
  </si>
  <si>
    <t>Nama Jinde Ka</t>
  </si>
  <si>
    <t>GPS QAIM WALA</t>
  </si>
  <si>
    <t>gps qaim wala,markaz mamori dera ghazi khan</t>
  </si>
  <si>
    <t>GPS QAIM WALA, NAWAN SHEHR</t>
  </si>
  <si>
    <t>Blochan</t>
  </si>
  <si>
    <t>chaha qaim wala mouza blochan thesil kabir wala khanewal</t>
  </si>
  <si>
    <t>GPS QAISAR CHOHAN</t>
  </si>
  <si>
    <t>Mauza Qaisar Chohan U.C.Rajan pur.teh.Rahim Yar Khan</t>
  </si>
  <si>
    <t>GPS QAISAR PUR P/O MATOTLI SHUJABAD</t>
  </si>
  <si>
    <t>Qaiser Pur p\o matotli tehsil shujabad</t>
  </si>
  <si>
    <t>Muhammad Abdul Qadir Khan</t>
  </si>
  <si>
    <t>GPS QAISER WALA (Newly Establlished)</t>
  </si>
  <si>
    <t>Qaisar Wala</t>
  </si>
  <si>
    <t>mouza qaisar wala tehsil 18 hazari district jhang</t>
  </si>
  <si>
    <t>Muhammad Asghar Ali  Khan</t>
  </si>
  <si>
    <t>GPS QALANDAR BODLA</t>
  </si>
  <si>
    <t>Qulandar pur</t>
  </si>
  <si>
    <t>Moza qulandar bodla tehsil minchin abad dist bahawal nagar</t>
  </si>
  <si>
    <t>Lala amer singh</t>
  </si>
  <si>
    <t>GPS QALANDAR SHAH</t>
  </si>
  <si>
    <t>Basti Qalandar shah tehsil Chishtian</t>
  </si>
  <si>
    <t>Basti Qalandar Shah</t>
  </si>
  <si>
    <t>GPS QALANDER BUKHASH</t>
  </si>
  <si>
    <t>Basti Qalander bux shah mouza ghimmi</t>
  </si>
  <si>
    <t>Qalander Bux Shah</t>
  </si>
  <si>
    <t>Ghulam Hashim</t>
  </si>
  <si>
    <t>GPS QALANDER PAK HUJRA</t>
  </si>
  <si>
    <t>gp/school qalander pak phalai wala darbar</t>
  </si>
  <si>
    <t>Phalai Wala Darbar</t>
  </si>
  <si>
    <t>Hujra City</t>
  </si>
  <si>
    <t>Ismail Shaheen</t>
  </si>
  <si>
    <t>GPS QAMAR DIN BODLA</t>
  </si>
  <si>
    <t>Qamar Din Bodla</t>
  </si>
  <si>
    <t>moza Qamar Din Bodla</t>
  </si>
  <si>
    <t>GPS QAMAR-UL-ISLAM</t>
  </si>
  <si>
    <t>Jhang Janoobi</t>
  </si>
  <si>
    <t>Near Tanky Basti Dewan Wali Jhang Sadder</t>
  </si>
  <si>
    <t>Basti Dewan Wali Jhang Sadder</t>
  </si>
  <si>
    <t>Ward 17 MC Jhang</t>
  </si>
  <si>
    <t>GPS QAMBER WALA</t>
  </si>
  <si>
    <t>Chah Gaman wala</t>
  </si>
  <si>
    <t>Waqar Younis</t>
  </si>
  <si>
    <t>GPS QANDHARI JAM RIDD</t>
  </si>
  <si>
    <t>Basti Qandahari jam rid Thal P/O kot sultan Layyah</t>
  </si>
  <si>
    <t>Qandahari</t>
  </si>
  <si>
    <t>GPS QANDHARI PUR</t>
  </si>
  <si>
    <t>Qandhari Pur</t>
  </si>
  <si>
    <t>qandhari pur p.o pathar garh tehsil hassan Abdal district attock</t>
  </si>
  <si>
    <t>GPS QASBA JUNOBI</t>
  </si>
  <si>
    <t>Qasba Junobi</t>
  </si>
  <si>
    <t>hameed abad qasba junobi</t>
  </si>
  <si>
    <t>Sadhay Wahin</t>
  </si>
  <si>
    <t>Ameer Akbar</t>
  </si>
  <si>
    <t>GPS QASBA SALIS</t>
  </si>
  <si>
    <t>Qasba Salis</t>
  </si>
  <si>
    <t>GPS QASBA SALIS CHAH HAMEED WALA</t>
  </si>
  <si>
    <t>Chadher</t>
  </si>
  <si>
    <t>Muhammad Adnan Akhtar</t>
  </si>
  <si>
    <t>GPS QASIM ABAD MOUZA PAHAR PUR THAL</t>
  </si>
  <si>
    <t>chah juma shah wala pahar pur thal</t>
  </si>
  <si>
    <t>Juma Shah Wala</t>
  </si>
  <si>
    <t>Imran Riasat</t>
  </si>
  <si>
    <t>GPS QASIM KABIRWALA, KABIRWALA</t>
  </si>
  <si>
    <t>nazd madina bakery city kabirwala.</t>
  </si>
  <si>
    <t>Mc Kabirwal</t>
  </si>
  <si>
    <t>Mc Kanirwala</t>
  </si>
  <si>
    <t>GPS QASIM UL ALOOM WARD NO. 5  EID GAAH</t>
  </si>
  <si>
    <t>Eid Gaah</t>
  </si>
  <si>
    <t>Mohallah Eid Gaah Layyah</t>
  </si>
  <si>
    <t>Eid Gaah Layyah</t>
  </si>
  <si>
    <t>GPS QASMANI</t>
  </si>
  <si>
    <t>GAMANI</t>
  </si>
  <si>
    <t>BASTI ABDULLAH BIDANI MOZA GAMANI POST OFFICE UCHSHARIF, TEHSIL AHMADPUR DISTRICT BAHAWALPUR</t>
  </si>
  <si>
    <t>ABDULLAH BIDANI</t>
  </si>
  <si>
    <t>SAMEE ULLAH kHAN</t>
  </si>
  <si>
    <t>GPS QATAL KHEL</t>
  </si>
  <si>
    <t>wandha nizam khel 0
post office Makarwal Tehsil isakhel dist mianwali</t>
  </si>
  <si>
    <t>Abdullah Jan Khan</t>
  </si>
  <si>
    <t>GPS QATALI WALA</t>
  </si>
  <si>
    <t>qatali Wala P/O abbakhel,,Teh Mianwali</t>
  </si>
  <si>
    <t>Qatali Wala</t>
  </si>
  <si>
    <t>Faisal Rahman Kahn</t>
  </si>
  <si>
    <t>GPS QAYYUM NAGER</t>
  </si>
  <si>
    <t>Gps Qayyum nager</t>
  </si>
  <si>
    <t>Basti Changwani</t>
  </si>
  <si>
    <t>Mir Hazzar Khan</t>
  </si>
  <si>
    <t>GPS QAYYUM PUR</t>
  </si>
  <si>
    <t>QIAMPUR</t>
  </si>
  <si>
    <t>QIAMPUR P/O MONOPUR TEHSIL AND DISRTRICT SHEIKHUPURA</t>
  </si>
  <si>
    <t>MANDIALA VIRKAN</t>
  </si>
  <si>
    <t>MUHAMMAD YASEEN TAHIR</t>
  </si>
  <si>
    <t>GPS QAYYUM SAFDRA ABAD</t>
  </si>
  <si>
    <t>Dafdarabad</t>
  </si>
  <si>
    <t>near eid gah safdarabad</t>
  </si>
  <si>
    <t>Umer Farooq</t>
  </si>
  <si>
    <t>GPS QAZI ABDUL WAHAD</t>
  </si>
  <si>
    <t>basti Abdul wahid  teh and distt  rahim yar khan</t>
  </si>
  <si>
    <t>GPS QAZI BAKAR</t>
  </si>
  <si>
    <t>Qazi baqar</t>
  </si>
  <si>
    <t>vill qazi baqar post office qasba karyali tehsil sarai alamgir</t>
  </si>
  <si>
    <t>Qasba  Karyali</t>
  </si>
  <si>
    <t>Tanveer ahmed</t>
  </si>
  <si>
    <t>GPS QAZI GALIB</t>
  </si>
  <si>
    <t>Qazi Ghalib</t>
  </si>
  <si>
    <t>Mouza Qazi Ghalib</t>
  </si>
  <si>
    <t>762 Sindhlianwali</t>
  </si>
  <si>
    <t>Ashiq Ali Sabir</t>
  </si>
  <si>
    <t>GPS QAZI GHULAM NABI</t>
  </si>
  <si>
    <t>chanrrwali p/o janpur</t>
  </si>
  <si>
    <t>Qazi GHULAM Nabi</t>
  </si>
  <si>
    <t>GPS QAZI QUARTERS</t>
  </si>
  <si>
    <t>Chak Mat#1</t>
  </si>
  <si>
    <t>Chak mat#1</t>
  </si>
  <si>
    <t>Meer Ahmad</t>
  </si>
  <si>
    <t>GPS QILA AKWAK SINGH</t>
  </si>
  <si>
    <t>Qila Akwak Singh</t>
  </si>
  <si>
    <t>Sultan Muhammad Qumar Ullah</t>
  </si>
  <si>
    <t>GPS QILA BAHAMAN SINGH</t>
  </si>
  <si>
    <t>Qila Bhama Singh</t>
  </si>
  <si>
    <t>Mozia Qila Bhama Singh P/O 63/10 Tehsil and district Nankana</t>
  </si>
  <si>
    <t>Zahid ali</t>
  </si>
  <si>
    <t>GPS QILA BAWARY</t>
  </si>
  <si>
    <t>Hardeve</t>
  </si>
  <si>
    <t>GPS qilla bawary</t>
  </si>
  <si>
    <t>Qilla Bawary</t>
  </si>
  <si>
    <t>GPS QILA BHATTIAN WALA</t>
  </si>
  <si>
    <t>Qila Bhattian Wala</t>
  </si>
  <si>
    <t>GPS qila bhattian wala</t>
  </si>
  <si>
    <t>Sheikhupurabedad</t>
  </si>
  <si>
    <t>GPS QILA CHANDA SINGH</t>
  </si>
  <si>
    <t>Qila Chanda Singh</t>
  </si>
  <si>
    <t>qila chanda singh</t>
  </si>
  <si>
    <t>GPS QILA DAO KEY</t>
  </si>
  <si>
    <t>Qilla Dao Key</t>
  </si>
  <si>
    <t>Dao Key Khaniyana</t>
  </si>
  <si>
    <t>GPS QILA DESO SINGH</t>
  </si>
  <si>
    <t>.Qilla Desu Singh P/O Bucheki</t>
  </si>
  <si>
    <t>Qilla Desu Singh</t>
  </si>
  <si>
    <t>GPS QILA DEWAN SINGH</t>
  </si>
  <si>
    <t>qila dewan singh</t>
  </si>
  <si>
    <t>Muhammad Shabbir Nasir</t>
  </si>
  <si>
    <t>GPS QILA GIYAN SINGH</t>
  </si>
  <si>
    <t>Qila Gian Sing</t>
  </si>
  <si>
    <t>Qila gian sing skp</t>
  </si>
  <si>
    <t>Qila Gian Singh</t>
  </si>
  <si>
    <t>GPS QILA GUNJA</t>
  </si>
  <si>
    <t>Qila ganja post offic khudian khass</t>
  </si>
  <si>
    <t>Muneer Ahmed</t>
  </si>
  <si>
    <t>GPS QILA JAWAND SINGH</t>
  </si>
  <si>
    <t>Qila Jawend Singh</t>
  </si>
  <si>
    <t>Qila jawend singh the Depalpur Dist OkARA</t>
  </si>
  <si>
    <t>GPS QILA JAY SINGH</t>
  </si>
  <si>
    <t>Qila Jay Singh</t>
  </si>
  <si>
    <t>Qila Jay Singh p/o Chaba Sindhuwan Teh.Noshehra Virkan Distt Gujranwala</t>
  </si>
  <si>
    <t>GPS QILA JIWAN SINGH MINHALA / NARWAR</t>
  </si>
  <si>
    <t>Qila Jewan Singh Lahore</t>
  </si>
  <si>
    <t>GPS qila Jewan Singh</t>
  </si>
  <si>
    <t>Qila Jewan Singh</t>
  </si>
  <si>
    <t>GPS QILA KONYAN</t>
  </si>
  <si>
    <t>Qila Konian</t>
  </si>
  <si>
    <t>Village Qila Konian Distt. Sheikhupura</t>
  </si>
  <si>
    <t>Muhammad Afzal Rafique</t>
  </si>
  <si>
    <t>GPS QILA MAJA SINGH</t>
  </si>
  <si>
    <t>Qila Majja Singh</t>
  </si>
  <si>
    <t>Qila majja singh</t>
  </si>
  <si>
    <t>Bhri Kalan</t>
  </si>
  <si>
    <t>GPS QILA MIAN SING</t>
  </si>
  <si>
    <t>Qila mian Singh post office Mandi faiz abad tehsil and district nankana sahib</t>
  </si>
  <si>
    <t>Imran Younis</t>
  </si>
  <si>
    <t>GPS QILA MURAD BAKHSH</t>
  </si>
  <si>
    <t>Qila Murad Bakhsh</t>
  </si>
  <si>
    <t>qilamurad bakhsh</t>
  </si>
  <si>
    <t>qilamurad Bakhsh</t>
  </si>
  <si>
    <t>BagKona</t>
  </si>
  <si>
    <t>Wilayat Ali</t>
  </si>
  <si>
    <t>GPS QILA MUSEETA HADOKAY</t>
  </si>
  <si>
    <t>killa maseeta</t>
  </si>
  <si>
    <t>gps killa maseeta</t>
  </si>
  <si>
    <t>muridke</t>
  </si>
  <si>
    <t>GPS QILA NATHA SINGH</t>
  </si>
  <si>
    <t>Muhammad  Zubair</t>
  </si>
  <si>
    <t>GPS QILA NAWAN</t>
  </si>
  <si>
    <t>Qila Nawan Manga Mandi Lahore</t>
  </si>
  <si>
    <t>Qila Nawan Manga</t>
  </si>
  <si>
    <t>HAFIZ NAZIR AHMAD</t>
  </si>
  <si>
    <t>GPS QILA NOHID SINGH</t>
  </si>
  <si>
    <t>Qilah Nohid Singh</t>
  </si>
  <si>
    <t>Audhoray</t>
  </si>
  <si>
    <t>Mehfooz Ahmed</t>
  </si>
  <si>
    <t>GPS QILA PACCA MORE KHUNDA</t>
  </si>
  <si>
    <t>Qilla Pacca</t>
  </si>
  <si>
    <t>gps qilla pacca</t>
  </si>
  <si>
    <t>Kot Beni Das</t>
  </si>
  <si>
    <t>GPS QILA PUNJAB SINGH</t>
  </si>
  <si>
    <t>Qila Punjab singh</t>
  </si>
  <si>
    <t>Qila Punjab Singh</t>
  </si>
  <si>
    <t>GPS QILA QAMAR SINGH</t>
  </si>
  <si>
    <t>Qilla Qammar Singh</t>
  </si>
  <si>
    <t>qilla Qammar Singh p/o more khunda tehsil and district nankana sahib</t>
  </si>
  <si>
    <t>Haft Madar</t>
  </si>
  <si>
    <t>GPS QILA ROOP SINGH</t>
  </si>
  <si>
    <t>qila roop singh p/o bucheki district &amp;teh nankana</t>
  </si>
  <si>
    <t>ALI HASNAIN</t>
  </si>
  <si>
    <t>GPS QILA SADA SINGH</t>
  </si>
  <si>
    <t>Qila Sada Singh</t>
  </si>
  <si>
    <t>GPS Qila Sada Singh p o Mandi Ahmad Abad</t>
  </si>
  <si>
    <t>Kalasan Peramal</t>
  </si>
  <si>
    <t>GPS QILA SAHIB SINGH</t>
  </si>
  <si>
    <t>Qila Sahib Singh Hafizabad</t>
  </si>
  <si>
    <t>Qila Sahib Singh alal Pur road Hafizabad</t>
  </si>
  <si>
    <t>GPS QILA SHABDEV SINGH</t>
  </si>
  <si>
    <t>GPS QILA SUNDAR SINGH</t>
  </si>
  <si>
    <t>Qila Sundar Singh</t>
  </si>
  <si>
    <t>Qila Sundar singh Noshehra Road Grw</t>
  </si>
  <si>
    <t>M Rafiq Khan</t>
  </si>
  <si>
    <t>GPS QILA WARAICH</t>
  </si>
  <si>
    <t>Qillawarriach</t>
  </si>
  <si>
    <t>qilawarraich</t>
  </si>
  <si>
    <t>Qilla Warrich</t>
  </si>
  <si>
    <t>Kotli Barakhan</t>
  </si>
  <si>
    <t>Saima Naseeb</t>
  </si>
  <si>
    <t>GPS QILA WASU</t>
  </si>
  <si>
    <t>Qila Gujran</t>
  </si>
  <si>
    <t>Qila wasu ,
District and tehseel M.B.Din</t>
  </si>
  <si>
    <t>GPS QILLI SOKAL</t>
  </si>
  <si>
    <t>Qilli Sokal</t>
  </si>
  <si>
    <t>qilli sokal p/o usman wala tech chuhian disst kasur</t>
  </si>
  <si>
    <t>Muhammad Ghazanfar Tahir</t>
  </si>
  <si>
    <t>GPS QITTA BUDHUANA KABIRWALA</t>
  </si>
  <si>
    <t>Dahi Kabirwala</t>
  </si>
  <si>
    <t>Qitta Budhuana, Kabirwala District Khanewal</t>
  </si>
  <si>
    <t>Qitta Budhuana</t>
  </si>
  <si>
    <t>GPS QITTA SUKHALAY WALA</t>
  </si>
  <si>
    <t>Gps qitta sukhly wala mouza nand pur markaz sarai sidhu teh kabirwala district khanewal</t>
  </si>
  <si>
    <t>Qitta Sukhly wala</t>
  </si>
  <si>
    <t>Jasso kawan</t>
  </si>
  <si>
    <t>NOREEN NAZ</t>
  </si>
  <si>
    <t>GPS QIYAM PUR</t>
  </si>
  <si>
    <t>Qiyam Pur</t>
  </si>
  <si>
    <t>village Qiyam Pur</t>
  </si>
  <si>
    <t>Akbar Ghannoke</t>
  </si>
  <si>
    <t>Muhammad Naveed Rahat</t>
  </si>
  <si>
    <t>GPS QUAIM SHAH</t>
  </si>
  <si>
    <t>Khair Shah Saani</t>
  </si>
  <si>
    <t>Khair Shah Saani, Kamalia</t>
  </si>
  <si>
    <t>MUSARRAT HUSSAIN</t>
  </si>
  <si>
    <t>GPS QUBA LAL PEER</t>
  </si>
  <si>
    <t>Quba lal peer RYK</t>
  </si>
  <si>
    <t>Quba Lal Peer RYK</t>
  </si>
  <si>
    <t>GPS QUDRAT ULLAH</t>
  </si>
  <si>
    <t>Qudratullah</t>
  </si>
  <si>
    <t>Chak Qudratullah Post Office Chak Bedi Tehsil &amp; Distt Pakpattan</t>
  </si>
  <si>
    <t>Hafiz Muhammad Asif Ali</t>
  </si>
  <si>
    <t>GPS QUDRAT WALA</t>
  </si>
  <si>
    <t>Chack Quadrat Abad</t>
  </si>
  <si>
    <t>GPS QULYAR</t>
  </si>
  <si>
    <t>gbps qoulyar village qoulyar po dhurnal teh fateh jang disstt attock</t>
  </si>
  <si>
    <t>Muhammad Tahir Waqas Gakhar</t>
  </si>
  <si>
    <t>GPS QUMI PAY JHANDA CHACHI</t>
  </si>
  <si>
    <t>Jhanda Chichi</t>
  </si>
  <si>
    <t>GPS QOMI pay Jhanda Chichi, street no 2</t>
  </si>
  <si>
    <t>Mahwash Mairaj</t>
  </si>
  <si>
    <t>GPS QURAISHI ABAD</t>
  </si>
  <si>
    <t>Muhammad Pur No1</t>
  </si>
  <si>
    <t>chack Muhammad pur basti daddar wala</t>
  </si>
  <si>
    <t>Basti Daddar Wala</t>
  </si>
  <si>
    <t>GPS QURASHIAN WALA</t>
  </si>
  <si>
    <t>Bahadar Khel wandha</t>
  </si>
  <si>
    <t>QURESHIAN Wala</t>
  </si>
  <si>
    <t>Ghulam Bashir Khan Jaffri</t>
  </si>
  <si>
    <t>GPS QURESHI WALA P.O AGHAR KHANI TEH SHUJABAD</t>
  </si>
  <si>
    <t>Rukkan Hatti</t>
  </si>
  <si>
    <t>chah qureshi wala,moza rukkan hatti tehsil shujaabad.</t>
  </si>
  <si>
    <t>Chah Qureshi Wala</t>
  </si>
  <si>
    <t>Muhammad Abbas Bodla</t>
  </si>
  <si>
    <t>GPS QURESHI WALA, KABIRWALA</t>
  </si>
  <si>
    <t>chah kapri wala maoza okan wala</t>
  </si>
  <si>
    <t>GPS QURESHIAN WALA PO KALUR</t>
  </si>
  <si>
    <t>qureshian wala po kaloor isakhel</t>
  </si>
  <si>
    <t>GPS QURESHIAN WALA, P/O QATAL PUR, SARAI SIDHU</t>
  </si>
  <si>
    <t>qureshian wala qatal pur</t>
  </si>
  <si>
    <t>GPS QUSMANI</t>
  </si>
  <si>
    <t>basti Haji Eaden uc rahimabad</t>
  </si>
  <si>
    <t>Basti Haji Eaden</t>
  </si>
  <si>
    <t>Muhammad Ayub Sulangi</t>
  </si>
  <si>
    <t>GPS QUTAB AWAN</t>
  </si>
  <si>
    <t>Qutab</t>
  </si>
  <si>
    <t>moza qutab po mandi shah jewana tehsil and district jhang</t>
  </si>
  <si>
    <t>Noor Ul Zaman Shah</t>
  </si>
  <si>
    <t>GPS QUTAB BANDI</t>
  </si>
  <si>
    <t>Dist attock Tehsil hazro p.o ghourghushti village QUTAB bandi</t>
  </si>
  <si>
    <t>GPS QUTAB PURA</t>
  </si>
  <si>
    <t>Qutab Pura</t>
  </si>
  <si>
    <t>Qutab Pura Post Office Jaithpur Depalpur District Okara</t>
  </si>
  <si>
    <t>GPS QUTAB SHAHANA</t>
  </si>
  <si>
    <t>GPS qutab shahana</t>
  </si>
  <si>
    <t>GPS QUTAL KHELAN WALA</t>
  </si>
  <si>
    <t>wandha kutal khelan wala p/o Chapri tehsil Isa khel district Mianwali</t>
  </si>
  <si>
    <t>Kutal Khel</t>
  </si>
  <si>
    <t>Saleem Ullah Malik</t>
  </si>
  <si>
    <t>GPS QUTBA</t>
  </si>
  <si>
    <t>gps qutba post office kasur</t>
  </si>
  <si>
    <t>GPS QUTBA  SHARQI</t>
  </si>
  <si>
    <t>qutba</t>
  </si>
  <si>
    <t>GPS QUTBAL</t>
  </si>
  <si>
    <t>qutbal</t>
  </si>
  <si>
    <t>GPS QUTTUB WALA ISMAIL ABAD P/O MULTAN</t>
  </si>
  <si>
    <t>Tibba Masoodpur</t>
  </si>
  <si>
    <t>GPS quttubwala Chahghouswala Ismail Abad  multan</t>
  </si>
  <si>
    <t>Qutab Wala</t>
  </si>
  <si>
    <t>TIBA Masood Pur</t>
  </si>
  <si>
    <t>Aziz-ur-rahman</t>
  </si>
  <si>
    <t>GPS QUTUB SHAH</t>
  </si>
  <si>
    <t>bastiarbiposhahjamal mgarh</t>
  </si>
  <si>
    <t>Basti arbi</t>
  </si>
  <si>
    <t>Fahmida Hashme</t>
  </si>
  <si>
    <t>GPS R A ISLAMIA</t>
  </si>
  <si>
    <t>Peoples Colony Gujranwala</t>
  </si>
  <si>
    <t>street 7, block w peoples colony gujranwala</t>
  </si>
  <si>
    <t>GPS RAB NAWAZ ARAIN</t>
  </si>
  <si>
    <t>Basti Jhanvri Gulfad  u/c PIR BUX EAST</t>
  </si>
  <si>
    <t>BASTI JHANVRI GULFAD</t>
  </si>
  <si>
    <t>GPS RAB NAWAZ SOHIAY WALA</t>
  </si>
  <si>
    <t>Thind Kalan Cholistan Cholistan Cholistan</t>
  </si>
  <si>
    <t>chah ghooray wala union council olakh thal kalan moza thind cholistan,tehseel choubara district layyah post office peer baroo shareef</t>
  </si>
  <si>
    <t>Chah Ghooro Wala</t>
  </si>
  <si>
    <t>Faisal Thaseen</t>
  </si>
  <si>
    <t>GPS RABAL</t>
  </si>
  <si>
    <t>VPO Rabal Tehsil and District Chakwal</t>
  </si>
  <si>
    <t>Muhammad Abu Bakar Siddique</t>
  </si>
  <si>
    <t>Submersible Pump</t>
  </si>
  <si>
    <t>GPS RABANA</t>
  </si>
  <si>
    <t>Rabana Tehsil Sahiwal District Sargodha</t>
  </si>
  <si>
    <t>GPS RACHNA TOWN</t>
  </si>
  <si>
    <t>GPS rachna town</t>
  </si>
  <si>
    <t>GPS RADHA NAGAR</t>
  </si>
  <si>
    <t>village Radha Nagar teh shahpur distt sargodha</t>
  </si>
  <si>
    <t>Zohaib Anwar</t>
  </si>
  <si>
    <t>GPS RAEES USMAN</t>
  </si>
  <si>
    <t>Tibbi Sayyedan</t>
  </si>
  <si>
    <t>Basti Rabban Peer Mouza Tibbi Sayyedan P/O Zafar Abad Tehsil Liaquat Pur District Rahim Yar Khan</t>
  </si>
  <si>
    <t>Rabbn Peer</t>
  </si>
  <si>
    <t>RANA SAIF ULLAH</t>
  </si>
  <si>
    <t>GPS RAFHAN MILLS COLONY FSD</t>
  </si>
  <si>
    <t>GPSRafhan Mills Faisalabad</t>
  </si>
  <si>
    <t>Muhammad Tahir Arfat</t>
  </si>
  <si>
    <t>GPS RAFI ABAD</t>
  </si>
  <si>
    <t>Mancherian</t>
  </si>
  <si>
    <t>Moza Mancherian Tehsil Depalpur District Okara</t>
  </si>
  <si>
    <t>Rafiabad</t>
  </si>
  <si>
    <t>Shafqat Qadeer</t>
  </si>
  <si>
    <t>GPS RAFI KUNDA</t>
  </si>
  <si>
    <t>Lands Attari</t>
  </si>
  <si>
    <t>kanda attari</t>
  </si>
  <si>
    <t>Kanda</t>
  </si>
  <si>
    <t>GPS RAFIA ABAD</t>
  </si>
  <si>
    <t>Tibbi Mustaqil Sharqi</t>
  </si>
  <si>
    <t>basti jhorar daira din panah</t>
  </si>
  <si>
    <t>Basti Jhorar</t>
  </si>
  <si>
    <t>GPS RAHAM SHAH</t>
  </si>
  <si>
    <t>Raham Shah</t>
  </si>
  <si>
    <t>M/c Kot Mithan</t>
  </si>
  <si>
    <t>GPS RAHANG</t>
  </si>
  <si>
    <t>Rahang Tehsil and district sialkot</t>
  </si>
  <si>
    <t>GPS RAHDARI</t>
  </si>
  <si>
    <t>GPS RAHEEM KALI</t>
  </si>
  <si>
    <t>Basti Rahim kali Mouza Aray Wahin Mailsi</t>
  </si>
  <si>
    <t>Basti Rahim kali</t>
  </si>
  <si>
    <t>Mehmood Khan</t>
  </si>
  <si>
    <t>GPS RAHEMIA</t>
  </si>
  <si>
    <t>Near Masjid Khizra qabristan Road Shakargarh</t>
  </si>
  <si>
    <t>Razia Abdul Karim</t>
  </si>
  <si>
    <t>GPS RAHIM ABAD CHAK NO. 78 RB</t>
  </si>
  <si>
    <t>Rahimabad chak 78</t>
  </si>
  <si>
    <t>Rahimabad Chak 78</t>
  </si>
  <si>
    <t>Nawanpind Chak 78</t>
  </si>
  <si>
    <t>Munazza Nazeer</t>
  </si>
  <si>
    <t>GPS RAHIM BUKHSH BHATTI</t>
  </si>
  <si>
    <t>Basti Abdullah bhatti</t>
  </si>
  <si>
    <t>GPS RAHIM BUX SANSARAIN</t>
  </si>
  <si>
    <t>basti rahim bux sainsar p/o lakar wali</t>
  </si>
  <si>
    <t>GPS RAHIM CHANNAR</t>
  </si>
  <si>
    <t>Basti sadar Din shah moza wahi shah Muhammad</t>
  </si>
  <si>
    <t>Basti Sadar Din  Shah</t>
  </si>
  <si>
    <t>Tahir Mehmood Rao</t>
  </si>
  <si>
    <t>GPS RAHIM RUSTMANI</t>
  </si>
  <si>
    <t>Litri</t>
  </si>
  <si>
    <t>p/o Tibbi,village Rahim Abad</t>
  </si>
  <si>
    <t>GPS RAHIM YAR WALA</t>
  </si>
  <si>
    <t>Basti Peeran wala Mouza Kondi</t>
  </si>
  <si>
    <t>Basti Peeran Wala</t>
  </si>
  <si>
    <t>GPS RAHIMIA DUNGA BUNGA</t>
  </si>
  <si>
    <t>Near Masjid Mahajreen Dunga Bunga</t>
  </si>
  <si>
    <t>DUNGA BUNGA</t>
  </si>
  <si>
    <t>GPS RAHMANNI</t>
  </si>
  <si>
    <t>Rahmani</t>
  </si>
  <si>
    <t>Basti rahmani post office mehta jhedu tehsil chishtain district Bahawalnagar</t>
  </si>
  <si>
    <t>GPS RAHMAT ALI</t>
  </si>
  <si>
    <t>Basti Chote Okhar Wand</t>
  </si>
  <si>
    <t>GPS RAHMAT SHAH WALA</t>
  </si>
  <si>
    <t>Noula abad tehsil 18 Hazari District Jhang</t>
  </si>
  <si>
    <t>Noula abad</t>
  </si>
  <si>
    <t>Syed Baqir Shah</t>
  </si>
  <si>
    <t>GPS RAHMOKA</t>
  </si>
  <si>
    <t>Basti Rahmonka Moza Rahmonka PO Mandi Sadiq Gunj Tehsil Minchinabad Distt. Bahawal Nagar</t>
  </si>
  <si>
    <t>Basti RAHMONKA</t>
  </si>
  <si>
    <t>GPS RAHMOON</t>
  </si>
  <si>
    <t>village Rahmoon Tehsil Hazro District Attock</t>
  </si>
  <si>
    <t>Rahmoon</t>
  </si>
  <si>
    <t>GPS RAHMOON WALA</t>
  </si>
  <si>
    <t>Laang</t>
  </si>
  <si>
    <t>Bhuttay wala , Moza laang, khangarh teh. &amp; distt. muzaffargarh</t>
  </si>
  <si>
    <t>Muhammad Zaki Nazir</t>
  </si>
  <si>
    <t>GPS RAHMOON WALI</t>
  </si>
  <si>
    <t>mouza pirhar gharbi gheir mustaqil</t>
  </si>
  <si>
    <t>GPS RAHOLA KALAN NAROWAL</t>
  </si>
  <si>
    <t>Rahola Kalan</t>
  </si>
  <si>
    <t>Rahola kalan</t>
  </si>
  <si>
    <t>Naseem Ahmad</t>
  </si>
  <si>
    <t>GPS RAI GULL WALA</t>
  </si>
  <si>
    <t>Nawa Kot</t>
  </si>
  <si>
    <t>chah jany  wala moza nawa kot</t>
  </si>
  <si>
    <t>Chah Jany Wala</t>
  </si>
  <si>
    <t>GPS RAI SINGH WALA</t>
  </si>
  <si>
    <t>Rai Singh Wala</t>
  </si>
  <si>
    <t>Mubarik Ali Arshad</t>
  </si>
  <si>
    <t>GPS RAIB NO 2</t>
  </si>
  <si>
    <t>Village Raib P/O Dhamthal Tensile Zafarwal Dist. Narowal</t>
  </si>
  <si>
    <t>GPS RAIBA KALAN</t>
  </si>
  <si>
    <t>GPS Raiba Kalan p/o Raiba kalan tehsil Shakargarh District Narowak</t>
  </si>
  <si>
    <t>Ashfaq Ahmed Tahir</t>
  </si>
  <si>
    <t>GPS RAIKEY</t>
  </si>
  <si>
    <t>vpo raikay teh phalia district m b din</t>
  </si>
  <si>
    <t>Ikram Shahzad Aslam</t>
  </si>
  <si>
    <t>GPS RAIKH KALA</t>
  </si>
  <si>
    <t>Rakh Kala</t>
  </si>
  <si>
    <t>P/O kala Tehsil and District DG Khan</t>
  </si>
  <si>
    <t>Nahr Vala</t>
  </si>
  <si>
    <t>GPS RAIKH WALA</t>
  </si>
  <si>
    <t>basti chheena</t>
  </si>
  <si>
    <t>Basti chheena</t>
  </si>
  <si>
    <t>Muhammad Arshad  Head T</t>
  </si>
  <si>
    <t>GPS RAIKHO LOPE</t>
  </si>
  <si>
    <t>Teer maar</t>
  </si>
  <si>
    <t>Raikholope mouza teer mar, trible area, DGKHAN</t>
  </si>
  <si>
    <t>Raikholope</t>
  </si>
  <si>
    <t>Tamun leghari</t>
  </si>
  <si>
    <t>Pounds</t>
  </si>
  <si>
    <t>GPS RAILWAY COLONY 2 DINGA</t>
  </si>
  <si>
    <t>Lokri Mukraan</t>
  </si>
  <si>
    <t>GPS RAILWAY COLONY NO.1 DINGA</t>
  </si>
  <si>
    <t>mohalla railway station dinga teh kharian gujrat</t>
  </si>
  <si>
    <t>Muhammad Shafique Zahid</t>
  </si>
  <si>
    <t>GPS RAILWAY COLONY WALTON</t>
  </si>
  <si>
    <t>Walton Lahore</t>
  </si>
  <si>
    <t>GPS railway colony walton</t>
  </si>
  <si>
    <t>GPS RAILWAY COLONY WARBURTON</t>
  </si>
  <si>
    <t>Aqsa Colony Warburton</t>
  </si>
  <si>
    <t>GPS RAILWAY FQR WARD NO.3</t>
  </si>
  <si>
    <t>Madni Colony Ward no. 03</t>
  </si>
  <si>
    <t>WARD NO. 3</t>
  </si>
  <si>
    <t>GPS RAILWAY STATION AHLA</t>
  </si>
  <si>
    <t>Ahla Sation</t>
  </si>
  <si>
    <t>Ahla Staion M.B.Din</t>
  </si>
  <si>
    <t>Ahla Staion</t>
  </si>
  <si>
    <t>Anjam Shahzad</t>
  </si>
  <si>
    <t>GPS RAILWAY STATION DARYA KHAN</t>
  </si>
  <si>
    <t>mollah bangial abad darya khan</t>
  </si>
  <si>
    <t>m.c darya khan</t>
  </si>
  <si>
    <t>GPS RAILWAY STATION HADALI</t>
  </si>
  <si>
    <t>Mohalla Railway Station Hadali</t>
  </si>
  <si>
    <t>GPS RAILWAY STATION HARIA</t>
  </si>
  <si>
    <t>RS Haria</t>
  </si>
  <si>
    <t>R s haria</t>
  </si>
  <si>
    <t>R SHaria</t>
  </si>
  <si>
    <t>GPS RAILWAY STATION MONA</t>
  </si>
  <si>
    <t>RAILWAY STATION MONA</t>
  </si>
  <si>
    <t>pindmakko</t>
  </si>
  <si>
    <t>GPS RAILWAY STATION PIRAN GHAIB</t>
  </si>
  <si>
    <t>Piran Ghaib railway station Multan</t>
  </si>
  <si>
    <t>GPS RAILWAY STATION QUAIDABAD</t>
  </si>
  <si>
    <t>GPS Railway Satation Quaidabad Teh Quaidabad Dist Khushab</t>
  </si>
  <si>
    <t>Mc Quaid Abad</t>
  </si>
  <si>
    <t>GPS RAILWAY STATION QURAISH</t>
  </si>
  <si>
    <t>Chak No 285/HR</t>
  </si>
  <si>
    <t>Quraish railway station colony Chak No 285/HR, Fort Abbas</t>
  </si>
  <si>
    <t>Chak No 296/HR</t>
  </si>
  <si>
    <t>using resident's water pump.</t>
  </si>
  <si>
    <t>GPS RAIS ALLAH DITTA</t>
  </si>
  <si>
    <t>Basti Rais Allah Ditta Mouza Chaudhary Liaquat Pur</t>
  </si>
  <si>
    <t>GPS RAIS ALLAH VASAYA</t>
  </si>
  <si>
    <t>5/A</t>
  </si>
  <si>
    <t>Gps Rais Allah wasyia</t>
  </si>
  <si>
    <t>GPS RAIS BAKHAT ALI</t>
  </si>
  <si>
    <t>Kacha Mianwali No 1</t>
  </si>
  <si>
    <t>KACHA Mianwali no  1 tensile rojhan dist rajanpur</t>
  </si>
  <si>
    <t>Muhammad Nasir Shabir</t>
  </si>
  <si>
    <t>GPS RAIWIND VILLAGE</t>
  </si>
  <si>
    <t>gps raiwind village raiwind kalan</t>
  </si>
  <si>
    <t>Raiwind Vilage</t>
  </si>
  <si>
    <t>GPS RAIZ SANDILAY WALA</t>
  </si>
  <si>
    <t>moza kheray wala chobara</t>
  </si>
  <si>
    <t>Husnain Abbas</t>
  </si>
  <si>
    <t>GPS RAJA</t>
  </si>
  <si>
    <t>GPS RAJA ABAD</t>
  </si>
  <si>
    <t>Chak No 464 Jb</t>
  </si>
  <si>
    <t>Chak No 464 jb Raja Abad</t>
  </si>
  <si>
    <t>GPS RAJA DULLA</t>
  </si>
  <si>
    <t>raja dullu</t>
  </si>
  <si>
    <t>gps raja dullu muhammad pur sahiwal</t>
  </si>
  <si>
    <t>Raja Dullu</t>
  </si>
  <si>
    <t>bahader shah</t>
  </si>
  <si>
    <t>GPS RAJA JANG</t>
  </si>
  <si>
    <t>raja jang</t>
  </si>
  <si>
    <t>Mc Raja jung</t>
  </si>
  <si>
    <t>GPS RAJA PUR P/O MUZAFARABAD CHAH AMIR SHAH WALA</t>
  </si>
  <si>
    <t>Chah Amir Shah wala, near walvat mor, Pul Mmuzaffarabad, Multan</t>
  </si>
  <si>
    <t>Chah Amir Shah Wala</t>
  </si>
  <si>
    <t>GPS RAJADA</t>
  </si>
  <si>
    <t>Saleem Masih</t>
  </si>
  <si>
    <t>GPS RAJADAY WALI</t>
  </si>
  <si>
    <t>Rajaday Wali</t>
  </si>
  <si>
    <t>village rajaday wali po same tehsil pasrur  distt.Salkot</t>
  </si>
  <si>
    <t>GPS RAJAN SHAH</t>
  </si>
  <si>
    <t>GPS RAJAN WALA</t>
  </si>
  <si>
    <t>kachian</t>
  </si>
  <si>
    <t>Kot khan Road Mauza kachian Tehsil and District Jhang</t>
  </si>
  <si>
    <t>Rajan Wala</t>
  </si>
  <si>
    <t>Chund</t>
  </si>
  <si>
    <t>suba khan</t>
  </si>
  <si>
    <t>GPS RAJAR</t>
  </si>
  <si>
    <t>New Rajar</t>
  </si>
  <si>
    <t>New rajar sarai alamgir</t>
  </si>
  <si>
    <t>Farzana Ferdoos</t>
  </si>
  <si>
    <t>GPS RAJAY WALIA</t>
  </si>
  <si>
    <t>Rajay wali</t>
  </si>
  <si>
    <t>GPS RAJIAN ARYAN</t>
  </si>
  <si>
    <t>Rajian Arayan</t>
  </si>
  <si>
    <t>GPS Boys Rajian Arayan</t>
  </si>
  <si>
    <t>GPS RAJIAN BHANGWAN</t>
  </si>
  <si>
    <t>Rajian Bhungwan</t>
  </si>
  <si>
    <t>Village: Rajian Bhungwan</t>
  </si>
  <si>
    <t>GPS RAJIYA</t>
  </si>
  <si>
    <t>ban rajia p/o karore, tehsil kotli sattian, Rawalpindi</t>
  </si>
  <si>
    <t>Ban Rajia</t>
  </si>
  <si>
    <t>local pipe line</t>
  </si>
  <si>
    <t>GPS RAJJI WALA</t>
  </si>
  <si>
    <t>Rajji Wala Arian</t>
  </si>
  <si>
    <t>Rajji Wala Arian kasur</t>
  </si>
  <si>
    <t>GPS RAJO</t>
  </si>
  <si>
    <t>village rajo post office khori alarm via dingy ovarian Gujarat</t>
  </si>
  <si>
    <t>Phta Bhund</t>
  </si>
  <si>
    <t>GPS RAJO WAL KOHNA</t>
  </si>
  <si>
    <t>Rajowal Kohna Kasur</t>
  </si>
  <si>
    <t>GPS RAJO WAL NOU</t>
  </si>
  <si>
    <t>GPS Rajo Wal Nou markaz Usman Wala kasur</t>
  </si>
  <si>
    <t>GPS RAJOA EAST</t>
  </si>
  <si>
    <t>Rajoa sadat</t>
  </si>
  <si>
    <t>Rajoa sadat tehsil and distract chiniot</t>
  </si>
  <si>
    <t>GPS RAJOA SADAT</t>
  </si>
  <si>
    <t>Near HBL, Main Bazaar Rajoya Sadat, Chiniot</t>
  </si>
  <si>
    <t>Muhammad Iqbal Fakhri</t>
  </si>
  <si>
    <t>GPS RAJOVA</t>
  </si>
  <si>
    <t>Rajova</t>
  </si>
  <si>
    <t>rajova.tehseel phalia.dist m.b.din</t>
  </si>
  <si>
    <t>Abdul Salam Abid</t>
  </si>
  <si>
    <t>GPS RAJPURA</t>
  </si>
  <si>
    <t>rajpura teh muridke</t>
  </si>
  <si>
    <t>Muhhamad Afzal</t>
  </si>
  <si>
    <t>GPS RAKA GHUMAN</t>
  </si>
  <si>
    <t>Raka Ghumman</t>
  </si>
  <si>
    <t>Raka  Ghummam Teshil Pattoki District Kasur</t>
  </si>
  <si>
    <t>Rakhwala</t>
  </si>
  <si>
    <t>Muhammad Zulifqar Ali</t>
  </si>
  <si>
    <t>GPS RAKH BAHADAR GARH</t>
  </si>
  <si>
    <t>Rakh Daggran Wali</t>
  </si>
  <si>
    <t>lot no 23 p/o Barkat wala teh darya khan Bhakkar</t>
  </si>
  <si>
    <t>Lot No 23</t>
  </si>
  <si>
    <t>GPS RAKH BAIT SOUNTRA</t>
  </si>
  <si>
    <t>basti danger uc noushera sharqi dist.rajan pur</t>
  </si>
  <si>
    <t>Basti Danger</t>
  </si>
  <si>
    <t>Syed Ahsan Abbas</t>
  </si>
  <si>
    <t>GPS RAKH BAULI</t>
  </si>
  <si>
    <t>RAKH BOLI</t>
  </si>
  <si>
    <t>GPS RAKH BAWLI</t>
  </si>
  <si>
    <t>Rakh Bowli</t>
  </si>
  <si>
    <t>rakh bowli tehseel wazir abad district gujranwal</t>
  </si>
  <si>
    <t>GPS RAKH BEKHANTH</t>
  </si>
  <si>
    <t>Rakh Bekanth</t>
  </si>
  <si>
    <t>Rashidmehmood Mehmood</t>
  </si>
  <si>
    <t>GPS RAKH BHER PUR</t>
  </si>
  <si>
    <t>Rakh Bhair Pur</t>
  </si>
  <si>
    <t>Village Rakh Bhair Pur TÃ©hil Bhera District Sargodha</t>
  </si>
  <si>
    <t>Verowall</t>
  </si>
  <si>
    <t>Shahzad Hussnain</t>
  </si>
  <si>
    <t>GPS RAKH BILAND</t>
  </si>
  <si>
    <t>GPS RAKH BIland p/o Chan tehsil noorpur thal</t>
  </si>
  <si>
    <t>Hafiz Muhammad Fakhar Ramzan</t>
  </si>
  <si>
    <t>GPS RAKH CHARGHA</t>
  </si>
  <si>
    <t>Govt.Primary School Rakh Chargah p/o Bhera Teh Bhera District Sargodha.</t>
  </si>
  <si>
    <t>GPS RAKH CHOUNI</t>
  </si>
  <si>
    <t>Rakh Choni</t>
  </si>
  <si>
    <t>village rakh choni</t>
  </si>
  <si>
    <t>Amer Shahzad</t>
  </si>
  <si>
    <t>GPS RAKH DAGGARAN WALI LOT NO 34</t>
  </si>
  <si>
    <t>Rakh Daggran Wali lot no 34</t>
  </si>
  <si>
    <t>Lot No 34</t>
  </si>
  <si>
    <t>GPS RAKH DAHIR</t>
  </si>
  <si>
    <t>sikhani wala</t>
  </si>
  <si>
    <t>basti sontrah rakh fazilpur district rajanpur</t>
  </si>
  <si>
    <t>SIKHANIWALA</t>
  </si>
  <si>
    <t>Sikhaniwala</t>
  </si>
  <si>
    <t>Junaid Ahmad</t>
  </si>
  <si>
    <t>GPS RAKH DARAIJA KOLOI WALA</t>
  </si>
  <si>
    <t>mauza kaloi wala</t>
  </si>
  <si>
    <t>GPS RAKH DHOOL NO 1</t>
  </si>
  <si>
    <t>wasay wala mouza dhole</t>
  </si>
  <si>
    <t>Wasay Wala</t>
  </si>
  <si>
    <t>GPS RAKH DHOOL NO 2</t>
  </si>
  <si>
    <t>Rakh Dhol</t>
  </si>
  <si>
    <t>p/o jakhar imam shah district DG khan</t>
  </si>
  <si>
    <t>Shakray wala</t>
  </si>
  <si>
    <t>Syed Masood Ahmed</t>
  </si>
  <si>
    <t>GPS RAKH FATEH WALA</t>
  </si>
  <si>
    <t>Rakh Fatehwala</t>
  </si>
  <si>
    <t>Rakh Fatehwala Tehsil Sahiwal District Sargodha</t>
  </si>
  <si>
    <t>Jinda Keema</t>
  </si>
  <si>
    <t>Saleem Ullah</t>
  </si>
  <si>
    <t>GPS RAKH GHOUS PUR</t>
  </si>
  <si>
    <t>Haji Pur Markaz Miran Pur</t>
  </si>
  <si>
    <t>moza haji pur tehseel jam pur distt. rajan pur</t>
  </si>
  <si>
    <t>Bast Jam Khuda Bux</t>
  </si>
  <si>
    <t>GPS RAKH GRISTAN ABAD MAKHDUM RASHEED MULTAN</t>
  </si>
  <si>
    <t>Gareebabd Militry form Multan</t>
  </si>
  <si>
    <t>GPS RAKH HARDIT SINGH</t>
  </si>
  <si>
    <t>Rakh Hardat Singh</t>
  </si>
  <si>
    <t>Govt P/S Rakh Hardat Singh Wagha Town Lahore Cantt</t>
  </si>
  <si>
    <t>Hudaira</t>
  </si>
  <si>
    <t>GPS RAKH JAMLERA</t>
  </si>
  <si>
    <t>Moza Rakh Jamlera</t>
  </si>
  <si>
    <t>GPS RAKH JAURA KALAN</t>
  </si>
  <si>
    <t>Gps Rakh Jaura kalan</t>
  </si>
  <si>
    <t>GPS RAKH KHURD P/O 17/S.P PAKPATTAN</t>
  </si>
  <si>
    <t>rakh khurd dak khana 17 s/p</t>
  </si>
  <si>
    <t>17 S/p</t>
  </si>
  <si>
    <t>Liaqat ALI</t>
  </si>
  <si>
    <t>GPS RAKH KOTLA</t>
  </si>
  <si>
    <t>moza rakh kotla dora pur road tehsil Shorkot (JHANG)</t>
  </si>
  <si>
    <t>GPS RAKH MACHIKE SADAR</t>
  </si>
  <si>
    <t>Machikay</t>
  </si>
  <si>
    <t>p/s rakh machikay sadar6 skp</t>
  </si>
  <si>
    <t>Ghazi Mimara</t>
  </si>
  <si>
    <t>GPS RAKH MAHMOOD SHAHEED</t>
  </si>
  <si>
    <t>Rakh Mahmood Shaheed</t>
  </si>
  <si>
    <t>Mehmood Shaheed, Noor purthal district khushab.</t>
  </si>
  <si>
    <t>Mahmood Shaheed</t>
  </si>
  <si>
    <t>GPS RAKH MAKHDOOM VENOI, P/O 11/AH, KHANEWAL</t>
  </si>
  <si>
    <t>Rakh Makhdum Vinoi</t>
  </si>
  <si>
    <t>gps rakh makhfum vinoi. p/o chak No 11/AH</t>
  </si>
  <si>
    <t>Chak No 12/AH</t>
  </si>
  <si>
    <t>Muddasdar Hassan</t>
  </si>
  <si>
    <t>GPS RAKH MELO WAL</t>
  </si>
  <si>
    <t>RAKH MELOWAL</t>
  </si>
  <si>
    <t>RAKH MELOWAL TEHSIL BHERA</t>
  </si>
  <si>
    <t>FATH E GHAR</t>
  </si>
  <si>
    <t>GPS RAKH MORE JHANGI</t>
  </si>
  <si>
    <t>RAKH MORJHANGI</t>
  </si>
  <si>
    <t>P/O RETRA, RAKH MORJHANGI, U/C MORJHANGI</t>
  </si>
  <si>
    <t>GPS RAKH MUMDANI</t>
  </si>
  <si>
    <t>Basti milke mouza mutt teh trible area distt dgkhan</t>
  </si>
  <si>
    <t>Basti Milkee</t>
  </si>
  <si>
    <t>GPS RAKH PELOWAINCE</t>
  </si>
  <si>
    <t>Rakh Pelowaince</t>
  </si>
  <si>
    <t>govt primary school rakh pelowaince</t>
  </si>
  <si>
    <t>MUHAMMAD ABDUL GHAFFAR</t>
  </si>
  <si>
    <t>GPS RAKH PERO WALA</t>
  </si>
  <si>
    <t>Chak peru wala</t>
  </si>
  <si>
    <t>Rakh peru wala</t>
  </si>
  <si>
    <t>Basti yaqeen Muahammad Ahamdani Muhammad Ahamdani</t>
  </si>
  <si>
    <t>GPS RAKH PINDI JALOL</t>
  </si>
  <si>
    <t>RAKH PINDI Jalool</t>
  </si>
  <si>
    <t>RAKH PINDI JALOL</t>
  </si>
  <si>
    <t>GPS RAKH PURAB</t>
  </si>
  <si>
    <t>Rakh Purab</t>
  </si>
  <si>
    <t>village rakh purab Tehsil muridke</t>
  </si>
  <si>
    <t>Bhian wala</t>
  </si>
  <si>
    <t>GPS RAKH QADIRA</t>
  </si>
  <si>
    <t>Qadira</t>
  </si>
  <si>
    <t>Post office Umer kot UC Gianmal Tehsile Rojhan</t>
  </si>
  <si>
    <t>Basti Liaqat Balachani</t>
  </si>
  <si>
    <t>Gianmal</t>
  </si>
  <si>
    <t>Sadeeq Ahmad</t>
  </si>
  <si>
    <t>GPS RAKH RANGPUR JANUBI</t>
  </si>
  <si>
    <t>Dera Bharokian Wala</t>
  </si>
  <si>
    <t>dera bharokian wala p/o Rangpur Tehsil Noor Pur Thal Dist khushab</t>
  </si>
  <si>
    <t>Khushi Muhammad</t>
  </si>
  <si>
    <t>GPS RAKH RAWAN</t>
  </si>
  <si>
    <t>Rakhranwan</t>
  </si>
  <si>
    <t>village Rakhranwan Post office jandila Jhelum</t>
  </si>
  <si>
    <t>GPS RAKH REGISTAN BASTI KARIM BUX</t>
  </si>
  <si>
    <t>Rakh Ragistan</t>
  </si>
  <si>
    <t>p/0 lal garh</t>
  </si>
  <si>
    <t>GPS RAKH SMALL P/O 17/SP PAKPATTAN</t>
  </si>
  <si>
    <t>Odd Pura</t>
  </si>
  <si>
    <t>GPS Rakh Small Odd Pura 17/sp Pakpattan</t>
  </si>
  <si>
    <t>Chak No17/sp</t>
  </si>
  <si>
    <t>GPS RAKH TAHLA KHATWAN</t>
  </si>
  <si>
    <t>Rakh Thala Khatwan Khatwan</t>
  </si>
  <si>
    <t>Rakh Thala Khatwan</t>
  </si>
  <si>
    <t>Rakh Tahla Khatwan</t>
  </si>
  <si>
    <t>GPS RAKH THAKRA</t>
  </si>
  <si>
    <t>Rakh Thakra</t>
  </si>
  <si>
    <t>rakh thakra</t>
  </si>
  <si>
    <t>Thatha Ahmad Yar</t>
  </si>
  <si>
    <t>Arslan Haider</t>
  </si>
  <si>
    <t>GPS RAKHAN</t>
  </si>
  <si>
    <t>bharyog</t>
  </si>
  <si>
    <t>Bastian rakhan</t>
  </si>
  <si>
    <t>rakhan</t>
  </si>
  <si>
    <t>gurmani sharqi</t>
  </si>
  <si>
    <t>GPS RAKHAN WALA</t>
  </si>
  <si>
    <t>Ameer Chand Wala</t>
  </si>
  <si>
    <t>Rakhan Wala</t>
  </si>
  <si>
    <t>Amar Shahzad</t>
  </si>
  <si>
    <t>GPS RAKHWAN</t>
  </si>
  <si>
    <t>basti rakhwan p/o wara sehran</t>
  </si>
  <si>
    <t>basti rakhwaan</t>
  </si>
  <si>
    <t>GPS RAM DIO</t>
  </si>
  <si>
    <t>Ram Dev</t>
  </si>
  <si>
    <t>Village Ramdev post office Mohra sub post office chakri teh and Dist Rawalpindi</t>
  </si>
  <si>
    <t>Bilal Sarfaraz</t>
  </si>
  <si>
    <t>GPS RAM GHUAR</t>
  </si>
  <si>
    <t>ramgarh wazirabad</t>
  </si>
  <si>
    <t>Hafiz Asif Usman Khalid</t>
  </si>
  <si>
    <t>GPS RAM KALI</t>
  </si>
  <si>
    <t>Sabzojat</t>
  </si>
  <si>
    <t>Moza sbzojat p/o Basira ram kali. Muzaffargarh</t>
  </si>
  <si>
    <t>Muhammad Younas Ishaq</t>
  </si>
  <si>
    <t>GPS RAM KALI, BASTI DERA MUHAMMADI</t>
  </si>
  <si>
    <t>Basti Dera Muhammad I near bahawalpur bipass chok Multan</t>
  </si>
  <si>
    <t>GPS RAM PERSHAD</t>
  </si>
  <si>
    <t>RAMPARSHAAD</t>
  </si>
  <si>
    <t>Jhukh Kalan</t>
  </si>
  <si>
    <t>GPS RAM PURA CHAK NO. 176 WB</t>
  </si>
  <si>
    <t>176wb Rampura</t>
  </si>
  <si>
    <t>Chak no. 176/wb Rampura Tehsil Mailsi Vehari</t>
  </si>
  <si>
    <t>GPS RAM PURA KALAN</t>
  </si>
  <si>
    <t>Rampura Kalan</t>
  </si>
  <si>
    <t>Village Rampura Kalan P/O Barki Teh Cantt Lahore</t>
  </si>
  <si>
    <t>Kashif Munir</t>
  </si>
  <si>
    <t>GPS RAM PURA KHURD</t>
  </si>
  <si>
    <t>village Rampura khurd p/o Barki tehsil cantt district Lahore</t>
  </si>
  <si>
    <t>Rampura Khurd</t>
  </si>
  <si>
    <t>MUHAMMAD ANWAR KHAN</t>
  </si>
  <si>
    <t>GPS RAM RAYAN KHURD</t>
  </si>
  <si>
    <t>Ram Rayan Khurd</t>
  </si>
  <si>
    <t>Village Ram Rayan Khurd P/O Talhara Tehsil Daska District Sialkot</t>
  </si>
  <si>
    <t>Salhokkay</t>
  </si>
  <si>
    <t>GPS RAM REHAN</t>
  </si>
  <si>
    <t>Ram Rehan</t>
  </si>
  <si>
    <t>Village Ram Rehan PO Halal Pur Tehsil Kot Momin Dist Sargodha</t>
  </si>
  <si>
    <t>GPS RAM SARN</t>
  </si>
  <si>
    <t>Ram Sarn</t>
  </si>
  <si>
    <t>Ram sarn bawa breet haveli lakha</t>
  </si>
  <si>
    <t>Mudassar Ali</t>
  </si>
  <si>
    <t>GPS RAMAN KHUKHRAN</t>
  </si>
  <si>
    <t>moza Rama khokhran</t>
  </si>
  <si>
    <t>Lala Amer Singh</t>
  </si>
  <si>
    <t>Sardar Khan Ghazanfar</t>
  </si>
  <si>
    <t>GPS RAMANA</t>
  </si>
  <si>
    <t>Mohair Wali</t>
  </si>
  <si>
    <t>GPS RAMBRAH</t>
  </si>
  <si>
    <t>Rambrah</t>
  </si>
  <si>
    <t>Village Rambrah Tehsil Shakargarh</t>
  </si>
  <si>
    <t>GPS RAMDANI NO. 1</t>
  </si>
  <si>
    <t>basti ramdani mauza jhok uttra</t>
  </si>
  <si>
    <t>GPS RAMIAL P.O RAMAIL</t>
  </si>
  <si>
    <t>vpo ramial</t>
  </si>
  <si>
    <t>Muhammad Khalique Khan</t>
  </si>
  <si>
    <t>GPS RAMIANI</t>
  </si>
  <si>
    <t>Basti major Abad mouza jhoke Uttra</t>
  </si>
  <si>
    <t>Major Abad</t>
  </si>
  <si>
    <t>Muhammad Abdul Kareem</t>
  </si>
  <si>
    <t>GPS RAMKEY</t>
  </si>
  <si>
    <t>village ramkey p o box behalpur pur these and distributors gujrat</t>
  </si>
  <si>
    <t>Samman Noreen</t>
  </si>
  <si>
    <t>GPS RAMKOT</t>
  </si>
  <si>
    <t>Ismail Pur Ratteka</t>
  </si>
  <si>
    <t>gps ramko ,post office Macleod gunj,moza ismail pur ratteka chak hussain kot.</t>
  </si>
  <si>
    <t>Peer Ghr Chesti</t>
  </si>
  <si>
    <t>Naila Noor</t>
  </si>
  <si>
    <t>GPS RAMO ANA CHAK 290/RB</t>
  </si>
  <si>
    <t>Ramo Ana</t>
  </si>
  <si>
    <t>Ramo Ana 290 Tehsile Sangla Hill District Nankana Sahib</t>
  </si>
  <si>
    <t>Ramo Ana 290</t>
  </si>
  <si>
    <t>GPS RAMOON WALA</t>
  </si>
  <si>
    <t>ramoo wala riaz abad qadir pur ran multan</t>
  </si>
  <si>
    <t>Ramo Wala</t>
  </si>
  <si>
    <t>Qadir Pur Ran East</t>
  </si>
  <si>
    <t>GPS RAMPURA</t>
  </si>
  <si>
    <t>RAMPUR</t>
  </si>
  <si>
    <t>RAMPUR, PAKPATTAN</t>
  </si>
  <si>
    <t>Mohsan Hassan</t>
  </si>
  <si>
    <t>GPS RAMPURA JAGIR</t>
  </si>
  <si>
    <t>rampura jagir</t>
  </si>
  <si>
    <t>Govt p/s rampura jagir</t>
  </si>
  <si>
    <t>GPS RAMZAN ABAD</t>
  </si>
  <si>
    <t>SHEHAR NANDO KHAN</t>
  </si>
  <si>
    <t>SHEHAR NENDO KHAN</t>
  </si>
  <si>
    <t>muhammad ayyub</t>
  </si>
  <si>
    <t>GPS RAMZAN COLONY JOUHARABAD</t>
  </si>
  <si>
    <t>ramzan colony jbd</t>
  </si>
  <si>
    <t>Ramzan Colony</t>
  </si>
  <si>
    <t>Joharabad</t>
  </si>
  <si>
    <t>khan muhammad</t>
  </si>
  <si>
    <t>GPS RAMZAN JUIYA</t>
  </si>
  <si>
    <t>Ramzan Joiya</t>
  </si>
  <si>
    <t>Basti numberdaran moza ramzan joiya ahmadpur east</t>
  </si>
  <si>
    <t>Basti Numberdaran</t>
  </si>
  <si>
    <t>Hafiz Rafeeq Ahmad</t>
  </si>
  <si>
    <t>GPS RAMZAN RODA</t>
  </si>
  <si>
    <t>V  &amp; p/ o Roda</t>
  </si>
  <si>
    <t>ZAFAR  HUSSAIN</t>
  </si>
  <si>
    <t>GPS RAMZAN WALA</t>
  </si>
  <si>
    <t>Uc shujat Pur Jalal pur pir wala</t>
  </si>
  <si>
    <t>Ramzan WALA</t>
  </si>
  <si>
    <t>GPS RAN LAB DARIYA</t>
  </si>
  <si>
    <t>Mouza Ran Lab Dariya</t>
  </si>
  <si>
    <t>mouza ran lab dariya Multan</t>
  </si>
  <si>
    <t>Ran Lab Dariya</t>
  </si>
  <si>
    <t>Hafiz Muhammad Adil</t>
  </si>
  <si>
    <t>GPS RANA BHATTI</t>
  </si>
  <si>
    <t>GPS RANA JAFFAR ALI</t>
  </si>
  <si>
    <t>Rakh Maari</t>
  </si>
  <si>
    <t>moza rakh maari p/o shikarpur teh &amp; distt. rajanpur</t>
  </si>
  <si>
    <t>Basti Rana Abdul Rahman</t>
  </si>
  <si>
    <t>aamir masood</t>
  </si>
  <si>
    <t>GPS RANA TOWN</t>
  </si>
  <si>
    <t>Rana town ferozwala sheikhupura</t>
  </si>
  <si>
    <t>Rana Town</t>
  </si>
  <si>
    <t>Rana Mehfooz Ahmad</t>
  </si>
  <si>
    <t>GPS RANA TOWN FEROZWATTUAN</t>
  </si>
  <si>
    <t>Ferozewattwan</t>
  </si>
  <si>
    <t>rana town feroze wattwan teh and disst sheikhupura</t>
  </si>
  <si>
    <t>GPS RANAKAY NAGRA</t>
  </si>
  <si>
    <t>Raneky Nagra</t>
  </si>
  <si>
    <t>Raneky nagra P.O Malheky Nagra Tehsil Pasrur District Sialkot</t>
  </si>
  <si>
    <t>Adamky Nagra</t>
  </si>
  <si>
    <t>Muhammad Atif Iqbal</t>
  </si>
  <si>
    <t>GPS RANAY WALA A&amp;T</t>
  </si>
  <si>
    <t>Ranay Wala</t>
  </si>
  <si>
    <t>GPS Ranay Wala A&amp;T</t>
  </si>
  <si>
    <t>Muhammad Umer Tahir</t>
  </si>
  <si>
    <t>GPS RANBAZ KHELAN WALA</t>
  </si>
  <si>
    <t>sultan wala shrqi</t>
  </si>
  <si>
    <t>village ranbaz khelanwala p/o hathi khan wala mianwali</t>
  </si>
  <si>
    <t>ranbaz khelan wala</t>
  </si>
  <si>
    <t>Ahmad Sher Khan</t>
  </si>
  <si>
    <t>GPS RANCEE</t>
  </si>
  <si>
    <t>Rancee</t>
  </si>
  <si>
    <t>Rancee p/o Amba tehsil and dist Sheikhupura</t>
  </si>
  <si>
    <t>GPS RANDHEER</t>
  </si>
  <si>
    <t>randheer</t>
  </si>
  <si>
    <t>randheer nowshera virkan gujranwala</t>
  </si>
  <si>
    <t>ranheer</t>
  </si>
  <si>
    <t>YAQOOB KHAN</t>
  </si>
  <si>
    <t>GPS RANERA KALAN</t>
  </si>
  <si>
    <t>Ranera Kalan</t>
  </si>
  <si>
    <t>Ranera kalan p/o syedwala tehsil &amp; distt: Nankana sahib</t>
  </si>
  <si>
    <t>GPS RANG PUR KOHNA</t>
  </si>
  <si>
    <t>P/O Rang Pur</t>
  </si>
  <si>
    <t>Basti Maidan Wala</t>
  </si>
  <si>
    <t>GPS RANGAN WALA</t>
  </si>
  <si>
    <t>village ranganwala</t>
  </si>
  <si>
    <t>GPS RANGAR NANGAL</t>
  </si>
  <si>
    <t>rangar nangal 285 RB Tehsil SFD dist SKP</t>
  </si>
  <si>
    <t>Syed Waqas Haider</t>
  </si>
  <si>
    <t>GPS RANGAY WALA</t>
  </si>
  <si>
    <t>gps rangay wala kasur</t>
  </si>
  <si>
    <t>rangay wala</t>
  </si>
  <si>
    <t>GPS RANGEEL PUR P/O SUNDAR</t>
  </si>
  <si>
    <t>Lodhery</t>
  </si>
  <si>
    <t>Rangeel Pur p/o suder Adda Lahore</t>
  </si>
  <si>
    <t>Manga Tarerray</t>
  </si>
  <si>
    <t>GPS RANGEELAY WALA</t>
  </si>
  <si>
    <t>Kunnal Nashaib</t>
  </si>
  <si>
    <t>Chah Rangeelay Wala</t>
  </si>
  <si>
    <t>Rangeelay Wala</t>
  </si>
  <si>
    <t>GPS RANGIAN JUNGIAN</t>
  </si>
  <si>
    <t>Rangian Jhangian</t>
  </si>
  <si>
    <t>Rangian jhangian teh ferozwala</t>
  </si>
  <si>
    <t>Syed Muzammil Hussain</t>
  </si>
  <si>
    <t>GPS RANGORE</t>
  </si>
  <si>
    <t>Rangore</t>
  </si>
  <si>
    <t>tulsipur</t>
  </si>
  <si>
    <t>Amjad Hussain Sulehri</t>
  </si>
  <si>
    <t>GPS RANGPUR</t>
  </si>
  <si>
    <t>Mouza Rangpur Jaranwala</t>
  </si>
  <si>
    <t>kot Balkram</t>
  </si>
  <si>
    <t>GPS RANGPUR BAGHOOR</t>
  </si>
  <si>
    <t>v.p.o rangpur baghoor tehsil noor pur thal district khushab muhallah muslim sheikh</t>
  </si>
  <si>
    <t>GHULAM TAQEE SHAH</t>
  </si>
  <si>
    <t>GPS RANGPUR JATTAN</t>
  </si>
  <si>
    <t>RANGPUR JATTAN</t>
  </si>
  <si>
    <t>GPS RANGPUR JATTAN P/O CHAPRAR TEHSIL SIALKOT</t>
  </si>
  <si>
    <t>RANGPUR  JATTAN</t>
  </si>
  <si>
    <t>PALORA KALAN</t>
  </si>
  <si>
    <t>GPS RANGPUR KADHI</t>
  </si>
  <si>
    <t>P.O Girote moza Rang pur kadhi Distt. Khushab</t>
  </si>
  <si>
    <t>GPS RANGRA ROPOWAL</t>
  </si>
  <si>
    <t>Rangra Ropowal</t>
  </si>
  <si>
    <t>V &amp; P/O Rangra Rupowal Teh. and District Gujrat</t>
  </si>
  <si>
    <t>Rashid Mehdi</t>
  </si>
  <si>
    <t>GPS RANIAN</t>
  </si>
  <si>
    <t>village ranian p/o chakori bhelowal tehsil kharian district gujrat</t>
  </si>
  <si>
    <t>Mohammed Idrees</t>
  </si>
  <si>
    <t>GPS RANIKE MINARA</t>
  </si>
  <si>
    <t>ranike minara</t>
  </si>
  <si>
    <t>Ranike Minara</t>
  </si>
  <si>
    <t>Kurlky Minara</t>
  </si>
  <si>
    <t>M Imtiaz Ali</t>
  </si>
  <si>
    <t>GPS RANJHA</t>
  </si>
  <si>
    <t>GPS Ranjha tehsil dina district jhelum</t>
  </si>
  <si>
    <t>GPS RANJHAY WALA</t>
  </si>
  <si>
    <t>Chuck Fathy Ali</t>
  </si>
  <si>
    <t>GPS Ranjhy wala Markz Fazil Kalro.</t>
  </si>
  <si>
    <t>GPS RANJHIAN WALA</t>
  </si>
  <si>
    <t>GPS RANJIAN WALA</t>
  </si>
  <si>
    <t>Ranjhiawala</t>
  </si>
  <si>
    <t>chak ranjhiawala, teh kamalia</t>
  </si>
  <si>
    <t>Chak 738 East</t>
  </si>
  <si>
    <t>GPS RANMAN WALA</t>
  </si>
  <si>
    <t>Shahan wala</t>
  </si>
  <si>
    <t>Ranman wala shahan wala jampur</t>
  </si>
  <si>
    <t>Ranman wala</t>
  </si>
  <si>
    <t>GPS RANOTRA</t>
  </si>
  <si>
    <t>village Ranotra po chak beli khan tehsil and district Rawalpindi</t>
  </si>
  <si>
    <t>Dhandha</t>
  </si>
  <si>
    <t>GPS RANSIAL</t>
  </si>
  <si>
    <t>VPO Ransial TEHSIL Kallar Kahar DISTT Chakwal</t>
  </si>
  <si>
    <t>Salma Rashid</t>
  </si>
  <si>
    <t>GPS RAO BAGH MAL</t>
  </si>
  <si>
    <t>GPS raobaghmal</t>
  </si>
  <si>
    <t>Rab Bagh</t>
  </si>
  <si>
    <t>shahid imran</t>
  </si>
  <si>
    <t>GPS RAOKAY</t>
  </si>
  <si>
    <t>Raokay Markaz Changi Teh Daska  Sialkot</t>
  </si>
  <si>
    <t>Khushnood Iqbal</t>
  </si>
  <si>
    <t>GPS RAOWAN WALA</t>
  </si>
  <si>
    <t>7fw</t>
  </si>
  <si>
    <t>Chak No 7fw R.w</t>
  </si>
  <si>
    <t>7fw Rw</t>
  </si>
  <si>
    <t>GPS RAPI LOLAI</t>
  </si>
  <si>
    <t>GPS RAPI LOLAI BANGLA HIDAYAT</t>
  </si>
  <si>
    <t>Basti Ali Jan</t>
  </si>
  <si>
    <t>GPS RAPPER</t>
  </si>
  <si>
    <t>Basti Rapper, moza Rapper</t>
  </si>
  <si>
    <t>Tariq Khurshid Tabassum</t>
  </si>
  <si>
    <t>GPS RAQBA LUNDAN NO. 1</t>
  </si>
  <si>
    <t>Raqba lundan</t>
  </si>
  <si>
    <t>raqba lundan tehsil jampur district rajanpur</t>
  </si>
  <si>
    <t>Raqba Lundan</t>
  </si>
  <si>
    <t>Shafqat Fareed</t>
  </si>
  <si>
    <t>GPS RAQBA LUNDAN NO. 2</t>
  </si>
  <si>
    <t>raqba lundan Uc tibi lundan jampur disrtic rajanpur</t>
  </si>
  <si>
    <t>Muhammad Sarfaraz yameen</t>
  </si>
  <si>
    <t>daily fresh water is taken from nearly agricultral water piont</t>
  </si>
  <si>
    <t>GPS RAQBA SANGHI</t>
  </si>
  <si>
    <t>umerkot</t>
  </si>
  <si>
    <t>basti haji niaz khan sanghi basti raqba sanghi</t>
  </si>
  <si>
    <t>basti haji niaz khan sanghi</t>
  </si>
  <si>
    <t>RAFIQ AHMED</t>
  </si>
  <si>
    <t>GPS RARI</t>
  </si>
  <si>
    <t>Rorhi</t>
  </si>
  <si>
    <t>Gps rori</t>
  </si>
  <si>
    <t>Phulan Toli Kalan</t>
  </si>
  <si>
    <t>GPS RARYALA JANGO</t>
  </si>
  <si>
    <t>village raryala Jango p.o Kot Basira tehsile and district Jhelum</t>
  </si>
  <si>
    <t>GPS RASEED MUHAMMAD SHAH</t>
  </si>
  <si>
    <t>Raseed Muhammad Shah muhammad shah</t>
  </si>
  <si>
    <t>Bastisti Raseed Muhammad Shah Teh. Karor Layyah</t>
  </si>
  <si>
    <t>Raseed Muhammad Shah</t>
  </si>
  <si>
    <t>GPS RASEED PUR</t>
  </si>
  <si>
    <t>Raseed pur</t>
  </si>
  <si>
    <t>basti raseed pur p/o norang wali</t>
  </si>
  <si>
    <t>Nazar Mehdi</t>
  </si>
  <si>
    <t>GPS RASHEED ABAD QADEEM</t>
  </si>
  <si>
    <t>basti naich kot shahan</t>
  </si>
  <si>
    <t>Syed Alamdar Hussain</t>
  </si>
  <si>
    <t>GPS RASHEED BUZDAR</t>
  </si>
  <si>
    <t>basti habib buzdar mouza darkhast gharbi</t>
  </si>
  <si>
    <t>GPS RASHEED KHAN WALA</t>
  </si>
  <si>
    <t>kacha pattal</t>
  </si>
  <si>
    <t>chah prohay wala kacha pattal kot adu</t>
  </si>
  <si>
    <t>perhoay wala</t>
  </si>
  <si>
    <t>Haroon Rasheed Khan</t>
  </si>
  <si>
    <t>GPS RASHEED NAGAR</t>
  </si>
  <si>
    <t>village and post office jatri kohna tehsil and district sheikhupura</t>
  </si>
  <si>
    <t>Arshad Ahmad Akhtar</t>
  </si>
  <si>
    <t>GPS RASHEED PATHAN WALA</t>
  </si>
  <si>
    <t>pati sami shumali turko adda markac choubara</t>
  </si>
  <si>
    <t>Rasheed Pathan</t>
  </si>
  <si>
    <t>muhammad zubair</t>
  </si>
  <si>
    <t>GPS RASHEED PUR</t>
  </si>
  <si>
    <t>ROHILLAN WALI</t>
  </si>
  <si>
    <t>basti ghareeb abad mouza rohillanwali tehsil and district muzaffargarh</t>
  </si>
  <si>
    <t>Muhammad Javid Abbas</t>
  </si>
  <si>
    <t>GPS RASHEED PURA P/O MOUZA KHANPUR QAZIAN TEH. SHUJA ABAD</t>
  </si>
  <si>
    <t>khan pur qazian</t>
  </si>
  <si>
    <t>rasheed pura chowk naseeron wala shujabad multan</t>
  </si>
  <si>
    <t>daira pur</t>
  </si>
  <si>
    <t>Muhammad Saqib</t>
  </si>
  <si>
    <t>GPS RASHEED-K-JHUGEY</t>
  </si>
  <si>
    <t>Chan Rasheed-k-jhuggey Jhoke wains Multan</t>
  </si>
  <si>
    <t>Rasheed-k-jhuggey</t>
  </si>
  <si>
    <t>GPS RASHID KOT</t>
  </si>
  <si>
    <t>Rashid  Kot</t>
  </si>
  <si>
    <t>rashid Kot, Pakpattan Road, Minchinabad</t>
  </si>
  <si>
    <t>Rashid Kot</t>
  </si>
  <si>
    <t>ZAFAR JAMIL</t>
  </si>
  <si>
    <t>GPS RASHID PURA</t>
  </si>
  <si>
    <t>Rashid Pura</t>
  </si>
  <si>
    <t>rashidpura</t>
  </si>
  <si>
    <t>GPS RASILA KHURD</t>
  </si>
  <si>
    <t>Raseela Khurd</t>
  </si>
  <si>
    <t>GPS Raseela Khurd</t>
  </si>
  <si>
    <t>ABDUL BASIT MEHMOOD KAYANI</t>
  </si>
  <si>
    <t>Water Supply onnection</t>
  </si>
  <si>
    <t>GPS RASOOL BAKHSH WALA MULTAN</t>
  </si>
  <si>
    <t>Rasool Bux Wala</t>
  </si>
  <si>
    <t>GPS RASOOL BUKHSH</t>
  </si>
  <si>
    <t>shani</t>
  </si>
  <si>
    <t>uc jhokmaharmoza shani muhammadpur</t>
  </si>
  <si>
    <t>rasoolbukhsh</t>
  </si>
  <si>
    <t>jhokemahr</t>
  </si>
  <si>
    <t>MUHAMMAD SULTAN MEHMOOD</t>
  </si>
  <si>
    <t>GPS RASOOL BUKHSH SANGI</t>
  </si>
  <si>
    <t>basti rasool bux sangi moza rukrani P/O khalil abad distt bwp</t>
  </si>
  <si>
    <t>Sangi</t>
  </si>
  <si>
    <t>Syed Niaz Ahmad Shah</t>
  </si>
  <si>
    <t>GPS RASOOL NAGAR KHANQAH DOGRAN</t>
  </si>
  <si>
    <t>mohallah rasool Nagar Khanqah Dogran</t>
  </si>
  <si>
    <t>GPS RASOOL PUR ARAIYAN CHAK 82 RB</t>
  </si>
  <si>
    <t>Rasool Our Chak 82</t>
  </si>
  <si>
    <t>rasool pur chak 82 tehsil shahkot distt nankana sahib</t>
  </si>
  <si>
    <t>Rasool Pur Chak 82</t>
  </si>
  <si>
    <t>GPS RASOOL PUR BARANDA</t>
  </si>
  <si>
    <t>CHACK TALOK</t>
  </si>
  <si>
    <t>CHACK TALOK UNION COUNCIL FATHPUR</t>
  </si>
  <si>
    <t>FATHPUR</t>
  </si>
  <si>
    <t>GPS RASOOL PUR BHINDRAN</t>
  </si>
  <si>
    <t>Rasool Pur Bhindran</t>
  </si>
  <si>
    <t>Rasool pur bhindran</t>
  </si>
  <si>
    <t>GPS RASOOL PUR KALAN, CHAK HAIDER ABAD, KABIRWALA</t>
  </si>
  <si>
    <t>basti bulakiwala mouza rasool pur tehsil kabirwala distt. khanewal</t>
  </si>
  <si>
    <t>Bulakiwala</t>
  </si>
  <si>
    <t>Salarwhin Khna</t>
  </si>
  <si>
    <t>GPS RASOOL PUR MOZA RASOOL PUR  MULTAN</t>
  </si>
  <si>
    <t>Rasulpur, multan</t>
  </si>
  <si>
    <t>Muhammad Asghar Dilshad</t>
  </si>
  <si>
    <t>GPS RASOOL PUR NO. 2</t>
  </si>
  <si>
    <t>Moza Rasool Pur P/O Rajan Pur Kalan Rahim Yar Khan</t>
  </si>
  <si>
    <t>Haveli Ghous Shah</t>
  </si>
  <si>
    <t>Muslim A bad</t>
  </si>
  <si>
    <t>NIAZ HUSSAIN SHAH</t>
  </si>
  <si>
    <t>GPS RASOOL PUR NO. 2 SHUJA ABAD</t>
  </si>
  <si>
    <t>Rasooolpur</t>
  </si>
  <si>
    <t>Darkhan Wala mouza Rasooolpur teh Shujabad distt multan</t>
  </si>
  <si>
    <t>GPS RASOOL PUR NO. 3 SHUJA ABAD</t>
  </si>
  <si>
    <t>New Basti Rasool pur no 3 tehsil shujabad district Multan</t>
  </si>
  <si>
    <t>GPS RASOOLPUR BHATTIAN</t>
  </si>
  <si>
    <t>Rasoolpur, Gujiana Nau, Sheikhupura</t>
  </si>
  <si>
    <t>GPS RASUL GAON</t>
  </si>
  <si>
    <t>rasul gaon</t>
  </si>
  <si>
    <t>Shoaibul Hassan</t>
  </si>
  <si>
    <t>GPS RASUL PUR JANDIAN WALA</t>
  </si>
  <si>
    <t>Rasool pur jandanwala P/O. Ali Pur Chatha. Tehsil Wazirabad. District Gujranwala</t>
  </si>
  <si>
    <t>Rasool Pur jandanwala</t>
  </si>
  <si>
    <t>GPS RAT GARH</t>
  </si>
  <si>
    <t>Ratgarh</t>
  </si>
  <si>
    <t>post/office Bagjbanpura Lahore ratgarh</t>
  </si>
  <si>
    <t>Shafaqat Ali Sajid</t>
  </si>
  <si>
    <t>GPS RATAN PURA</t>
  </si>
  <si>
    <t>Rattan pura</t>
  </si>
  <si>
    <t>Aadil Shaukat</t>
  </si>
  <si>
    <t>GPS RATAR LAL KHAN</t>
  </si>
  <si>
    <t>Basti rattur lal khan mauza Bakhri Chenab rasool pur Ahmed pur east</t>
  </si>
  <si>
    <t>Rattur Lal</t>
  </si>
  <si>
    <t>Chenab Rasool Pur</t>
  </si>
  <si>
    <t>GPS RATH MUMMAR</t>
  </si>
  <si>
    <t>Rath Mummar</t>
  </si>
  <si>
    <t>Moza Rath Mummar .P/O 110/WB</t>
  </si>
  <si>
    <t>GPS RATH SAEE</t>
  </si>
  <si>
    <t>RATH SAEE</t>
  </si>
  <si>
    <t>GPS RATHORI</t>
  </si>
  <si>
    <t>village rathori post office sheikhpur thesis kharian</t>
  </si>
  <si>
    <t>GPS RATI DANDI</t>
  </si>
  <si>
    <t>haddowali jand attock</t>
  </si>
  <si>
    <t>Ratti Dandi</t>
  </si>
  <si>
    <t>MEHMOOD HUSSAIN</t>
  </si>
  <si>
    <t>GPS RATNAY WALA</t>
  </si>
  <si>
    <t>Village  Ratnay Wala</t>
  </si>
  <si>
    <t>GULZAR SHAH NAEEM</t>
  </si>
  <si>
    <t>GPS RATREIAN</t>
  </si>
  <si>
    <t>Ratrian</t>
  </si>
  <si>
    <t>Village Ratrian P.O Khour Tehsil Pindigheb District Attock</t>
  </si>
  <si>
    <t>Ghaffar Khan</t>
  </si>
  <si>
    <t>GPS RATRYAN WALA</t>
  </si>
  <si>
    <t>Chah Ratryan Wala</t>
  </si>
  <si>
    <t>Ratryan Wala</t>
  </si>
  <si>
    <t>binyameen</t>
  </si>
  <si>
    <t>GPS RATTA</t>
  </si>
  <si>
    <t>Ratta PO Chohan Tehsil District Chakwal</t>
  </si>
  <si>
    <t>GPS RATTA AMRAL</t>
  </si>
  <si>
    <t>choki muhallah near janaza gah ratta amral</t>
  </si>
  <si>
    <t>Ratta  Amral</t>
  </si>
  <si>
    <t>Shabana Jamil</t>
  </si>
  <si>
    <t>GPS RATTA ARAIAN</t>
  </si>
  <si>
    <t>Ratta Araian Teh&amp;Dist  Sialkot</t>
  </si>
  <si>
    <t>GPS RATTA DEWAN</t>
  </si>
  <si>
    <t>Ratta Dewan</t>
  </si>
  <si>
    <t>village ratta dewan post office sankhatra</t>
  </si>
  <si>
    <t>Muhammad Tanvir Akhtar</t>
  </si>
  <si>
    <t>GPS RATTA GORAYA</t>
  </si>
  <si>
    <t>Rattagoraya Noshera virkan Gujranawala</t>
  </si>
  <si>
    <t>Rattagoraya</t>
  </si>
  <si>
    <t>Buprakalan</t>
  </si>
  <si>
    <t>GPS RATTA KHAL</t>
  </si>
  <si>
    <t>Durnyion</t>
  </si>
  <si>
    <t>g b p s ratta khal durnyion kotli sattian</t>
  </si>
  <si>
    <t>Mahnaz Begum</t>
  </si>
  <si>
    <t>GPS RATTA KHANA</t>
  </si>
  <si>
    <t>Ratta khana teh.Depalpur district Okara</t>
  </si>
  <si>
    <t>Muhammad Ijaz Riaz</t>
  </si>
  <si>
    <t>GPS RATTA MOHRRA</t>
  </si>
  <si>
    <t>village Ratta Mohra po GHAZIAL chakwall</t>
  </si>
  <si>
    <t>Nabila Noreen</t>
  </si>
  <si>
    <t>GPS RATTA PIRAN</t>
  </si>
  <si>
    <t>ratta gujra</t>
  </si>
  <si>
    <t>Ratta Gujra</t>
  </si>
  <si>
    <t>GPS RATTA WALA</t>
  </si>
  <si>
    <t>Markaz Roda Tehsil &amp; district khushab</t>
  </si>
  <si>
    <t>GPS RATTAN THAIR</t>
  </si>
  <si>
    <t>Gps rattan thair peer bux east</t>
  </si>
  <si>
    <t>Muhammad Zia Ullah</t>
  </si>
  <si>
    <t>GPS RATTI</t>
  </si>
  <si>
    <t>ratti p/o thath.teh wazirabad dist gujranwala</t>
  </si>
  <si>
    <t>Tallat Talib</t>
  </si>
  <si>
    <t>GPS RATTI KERI</t>
  </si>
  <si>
    <t>Ratti Keri,jand,attock</t>
  </si>
  <si>
    <t>Ratti Keri</t>
  </si>
  <si>
    <t>NABEELA PERVEEN</t>
  </si>
  <si>
    <t>GPS RATTI TIBBI ARAIAN</t>
  </si>
  <si>
    <t>Ratti Tibbi Araian</t>
  </si>
  <si>
    <t>ratti tibbi araian</t>
  </si>
  <si>
    <t>GPS RATTIAN</t>
  </si>
  <si>
    <t>Village Rattian post office Talwandi Bhindran Tah Dist Narowal</t>
  </si>
  <si>
    <t>Halowal</t>
  </si>
  <si>
    <t>GPS RATTIAN KHURSHID</t>
  </si>
  <si>
    <t>Rattian Khurshid</t>
  </si>
  <si>
    <t>ratian khurhid p/o narang mandi teh mdk dist skp</t>
  </si>
  <si>
    <t>Rattin Khurshid</t>
  </si>
  <si>
    <t>GPS RATTO</t>
  </si>
  <si>
    <t>Ratto</t>
  </si>
  <si>
    <t>Village Ratto P.O Bahri.Teh Phalia.Distt.M.B.Din</t>
  </si>
  <si>
    <t>Kala shadian</t>
  </si>
  <si>
    <t>GPS RATTO CHAK</t>
  </si>
  <si>
    <t>Ratto Chak</t>
  </si>
  <si>
    <t>RATTO CHAK</t>
  </si>
  <si>
    <t>GPS RATTO KALA</t>
  </si>
  <si>
    <t>Government P/S Ratto kala</t>
  </si>
  <si>
    <t>GPS RATTOWAL</t>
  </si>
  <si>
    <t>Ratowal</t>
  </si>
  <si>
    <t>ratowal</t>
  </si>
  <si>
    <t>Ansir javed Ranjha</t>
  </si>
  <si>
    <t>GPS RATU ANA</t>
  </si>
  <si>
    <t>Rattu Ana</t>
  </si>
  <si>
    <t>GPS Rattu Ana Tehsile Nankana Sahib</t>
  </si>
  <si>
    <t>Muhammed Saleem</t>
  </si>
  <si>
    <t>GPS RAUF ABAD</t>
  </si>
  <si>
    <t>mouza unran basti unran</t>
  </si>
  <si>
    <t>Basti Rauf Abad</t>
  </si>
  <si>
    <t>GPS RAUM WALI</t>
  </si>
  <si>
    <t>Raum Wali</t>
  </si>
  <si>
    <t>GPS Raum Wali</t>
  </si>
  <si>
    <t>GPS RAVI</t>
  </si>
  <si>
    <t>opposite Kallurkot stadium</t>
  </si>
  <si>
    <t>Rana Abdul Samad Khan</t>
  </si>
  <si>
    <t>GPS RAWAL BALA</t>
  </si>
  <si>
    <t>Rawalbala</t>
  </si>
  <si>
    <t>village Rawal bala po mangwal Teh &amp; dist chakwal</t>
  </si>
  <si>
    <t>Syed Ali Tamseel Ibrar</t>
  </si>
  <si>
    <t>GPS RAWAL WALA MOZA QAISAR PUR SHUJABAD</t>
  </si>
  <si>
    <t>qaiserpur</t>
  </si>
  <si>
    <t>rawalwala mouza qaiserpur matotli</t>
  </si>
  <si>
    <t>Muhammad Waqas Chaudhary</t>
  </si>
  <si>
    <t>GPS RAWN</t>
  </si>
  <si>
    <t>Rawn</t>
  </si>
  <si>
    <t>village RAWN p/o bherowal</t>
  </si>
  <si>
    <t>RAWN</t>
  </si>
  <si>
    <t>KOT HAST khan</t>
  </si>
  <si>
    <t>GPS RAY PUR</t>
  </si>
  <si>
    <t>Raypur</t>
  </si>
  <si>
    <t>village ray pur teh,bhalwal dist sargodha</t>
  </si>
  <si>
    <t>Ch M Nazir</t>
  </si>
  <si>
    <t>GPS RAYON PURA</t>
  </si>
  <si>
    <t>Ravi Rayan</t>
  </si>
  <si>
    <t>GPS RAZA ABAD</t>
  </si>
  <si>
    <t>RazaAbad</t>
  </si>
  <si>
    <t>GPS RAZA NAGAR</t>
  </si>
  <si>
    <t>Thatha Wara</t>
  </si>
  <si>
    <t>Raza Nagar, moza thatha wara tehsil bhowana distt chiniot</t>
  </si>
  <si>
    <t>Khojian Wala</t>
  </si>
  <si>
    <t>Thatha Muhammad shah</t>
  </si>
  <si>
    <t>Adnan Liaqat</t>
  </si>
  <si>
    <t>GPS RAZA PIR WALA</t>
  </si>
  <si>
    <t>mouza pirwala</t>
  </si>
  <si>
    <t>GPS REHAN</t>
  </si>
  <si>
    <t>Rehan</t>
  </si>
  <si>
    <t>village Rehan. p/o Lakhanwal</t>
  </si>
  <si>
    <t>Mohammad Yaseen Khawar</t>
  </si>
  <si>
    <t>GPS REHAN PUR, KABIRWALA</t>
  </si>
  <si>
    <t>korre wala road kabirwala</t>
  </si>
  <si>
    <t>Basti Khokhran Wali</t>
  </si>
  <si>
    <t>GPS REHAN WALA</t>
  </si>
  <si>
    <t>rehanwala</t>
  </si>
  <si>
    <t>village rehan wala p.o box  mandi faiz abad NNS</t>
  </si>
  <si>
    <t>Ghulam Yassin</t>
  </si>
  <si>
    <t>GPS REHANA SAHU, P/O JODH PUR, KABIRWALA</t>
  </si>
  <si>
    <t>Rehana saho</t>
  </si>
  <si>
    <t>muza Rehana saho post office jodhpur tehsil kabirwala district khanewal</t>
  </si>
  <si>
    <t>GPS REHMAN PURA CHANGA MANGA</t>
  </si>
  <si>
    <t>GPS Rehman pura Changa Manga</t>
  </si>
  <si>
    <t>Rehman Pura Changa Manga Changa Manga</t>
  </si>
  <si>
    <t>GPS REHMANIA MILL JHANGROAD FSD</t>
  </si>
  <si>
    <t>Rehmania Town</t>
  </si>
  <si>
    <t>GPS Rehmania Mills, Jhang Road, Faisalabad</t>
  </si>
  <si>
    <t>GPS REHMANPUR MURIDKE</t>
  </si>
  <si>
    <t>rehmanpura muridke</t>
  </si>
  <si>
    <t>GPS REHMAT ALI AMIN ABAD</t>
  </si>
  <si>
    <t>FAIZAHMAD</t>
  </si>
  <si>
    <t>GPS REHMAT COLONY FEROZWALA</t>
  </si>
  <si>
    <t>Rehmat Colony wandala dial shah Ferozwala</t>
  </si>
  <si>
    <t>GPS REHMAT PUR SHARIF</t>
  </si>
  <si>
    <t>Rahmat Pur Sharif</t>
  </si>
  <si>
    <t>Rehmat pur Sharif</t>
  </si>
  <si>
    <t>Rehmat Pur Sharif</t>
  </si>
  <si>
    <t>sabir hussain shaheen</t>
  </si>
  <si>
    <t>GPS REHMAT PURA</t>
  </si>
  <si>
    <t>Rehmat Pura P/O Bucheki Tehsil &amp; District Nankana Sahib</t>
  </si>
  <si>
    <t>GPS REHMAT WALA</t>
  </si>
  <si>
    <t>Rehmat Wala</t>
  </si>
  <si>
    <t>Mouza Rehmat Wala P/O Shergarh Tehsil Depalpur, Okara</t>
  </si>
  <si>
    <t>Muhammad Tufail Sajid</t>
  </si>
  <si>
    <t>GPS REHMATABAD</t>
  </si>
  <si>
    <t>street no 5 Rehmatabad Burewala</t>
  </si>
  <si>
    <t>Ward 31</t>
  </si>
  <si>
    <t>GPS REHMOON WALA</t>
  </si>
  <si>
    <t>Shear Garh</t>
  </si>
  <si>
    <t>Chan dad sewag wala mouza shear Garh tehsil choubara district layyah</t>
  </si>
  <si>
    <t>Dad Sewag</t>
  </si>
  <si>
    <t>Muhammad  Nasir</t>
  </si>
  <si>
    <t>GPS REHNA SADAT</t>
  </si>
  <si>
    <t>Aamna Tassawar</t>
  </si>
  <si>
    <t>GPS REHNUMA ARIF ABAD</t>
  </si>
  <si>
    <t>govt rehnuma p/s arifabad lhr cantt</t>
  </si>
  <si>
    <t>Afshan Bibi</t>
  </si>
  <si>
    <t>GPS REKRA</t>
  </si>
  <si>
    <t>Reekra</t>
  </si>
  <si>
    <t>basti reekra</t>
  </si>
  <si>
    <t>Haidar Qureshi</t>
  </si>
  <si>
    <t>GPS RERKA ZAREEN</t>
  </si>
  <si>
    <t>rerka zareen tehsil phalia district Mandi bhauddin</t>
  </si>
  <si>
    <t>Herdo Rerka</t>
  </si>
  <si>
    <t>GPS RETLI</t>
  </si>
  <si>
    <t>bhanghala</t>
  </si>
  <si>
    <t>raitli</t>
  </si>
  <si>
    <t>lehri</t>
  </si>
  <si>
    <t>Tanzeela Kayani</t>
  </si>
  <si>
    <t>GPS RETRA</t>
  </si>
  <si>
    <t>RETRA</t>
  </si>
  <si>
    <t>Muhammad Ashraf Jarwar</t>
  </si>
  <si>
    <t>GPS RIAZ LAKHVIRA</t>
  </si>
  <si>
    <t>Basti Riaz Abad Moza Sodha</t>
  </si>
  <si>
    <t>Basti Riaz ABAD</t>
  </si>
  <si>
    <t>GPS RIAZ WALA</t>
  </si>
  <si>
    <t>Sanghy wala moza Suleman tehsil bhowana distt chiniot</t>
  </si>
  <si>
    <t>Sanghy Wala</t>
  </si>
  <si>
    <t>Muhammad Shafie</t>
  </si>
  <si>
    <t>GPS RIDAN</t>
  </si>
  <si>
    <t>Basti riddan, janpur.</t>
  </si>
  <si>
    <t>Ahmad din</t>
  </si>
  <si>
    <t>GPS RIND WALA</t>
  </si>
  <si>
    <t>Chah Gulzaar wala, Shero Dasti, PO kala DGK</t>
  </si>
  <si>
    <t>Gulzaar Wala</t>
  </si>
  <si>
    <t>Hafiz Ghulam Akber</t>
  </si>
  <si>
    <t>GPS RINDAN</t>
  </si>
  <si>
    <t>Goly Wah</t>
  </si>
  <si>
    <t>Basti Rindan, Tehsil kot chutta, District D. G Khan</t>
  </si>
  <si>
    <t>FAHEEM AMIN</t>
  </si>
  <si>
    <t>GPS RIZWAN ABAD</t>
  </si>
  <si>
    <t>rizwanabad hasil lar p/o chani goth east ahmed pur</t>
  </si>
  <si>
    <t>Rizwan Abad</t>
  </si>
  <si>
    <t>Mhand Sharif</t>
  </si>
  <si>
    <t>Arif Waheed</t>
  </si>
  <si>
    <t>GPS ROADA SINGH</t>
  </si>
  <si>
    <t>Roada Singh</t>
  </si>
  <si>
    <t>moza roada singh Tehsil minchinabad district bhawalnagar</t>
  </si>
  <si>
    <t>GPS RODA MALKA</t>
  </si>
  <si>
    <t>Roda Malka</t>
  </si>
  <si>
    <t>Roda malka</t>
  </si>
  <si>
    <t>Muhammad  Ifikhar</t>
  </si>
  <si>
    <t>GPS RODALA CHEEMA</t>
  </si>
  <si>
    <t>Village Rodala Cheema Tehsil Wazirabad &amp; Gujranwala</t>
  </si>
  <si>
    <t>Gakkha Miter</t>
  </si>
  <si>
    <t>GPS RODAN WALA</t>
  </si>
  <si>
    <t>gps rodan wala mouza rodan wala</t>
  </si>
  <si>
    <t>Fazil kalroo</t>
  </si>
  <si>
    <t>Mohammad Razaq</t>
  </si>
  <si>
    <t>GPS RODAY</t>
  </si>
  <si>
    <t>roday p/o usman wala t/d kasur</t>
  </si>
  <si>
    <t>Imtiaz Arshad</t>
  </si>
  <si>
    <t>GPS RODO SHARQI</t>
  </si>
  <si>
    <t>Rodo Sharqi</t>
  </si>
  <si>
    <t>Village Rodo Sharqi</t>
  </si>
  <si>
    <t>welfare scheme</t>
  </si>
  <si>
    <t>GPS RODY PATTOKI</t>
  </si>
  <si>
    <t>roday</t>
  </si>
  <si>
    <t>Tara Ghar</t>
  </si>
  <si>
    <t>MUHAMMAD ARIF Shahzad</t>
  </si>
  <si>
    <t>GPS ROGHAN</t>
  </si>
  <si>
    <t>Pos Banging Khel</t>
  </si>
  <si>
    <t>Village roghan post office tabbi sar tehsil essa khel disst mianwali</t>
  </si>
  <si>
    <t>Tola Banging Khel</t>
  </si>
  <si>
    <t>Shabir Rehman</t>
  </si>
  <si>
    <t>GPS ROH WALA</t>
  </si>
  <si>
    <t>Gazii Bakhri</t>
  </si>
  <si>
    <t>basti roh wala tehsil tribal area district dgkhan</t>
  </si>
  <si>
    <t>Roh Wala</t>
  </si>
  <si>
    <t>GPS ROHAIL DARKHAN</t>
  </si>
  <si>
    <t>GPS  Rohail  Darkhan check  Bhurgarah</t>
  </si>
  <si>
    <t>Rohail Darkhan</t>
  </si>
  <si>
    <t>GPS ROHANA NO. 2</t>
  </si>
  <si>
    <t>monuza Rohana tehsil  minchanabad district  bahawalnagar</t>
  </si>
  <si>
    <t>GPS ROHAYWAL</t>
  </si>
  <si>
    <t>Rohywal</t>
  </si>
  <si>
    <t>village rohywal kasur</t>
  </si>
  <si>
    <t>Bhediyan Kalan</t>
  </si>
  <si>
    <t>Malik Muhammad Afzal Sandhu</t>
  </si>
  <si>
    <t>GPS ROHILLA GHARBI</t>
  </si>
  <si>
    <t>Rohilla Gharbi</t>
  </si>
  <si>
    <t>GPS rohilla Gharbi</t>
  </si>
  <si>
    <t>New Karachi</t>
  </si>
  <si>
    <t>muhammad waqar azeem</t>
  </si>
  <si>
    <t>GPS ROHILLA SHARQI</t>
  </si>
  <si>
    <t>maibal shareef</t>
  </si>
  <si>
    <t>Govt P/S Rohilla sharqi</t>
  </si>
  <si>
    <t>wadhay wala</t>
  </si>
  <si>
    <t>Maibal shareef</t>
  </si>
  <si>
    <t>Izhar Ul Hassan</t>
  </si>
  <si>
    <t>GPS ROHILLAN WALI NO. 1</t>
  </si>
  <si>
    <t>Rohillan wali</t>
  </si>
  <si>
    <t>GPS ROHRI</t>
  </si>
  <si>
    <t>Basti manjotha post office tibi qaisrani</t>
  </si>
  <si>
    <t>GPS ROJAN MAACHI</t>
  </si>
  <si>
    <t>Gps rojan machi p/o thul hamza muza dashti teh.liaquat pur ryk</t>
  </si>
  <si>
    <t>Basti Ayaz Abad</t>
  </si>
  <si>
    <t>Muhammad Arshad Farooq</t>
  </si>
  <si>
    <t>GPS ROJHAN NO. 1</t>
  </si>
  <si>
    <t>Chak Dem</t>
  </si>
  <si>
    <t>Rojhan city</t>
  </si>
  <si>
    <t>GPS ROJHANI</t>
  </si>
  <si>
    <t>Rojhani</t>
  </si>
  <si>
    <t>rojhani sakhi sarwar</t>
  </si>
  <si>
    <t>Sakhi Sarwar Gharbi</t>
  </si>
  <si>
    <t>GPS RONAQ PURA</t>
  </si>
  <si>
    <t>Mohallah Ronaq Pura khushab</t>
  </si>
  <si>
    <t>Naeem Akhtar Amin</t>
  </si>
  <si>
    <t>GPS ROOMIAN</t>
  </si>
  <si>
    <t>Village Roomian P.O Mansar Tehsil &amp; District Attock.</t>
  </si>
  <si>
    <t>Sijawal Khan</t>
  </si>
  <si>
    <t>GPS ROONGHAN NO 1</t>
  </si>
  <si>
    <t>Manhi</t>
  </si>
  <si>
    <t>rooghn no 1 dgkhan</t>
  </si>
  <si>
    <t>Tumn Leghari Zareen</t>
  </si>
  <si>
    <t>Baaz Khan</t>
  </si>
  <si>
    <t>GPS ROONGHAN NO 2</t>
  </si>
  <si>
    <t>Washafi</t>
  </si>
  <si>
    <t>Moza Washafi Rounghan Triable Area  Dera Ghazi Khan</t>
  </si>
  <si>
    <t>GPS ROOPA MAHTAM</t>
  </si>
  <si>
    <t>Roopamahtam</t>
  </si>
  <si>
    <t>Roopamahtam P/O Chak 13/65 Tehsil &amp; Distt.Nankana Sahib</t>
  </si>
  <si>
    <t>M Ayub Khan</t>
  </si>
  <si>
    <t>GPS ROOPO WALI</t>
  </si>
  <si>
    <t>Ropowali</t>
  </si>
  <si>
    <t>javaid khan sabri</t>
  </si>
  <si>
    <t>GPS ROOPWAL</t>
  </si>
  <si>
    <t>GPS Roopwal  Teh&amp; Distt Chakwal</t>
  </si>
  <si>
    <t>GPS ROPARI</t>
  </si>
  <si>
    <t>ROPARI</t>
  </si>
  <si>
    <t>vpo Ropary tehsil kharian district gujrat</t>
  </si>
  <si>
    <t>Ropari</t>
  </si>
  <si>
    <t>GPS ROPAY WALA</t>
  </si>
  <si>
    <t>Chak Roopey wala Tehsil Minchinabad</t>
  </si>
  <si>
    <t>Chak Roopey Wala</t>
  </si>
  <si>
    <t>GPS RORAN WALI</t>
  </si>
  <si>
    <t>Roranwali p/o mananwala teh and distt skp</t>
  </si>
  <si>
    <t>GPS RORAN WALI SHUMALI</t>
  </si>
  <si>
    <t>Ashba</t>
  </si>
  <si>
    <t>Kausar Sibtain</t>
  </si>
  <si>
    <t>GPS ROSHA SHANI AHMED SHAH</t>
  </si>
  <si>
    <t>Arazi Rosha Shani</t>
  </si>
  <si>
    <t>Arazi rosha shani p/o noor shah sahiwal</t>
  </si>
  <si>
    <t>Rosha Shani Ahmad  Shah</t>
  </si>
  <si>
    <t>GPS ROSHAN KHAN RANDO</t>
  </si>
  <si>
    <t>Basti lakhtan moza sardar pur Teh.kpt.</t>
  </si>
  <si>
    <t>Basti Lakhtan</t>
  </si>
  <si>
    <t>Anayti</t>
  </si>
  <si>
    <t>Maqbol Ahmad</t>
  </si>
  <si>
    <t>GPS ROSHAN PUR MIANI</t>
  </si>
  <si>
    <t>Roshanpur</t>
  </si>
  <si>
    <t>Govt.Primary School Roshan Pur</t>
  </si>
  <si>
    <t>Hafiz Muhammad Sohail Wazir</t>
  </si>
  <si>
    <t>GPS ROSHAN SHAH</t>
  </si>
  <si>
    <t>Bait Ray Ali</t>
  </si>
  <si>
    <t>chah roshan shah mouza bait raili tehsil and district m.gurh</t>
  </si>
  <si>
    <t>GPS ROSHAN SHANI</t>
  </si>
  <si>
    <t>Roshan Shani</t>
  </si>
  <si>
    <t>GPs Roshan shani  jaranwala.</t>
  </si>
  <si>
    <t>Chak 583</t>
  </si>
  <si>
    <t>GPS ROSHAN WALA, SARAI SIDHU</t>
  </si>
  <si>
    <t>Check Sultan Mehmood</t>
  </si>
  <si>
    <t>GPS roshan wala moza check sultan mehmood</t>
  </si>
  <si>
    <t>Roshan Wala</t>
  </si>
  <si>
    <t>Chopper Hatta</t>
  </si>
  <si>
    <t>Muhammad Faizan</t>
  </si>
  <si>
    <t>GPS ROUNGTAY</t>
  </si>
  <si>
    <t>Rumat</t>
  </si>
  <si>
    <t>village tonight P/O Jand Mehlu</t>
  </si>
  <si>
    <t>Rounghty</t>
  </si>
  <si>
    <t>GPS RTA DLA THEHRI CHAK NO 81</t>
  </si>
  <si>
    <t>Rata Dalla Thehri</t>
  </si>
  <si>
    <t>Gps rata dalla thehri chak # 81</t>
  </si>
  <si>
    <t>GPS RUBBER</t>
  </si>
  <si>
    <t>Rubber</t>
  </si>
  <si>
    <t>rubber p/o VANIKE Tara teh. &amp; dist. hafizabad</t>
  </si>
  <si>
    <t>GPS RUK</t>
  </si>
  <si>
    <t>Ruk</t>
  </si>
  <si>
    <t>Village Ruk Post office Phalia Tehsil Phalia Distt.Mandi Bahauddin</t>
  </si>
  <si>
    <t>GPS RUK DHARI</t>
  </si>
  <si>
    <t>RUKDHERI</t>
  </si>
  <si>
    <t>BASTI RUKDHERI</t>
  </si>
  <si>
    <t>muhammad rafeeq</t>
  </si>
  <si>
    <t>GPS RUKAN PUR</t>
  </si>
  <si>
    <t>basti rukan pur mouza rukan pur tehsil and district lodhran</t>
  </si>
  <si>
    <t>Kamalpur Jityal</t>
  </si>
  <si>
    <t>altaf hussain</t>
  </si>
  <si>
    <t>GPS RUKAN PURA CHAK NO 22</t>
  </si>
  <si>
    <t>rukanpura chak22</t>
  </si>
  <si>
    <t>Bhopy Wal</t>
  </si>
  <si>
    <t>imran Ali</t>
  </si>
  <si>
    <t>GPS RUKAN PURA SAHARI ROAD</t>
  </si>
  <si>
    <t>Basti Sabri</t>
  </si>
  <si>
    <t>basti saber  Sharing road kasur</t>
  </si>
  <si>
    <t>M Ali Khalid</t>
  </si>
  <si>
    <t>GPS RUKAN WALA, P/O JODH PUR, KABIRWALA</t>
  </si>
  <si>
    <t>mouza Rukan Wala P/0 jodh pur</t>
  </si>
  <si>
    <t>JASSO Kanwen</t>
  </si>
  <si>
    <t>Ejaz Hussain H T</t>
  </si>
  <si>
    <t>GPS RUKH SING PURA</t>
  </si>
  <si>
    <t>Rukh sing pura</t>
  </si>
  <si>
    <t>Zika Ullah</t>
  </si>
  <si>
    <t>GPS RUKKAN HATTI P/O AGAR KHANI</t>
  </si>
  <si>
    <t>Rukkan hatti</t>
  </si>
  <si>
    <t>Humayoon Waheed Yasir</t>
  </si>
  <si>
    <t>GPS RUKRANI</t>
  </si>
  <si>
    <t>Basti Haq Nawaz Mission mouza Rukrani</t>
  </si>
  <si>
    <t>GPS RUM</t>
  </si>
  <si>
    <t>Village Rum P o Mehar Hakam Din,Tehsil &amp; District Sialkot o</t>
  </si>
  <si>
    <t>GPS RUM BASTI AZAM ABAD</t>
  </si>
  <si>
    <t>GPS Rum Basti Azam Abad Markz Thul Hamza Tehsil Liaqutpur district Rahim Yar Khan</t>
  </si>
  <si>
    <t>Hafiz Ullah</t>
  </si>
  <si>
    <t>GPS RUPEKE</t>
  </si>
  <si>
    <t>RUPEKE</t>
  </si>
  <si>
    <t>RUPEKE P/O JALALPUR BHATTIAN</t>
  </si>
  <si>
    <t>Hand Pump and water Pump</t>
  </si>
  <si>
    <t>GPS RUPPAY WALA NO.1</t>
  </si>
  <si>
    <t>chah roopay wala mauza hazara ,tehsile kot chutta ,DG KHAN</t>
  </si>
  <si>
    <t>Roopay Wala</t>
  </si>
  <si>
    <t>GPS RUPPAY WALA NO.2</t>
  </si>
  <si>
    <t>jall Wala mauza hazara tehsil kot chutta district dgkhan</t>
  </si>
  <si>
    <t>GPS RURKI KALAN</t>
  </si>
  <si>
    <t>Rurky Kalan</t>
  </si>
  <si>
    <t>Rurky Kalan P.O.Same tehsil pasrur district Sialkot</t>
  </si>
  <si>
    <t>Bajra Gari</t>
  </si>
  <si>
    <t>GPS RUSTAM ABAD</t>
  </si>
  <si>
    <t>Fateh Pur Peratti</t>
  </si>
  <si>
    <t>chah machi wala</t>
  </si>
  <si>
    <t>Akhtar Abbas Sial</t>
  </si>
  <si>
    <t>GPS RUSTAM ALI</t>
  </si>
  <si>
    <t>basti Rustam Ali</t>
  </si>
  <si>
    <t>Allah Ditta Sangi</t>
  </si>
  <si>
    <t>GPS RUSTAM PUR MURIDKE</t>
  </si>
  <si>
    <t>Lambary</t>
  </si>
  <si>
    <t>rustam pur</t>
  </si>
  <si>
    <t>Muhammad Iqbal Shaheen</t>
  </si>
  <si>
    <t>GPS RUSTMANI BALCHANI</t>
  </si>
  <si>
    <t>BASTI BALCHANI, MOUZA TAH MIANA, P/O TIBBI QAISRANI, U/C JHOK BODO</t>
  </si>
  <si>
    <t>BASTI BALCHANI</t>
  </si>
  <si>
    <t>GPS S JAVAID ABAD</t>
  </si>
  <si>
    <t>Basti pachar mouza jatoi shumali</t>
  </si>
  <si>
    <t>Pachar</t>
  </si>
  <si>
    <t>Abiid Nadeem</t>
  </si>
  <si>
    <t>GPS SAARING</t>
  </si>
  <si>
    <t>SAARING P/O GOHAR WALA  DISTRICT. BHAKKAR TESIL MANKERA</t>
  </si>
  <si>
    <t>SAARING</t>
  </si>
  <si>
    <t>SAIFULLAH JAVED</t>
  </si>
  <si>
    <t>GPS SABANA</t>
  </si>
  <si>
    <t>village sabana Tehsil Shah pur sadar district sargodha</t>
  </si>
  <si>
    <t>GPS SABAZ PEER</t>
  </si>
  <si>
    <t>Gps SABAZ peer p.o chobara</t>
  </si>
  <si>
    <t>RASHID BAIG</t>
  </si>
  <si>
    <t>GPS SABEEL PUR</t>
  </si>
  <si>
    <t>Chak No7/2 Thall</t>
  </si>
  <si>
    <t>kotli Baqir Shah</t>
  </si>
  <si>
    <t>Chak No7/2 Thall Janobi</t>
  </si>
  <si>
    <t>GPS SABO KHEL</t>
  </si>
  <si>
    <t>Chattri</t>
  </si>
  <si>
    <t>Basti Sabo Khel Post Office Vehova Tehsil Taunsa Sharif District Dera Ghazi Khan</t>
  </si>
  <si>
    <t>Sabo Khel</t>
  </si>
  <si>
    <t>GPS SABO SARA</t>
  </si>
  <si>
    <t>Sabo sara</t>
  </si>
  <si>
    <t>GPS SABOKAY MAHAR</t>
  </si>
  <si>
    <t>Sabu Kay Mahar</t>
  </si>
  <si>
    <t>gali wajid Ali shah mohalla dars Basir pur (Okara)</t>
  </si>
  <si>
    <t>GPS SABOO WALA</t>
  </si>
  <si>
    <t>saboowala Moza meer Muhammad  Teh a.p sial jhang</t>
  </si>
  <si>
    <t>Saboowala</t>
  </si>
  <si>
    <t>GPS SABOWAL</t>
  </si>
  <si>
    <t>sabowal teh shahpur distt Sargodha</t>
  </si>
  <si>
    <t>GPS SABRA NACHA</t>
  </si>
  <si>
    <t>Subranachan</t>
  </si>
  <si>
    <t>subranachan</t>
  </si>
  <si>
    <t>Mohammad Sharif</t>
  </si>
  <si>
    <t>GPS SABRI COLONY</t>
  </si>
  <si>
    <t>GPS Sabri colony okara</t>
  </si>
  <si>
    <t>Sabri Colony Okara</t>
  </si>
  <si>
    <t>Shagufta Anjam</t>
  </si>
  <si>
    <t>GPS SABZO JAT</t>
  </si>
  <si>
    <t>basti khara atar wala mouza sabzojat</t>
  </si>
  <si>
    <t>Khara Atar Wala</t>
  </si>
  <si>
    <t>Ghulam Asghar Sajid</t>
  </si>
  <si>
    <t>GPS SADAT</t>
  </si>
  <si>
    <t>basti khadim pirhar mouza kharwala tehsil Ahmad pur east</t>
  </si>
  <si>
    <t>Basti Khadim Pirhar</t>
  </si>
  <si>
    <t>GPS SADAT ABAD</t>
  </si>
  <si>
    <t>Theri</t>
  </si>
  <si>
    <t>Sadat Abad Mehray wala</t>
  </si>
  <si>
    <t>GPS SADAT NAGAR</t>
  </si>
  <si>
    <t>Shahpur Thal Behron</t>
  </si>
  <si>
    <t>sadat nagar po shahpur</t>
  </si>
  <si>
    <t>Sadat Nagar</t>
  </si>
  <si>
    <t>Syed Nasir Abbas Shah</t>
  </si>
  <si>
    <t>GPS SADDAR DIN WALA</t>
  </si>
  <si>
    <t>DAILY NAMDAR</t>
  </si>
  <si>
    <t>P/O DAILY NAMDAR TEH:K.kot DIST:BHAKKAR</t>
  </si>
  <si>
    <t>SADAR DIN WALA</t>
  </si>
  <si>
    <t>Daily NAMDAR</t>
  </si>
  <si>
    <t>MUHAMMAD MEHRBAN</t>
  </si>
  <si>
    <t>GPS SADDAR PUR MULTAN MOUZA SADDAR PUR MULTAN</t>
  </si>
  <si>
    <t>Saddarpur</t>
  </si>
  <si>
    <t>mauza saddarpur multan</t>
  </si>
  <si>
    <t>GPS SADDAR SHAH</t>
  </si>
  <si>
    <t>Taranda Gurgage</t>
  </si>
  <si>
    <t>basti saddar shsh mauza tranda gurgage p/o transaction Muhammad panaha tehseel liaqat our district rahim yar khan5</t>
  </si>
  <si>
    <t>Saddar Shah</t>
  </si>
  <si>
    <t>GPS SADDIQE PARK TTS</t>
  </si>
  <si>
    <t>Siddique Park</t>
  </si>
  <si>
    <t>gps siddique park t t singh</t>
  </si>
  <si>
    <t>Chak No 328JB</t>
  </si>
  <si>
    <t>Zaman Gul</t>
  </si>
  <si>
    <t>GPS SADDIQUE WALA</t>
  </si>
  <si>
    <t>govtprimaryschoolsadeeqwala</t>
  </si>
  <si>
    <t>Saddiquewala chak no 48tda</t>
  </si>
  <si>
    <t>GPS SADDU PIPLI PO PAKPATTAN</t>
  </si>
  <si>
    <t>chak saddu pipli</t>
  </si>
  <si>
    <t>Ghulam Mohiuddin</t>
  </si>
  <si>
    <t>GPS SADEVE</t>
  </si>
  <si>
    <t>moza sadeve tibba Mutmallan teh.bhowana distt.chiniot</t>
  </si>
  <si>
    <t>Tibba Mutmallan</t>
  </si>
  <si>
    <t>GPS SADHA OTAR</t>
  </si>
  <si>
    <t>saddha Ottar</t>
  </si>
  <si>
    <t>saddha Ottar p/o khass tehsil chunian district kasur</t>
  </si>
  <si>
    <t>saddha ottar</t>
  </si>
  <si>
    <t>MOHAMMAD ASGHAR</t>
  </si>
  <si>
    <t>GPS SADHAN NEKO KARA</t>
  </si>
  <si>
    <t>Sadhan Nekokara</t>
  </si>
  <si>
    <t>sadhan nekokara</t>
  </si>
  <si>
    <t>Sadhan Neko Kara</t>
  </si>
  <si>
    <t>Aamir Nadeem</t>
  </si>
  <si>
    <t>GPS SADHANA</t>
  </si>
  <si>
    <t>Gps sadhana mouza sadhana samandawana</t>
  </si>
  <si>
    <t>GPS SADHAY WAHIN</t>
  </si>
  <si>
    <t>govt.primary school Saday Wahin</t>
  </si>
  <si>
    <t>GPS SADHOKEY</t>
  </si>
  <si>
    <t>SADHOKEY</t>
  </si>
  <si>
    <t>GPS SADHOKEY NOSHERA VIRKAN</t>
  </si>
  <si>
    <t>KARYAL</t>
  </si>
  <si>
    <t>Anam Parveen</t>
  </si>
  <si>
    <t>GPS SADHRIAN</t>
  </si>
  <si>
    <t>SADHRIAN</t>
  </si>
  <si>
    <t>village SADHRIAN post office BARNALI  tehsil kharian district gujrat</t>
  </si>
  <si>
    <t>GPS SADIOT</t>
  </si>
  <si>
    <t>Sadiot</t>
  </si>
  <si>
    <t>vill sadiot,p/o sadiot,teh kallar syedan,district rawalpindi</t>
  </si>
  <si>
    <t>Gulbahar Begum</t>
  </si>
  <si>
    <t>GPS SADIQ ABAD BAHAR SHARQI</t>
  </si>
  <si>
    <t>chah bair wala bahar sharqi</t>
  </si>
  <si>
    <t>Muhammad Hasnain Jaffri</t>
  </si>
  <si>
    <t>GPS SADIQ ABAD BUCHEKI</t>
  </si>
  <si>
    <t>Mohalla Sadiq Abad Bucheki Tehsil and District Nankana Sahib</t>
  </si>
  <si>
    <t>Kamran Joyia</t>
  </si>
  <si>
    <t>GPS SADIQ NAGAR</t>
  </si>
  <si>
    <t>Basti Jam Bahadur,Mouza Nonari, Rahim Yar Khan</t>
  </si>
  <si>
    <t>Jam Bahadur</t>
  </si>
  <si>
    <t>ABDUL-SAMAD</t>
  </si>
  <si>
    <t>GPS SADIQ PUR</t>
  </si>
  <si>
    <t>govt primary school basti sadiq pur</t>
  </si>
  <si>
    <t>GPS SADIQUE ABAD KALOI</t>
  </si>
  <si>
    <t>kaloi Wala p/o dajal Teh. Jampur. Dist Rajanpur</t>
  </si>
  <si>
    <t>GPS SADKAL</t>
  </si>
  <si>
    <t>Sadkal</t>
  </si>
  <si>
    <t>Village Sadkal P/o Chak bakhtawar Teh Kharian Distt Gujrat</t>
  </si>
  <si>
    <t>GPS SADOKE</t>
  </si>
  <si>
    <t>p/o sadhoke sadhoke tensile kamoki District.  Gujranwala</t>
  </si>
  <si>
    <t>GPS SADQAL</t>
  </si>
  <si>
    <t>district attock tehsil fateh jang village sadkal</t>
  </si>
  <si>
    <t>Nargis Jamal</t>
  </si>
  <si>
    <t>GPS SADRAKI</t>
  </si>
  <si>
    <t>Sadraki</t>
  </si>
  <si>
    <t>village sadrki</t>
  </si>
  <si>
    <t>GPS SADRANA</t>
  </si>
  <si>
    <t>Sundrana</t>
  </si>
  <si>
    <t>sundrana tehsil distt narowal</t>
  </si>
  <si>
    <t>GPS SADWAN</t>
  </si>
  <si>
    <t>Sidhwan</t>
  </si>
  <si>
    <t>sidhwan</t>
  </si>
  <si>
    <t>Ghota Fateh Grah</t>
  </si>
  <si>
    <t>Sarfarz Allah Lok</t>
  </si>
  <si>
    <t>GPS SADYALI</t>
  </si>
  <si>
    <t>village sadyali po mulhal mughlan dist&amp;teh chakwal</t>
  </si>
  <si>
    <t>NABEELA QAMAR</t>
  </si>
  <si>
    <t>GPS SAEE GUNMB  PO JALLAH JEEM</t>
  </si>
  <si>
    <t>Saee Gumb</t>
  </si>
  <si>
    <t>basti Saee Gunmb p/o jallah jeem tehsil mailsi</t>
  </si>
  <si>
    <t>Saee Gunmb</t>
  </si>
  <si>
    <t>GPS SAEED WALA</t>
  </si>
  <si>
    <t>dera saeedwala</t>
  </si>
  <si>
    <t>GPS SAEEDIA</t>
  </si>
  <si>
    <t>GPS saeedia basti kala machi</t>
  </si>
  <si>
    <t>Basti Kala Machi</t>
  </si>
  <si>
    <t>Malik Ahmad Bakhsh</t>
  </si>
  <si>
    <t>GPS SAFDAR ABAD</t>
  </si>
  <si>
    <t>Kuriyana</t>
  </si>
  <si>
    <t>shabberabad chiniot road jhang</t>
  </si>
  <si>
    <t>Shabbeerabad</t>
  </si>
  <si>
    <t>Sheikh Chuhar</t>
  </si>
  <si>
    <t>GPS SAFDAR KHAN BABRA</t>
  </si>
  <si>
    <t>sonwah chak shsheed Hajipur</t>
  </si>
  <si>
    <t>Safdar Babra</t>
  </si>
  <si>
    <t>Muhammad Wasim</t>
  </si>
  <si>
    <t>GPS SAFDER HUSSAIN WALA</t>
  </si>
  <si>
    <t>Ram Pur 1</t>
  </si>
  <si>
    <t>pnjabi arain rampur1</t>
  </si>
  <si>
    <t>Pnjabi Arain</t>
  </si>
  <si>
    <t>GPS SAGAR</t>
  </si>
  <si>
    <t>Sagar</t>
  </si>
  <si>
    <t>Sagar p/o Gondal</t>
  </si>
  <si>
    <t>GPS SAGATER</t>
  </si>
  <si>
    <t>village sagetar p/o banahl tehsil kallar syedan distt. rwp</t>
  </si>
  <si>
    <t>Sagetar</t>
  </si>
  <si>
    <t>Zeeshan Farrukh</t>
  </si>
  <si>
    <t>public well are used</t>
  </si>
  <si>
    <t>GPS SAGHAR</t>
  </si>
  <si>
    <t>vpo saghar tehsil talagang distt chakwal</t>
  </si>
  <si>
    <t>Shoaib Hassan</t>
  </si>
  <si>
    <t>GPS SAGHIR ABAD</t>
  </si>
  <si>
    <t>Dibi Shah</t>
  </si>
  <si>
    <t>Pathan wala UC Dibbi shah p/o gujrat kot adu m garh</t>
  </si>
  <si>
    <t>GPS SAGHRALI</t>
  </si>
  <si>
    <t>Sagrali</t>
  </si>
  <si>
    <t>GPS SAGHRI NO.02</t>
  </si>
  <si>
    <t>vpo saghri Teh jand district attock</t>
  </si>
  <si>
    <t>GPS SAGO BHAGO</t>
  </si>
  <si>
    <t>Sago Bhago</t>
  </si>
  <si>
    <t>sago bhago</t>
  </si>
  <si>
    <t>Muhammad Arfat Akbar</t>
  </si>
  <si>
    <t>GPS SAHAINTI MOZA HAFIZ WALA</t>
  </si>
  <si>
    <t>basti Sahainti</t>
  </si>
  <si>
    <t>Sahainti</t>
  </si>
  <si>
    <t>Muhammad Tariq Nawaz</t>
  </si>
  <si>
    <t>GPS SAHAL KHINGER</t>
  </si>
  <si>
    <t>sahal khinger</t>
  </si>
  <si>
    <t>jaroratial</t>
  </si>
  <si>
    <t>Muhammad Waheed Akhtar</t>
  </si>
  <si>
    <t>GPS SAHAN KALAN</t>
  </si>
  <si>
    <t>sahan kalan</t>
  </si>
  <si>
    <t>P O sadwal kalan, village sahan kalan, Teh. kharian, Gujrat</t>
  </si>
  <si>
    <t>GPS SAHAN PAL</t>
  </si>
  <si>
    <t>Sahanpal</t>
  </si>
  <si>
    <t>village&amp;p/o sahanpal</t>
  </si>
  <si>
    <t>GPS SAHAN WALA</t>
  </si>
  <si>
    <t>khalil Ahmad</t>
  </si>
  <si>
    <t>GPS SAHANKEY OTAR</t>
  </si>
  <si>
    <t>Sahanky Otar</t>
  </si>
  <si>
    <t>sahanky otar po muhammadi pur teh chunian district kasur</t>
  </si>
  <si>
    <t>GPS SAHANPUR</t>
  </si>
  <si>
    <t>Sahanpur</t>
  </si>
  <si>
    <t>sahanpur p/o ikhlaspur dist narowal</t>
  </si>
  <si>
    <t>Khaliq Mahmood</t>
  </si>
  <si>
    <t>GPS SAHARA</t>
  </si>
  <si>
    <t>Bus stop Sahara near bhurli ada</t>
  </si>
  <si>
    <t>Sahara</t>
  </si>
  <si>
    <t>GPS SAHARAN ABAD</t>
  </si>
  <si>
    <t>Chak no 125/TDA</t>
  </si>
  <si>
    <t>Basti Propi</t>
  </si>
  <si>
    <t>GPS SAHARAN NO.1</t>
  </si>
  <si>
    <t>Kotala Ahmad Khan</t>
  </si>
  <si>
    <t>post of mana ahmadani bati sahsran</t>
  </si>
  <si>
    <t>Basti Saharan</t>
  </si>
  <si>
    <t>GPS SAHARAN NO.2</t>
  </si>
  <si>
    <t>Mana Garbi</t>
  </si>
  <si>
    <t>choti road near railwey line mana ahmadani garbi</t>
  </si>
  <si>
    <t>Bareen Walla</t>
  </si>
  <si>
    <t>GPS SAHARI</t>
  </si>
  <si>
    <t>SAHARI</t>
  </si>
  <si>
    <t>sahari po same skg.</t>
  </si>
  <si>
    <t>GPS SAHDOKE</t>
  </si>
  <si>
    <t>village sahdoke p/o nonar tehsil and district narowal</t>
  </si>
  <si>
    <t>GPS SAHEN GIL</t>
  </si>
  <si>
    <t>sahin gill</t>
  </si>
  <si>
    <t>Sahin Gill</t>
  </si>
  <si>
    <t>pejokey</t>
  </si>
  <si>
    <t>Nasser Ahmed</t>
  </si>
  <si>
    <t>GPS SAHI CHAWAN NO. 2 MUZA SAHI CHAWAN</t>
  </si>
  <si>
    <t>Shahi Chawan</t>
  </si>
  <si>
    <t>shahi chawan</t>
  </si>
  <si>
    <t>GPS SAHI CHAWAN NO:1  MULTAN</t>
  </si>
  <si>
    <t>Mouza sahi chawan</t>
  </si>
  <si>
    <t>GPS SAHIB ALI</t>
  </si>
  <si>
    <t>SAHIB ALI</t>
  </si>
  <si>
    <t>MOUZA SAHIB ALI</t>
  </si>
  <si>
    <t>CHAK #158/WB</t>
  </si>
  <si>
    <t>MOAZZAM KHAN</t>
  </si>
  <si>
    <t>GPS SAHIB DAD WALI</t>
  </si>
  <si>
    <t>GHULAM ABBAS KHAN</t>
  </si>
  <si>
    <t>GPS SAHIB DIN</t>
  </si>
  <si>
    <t>MOHALLAH SAHIB DIN KOT MOMIN</t>
  </si>
  <si>
    <t>SALEEM RAZA</t>
  </si>
  <si>
    <t>GPS SAHIB LAKHO</t>
  </si>
  <si>
    <t>Sahib Lakho</t>
  </si>
  <si>
    <t>Shumaila Shafqat</t>
  </si>
  <si>
    <t>GPS SAHIB LANGARA, SARAI SIDHU</t>
  </si>
  <si>
    <t>Gps Sahib Langra</t>
  </si>
  <si>
    <t>mouza sahab langra p/o sarain sidhu kabirwala disst khanewal</t>
  </si>
  <si>
    <t>Sahab Langra</t>
  </si>
  <si>
    <t>GPS SAHIB REHAN</t>
  </si>
  <si>
    <t>village sahib Rehan</t>
  </si>
  <si>
    <t>GPS SAHIBA WALA</t>
  </si>
  <si>
    <t>Sahiba Wala Basirpur</t>
  </si>
  <si>
    <t>Phullan Tole</t>
  </si>
  <si>
    <t>GPS SAHKAY</t>
  </si>
  <si>
    <t>Sahkay</t>
  </si>
  <si>
    <t>sahkay</t>
  </si>
  <si>
    <t>GPS SAHOKE</t>
  </si>
  <si>
    <t>sahokey</t>
  </si>
  <si>
    <t>Sahokey</t>
  </si>
  <si>
    <t>GPS SAHOO WALA</t>
  </si>
  <si>
    <t>BASTI GADAN</t>
  </si>
  <si>
    <t>CHAH BITHARAY WALA MOZA BASTI GADDAN</t>
  </si>
  <si>
    <t>BITHARY WALA</t>
  </si>
  <si>
    <t>GPS SAHOOL WALA</t>
  </si>
  <si>
    <t>Chah bareen wala p/O thatha Gurmani sharqi</t>
  </si>
  <si>
    <t>GPS SAHOTE BADHAL</t>
  </si>
  <si>
    <t>Sahote Badhal</t>
  </si>
  <si>
    <t>village sahote badhalp/o choha khala the kallar syedan distt rwp</t>
  </si>
  <si>
    <t>Syed Naveed Asgar</t>
  </si>
  <si>
    <t>GPS SAHOWALI</t>
  </si>
  <si>
    <t>Village sahowali, P.O Cantt. sialkot</t>
  </si>
  <si>
    <t>Langriali</t>
  </si>
  <si>
    <t>Zufishan Bhatti</t>
  </si>
  <si>
    <t>community Water supply</t>
  </si>
  <si>
    <t>GPS SAHU CHAK</t>
  </si>
  <si>
    <t>village Sahu Chak tehsil Dina Distt Jhelum</t>
  </si>
  <si>
    <t>Sahu Chak</t>
  </si>
  <si>
    <t>Madukalis</t>
  </si>
  <si>
    <t>Nasir Shahzad</t>
  </si>
  <si>
    <t>GPS SAID BLOUCH MOUZA SAID BLOUCH</t>
  </si>
  <si>
    <t>Said Blouch</t>
  </si>
  <si>
    <t>mouza said blouch tehsil Mialsi</t>
  </si>
  <si>
    <t>GPS SAID MUHAMMAD WALA KOT BELIAN</t>
  </si>
  <si>
    <t>Basti Shah Gul  Muhammad Wali</t>
  </si>
  <si>
    <t>p/o basti shah gul Muhammad wali,Mianwali.</t>
  </si>
  <si>
    <t>Said Muhammad Wala</t>
  </si>
  <si>
    <t>GPS SAID PUR JADEED</t>
  </si>
  <si>
    <t>Basti kotla daad ,Moza said pur tehsil liaquat pur district rahim yar khan</t>
  </si>
  <si>
    <t>Kotla Daad</t>
  </si>
  <si>
    <t>GPS SAID PUR MULTAN P/O TATAY PUR MULTAN</t>
  </si>
  <si>
    <t>basti duph sari mouza said pur Multan</t>
  </si>
  <si>
    <t>Chah Ali wala</t>
  </si>
  <si>
    <t>QadirPurRanSharqi</t>
  </si>
  <si>
    <t>Abdur Rauf  Shad</t>
  </si>
  <si>
    <t>GPS SAIDABAD DAKHLI SHAH WALA JANUBI</t>
  </si>
  <si>
    <t>Shahwala Janobi</t>
  </si>
  <si>
    <t>Dera Saidabad dakhli shahwala janobi tehsil noorpur district khushab</t>
  </si>
  <si>
    <t>GPS SAIDAN SHAH</t>
  </si>
  <si>
    <t>SAIDAN SHAH</t>
  </si>
  <si>
    <t>ORANG ABAD</t>
  </si>
  <si>
    <t>GPS SAIDANI</t>
  </si>
  <si>
    <t>Fateh Pur Janobi1</t>
  </si>
  <si>
    <t>basti ratur awan fateh Pur janobi1</t>
  </si>
  <si>
    <t>Basti Ratur Awan</t>
  </si>
  <si>
    <t>Jafir Abbas</t>
  </si>
  <si>
    <t>GPS SAIDEN</t>
  </si>
  <si>
    <t>post office hattian village Saidan tehsil hazro dist attock</t>
  </si>
  <si>
    <t>SARDAR MUHAMMAD JUNAID ARSHAD</t>
  </si>
  <si>
    <t>GPS SAID-I-WALI</t>
  </si>
  <si>
    <t>Saiday Wali</t>
  </si>
  <si>
    <t>Gill Wala tehsil wazirabad</t>
  </si>
  <si>
    <t>Ahmad Nager</t>
  </si>
  <si>
    <t>Walait Ahmad</t>
  </si>
  <si>
    <t>GPS SAIDO BEHLOL</t>
  </si>
  <si>
    <t>Saido Behlol</t>
  </si>
  <si>
    <t>post office gohadpur village saido behlol Sialkot</t>
  </si>
  <si>
    <t>GPS SAIDRA KALAN</t>
  </si>
  <si>
    <t>Saidra Kalan</t>
  </si>
  <si>
    <t>village saidra kalan p/o gondal teh and district sialkot</t>
  </si>
  <si>
    <t>muhammad arshad shad</t>
  </si>
  <si>
    <t>GPS SAIF PUR, P/O MAAN KOT, NAWAN SHEHR</t>
  </si>
  <si>
    <t>saif pur p/o mankot kaborwala khanewal</t>
  </si>
  <si>
    <t>Salar  Wahin Neo</t>
  </si>
  <si>
    <t>GPS SAIFAL</t>
  </si>
  <si>
    <t>Dhurnaka tehsil and district mianwali</t>
  </si>
  <si>
    <t>Dhoke Choi</t>
  </si>
  <si>
    <t>GPS SAIFULLAH ABAD</t>
  </si>
  <si>
    <t>Basti Mohana, markaz-Mir Hazar Khan, Tehsil-Jatoi, Distt-Muzaffargarh</t>
  </si>
  <si>
    <t>GPS SAILI FEROZAL</t>
  </si>
  <si>
    <t>Shali</t>
  </si>
  <si>
    <t>shali ferozal kahuta Rwp</t>
  </si>
  <si>
    <t>Shali Ferozal</t>
  </si>
  <si>
    <t>Ishtiaq Ahmed Satti</t>
  </si>
  <si>
    <t>GPS SAINAGH KHOR</t>
  </si>
  <si>
    <t>Senagh Khor</t>
  </si>
  <si>
    <t>GPS Senagh khor p/o sakhi sarwar tahsil trible area district dera ghazi khan</t>
  </si>
  <si>
    <t>Nasim Ullah</t>
  </si>
  <si>
    <t>water tanki</t>
  </si>
  <si>
    <t>GPS SAINT QADAR MUSTAFABAD</t>
  </si>
  <si>
    <t>GPS Saint Qadar Mustafaabad Lahore</t>
  </si>
  <si>
    <t>RIFFAT JAFFRI</t>
  </si>
  <si>
    <t>GPS SAIR MOHAL</t>
  </si>
  <si>
    <t>sair mohal</t>
  </si>
  <si>
    <t>Falak Sher Nadeem</t>
  </si>
  <si>
    <t>GPS SAIR WALA NO. 1</t>
  </si>
  <si>
    <t>Rukun Wali</t>
  </si>
  <si>
    <t>sair wala</t>
  </si>
  <si>
    <t>GPS SAIR WALA NO. 2</t>
  </si>
  <si>
    <t>basti sair wala muza wains tehsil jatoi</t>
  </si>
  <si>
    <t>GPS SAIR WALI DAD</t>
  </si>
  <si>
    <t>Thatha Gurmani Gharbi</t>
  </si>
  <si>
    <t>Village darohal mouza thatha Gurmani techil kotadu District muzaffarghar</t>
  </si>
  <si>
    <t>Darohal</t>
  </si>
  <si>
    <t>GPS SAIRY P/O JALAL PUR KHAKHI</t>
  </si>
  <si>
    <t>Sairy</t>
  </si>
  <si>
    <t>Moza sairy po Jalal pur Khakhi shujabad</t>
  </si>
  <si>
    <t>Muhammad Mudassir Ahmed</t>
  </si>
  <si>
    <t>GPS SAJAN WALA</t>
  </si>
  <si>
    <t>Dagarkotli</t>
  </si>
  <si>
    <t>GPS SAJAN wala markaz dagarkotli tehsil Mankera district bhakkar</t>
  </si>
  <si>
    <t>SAJAN Wala</t>
  </si>
  <si>
    <t>GPS SAJAWAL ABAD</t>
  </si>
  <si>
    <t>pati makwal post office kala Tehsil and District Dera Ghazi khan</t>
  </si>
  <si>
    <t>Muza Pati Makwal</t>
  </si>
  <si>
    <t>Bastion Ranjha</t>
  </si>
  <si>
    <t>GPS SAJHAY WALA</t>
  </si>
  <si>
    <t>p/o choti Zareen Dist dgkhan thesil kot chutta basti sajhay wala</t>
  </si>
  <si>
    <t>Sajhay Wala</t>
  </si>
  <si>
    <t>GPS SAJID ABAD KORHI BLOUCH KABIRWALA</t>
  </si>
  <si>
    <t>KORAIBALOCH</t>
  </si>
  <si>
    <t>BASTI SAJIDABAD KORAI BALOCH P/o HAJIPUR KABIRWALA KHANEWAL</t>
  </si>
  <si>
    <t>SAJIDABAD</t>
  </si>
  <si>
    <t>MUNGA WALA</t>
  </si>
  <si>
    <t>GPS SAJJAD BOHRA</t>
  </si>
  <si>
    <t>Basti Sial Mouza Chan Wala Tehsil kot addu District Muzaffargarh</t>
  </si>
  <si>
    <t>GPS SAJJAD KALASARY WALA</t>
  </si>
  <si>
    <t>khairay wala</t>
  </si>
  <si>
    <t>Chah Sagheer Wala</t>
  </si>
  <si>
    <t>GPS SAJRI PO CHAK NO. 3 DB</t>
  </si>
  <si>
    <t>1db</t>
  </si>
  <si>
    <t>sajri p/o chak 4 db</t>
  </si>
  <si>
    <t>Ghnadi</t>
  </si>
  <si>
    <t>GPS SAKA</t>
  </si>
  <si>
    <t>village &amp; Post office  saka Teshil kharian District Gujarat.</t>
  </si>
  <si>
    <t>Delawar Pur</t>
  </si>
  <si>
    <t>Muhammad Rizwan Arshad</t>
  </si>
  <si>
    <t>GPS SAKAD</t>
  </si>
  <si>
    <t>Mator</t>
  </si>
  <si>
    <t>village sakad mator</t>
  </si>
  <si>
    <t>Sakad</t>
  </si>
  <si>
    <t>Muhammad Rajab</t>
  </si>
  <si>
    <t>GPS SAKARI</t>
  </si>
  <si>
    <t>Sakari</t>
  </si>
  <si>
    <t>village charehan p/o gulehra Gali Teh Murree Dist RWP</t>
  </si>
  <si>
    <t>Ibrar Ahmed</t>
  </si>
  <si>
    <t>GPS SAKHI ADAM BAHAR</t>
  </si>
  <si>
    <t>Basti Samay wali Uc Amin abad</t>
  </si>
  <si>
    <t>Basti Wazir Abad</t>
  </si>
  <si>
    <t>Faiz Ur Rehman</t>
  </si>
  <si>
    <t>GPS SAKHI BOR BUKHSH</t>
  </si>
  <si>
    <t>Thul hero</t>
  </si>
  <si>
    <t>basti Balach Mouza Thul hairo tenhsile Jampur</t>
  </si>
  <si>
    <t>Basti Balach</t>
  </si>
  <si>
    <t>GPS SAKHI SARWAR NO. 2</t>
  </si>
  <si>
    <t>p/o sakhisarwar</t>
  </si>
  <si>
    <t>GPS SAKHI SHOUQ ELAHI</t>
  </si>
  <si>
    <t>fattu wali khui mari shoq shah chishtian.</t>
  </si>
  <si>
    <t>Fattu Wali Khui</t>
  </si>
  <si>
    <t>Muhammad zafar Iqbal</t>
  </si>
  <si>
    <t>GPS SAKINDER COLONY</t>
  </si>
  <si>
    <t>behak lurka teh kotmomin distt Sargodha</t>
  </si>
  <si>
    <t>Sikander Colony</t>
  </si>
  <si>
    <t>GPS SAKOKH</t>
  </si>
  <si>
    <t>basti roonghan mouza shamboo  sakokh p/o sakhi sarwer</t>
  </si>
  <si>
    <t>Sakokh</t>
  </si>
  <si>
    <t>GPS SAKRIALA</t>
  </si>
  <si>
    <t>Sakriala</t>
  </si>
  <si>
    <t>village sakriala p.o mangwal teh. dist. chakwal</t>
  </si>
  <si>
    <t>Naeem Hassan</t>
  </si>
  <si>
    <t>GPS SALAMAT PURA CITY KASUR</t>
  </si>
  <si>
    <t>Kot salamat pura Tehsil And district Kasur</t>
  </si>
  <si>
    <t>Govt water and water pump</t>
  </si>
  <si>
    <t>GPS SALAMAT PURA RAIWIND</t>
  </si>
  <si>
    <t>Rehman Pura Raiwind</t>
  </si>
  <si>
    <t>GPS SALAR BHATTIAN</t>
  </si>
  <si>
    <t>SalarBhattian</t>
  </si>
  <si>
    <t>GPS Salar Bhattian p/o khanqah dogransafdarabad dist sheikhupura</t>
  </si>
  <si>
    <t>Zafar Ahmad Shahzada</t>
  </si>
  <si>
    <t>GPS SALAR WALA</t>
  </si>
  <si>
    <t>Salar Wala Sargodha</t>
  </si>
  <si>
    <t>82 NB</t>
  </si>
  <si>
    <t>Hammad Shakir</t>
  </si>
  <si>
    <t>GPS SALDERA HITHAR</t>
  </si>
  <si>
    <t>moza saldera teh .burewala  distt.vehari</t>
  </si>
  <si>
    <t>GPS SALEEM KAY DAHAR, P/O 2/8-R, TULAMBA</t>
  </si>
  <si>
    <t>Bopri Muhammad Rahman</t>
  </si>
  <si>
    <t>mouza bopri Muhammad Rahman Saleem kay Dahar post office 2/8-R Mirza pur Tehsil Mian Channu District Khanewal</t>
  </si>
  <si>
    <t>Saleem K Dahar</t>
  </si>
  <si>
    <t>GPS SALEEM KOT PAKPATTAN</t>
  </si>
  <si>
    <t>Saleemkot</t>
  </si>
  <si>
    <t>chak saleemkot pakpattan</t>
  </si>
  <si>
    <t>GPS SALEEM PURA</t>
  </si>
  <si>
    <t>Moza Tal Shumali P.O Dajal</t>
  </si>
  <si>
    <t>Jogyani</t>
  </si>
  <si>
    <t>GPS SALEEM WALI</t>
  </si>
  <si>
    <t>Ludden Raisty</t>
  </si>
  <si>
    <t>GES Saleem wali post Office jamalpur,Tehsil Hasilpur District Bahawalpur</t>
  </si>
  <si>
    <t>Ludden  raisti</t>
  </si>
  <si>
    <t>Khairo ghazi khanana GhaziKhanana  Ghazokhanana</t>
  </si>
  <si>
    <t>GPS SALEH WALA</t>
  </si>
  <si>
    <t>basti nichrani moza Jatoi shumali</t>
  </si>
  <si>
    <t>Basti Nicrani</t>
  </si>
  <si>
    <t>GPS SALIK ABAD</t>
  </si>
  <si>
    <t>govt p/s salikabad mouza alampur</t>
  </si>
  <si>
    <t>Salikabad</t>
  </si>
  <si>
    <t>GPS SALL</t>
  </si>
  <si>
    <t>sall</t>
  </si>
  <si>
    <t>GPS SALLI</t>
  </si>
  <si>
    <t>village Salli p.o dina Dist. jhelum</t>
  </si>
  <si>
    <t>Salli</t>
  </si>
  <si>
    <t>GPS SALOL KAY</t>
  </si>
  <si>
    <t>Salol Kay</t>
  </si>
  <si>
    <t>thatta    joiyan    mauza salol kay</t>
  </si>
  <si>
    <t>Thatta Joiyan</t>
  </si>
  <si>
    <t>Akhtar  Hayat</t>
  </si>
  <si>
    <t>GPS SALOOR</t>
  </si>
  <si>
    <t>Iryari</t>
  </si>
  <si>
    <t>PO box Morri village SALOOR</t>
  </si>
  <si>
    <t>SALOOR</t>
  </si>
  <si>
    <t>GPS SALOWAL</t>
  </si>
  <si>
    <t>Village Salowal P/O Marjal Tehsil zafarwal District Narowal</t>
  </si>
  <si>
    <t>GPS SALTAKI</t>
  </si>
  <si>
    <t>Saltaki</t>
  </si>
  <si>
    <t>p.o dhok saltaki village thoha mehram khan teh talagang</t>
  </si>
  <si>
    <t>Thoa Mehrem Khan</t>
  </si>
  <si>
    <t>Amir Afzal Khan</t>
  </si>
  <si>
    <t>GPS SALTI</t>
  </si>
  <si>
    <t>Kacha Sarein</t>
  </si>
  <si>
    <t>p/o sharif chagra basti kacha sarein tehsil o distt. muzaffargarh</t>
  </si>
  <si>
    <t>Sharif chagra</t>
  </si>
  <si>
    <t>M Faheem Akhtar</t>
  </si>
  <si>
    <t>GPS SAMADH</t>
  </si>
  <si>
    <t>Manga Mangi Mandi</t>
  </si>
  <si>
    <t>Samadh Manga mandi</t>
  </si>
  <si>
    <t>Samadh</t>
  </si>
  <si>
    <t>Muhammad Sarfaraz</t>
  </si>
  <si>
    <t>GPS SAMAHIL</t>
  </si>
  <si>
    <t>Samahil</t>
  </si>
  <si>
    <t>GPS samahil</t>
  </si>
  <si>
    <t>Jajil</t>
  </si>
  <si>
    <t>GPS SAMAND WALA PO KAMAR MUSHANI ISA KHEL</t>
  </si>
  <si>
    <t>SAMAND WALA</t>
  </si>
  <si>
    <t>moza SAMAND WALA P.O KAMMAR MUSHANI tehsil isa khel Mianwali</t>
  </si>
  <si>
    <t>MC-KAMMAR MUSHANI</t>
  </si>
  <si>
    <t>GPS SAMANDARI MULTAN</t>
  </si>
  <si>
    <t>Miani Rawah</t>
  </si>
  <si>
    <t>G.P.S Summandri 18 kassi vehari road Multan</t>
  </si>
  <si>
    <t>Summandri</t>
  </si>
  <si>
    <t>Kot RUB nawaz</t>
  </si>
  <si>
    <t>GPS SAMANDI WALA</t>
  </si>
  <si>
    <t>village samandi wala post office ghundi tehsil mianwali</t>
  </si>
  <si>
    <t>Samandi wala</t>
  </si>
  <si>
    <t>GPS SAMANDRI</t>
  </si>
  <si>
    <t>Jhoke Imam Baksh Near kot Morr</t>
  </si>
  <si>
    <t>Jhoke Imam Baksh Qaisrani</t>
  </si>
  <si>
    <t>Muhammad Shahab Sikandar</t>
  </si>
  <si>
    <t>GPS SAMANDRI WALA</t>
  </si>
  <si>
    <t>Pandhi Wala</t>
  </si>
  <si>
    <t>chah pandhi wala kot habat churhatta d.g khan</t>
  </si>
  <si>
    <t>Chah Pandhi Wala</t>
  </si>
  <si>
    <t>Kot Habat</t>
  </si>
  <si>
    <t>GPS SAMANDRY</t>
  </si>
  <si>
    <t>Rakh Doda</t>
  </si>
  <si>
    <t>Govt primary school Samandry, post office Jakhar Imam Shah, Tehsil Kot Chutta, District Dera Ghazi Khan</t>
  </si>
  <si>
    <t>Samandry</t>
  </si>
  <si>
    <t>Muhammad Shakeel Anjum</t>
  </si>
  <si>
    <t>GPS SAMAY WALA</t>
  </si>
  <si>
    <t>Punar</t>
  </si>
  <si>
    <t>GPS Samay Wala monza punar U/C Hazara Tehsil kot chutta district d g khan</t>
  </si>
  <si>
    <t>Samay Wala</t>
  </si>
  <si>
    <t>GPS SAMBLI</t>
  </si>
  <si>
    <t>Sambli Rajgan</t>
  </si>
  <si>
    <t>Village Sambli PO Dial Tehsil Sohawa Distt Jhelum</t>
  </si>
  <si>
    <t>From Village</t>
  </si>
  <si>
    <t>GPS SAMDANEE</t>
  </si>
  <si>
    <t>GPS Basti Samdani</t>
  </si>
  <si>
    <t>private help</t>
  </si>
  <si>
    <t>GPS SAMEENA WALA</t>
  </si>
  <si>
    <t>Sameena Wala</t>
  </si>
  <si>
    <t>GPS SAMEND KHEL ROKHARI</t>
  </si>
  <si>
    <t>Mohalla saidu khel rokhri</t>
  </si>
  <si>
    <t>Shifaullah Khan</t>
  </si>
  <si>
    <t>GPS SAMI WALA</t>
  </si>
  <si>
    <t>Basti summi Wala, Nawan janubi, Kot chutta, DGK</t>
  </si>
  <si>
    <t>Summi Wala</t>
  </si>
  <si>
    <t>GPS SAMON</t>
  </si>
  <si>
    <t>Samoo</t>
  </si>
  <si>
    <t>vill samoo post office ghadhi afghana teh.taxila distt.rawalpindi</t>
  </si>
  <si>
    <t>Ghadhi Afghana</t>
  </si>
  <si>
    <t>Faisal Rehman</t>
  </si>
  <si>
    <t>GPS SAMRALA ARAIN</t>
  </si>
  <si>
    <t>Samrala Arain</t>
  </si>
  <si>
    <t>village samrala arain p/o goteriala tehsil kharian district Gujarat</t>
  </si>
  <si>
    <t>Thutha rai bahadur</t>
  </si>
  <si>
    <t>M Arslan Sarwar</t>
  </si>
  <si>
    <t>GPS SAMTHI</t>
  </si>
  <si>
    <t>Kandyari</t>
  </si>
  <si>
    <t>village samthi pobox thoha khalsa tehsil kallar Syedan district rawalpindi</t>
  </si>
  <si>
    <t>Samthi</t>
  </si>
  <si>
    <t>Yasir Nazir</t>
  </si>
  <si>
    <t>water supply2</t>
  </si>
  <si>
    <t>GPS SAMTI</t>
  </si>
  <si>
    <t>Beli Shumali</t>
  </si>
  <si>
    <t>p/o rang pur Teh.&amp; M.Garh</t>
  </si>
  <si>
    <t>Rangpur Pur</t>
  </si>
  <si>
    <t>GPS SAMTIA NASHEB</t>
  </si>
  <si>
    <t>GPS Samtia Nashaib Moza Samtia Nashaib</t>
  </si>
  <si>
    <t>GPS SAMUNDAR</t>
  </si>
  <si>
    <t>G.P.School Summander</t>
  </si>
  <si>
    <t>Suba Khan</t>
  </si>
  <si>
    <t>GPS SAMUNDARI SADAT P/O KHANA KHAS LUTF ABAD MULTAN</t>
  </si>
  <si>
    <t>GPS Samundri sadat</t>
  </si>
  <si>
    <t>Samundri Sadat</t>
  </si>
  <si>
    <t>Punjhkoha</t>
  </si>
  <si>
    <t>Naseem Ur Rehman</t>
  </si>
  <si>
    <t>GPS SAMUNDARY JADEED</t>
  </si>
  <si>
    <t>Khai Chack Awal</t>
  </si>
  <si>
    <t>chah jhargol moza khai chack awal D. D Panah</t>
  </si>
  <si>
    <t>Chah Jhargol</t>
  </si>
  <si>
    <t>GPS SANA PUR NOON</t>
  </si>
  <si>
    <t>Chak No12 Sb</t>
  </si>
  <si>
    <t>GPS Sanapur Noon Chak no. 12 Sb.</t>
  </si>
  <si>
    <t>GPS SANADHAN WALI</t>
  </si>
  <si>
    <t>Sanadhan Wali tehsil kalur kot district bhakkar</t>
  </si>
  <si>
    <t>Sanadhan Wali</t>
  </si>
  <si>
    <t>GPS SANAT PURA</t>
  </si>
  <si>
    <t>sanat Pura teh kharian dist gujrat</t>
  </si>
  <si>
    <t>Hunain Raza</t>
  </si>
  <si>
    <t>GPS SANAT ULLAH</t>
  </si>
  <si>
    <t>Sanat Ullah</t>
  </si>
  <si>
    <t>villege cheena muza sanat ullah tehsil khairpur tamewali disrict bahawalpur</t>
  </si>
  <si>
    <t>Cheena Basti</t>
  </si>
  <si>
    <t>GPS SANDA CHISTANA</t>
  </si>
  <si>
    <t>Sanda Chistana Post Office Kasur</t>
  </si>
  <si>
    <t>Sanda Chistna</t>
  </si>
  <si>
    <t>GPS SANDA KHANWAH</t>
  </si>
  <si>
    <t>gps sanda khanwa</t>
  </si>
  <si>
    <t>Rajo Wal Nau</t>
  </si>
  <si>
    <t>Jamil Anjum</t>
  </si>
  <si>
    <t>GPS SANDIAN WALI, P/O 118/10-R, JAHANIAN</t>
  </si>
  <si>
    <t>Sandian Wali</t>
  </si>
  <si>
    <t>Basti Sandian Wali 118/10-R</t>
  </si>
  <si>
    <t>Muhammad Imran Amir</t>
  </si>
  <si>
    <t>GPS SANDILIAN WALA</t>
  </si>
  <si>
    <t>gps sandilan wala</t>
  </si>
  <si>
    <t>Sandilian Wala</t>
  </si>
  <si>
    <t>SHAMS UR REHMAN</t>
  </si>
  <si>
    <t>GPS SANDOHA</t>
  </si>
  <si>
    <t>Sandoha</t>
  </si>
  <si>
    <t>Village Sandoha P.O. Daulat Nagar Tehsil Kharian District Gujrat</t>
  </si>
  <si>
    <t>GPS SANG DARMIANA</t>
  </si>
  <si>
    <t>village sang darmiana post office char tehsil
sarai e alamgir</t>
  </si>
  <si>
    <t>Sang Darmiana</t>
  </si>
  <si>
    <t>Arslan Munir</t>
  </si>
  <si>
    <t>GPS SANG NUMBER DARAN</t>
  </si>
  <si>
    <t>Sang Number Daran</t>
  </si>
  <si>
    <t>Sang Number Daran. P. O. Char. Sarai Alamgir, Gujrat</t>
  </si>
  <si>
    <t>GPS SANGAT PURA</t>
  </si>
  <si>
    <t>Sangat Pura</t>
  </si>
  <si>
    <t>village sangat pura</t>
  </si>
  <si>
    <t>Muhammad Riaz Yousaf</t>
  </si>
  <si>
    <t>GPS SANGER WALI</t>
  </si>
  <si>
    <t>Sangar wali</t>
  </si>
  <si>
    <t>Sangerwali, Daska, Sialkot</t>
  </si>
  <si>
    <t>Sangar Wali</t>
  </si>
  <si>
    <t>Ishaq Masih</t>
  </si>
  <si>
    <t>GPS SANGHAR</t>
  </si>
  <si>
    <t>Basti Khalifa moza Gullani tensile Liaquat Pur ryk</t>
  </si>
  <si>
    <t>GPS SANGHER WALA P/O SANGHER WALA</t>
  </si>
  <si>
    <t>Faiz Pur Bhatian</t>
  </si>
  <si>
    <t>sanghar wala P/o sanghar wala</t>
  </si>
  <si>
    <t>Abidabibi</t>
  </si>
  <si>
    <t>GPS SANGHI WALI</t>
  </si>
  <si>
    <t>SANGHI WALI</t>
  </si>
  <si>
    <t>kashif hussain</t>
  </si>
  <si>
    <t>GPS SANGIAN</t>
  </si>
  <si>
    <t>Sangian</t>
  </si>
  <si>
    <t>village sangian p.o narar tehsil kahuta distt rwp</t>
  </si>
  <si>
    <t>GPS SANGIAN WALA</t>
  </si>
  <si>
    <t>SANGIAN WALA</t>
  </si>
  <si>
    <t>CHACK NO 574 G.B SANGIAN WALA</t>
  </si>
  <si>
    <t>CHAK NO 574 G.B SANGIAN WALA</t>
  </si>
  <si>
    <t>DHARAY DA WARA</t>
  </si>
  <si>
    <t>Azeem Ahmad</t>
  </si>
  <si>
    <t>GPS SANGLA HILL PURANA CHAPUR WARD NO. 4</t>
  </si>
  <si>
    <t>Model Town Sangla Hill</t>
  </si>
  <si>
    <t>GPS SANGLA THATTA</t>
  </si>
  <si>
    <t>Dhok singla, vpo thatta, tehsil jand, distt attock</t>
  </si>
  <si>
    <t>GPS SANGLAN</t>
  </si>
  <si>
    <t>Basti sanglan, moza dera masti tehsil bwp city</t>
  </si>
  <si>
    <t>SANGLAN BASTI</t>
  </si>
  <si>
    <t>GPS SANGO</t>
  </si>
  <si>
    <t>Sangu</t>
  </si>
  <si>
    <t>Village Sangoo  P/O  Tanda teh. &amp;  District. .  Gujrat</t>
  </si>
  <si>
    <t>Nosheen Naz</t>
  </si>
  <si>
    <t>GPS SANGO KHELAN WALA</t>
  </si>
  <si>
    <t>Govt primary school Sango Khelan Wala p.o chhidru</t>
  </si>
  <si>
    <t>Sango Khelan Wala</t>
  </si>
  <si>
    <t>Tahir Zaka Khan</t>
  </si>
  <si>
    <t>GPS SANGO WALI</t>
  </si>
  <si>
    <t>sangowali p.O Ghakhar Tehsil Wazirabad  District  Gujranwala</t>
  </si>
  <si>
    <t>Muhammad Basharat Cheema</t>
  </si>
  <si>
    <t>GPS SANGRA SADAT</t>
  </si>
  <si>
    <t>sangra Sadat</t>
  </si>
  <si>
    <t>Sangra Sadat</t>
  </si>
  <si>
    <t>AMJAD Ali</t>
  </si>
  <si>
    <t>GPS SANGRAN</t>
  </si>
  <si>
    <t>G.P.S. Sangran</t>
  </si>
  <si>
    <t>Muhammed Arshd</t>
  </si>
  <si>
    <t>GPS SANGRAN WALA P.O SHAHA PUR UBHA TEH.SHUJABAD</t>
  </si>
  <si>
    <t>Sangran wala moza shah pur ubbha</t>
  </si>
  <si>
    <t>Sangran Wala</t>
  </si>
  <si>
    <t>Nadeem Ahmed Khan</t>
  </si>
  <si>
    <t>GPS SANIKA</t>
  </si>
  <si>
    <t>Sanika shahpur sargodha</t>
  </si>
  <si>
    <t>GPS SANJAR PUR KHOHNA</t>
  </si>
  <si>
    <t>San jar Pur kohna</t>
  </si>
  <si>
    <t>Basti sanjar pur kohna Markaz Sanjar pur Tehsil Sadiq Abad District Rahim Yar Khan</t>
  </si>
  <si>
    <t>San jar Pur</t>
  </si>
  <si>
    <t>Ali Ahmed</t>
  </si>
  <si>
    <t>GPS SANJAR SAYDAN</t>
  </si>
  <si>
    <t>Basti Sanjar Saydaan Tehsil Taunsa Sharif</t>
  </si>
  <si>
    <t>Sanjer Saydan</t>
  </si>
  <si>
    <t>GPS SANJAR WAHIN</t>
  </si>
  <si>
    <t>sangar wahan</t>
  </si>
  <si>
    <t>moza sangar wahan p/o sangar wahan tehsil ahmad  pur east  bwp</t>
  </si>
  <si>
    <t>GPS SANJHALI</t>
  </si>
  <si>
    <t>sanjhali</t>
  </si>
  <si>
    <t>P/O SANJHALI TRIBLE AREA BARTHI TEHSIL DG.KHAN DISTT.DG.KHAN</t>
  </si>
  <si>
    <t>sanjahli</t>
  </si>
  <si>
    <t>Shafqat rasool</t>
  </si>
  <si>
    <t>GPS SANJRANI BALOCH</t>
  </si>
  <si>
    <t>basti sanjrani baloch,moza mangraija, markaz khanpur, tehsil saddar,bahawalpur</t>
  </si>
  <si>
    <t>Sanjrani Baloch</t>
  </si>
  <si>
    <t>GPS SANJRANI WALA</t>
  </si>
  <si>
    <t>chah beren Wala kot addu</t>
  </si>
  <si>
    <t>Chah Beren Wala</t>
  </si>
  <si>
    <t>Khalil Ahmed Khan</t>
  </si>
  <si>
    <t>GPS SANKEA</t>
  </si>
  <si>
    <t>SHAHKNKAY</t>
  </si>
  <si>
    <t>GPS SANOPER</t>
  </si>
  <si>
    <t>Sanoper</t>
  </si>
  <si>
    <t>Village Sanoper, Markaz Whando</t>
  </si>
  <si>
    <t>GPS SANROORIA BHALWAL IJAZ COLONY</t>
  </si>
  <si>
    <t>Ijaz colony Bhalwal</t>
  </si>
  <si>
    <t>Ijaz Colony Bhalwal</t>
  </si>
  <si>
    <t>Farzana Saghir</t>
  </si>
  <si>
    <t>GPS SANYASI</t>
  </si>
  <si>
    <t>Hyderabad Thall</t>
  </si>
  <si>
    <t>sanyasi near Muhammad Yar wala  petrolling check post</t>
  </si>
  <si>
    <t>Sanyasi</t>
  </si>
  <si>
    <t>SYED ALI SHAH</t>
  </si>
  <si>
    <t>GPS SAPIALA</t>
  </si>
  <si>
    <t>Sipiala</t>
  </si>
  <si>
    <t>v Sipiala teh pindi gheb</t>
  </si>
  <si>
    <t>GPS SAQA ABAD</t>
  </si>
  <si>
    <t>SAQA ABAD</t>
  </si>
  <si>
    <t>SAQA ABAD ATTOCK</t>
  </si>
  <si>
    <t>GPS SAR</t>
  </si>
  <si>
    <t>Sar</t>
  </si>
  <si>
    <t>district and tehsil chakwal</t>
  </si>
  <si>
    <t>GPS SAR DHOK</t>
  </si>
  <si>
    <t>VPO Sar Dhoke Teh Sarai Alamgir District Gujrat</t>
  </si>
  <si>
    <t>Adeel Ashfaq</t>
  </si>
  <si>
    <t>GPS SAR KHURD</t>
  </si>
  <si>
    <t>Sar Khurd</t>
  </si>
  <si>
    <t>Village Sar khurd POST OFFICE SAR KALAN TEHSIL KALAR KAHAR DISTT. CHAKWAL</t>
  </si>
  <si>
    <t>Danish Imran</t>
  </si>
  <si>
    <t>from water tank</t>
  </si>
  <si>
    <t>GPS SAR WALA</t>
  </si>
  <si>
    <t>FAROOQ AHMED</t>
  </si>
  <si>
    <t>GPS SARAAY MIANA</t>
  </si>
  <si>
    <t>Village saraay miana P/O Sakesar Tehsil Quaidabad District Khushab</t>
  </si>
  <si>
    <t>Saraay Miana</t>
  </si>
  <si>
    <t>GPS SARAI</t>
  </si>
  <si>
    <t>Sarai</t>
  </si>
  <si>
    <t>Post office bheki sanduan tehsil dsaka district sialkot</t>
  </si>
  <si>
    <t>Dhanseer paeen</t>
  </si>
  <si>
    <t>GPS SARAI KALASAN</t>
  </si>
  <si>
    <t>Sarai Kalasan</t>
  </si>
  <si>
    <t>sarai kalasan okara</t>
  </si>
  <si>
    <t>GPS SARAI KHAM</t>
  </si>
  <si>
    <t>Sarai Kham</t>
  </si>
  <si>
    <t>village sarai Khan</t>
  </si>
  <si>
    <t>GPS SARAI MUHGHAL P/O SAME PATTOKI</t>
  </si>
  <si>
    <t>Zulifqar Ali Bhatti</t>
  </si>
  <si>
    <t>GPS SARAI SIDHU GHARBI, SARAI SIDHU</t>
  </si>
  <si>
    <t>Near post office sarai sidhu, khanewal</t>
  </si>
  <si>
    <t>Syed Azmat Ali</t>
  </si>
  <si>
    <t>GPS SARAI SIDHU JANUBI, SARAI SIDHU</t>
  </si>
  <si>
    <t>Basti Ameez Nagir</t>
  </si>
  <si>
    <t>Kot Ghor Muhammad</t>
  </si>
  <si>
    <t>Muhammad  Abid Nawaz</t>
  </si>
  <si>
    <t>GPS SARAI SIDHU SHARQI, SARAI SIDHU</t>
  </si>
  <si>
    <t>Aziz-ur-Rehman Abbasi</t>
  </si>
  <si>
    <t>GPS SARANG</t>
  </si>
  <si>
    <t>village Sarang, P.O. Agroya, Teh. Phalia, Dist. M.B.Din</t>
  </si>
  <si>
    <t>Fatima Bashir</t>
  </si>
  <si>
    <t>GPS SARATI</t>
  </si>
  <si>
    <t>Gps sarati post office barthi teh taunsa tribal area</t>
  </si>
  <si>
    <t>Sarati Basti Abd Ul Rehman</t>
  </si>
  <si>
    <t>Muhammad Ramzan Hadir</t>
  </si>
  <si>
    <t>GPS SARAY AMIR SINGH</t>
  </si>
  <si>
    <t>Saray Amir Singh</t>
  </si>
  <si>
    <t>GPS SARDAR CHANG</t>
  </si>
  <si>
    <t>basti sardar chang markaz chack lassa</t>
  </si>
  <si>
    <t>Srdar Chng</t>
  </si>
  <si>
    <t>Chacklass</t>
  </si>
  <si>
    <t>Imran Fazal</t>
  </si>
  <si>
    <t>GPS SARDAR GARH</t>
  </si>
  <si>
    <t>mureed wala</t>
  </si>
  <si>
    <t>ram garh , moza mureed wala  tehseel minchinabad</t>
  </si>
  <si>
    <t>ram garh</t>
  </si>
  <si>
    <t>behkan wala</t>
  </si>
  <si>
    <t>GPS SARDAR PUR JHANDIR</t>
  </si>
  <si>
    <t>Sardarpur Jhandir</t>
  </si>
  <si>
    <t>Moza sardar pur jhandir mailsi</t>
  </si>
  <si>
    <t>Nodabbah</t>
  </si>
  <si>
    <t>Muhammad Zubair Rana</t>
  </si>
  <si>
    <t>GPS SARDAR PUR MACHKA</t>
  </si>
  <si>
    <t>basti Haji Madad Ali p/o kashmore teh Sdk District ryk</t>
  </si>
  <si>
    <t>GPS SARDAR PUR NOON</t>
  </si>
  <si>
    <t>sardar pur noon</t>
  </si>
  <si>
    <t>Imran Rashid</t>
  </si>
  <si>
    <t>GPS SARDAR WALA</t>
  </si>
  <si>
    <t>Basti sardar Wala Mouza Hussain Abad Lodhran</t>
  </si>
  <si>
    <t>Sardar Wala</t>
  </si>
  <si>
    <t>GPS SARDARI BALOCH</t>
  </si>
  <si>
    <t>Goth Mehru</t>
  </si>
  <si>
    <t>Basti sardari baloch moza goth mehru musafir khana bahawalpur</t>
  </si>
  <si>
    <t>Basti Sardari baloch</t>
  </si>
  <si>
    <t>Muhammad Jamshed Akhtar</t>
  </si>
  <si>
    <t>GPS SARDARPUR BALHARA</t>
  </si>
  <si>
    <t>Qadir Pur Ran Multan</t>
  </si>
  <si>
    <t>Basti sardar pur balra</t>
  </si>
  <si>
    <t>Qadir Pur Rawan Sharki</t>
  </si>
  <si>
    <t>GPS SARDHI</t>
  </si>
  <si>
    <t>GPS Sardhi teh k.kahar dist.chakwal</t>
  </si>
  <si>
    <t>GPS SARFARAZ WALA</t>
  </si>
  <si>
    <t>chah phatoo wala</t>
  </si>
  <si>
    <t>Phatoo Wala</t>
  </si>
  <si>
    <t>GPS SARFARAZ WALA AINO</t>
  </si>
  <si>
    <t>dera shamsher joia aino teh noorpur thal dist khushab</t>
  </si>
  <si>
    <t>GPS SARFRAZ NAGAR</t>
  </si>
  <si>
    <t>Noor Wala Rajoa road Chiniot</t>
  </si>
  <si>
    <t>GPS SARFRAZ PUR, P/O HAJI PUR, NAWAN SHEHR</t>
  </si>
  <si>
    <t>Sarfraz Pur</t>
  </si>
  <si>
    <t>Basti Diwan wala</t>
  </si>
  <si>
    <t>Basti Diwan Wala</t>
  </si>
  <si>
    <t>Jafar Hassan  Shah</t>
  </si>
  <si>
    <t>GPS SARFRAZ WALA</t>
  </si>
  <si>
    <t>chah sarfarz wala moza khokhra Kamlana teh shor kot Dist Jhang</t>
  </si>
  <si>
    <t>Sarfaraz Wala</t>
  </si>
  <si>
    <t>GPS SARGANI</t>
  </si>
  <si>
    <t>Basti Sargani P/O Notak Teh&amp;Disst Bhakkar</t>
  </si>
  <si>
    <t>GPS SARGAY WALA</t>
  </si>
  <si>
    <t>Sargaywala Mankera Goharwala Road</t>
  </si>
  <si>
    <t>Sargaywala</t>
  </si>
  <si>
    <t>GPS SARH</t>
  </si>
  <si>
    <t>khar sharki</t>
  </si>
  <si>
    <t>cha ghazi wala post office sanawan tehsil kot adu district muzaffargarh</t>
  </si>
  <si>
    <t>ghazi wala</t>
  </si>
  <si>
    <t>Amir Mushtaq</t>
  </si>
  <si>
    <t>GPS SARHALI KALAN</t>
  </si>
  <si>
    <t>Village Sarhali Kalan PO Karianwala Teh &amp; Distt Gujrat</t>
  </si>
  <si>
    <t>GPS SARIAN WALA TANDLIANWALA</t>
  </si>
  <si>
    <t>D Alam Shah</t>
  </si>
  <si>
    <t>sarianwala tandlianwala Faisalabad</t>
  </si>
  <si>
    <t>Sarianwala</t>
  </si>
  <si>
    <t>Chak No 615gb</t>
  </si>
  <si>
    <t>GPS SARISHTA BAIROON</t>
  </si>
  <si>
    <t>Sarishta Nashab</t>
  </si>
  <si>
    <t>chah kalar wala</t>
  </si>
  <si>
    <t>Chah Nowa</t>
  </si>
  <si>
    <t>GPS SARISHTA DARMYANI</t>
  </si>
  <si>
    <t>gps sarishta darmyani chah arraian wala nawan kot</t>
  </si>
  <si>
    <t>MUHAMMAD ARSLAN</t>
  </si>
  <si>
    <t>GPS SARKAL MAIR</t>
  </si>
  <si>
    <t>Sarkal mair</t>
  </si>
  <si>
    <t>sarkal mair</t>
  </si>
  <si>
    <t>Ghulam Zullakha</t>
  </si>
  <si>
    <t>GPS SARKI</t>
  </si>
  <si>
    <t>Sarki Teh. Mankera Distt.  Bhakkar</t>
  </si>
  <si>
    <t>SARKI</t>
  </si>
  <si>
    <t>GPS SARKUNDAL</t>
  </si>
  <si>
    <t>Chahran</t>
  </si>
  <si>
    <t>sarkuÃ±dal</t>
  </si>
  <si>
    <t>Sarkundal</t>
  </si>
  <si>
    <t>ZahoorAhmed</t>
  </si>
  <si>
    <t>nsb</t>
  </si>
  <si>
    <t>GPS SARLA</t>
  </si>
  <si>
    <t>Sarlay</t>
  </si>
  <si>
    <t>Sarlay  khurd tehsil phalia District m.b.din</t>
  </si>
  <si>
    <t>GPS SARLA CHAK</t>
  </si>
  <si>
    <t>chak sarla Dunya Pur lodhran</t>
  </si>
  <si>
    <t>Sarla Chak</t>
  </si>
  <si>
    <t>231wB</t>
  </si>
  <si>
    <t>M Sharif</t>
  </si>
  <si>
    <t>GPS SAROBA</t>
  </si>
  <si>
    <t>Village Saroba</t>
  </si>
  <si>
    <t>waseem sultan</t>
  </si>
  <si>
    <t>GPS SAROLI</t>
  </si>
  <si>
    <t>Gps Sarooli</t>
  </si>
  <si>
    <t>Sarooli</t>
  </si>
  <si>
    <t>GPS SAROOP WALA</t>
  </si>
  <si>
    <t>Saroopwala</t>
  </si>
  <si>
    <t>GPS SAROTE</t>
  </si>
  <si>
    <t>Sarote</t>
  </si>
  <si>
    <t>villae sarote po kahuta</t>
  </si>
  <si>
    <t>GPS SARRAY</t>
  </si>
  <si>
    <t>Sarry</t>
  </si>
  <si>
    <t>moh pir bukhari narang</t>
  </si>
  <si>
    <t>GPS SARSAR THOKH</t>
  </si>
  <si>
    <t>Sakandi</t>
  </si>
  <si>
    <t>basti sakandi no2po barthi uc theakar</t>
  </si>
  <si>
    <t>GPS SARWALA</t>
  </si>
  <si>
    <t>Gbps sarwala village sheenbagh Attock city</t>
  </si>
  <si>
    <t>Waqas Naseem Khan</t>
  </si>
  <si>
    <t>GPS SARWANA</t>
  </si>
  <si>
    <t>vallege sarwana</t>
  </si>
  <si>
    <t>GPS SARWANI BELA MOUZA SARWANI BELA MULTAN</t>
  </si>
  <si>
    <t>Jhok wains parli</t>
  </si>
  <si>
    <t>Sarwani bela multan</t>
  </si>
  <si>
    <t>Sarwani bela</t>
  </si>
  <si>
    <t>muhammad qasim</t>
  </si>
  <si>
    <t>GPS SARWAR AHMADANI</t>
  </si>
  <si>
    <t>Muhammad Zarif</t>
  </si>
  <si>
    <t>GPS SARWAR KAY</t>
  </si>
  <si>
    <t>Sarwer Ka Tehsil Tandlianwala Distt Faisalabad</t>
  </si>
  <si>
    <t>Govt. primary scchool sarwer kay  p/0 Jhamra tehsil tandlianwala distt Faisalabad</t>
  </si>
  <si>
    <t>Thatha Sarwer Ka Tehsil Tandlianwala Distt Faisala</t>
  </si>
  <si>
    <t>GPS SARWAR KHEL ISA KHEL</t>
  </si>
  <si>
    <t>Sarwarkhel</t>
  </si>
  <si>
    <t>p/o khaglanwala village sarwarkhel</t>
  </si>
  <si>
    <t>GPS SARWAR KOT</t>
  </si>
  <si>
    <t>Shali  gharbi</t>
  </si>
  <si>
    <t>Sarwar kot muzaShali chishtian</t>
  </si>
  <si>
    <t>Sarwarkot</t>
  </si>
  <si>
    <t>Shali gharbi</t>
  </si>
  <si>
    <t>GPS SARWAR WALI</t>
  </si>
  <si>
    <t>Dard Opla</t>
  </si>
  <si>
    <t>sarwar wali</t>
  </si>
  <si>
    <t>Sarwar Walu</t>
  </si>
  <si>
    <t>Dhrahma</t>
  </si>
  <si>
    <t>GPS Sarwar-i-Kainat (SAW) Campus Kundian</t>
  </si>
  <si>
    <t>Mamu Wali</t>
  </si>
  <si>
    <t>mamu Wali teh PIPLAN disst mianwali</t>
  </si>
  <si>
    <t>FAKHAR IMAM SHAH</t>
  </si>
  <si>
    <t>GPS SARYIA GUJRAN</t>
  </si>
  <si>
    <t>Sariya Gujran</t>
  </si>
  <si>
    <t>Muhammad Sain</t>
  </si>
  <si>
    <t>GPS SAT SIRA (MUMTAZ ABAD)</t>
  </si>
  <si>
    <t>Sohawa Bulani</t>
  </si>
  <si>
    <t>Mumtazabad Sugar Mills road Sohawa Bulani</t>
  </si>
  <si>
    <t>GPS SATHIYAN WALA</t>
  </si>
  <si>
    <t>Nwan kot</t>
  </si>
  <si>
    <t>Chah Roran, UC Nwankot, tehseel choubara, District Layyah</t>
  </si>
  <si>
    <t>Roraan</t>
  </si>
  <si>
    <t>muhammad boota sagar</t>
  </si>
  <si>
    <t>GPS SATO WALI</t>
  </si>
  <si>
    <t>Sato Wali</t>
  </si>
  <si>
    <t>Sato Wali p.o. peerochak teh.&amp; district sialkot</t>
  </si>
  <si>
    <t>Muhammed Ajmal</t>
  </si>
  <si>
    <t>GPS SATRA KAWAD</t>
  </si>
  <si>
    <t>p/o jabbi tehsil distric khushab</t>
  </si>
  <si>
    <t>Kawad</t>
  </si>
  <si>
    <t>Athar Bilal</t>
  </si>
  <si>
    <t>GPS SATRAH</t>
  </si>
  <si>
    <t>satrah</t>
  </si>
  <si>
    <t>GPS SATTA</t>
  </si>
  <si>
    <t>Village Satta</t>
  </si>
  <si>
    <t>Welfare scheme</t>
  </si>
  <si>
    <t>GPS SATTAN THAL</t>
  </si>
  <si>
    <t>Sttan Thall</t>
  </si>
  <si>
    <t>p.o box bharary moza sattan thall tehsil 18 hazari district jhang</t>
  </si>
  <si>
    <t>Sattan Thall</t>
  </si>
  <si>
    <t>Abdullah Shah</t>
  </si>
  <si>
    <t>GPS SATTO</t>
  </si>
  <si>
    <t>Satto</t>
  </si>
  <si>
    <t>satto po sukhana bajwa kamoke gujranwala</t>
  </si>
  <si>
    <t>GPS SATTO KATLA LAHORE</t>
  </si>
  <si>
    <t>sattokatla</t>
  </si>
  <si>
    <t>GPS SATTOKI</t>
  </si>
  <si>
    <t>Sattoki, Tensile Chunian , Kasur</t>
  </si>
  <si>
    <t>GPS SATTOKI HITHAR</t>
  </si>
  <si>
    <t>Sattoki Hithar</t>
  </si>
  <si>
    <t>GPS SATUWAL</t>
  </si>
  <si>
    <t>Satuwal</t>
  </si>
  <si>
    <t>Gps Satuwal  P/o  satuwal</t>
  </si>
  <si>
    <t>GPS SAUDI WALA</t>
  </si>
  <si>
    <t>Kotla Seikhani</t>
  </si>
  <si>
    <t>chah cheelan wala</t>
  </si>
  <si>
    <t>Chelan Wala</t>
  </si>
  <si>
    <t>Malik Kareem Nawaz</t>
  </si>
  <si>
    <t>GPS SAVI</t>
  </si>
  <si>
    <t>Savi</t>
  </si>
  <si>
    <t>GPS savi markaz  rakhi munh</t>
  </si>
  <si>
    <t>Wazeer Haan</t>
  </si>
  <si>
    <t>GPS SAWAN PURA (MARKAZ SHAMIR DINGA)</t>
  </si>
  <si>
    <t>Sawanpura</t>
  </si>
  <si>
    <t>sawanpura p/o khanqah dogran teh disst hafizabad</t>
  </si>
  <si>
    <t>GPS SAWAN WALA</t>
  </si>
  <si>
    <t>Saddan  Wali</t>
  </si>
  <si>
    <t>Basti  Sawan Wala Tehsil and District  M Garh</t>
  </si>
  <si>
    <t>Sajjad Hussain Tipu</t>
  </si>
  <si>
    <t>GPS SAWANKE</t>
  </si>
  <si>
    <t>sawanke</t>
  </si>
  <si>
    <t>Samsoon Masih</t>
  </si>
  <si>
    <t>GPS SAWAR CUP</t>
  </si>
  <si>
    <t>Basti Sawar Kap</t>
  </si>
  <si>
    <t>Mazhar Nawaz Naeem</t>
  </si>
  <si>
    <t>GPS SAWAR MONDI CHAK NO.8 REMOUNT DEPOT</t>
  </si>
  <si>
    <t>sawarmandi chak no  8 remount Depot sargodha</t>
  </si>
  <si>
    <t>Chak no 8 Sawarmandi</t>
  </si>
  <si>
    <t>GPS SAWEERI</t>
  </si>
  <si>
    <t>village Saweeri p/o Khalol tehsil kahuta district Rawalpindi</t>
  </si>
  <si>
    <t>GPS SAYED WALA</t>
  </si>
  <si>
    <t>Sayed Wala</t>
  </si>
  <si>
    <t>chak sayed wala tehsil and p/o minchin abad bahawalnagar.</t>
  </si>
  <si>
    <t>Muhammad Rafiq Zia</t>
  </si>
  <si>
    <t>nearest of waterplant</t>
  </si>
  <si>
    <t>GPS SAYEDAAN WALA</t>
  </si>
  <si>
    <t>Rakh Dhala</t>
  </si>
  <si>
    <t>syedanwala</t>
  </si>
  <si>
    <t>Syedanwla</t>
  </si>
  <si>
    <t>China Ottar</t>
  </si>
  <si>
    <t>GPS SCHEME NO.4 VERPAL KHURD</t>
  </si>
  <si>
    <t>Verpal Chatta</t>
  </si>
  <si>
    <t>verpal khurd</t>
  </si>
  <si>
    <t>GPS SEAL GAON P/O CHAK BEDI PAKPATTAN</t>
  </si>
  <si>
    <t>23/sp</t>
  </si>
  <si>
    <t>chak seal gaon po chak bedi pakpattan</t>
  </si>
  <si>
    <t>Seal Gaon</t>
  </si>
  <si>
    <t>Sharafat ALI</t>
  </si>
  <si>
    <t>GPS SECTOR 5 A-II TOWNSHIP</t>
  </si>
  <si>
    <t>5A2 hamdard chowk.Township lhr.</t>
  </si>
  <si>
    <t>Sector A2 Township</t>
  </si>
  <si>
    <t>Amera Aslam</t>
  </si>
  <si>
    <t>GPS SEED FORM</t>
  </si>
  <si>
    <t>P/O Ehsan Pur</t>
  </si>
  <si>
    <t>naveed shahzad chishti</t>
  </si>
  <si>
    <t>GPS SEEDFORM 43 WB</t>
  </si>
  <si>
    <t>Seedfarm</t>
  </si>
  <si>
    <t>GPS seedfarm 43 WB Vehari</t>
  </si>
  <si>
    <t>43/WB Vehari</t>
  </si>
  <si>
    <t>53/WB</t>
  </si>
  <si>
    <t>Syed Abid Hussain Shah</t>
  </si>
  <si>
    <t>GPS SEELARA</t>
  </si>
  <si>
    <t>machi Wala p/o sheroo jadeed</t>
  </si>
  <si>
    <t>Machi  Wala</t>
  </si>
  <si>
    <t>Muhammad Habib</t>
  </si>
  <si>
    <t>GPS SEEMAR</t>
  </si>
  <si>
    <t>Abdul Rasheed Shah</t>
  </si>
  <si>
    <t>GPS SEERAY TARAR</t>
  </si>
  <si>
    <t>GPS Seeray Tarar Hafizabad</t>
  </si>
  <si>
    <t>Lalke Deranke</t>
  </si>
  <si>
    <t>GPS SEERAY WALA</t>
  </si>
  <si>
    <t>Moza khudai basti SEERAY WALA</t>
  </si>
  <si>
    <t>SEERAY WALA</t>
  </si>
  <si>
    <t>Muhammad Amir Kaleem</t>
  </si>
  <si>
    <t>GPS SEHAR</t>
  </si>
  <si>
    <t>moza sehar</t>
  </si>
  <si>
    <t>GPS SEHAR NO 1</t>
  </si>
  <si>
    <t>Village Sehar .P/o Thathi. Tehsil Gujarkhan. District Rawalpindi.</t>
  </si>
  <si>
    <t>Muhammad Parveaz</t>
  </si>
  <si>
    <t>GPS SEHARI HITHAR</t>
  </si>
  <si>
    <t>Sahari Hithar</t>
  </si>
  <si>
    <t>sahari hithar</t>
  </si>
  <si>
    <t>Hardo Sahri</t>
  </si>
  <si>
    <t>GPS SEHARI OTTAR</t>
  </si>
  <si>
    <t>Sahary Otar</t>
  </si>
  <si>
    <t>Sahary otar kasur</t>
  </si>
  <si>
    <t>Hardo Sahary</t>
  </si>
  <si>
    <t>GPS SEHJO KALA</t>
  </si>
  <si>
    <t>sehjokala tehsil daska district sialkot</t>
  </si>
  <si>
    <t>GPS SEHJPALL</t>
  </si>
  <si>
    <t>Village Sehjpal Lahore Cantt.</t>
  </si>
  <si>
    <t>GPS SEHLAY SARLAY</t>
  </si>
  <si>
    <t>Village sahlay Serlay p. O. Brohi Tehsil kahuta district rwp</t>
  </si>
  <si>
    <t>Sahlay Serlay</t>
  </si>
  <si>
    <t>ubaid ur rehman</t>
  </si>
  <si>
    <t>GPS SEHNA</t>
  </si>
  <si>
    <t>sehna</t>
  </si>
  <si>
    <t>V.P.O Sehna tehsi kharian district Gujrat</t>
  </si>
  <si>
    <t>GPS SEIOKE</t>
  </si>
  <si>
    <t>Seoki</t>
  </si>
  <si>
    <t>village seoky post office dhunni tehsil and district Hafizabad</t>
  </si>
  <si>
    <t>Adeel Ahmad</t>
  </si>
  <si>
    <t>GPS SEKHWAN</t>
  </si>
  <si>
    <t>sekhwan</t>
  </si>
  <si>
    <t>Muhammad  Sultan</t>
  </si>
  <si>
    <t>GPS SEOKAY</t>
  </si>
  <si>
    <t>Muhammad Rafique Azam</t>
  </si>
  <si>
    <t>GPS SERI BARI</t>
  </si>
  <si>
    <t>Seri Bari P/O Samli Sanatorium</t>
  </si>
  <si>
    <t>Seri Bari</t>
  </si>
  <si>
    <t>Faisal Pervez</t>
  </si>
  <si>
    <t>GPS SERIAN WALA</t>
  </si>
  <si>
    <t>Maluwal</t>
  </si>
  <si>
    <t>Serianwala post office Maluwal</t>
  </si>
  <si>
    <t>GPS SERIEN</t>
  </si>
  <si>
    <t>Basti  Serien Mondka Road</t>
  </si>
  <si>
    <t>Serien</t>
  </si>
  <si>
    <t>GPS SERI-WAH</t>
  </si>
  <si>
    <t>basti sari wah tehsil taunsa distt dg khan</t>
  </si>
  <si>
    <t>GPS SEROY</t>
  </si>
  <si>
    <t>Seroy</t>
  </si>
  <si>
    <t>village seroy post office sarhali kalan t/d kasur</t>
  </si>
  <si>
    <t>Villag Seroy</t>
  </si>
  <si>
    <t>M Numan Ishaq</t>
  </si>
  <si>
    <t>GPS SERVICES HOSPITAL LHR</t>
  </si>
  <si>
    <t>GPS SERVICES hospital LAHORE</t>
  </si>
  <si>
    <t>Muhammad Javed Shahab</t>
  </si>
  <si>
    <t>GPS SETHAN WALA</t>
  </si>
  <si>
    <t>Sethan Wala</t>
  </si>
  <si>
    <t>P/o 29/s.p battu form chak sethanwala tehsil &amp; district pakpattan.</t>
  </si>
  <si>
    <t>26/sP</t>
  </si>
  <si>
    <t>GPS SETHANA WALI</t>
  </si>
  <si>
    <t>Sethanwali</t>
  </si>
  <si>
    <t>Chak mansha Ram  Moza sethanwali</t>
  </si>
  <si>
    <t>Mansha Ram</t>
  </si>
  <si>
    <t>GPS SEWARAH</t>
  </si>
  <si>
    <t>Gaman Sandeela</t>
  </si>
  <si>
    <t>Gps basti sewarah</t>
  </si>
  <si>
    <t>Basti Sewarah</t>
  </si>
  <si>
    <t>GPS SEWER</t>
  </si>
  <si>
    <t>Sewer</t>
  </si>
  <si>
    <t>village Sewer, Tehsil Kot momin, district sargodha</t>
  </si>
  <si>
    <t>GPS SEWRAN WALA</t>
  </si>
  <si>
    <t>Dingana</t>
  </si>
  <si>
    <t>GPS SEWRAN WALA  TEH PIPLAN DISTRICT MIANWALI</t>
  </si>
  <si>
    <t>GPS SHABAR</t>
  </si>
  <si>
    <t>chabbar p/o kangun pur</t>
  </si>
  <si>
    <t>GPS SHABAZ KEY</t>
  </si>
  <si>
    <t>Ghandi Roop Sing</t>
  </si>
  <si>
    <t>shahbaz kay teh chunian kasur</t>
  </si>
  <si>
    <t>Shahbaz Kay</t>
  </si>
  <si>
    <t>Ghulam Nabi Gill</t>
  </si>
  <si>
    <t>GPS SHABBIR KALSRY WALA</t>
  </si>
  <si>
    <t>Khairay wala</t>
  </si>
  <si>
    <t>Shabir klasray wala Teh,Chaubara Dist,Layyah</t>
  </si>
  <si>
    <t>Shabir Kalasra</t>
  </si>
  <si>
    <t>GPS SHABBIR NADIR WALA</t>
  </si>
  <si>
    <t>kallan Shah</t>
  </si>
  <si>
    <t>basti sonarey wala mouza kallan shah p/o darien t/d muzaffargerh</t>
  </si>
  <si>
    <t>Sonarey Wala</t>
  </si>
  <si>
    <t>usman Koria</t>
  </si>
  <si>
    <t>Shahid Hussain Shah</t>
  </si>
  <si>
    <t>GPS SHABEEL 70/4-R</t>
  </si>
  <si>
    <t>Ada Shabeel 70/4radda Shabeel 70/4r</t>
  </si>
  <si>
    <t>adda shabeel 70/4r</t>
  </si>
  <si>
    <t>Hafiz Muhammad Iqbal Khan</t>
  </si>
  <si>
    <t>GPS SHADAB COLONY</t>
  </si>
  <si>
    <t>st 6/7 Shadab colony Faisalabad</t>
  </si>
  <si>
    <t>Haji khan</t>
  </si>
  <si>
    <t>GPS SHADADAN</t>
  </si>
  <si>
    <t>Govt. Primary School Shadadan village &amp; p.o.  panja distt.khushab</t>
  </si>
  <si>
    <t>Panja</t>
  </si>
  <si>
    <t>Mitha Tiwana Janoobi</t>
  </si>
  <si>
    <t>Shafique ur Rehman khan</t>
  </si>
  <si>
    <t>GPS SHADAN LUND NO 1</t>
  </si>
  <si>
    <t>shadan lund</t>
  </si>
  <si>
    <t>GPS SHADAN LUND NO 2</t>
  </si>
  <si>
    <t>Chak Dando Shadan Lound</t>
  </si>
  <si>
    <t>Mohammad Ibrahim Sial</t>
  </si>
  <si>
    <t>GPS SHADAWAL MAJHA</t>
  </si>
  <si>
    <t>Shade Wal Majha</t>
  </si>
  <si>
    <t>shadiwal majha R2 block johar town</t>
  </si>
  <si>
    <t>Pia Society</t>
  </si>
  <si>
    <t>adalat masih</t>
  </si>
  <si>
    <t>GPS SHADI KAY DILLO</t>
  </si>
  <si>
    <t>Shadi Kay Dullo</t>
  </si>
  <si>
    <t>CHAK SHADI KAY DULLO</t>
  </si>
  <si>
    <t>DARBAR SALAH-UD-DEEN</t>
  </si>
  <si>
    <t>Muhammad Abdul Qayyum</t>
  </si>
  <si>
    <t>GPS SHADI KHAN</t>
  </si>
  <si>
    <t>po shadi khan tehseel hazro district attock</t>
  </si>
  <si>
    <t>Aqib Mahmood</t>
  </si>
  <si>
    <t>GPS SHADI KHAN MUNDA</t>
  </si>
  <si>
    <t>ShadiKhan Munda Munda Munda</t>
  </si>
  <si>
    <t>ShadiKhan munda</t>
  </si>
  <si>
    <t>Mehon Wala</t>
  </si>
  <si>
    <t>GPS SHADI KHAN SINAWAN</t>
  </si>
  <si>
    <t>Shadi Khan Sinawan</t>
  </si>
  <si>
    <t>Basti shadi Khan Sinawan tehsil mot adu</t>
  </si>
  <si>
    <t>GPS SHADI KHAN WALA</t>
  </si>
  <si>
    <t>shadi khan wala</t>
  </si>
  <si>
    <t>Nangal Dhuna Singh</t>
  </si>
  <si>
    <t>Aziz-Ur-Rehman</t>
  </si>
  <si>
    <t>GPS SHADI PURA</t>
  </si>
  <si>
    <t>shadipura lahore</t>
  </si>
  <si>
    <t>Syed Kafyat Ali Shah</t>
  </si>
  <si>
    <t>GPS SHADI TANDLIANWALA</t>
  </si>
  <si>
    <t>Moza Shadi Sadat</t>
  </si>
  <si>
    <t>Mauza shadi Sadaat tehsil Tandlianwala District Faisalabad</t>
  </si>
  <si>
    <t>Shadi</t>
  </si>
  <si>
    <t>ZAMAN ALI</t>
  </si>
  <si>
    <t>GPS SHADI WAL RAKKAR MEHAR PURA</t>
  </si>
  <si>
    <t>Govt. Primary School, Shadiwal Rakkar, Mehr Pura(Doban Pura), Multan Road, Lahore.</t>
  </si>
  <si>
    <t>Shadiwal Rakkar</t>
  </si>
  <si>
    <t>GPS SHADI WALA</t>
  </si>
  <si>
    <t>Shadiwala</t>
  </si>
  <si>
    <t>GPS Shadiwala</t>
  </si>
  <si>
    <t>GPS SHADMAN NOOR PURA</t>
  </si>
  <si>
    <t>dakkhana khas noor Pura virkan village shadman tehsil and district sheikhupura</t>
  </si>
  <si>
    <t>GPS SHADY WAL SAHWAN</t>
  </si>
  <si>
    <t>shadewal sahwan</t>
  </si>
  <si>
    <t>Shadewal Sahwan</t>
  </si>
  <si>
    <t>Marghzar Colony</t>
  </si>
  <si>
    <t>GPS SHAFFI ABAD CHAK NO. 117 BTDA</t>
  </si>
  <si>
    <t>Chak # 117-B/TDA</t>
  </si>
  <si>
    <t>Shafiabad,  chak # 117-B/TDA</t>
  </si>
  <si>
    <t>Shaffiabad</t>
  </si>
  <si>
    <t>Meesam Raza</t>
  </si>
  <si>
    <t>GPS SHAFI ABAD</t>
  </si>
  <si>
    <t>Shaho Channar</t>
  </si>
  <si>
    <t>shafiabad moza shaho channar khanqah sharif tehsil saddar</t>
  </si>
  <si>
    <t>Mohammad Khalid Rashid</t>
  </si>
  <si>
    <t>GPS SHAFI CHANG</t>
  </si>
  <si>
    <t>basti shafi chang</t>
  </si>
  <si>
    <t>Shafi Chang</t>
  </si>
  <si>
    <t>Abdul Jubbar Nasir</t>
  </si>
  <si>
    <t>GPS SHAFI MUHAMMAD</t>
  </si>
  <si>
    <t>mauza Mari post office shikar pur</t>
  </si>
  <si>
    <t>Basti Shafi Muhammad</t>
  </si>
  <si>
    <t>ShikarPur</t>
  </si>
  <si>
    <t>GPS SHAFI QUARTER</t>
  </si>
  <si>
    <t>Haji Darkhast Mohd</t>
  </si>
  <si>
    <t>Shafi Quarter tehsil and district Rajan pur</t>
  </si>
  <si>
    <t>Shafi Quarter</t>
  </si>
  <si>
    <t>GPS SHAH ABAD</t>
  </si>
  <si>
    <t>Bangla Nehar Sargodha Road Farooqabad</t>
  </si>
  <si>
    <t>Riaz Mahmood</t>
  </si>
  <si>
    <t>GPS SHAH ABAD SHARIF</t>
  </si>
  <si>
    <t>MOZA GHULAM NABI LAR</t>
  </si>
  <si>
    <t>SHAH ABBAD SHARIF MOZA GHULAM NABI LAR GARHI IKHTIAR KHAN</t>
  </si>
  <si>
    <t>SHAH ABBAD SHARIF</t>
  </si>
  <si>
    <t>DAND GHAGREE</t>
  </si>
  <si>
    <t>GPS SHAH ABBAS</t>
  </si>
  <si>
    <t>Basti Shah Abbas p/o 10 fw Tehsil chishtian Dist BWN</t>
  </si>
  <si>
    <t>Shah Abbas</t>
  </si>
  <si>
    <t>GPS SHAH ABDEKE</t>
  </si>
  <si>
    <t>Village Shahabdike</t>
  </si>
  <si>
    <t>GPS SHAH ABU TAHIR</t>
  </si>
  <si>
    <t>basti Rana Wahin kahror pacca</t>
  </si>
  <si>
    <t>Naiko Kara</t>
  </si>
  <si>
    <t>Syed Ghulam Qasim</t>
  </si>
  <si>
    <t>GPS SHAH AJMAL GIROTE</t>
  </si>
  <si>
    <t>village shahajmal p/o Girot</t>
  </si>
  <si>
    <t>Shahajmal</t>
  </si>
  <si>
    <t>Anas Mahmood</t>
  </si>
  <si>
    <t>GPS SHAH ALAM BINGI</t>
  </si>
  <si>
    <t>Pw</t>
  </si>
  <si>
    <t>Fida Muhammad</t>
  </si>
  <si>
    <t>GPS SHAH ALAM WALA ROKHARI</t>
  </si>
  <si>
    <t>Rokhri Pakka</t>
  </si>
  <si>
    <t>GPS shah alam wala rokhri</t>
  </si>
  <si>
    <t>GPS SHAH ALI</t>
  </si>
  <si>
    <t>Basti khuhawar , Moza Ranwan.</t>
  </si>
  <si>
    <t>GPS SHAH ALI BOHAR</t>
  </si>
  <si>
    <t>Raqba Dodyani</t>
  </si>
  <si>
    <t>Maoza Raqba Dodyani u/c Thul Ali Muhammad Tehcil Jampur District Rajanpur</t>
  </si>
  <si>
    <t>Basti Abdul Ghafar Khosa</t>
  </si>
  <si>
    <t>GPS SHAH BAIG</t>
  </si>
  <si>
    <t>Shah baig</t>
  </si>
  <si>
    <t>moza shah baig p/o mianwali quresian rahim yar khan</t>
  </si>
  <si>
    <t>Karim Bukhsh</t>
  </si>
  <si>
    <t>GPS SHAH BAKHSH</t>
  </si>
  <si>
    <t>Chakbakhar</t>
  </si>
  <si>
    <t>chakbakhar  choti zareen</t>
  </si>
  <si>
    <t>GPS SHAH BAKHSH AHMADANI</t>
  </si>
  <si>
    <t>D Jamal Khan</t>
  </si>
  <si>
    <t>basti  ghulam  Rasool dj Khan Tehsail kot chatta  dgkhan</t>
  </si>
  <si>
    <t>Basti Ghulam  Rasool</t>
  </si>
  <si>
    <t>Darkhast Jamal Kha</t>
  </si>
  <si>
    <t>GPS SHAH BURHAN</t>
  </si>
  <si>
    <t>Mohallah Shah Burhan Chiniot.</t>
  </si>
  <si>
    <t>Chiniott</t>
  </si>
  <si>
    <t>Mohammad Suleman</t>
  </si>
  <si>
    <t>GPS SHAH DHER</t>
  </si>
  <si>
    <t>Shahdher  p/o Nurtopa Tehsil Hazro   Attock</t>
  </si>
  <si>
    <t>Mohammad Mehmood Husain</t>
  </si>
  <si>
    <t>GPS SHAH DIN</t>
  </si>
  <si>
    <t>Bhutta Wahen</t>
  </si>
  <si>
    <t>Basti  Shah Din P/o Bhutta wahan</t>
  </si>
  <si>
    <t>Shah Din</t>
  </si>
  <si>
    <t>GPS SHAH DOST</t>
  </si>
  <si>
    <t>Chak Danvani</t>
  </si>
  <si>
    <t>Soon Miani Rojhan</t>
  </si>
  <si>
    <t>Basti Dhani Bux Khan</t>
  </si>
  <si>
    <t>Shehzad Goher</t>
  </si>
  <si>
    <t>GPS SHAH GARH</t>
  </si>
  <si>
    <t>p/o mondka basti shah garh</t>
  </si>
  <si>
    <t>Shah Garh</t>
  </si>
  <si>
    <t>GPS SHAH GHRIB</t>
  </si>
  <si>
    <t>Shah Ghareeb</t>
  </si>
  <si>
    <t>shahghareeb</t>
  </si>
  <si>
    <t>Muhammad Tanveer Jabbar</t>
  </si>
  <si>
    <t>GPS SHAH GUL HUSSAN</t>
  </si>
  <si>
    <t>Gps Shah Gul Hassan</t>
  </si>
  <si>
    <t>gps shah gul hassan,markaz kot qazi</t>
  </si>
  <si>
    <t>Urouge Kanwal</t>
  </si>
  <si>
    <t>GPS SHAH HABIB</t>
  </si>
  <si>
    <t>SHAH HABIB</t>
  </si>
  <si>
    <t>SHAH HABIB P/O MORE KHUNDA DISTT. NANKANA SAHIB</t>
  </si>
  <si>
    <t>Muhammad Azam Shahid</t>
  </si>
  <si>
    <t>GPS SHAH HABIB CHAK NO.148-C TDA</t>
  </si>
  <si>
    <t>Ward No1 MC Layyah</t>
  </si>
  <si>
    <t>Basti shah habib near kalma chowk layyah</t>
  </si>
  <si>
    <t>Shah habib</t>
  </si>
  <si>
    <t>MC layyah</t>
  </si>
  <si>
    <t>GPS SHAH HUSSAIN GHARBI</t>
  </si>
  <si>
    <t>Shekhana</t>
  </si>
  <si>
    <t>Moza chak shekhana, shah hussain gharbi</t>
  </si>
  <si>
    <t>Chak Shekhana</t>
  </si>
  <si>
    <t>GPS SHAH HUSSAIN P/O BOHIR MULTAN</t>
  </si>
  <si>
    <t>Basti shah hussain</t>
  </si>
  <si>
    <t>GPS SHAH INAYAT</t>
  </si>
  <si>
    <t>shah inayat  p/o ratti pindi kot radha kishen</t>
  </si>
  <si>
    <t>Hallar Key Peymar</t>
  </si>
  <si>
    <t>M Hanif Tahir</t>
  </si>
  <si>
    <t>GPS SHAH MUHAMMAD</t>
  </si>
  <si>
    <t>shah Muhammad</t>
  </si>
  <si>
    <t>shah muhammad</t>
  </si>
  <si>
    <t>Thatti Asaish</t>
  </si>
  <si>
    <t>Abdurehman</t>
  </si>
  <si>
    <t>GPS SHAH MUHAMMAD BARAKA</t>
  </si>
  <si>
    <t>chack Shah Muhammad Bareka Tehsil Minchinabad District Bahawalnagar</t>
  </si>
  <si>
    <t>GPS SHAH MUHAMMAD JANUBI</t>
  </si>
  <si>
    <t>shah muhammad janubi</t>
  </si>
  <si>
    <t>basti horay wala shah muhammad janobi</t>
  </si>
  <si>
    <t>basti horay wala</t>
  </si>
  <si>
    <t>Muhammad irfan kareem</t>
  </si>
  <si>
    <t>GPS SHAH MUHAMMAD MARAL</t>
  </si>
  <si>
    <t>Shah Muhammad Maril</t>
  </si>
  <si>
    <t>ada Mud Shadu p / o mari Allah bachaya tehseel khan pur RYKhan</t>
  </si>
  <si>
    <t>Ada Mud Shadu</t>
  </si>
  <si>
    <t>GPS SHAH NAL</t>
  </si>
  <si>
    <t>Salsader</t>
  </si>
  <si>
    <t>p/o shahnal station  gps  shahnal lodhran</t>
  </si>
  <si>
    <t>Shahanl</t>
  </si>
  <si>
    <t>GPS SHAH NAWAZ</t>
  </si>
  <si>
    <t>Gps shahnawaz tehsil Depalpur District Okara</t>
  </si>
  <si>
    <t>GPS SHAH NAWAZ ABAD</t>
  </si>
  <si>
    <t>NARI JANOBI</t>
  </si>
  <si>
    <t>GPS Shah Nawaz Abad Nari Janobi Tehsil Taunsa District D.G Khan</t>
  </si>
  <si>
    <t>NARI SHUMALI</t>
  </si>
  <si>
    <t>GPS SHAH NAWAZ KHAIL</t>
  </si>
  <si>
    <t>Dera shahnawaz khel golewali</t>
  </si>
  <si>
    <t>Muhammad Qayyum khan</t>
  </si>
  <si>
    <t>GPS SHAH NAWAZ WALA</t>
  </si>
  <si>
    <t>Shahnawaz Wala</t>
  </si>
  <si>
    <t>Shahnawaz wala p /o wapda colony tehsil piplan district mianwali</t>
  </si>
  <si>
    <t>GPS SHAH NIKDAR</t>
  </si>
  <si>
    <t>shah Nikdar</t>
  </si>
  <si>
    <t>basic health unit road Shah Nikdar</t>
  </si>
  <si>
    <t>shah nikdar</t>
  </si>
  <si>
    <t>GPS SHAH PUR CHANJORA</t>
  </si>
  <si>
    <t>Shahpur Chanjora</t>
  </si>
  <si>
    <t>GPS   Shah Pur chanjora</t>
  </si>
  <si>
    <t>GPS SHAH PUR KHIALI</t>
  </si>
  <si>
    <t>Tara wala bazar faisal colony gujranwala</t>
  </si>
  <si>
    <t>Zaheer Aslam</t>
  </si>
  <si>
    <t>GPS SHAH PUR PO DHANDI</t>
  </si>
  <si>
    <t>Basti Shah pur Rais Ahmed den chachar marks dhandi</t>
  </si>
  <si>
    <t>Shah Pur Basti Rais Ahmed den chachar</t>
  </si>
  <si>
    <t>M WARYYAM KHAN</t>
  </si>
  <si>
    <t>GPS SHAH PUR SADAR</t>
  </si>
  <si>
    <t>Shahpursadar</t>
  </si>
  <si>
    <t>near post office shahpursadar tehsil shahpur district sargodha</t>
  </si>
  <si>
    <t>MUHAMMAD RAIZ</t>
  </si>
  <si>
    <t>GPS SHAH PUR VIRKAN</t>
  </si>
  <si>
    <t>Shahpurvirkan</t>
  </si>
  <si>
    <t>shahpurvirkan</t>
  </si>
  <si>
    <t>Bahryawala</t>
  </si>
  <si>
    <t>GPS SHAH RAI BAHADAR</t>
  </si>
  <si>
    <t>Shah Rai Bahadur</t>
  </si>
  <si>
    <t>village Shah Rai Bahadur, PO Shah Rai Saadullah</t>
  </si>
  <si>
    <t>GPS SHAH RANGEELA HASILPUR</t>
  </si>
  <si>
    <t>Ghreebmohalla</t>
  </si>
  <si>
    <t>Arfatcolony hasil pur</t>
  </si>
  <si>
    <t>Shahrangilla</t>
  </si>
  <si>
    <t>GPS SHAH RODU</t>
  </si>
  <si>
    <t>SHAH RODU</t>
  </si>
  <si>
    <t>GOVERNMENT PRIMARY SCHOOL SHAH RODU</t>
  </si>
  <si>
    <t>MANGOWAL WEST</t>
  </si>
  <si>
    <t>Mustansar Mahmood</t>
  </si>
  <si>
    <t>GPS SHAH SADDAR DIN</t>
  </si>
  <si>
    <t>shah sadar din teh &amp; district d g khan</t>
  </si>
  <si>
    <t>Shah sadar Din</t>
  </si>
  <si>
    <t>GPS SHAH SADIQ NIHUNG</t>
  </si>
  <si>
    <t>chah arbi wala mouza shah sadiq nehang</t>
  </si>
  <si>
    <t>GPS SHAH SAID ALI</t>
  </si>
  <si>
    <t>R/o shah Said Ali u. c Haider Abad Tehseel Mankera District Bhakkar</t>
  </si>
  <si>
    <t>Mushtaq hussain shah hashmi</t>
  </si>
  <si>
    <t>GPS SHAH SAID BULHOO</t>
  </si>
  <si>
    <t>Shah Said Bulhoo</t>
  </si>
  <si>
    <t>VPO Shah Said Bulhoo</t>
  </si>
  <si>
    <t>GPS SHAH SATTAR</t>
  </si>
  <si>
    <t>ShahSattar</t>
  </si>
  <si>
    <t>Shah Sattar tehsil  mailsi</t>
  </si>
  <si>
    <t>GPS SHAH SHAHEED</t>
  </si>
  <si>
    <t>Shah Shaheed</t>
  </si>
  <si>
    <t>Shah Shaheed bata pur Lahore</t>
  </si>
  <si>
    <t>Syed Maqsood Ali Shah</t>
  </si>
  <si>
    <t>GPS SHAH WALA (PULL DHOL WALA)</t>
  </si>
  <si>
    <t>shah wala mouza pahar pur nashaib</t>
  </si>
  <si>
    <t>GPS SHAH WALA BASTI DARKHAN</t>
  </si>
  <si>
    <t>Ghadi Sharqi</t>
  </si>
  <si>
    <t>GPS SHAH WALA P.O KHOKHAR WALA</t>
  </si>
  <si>
    <t>Mouza shah wala p/o Khokhar wala</t>
  </si>
  <si>
    <t>GPS SHAH WALA P/O KOTLA CHAKAR JPP.</t>
  </si>
  <si>
    <t>l Pur Pir Wala, District Multan.</t>
  </si>
  <si>
    <t>GPS SHAH YOUSAF</t>
  </si>
  <si>
    <t>VPO shahyousaf teh.shahpur distt.sargodha</t>
  </si>
  <si>
    <t>GPS SHAHABDI WAL</t>
  </si>
  <si>
    <t>SHAHABDIWAL</t>
  </si>
  <si>
    <t>vill. shahabdiwal, p/o doulat nagar gujrat.</t>
  </si>
  <si>
    <t>PEROSHAH</t>
  </si>
  <si>
    <t>TAHIR AFZAL</t>
  </si>
  <si>
    <t>GPS SHAHAB-UD-DIN KHAN</t>
  </si>
  <si>
    <t>basti shahabudeen khan</t>
  </si>
  <si>
    <t>Basti Shahabudeen Khan</t>
  </si>
  <si>
    <t>GPS SHAHAL WALA</t>
  </si>
  <si>
    <t>jhurar wala</t>
  </si>
  <si>
    <t>Jhurar Wala</t>
  </si>
  <si>
    <t>Muhammad Ali Javid</t>
  </si>
  <si>
    <t>GPS SHAHAN WALA KHUSHAB</t>
  </si>
  <si>
    <t>mohallah hussain abad khushab</t>
  </si>
  <si>
    <t>Arslan Mumtaz</t>
  </si>
  <si>
    <t>GPS SHAHANA WALA</t>
  </si>
  <si>
    <t>basti Sadat,  mirhata, Sadardin west dgk khan</t>
  </si>
  <si>
    <t>Muhammad Sharif Sikhani</t>
  </si>
  <si>
    <t>GPS SHAHANI WALA</t>
  </si>
  <si>
    <t>Chk Kora Khan</t>
  </si>
  <si>
    <t>band ali wala chak kora khan kot mubarak Dera Ghazi Khan</t>
  </si>
  <si>
    <t>Band Ali Wala</t>
  </si>
  <si>
    <t>Water supply scheme by disst Govt</t>
  </si>
  <si>
    <t>GPS SHAHANI WALA (CHAK NO. 114-B TDA)</t>
  </si>
  <si>
    <t>Do Charkha Thal Jandi</t>
  </si>
  <si>
    <t>Chak No.114-B/TDA P/O Rana Nagar Teh&amp;Dist Layyah</t>
  </si>
  <si>
    <t>Basti Mian</t>
  </si>
  <si>
    <t>GPS SHAHBAZ KHAN ROAD KASUR</t>
  </si>
  <si>
    <t>Kasur Kachi Abadi</t>
  </si>
  <si>
    <t>Kachi Abadi shahbaz Khan Road kasur</t>
  </si>
  <si>
    <t>Kachi Abadi Shahbaz Khan Road Kasur</t>
  </si>
  <si>
    <t>M C Kasur</t>
  </si>
  <si>
    <t>GPS SHAHBAZ PUR SHARQI</t>
  </si>
  <si>
    <t>Jindu Daya</t>
  </si>
  <si>
    <t>Mouza jindu daya Shehbaz pur sharqi</t>
  </si>
  <si>
    <t>Habib Abad Malah</t>
  </si>
  <si>
    <t>Ehsan Karim</t>
  </si>
  <si>
    <t>GPS SHAHBAZ WALA</t>
  </si>
  <si>
    <t>VPO Dadu.village Shahbaz wala tehsil kalur kot.dist.Bhakkar</t>
  </si>
  <si>
    <t>Shahbaz Wala</t>
  </si>
  <si>
    <t>Ghulama No 1</t>
  </si>
  <si>
    <t>Sami ullah</t>
  </si>
  <si>
    <t>GPS SHAHBAZIAN WALA</t>
  </si>
  <si>
    <t>Hassan Pur Tiw Tiwana</t>
  </si>
  <si>
    <t>vpo hassan pur tiwana hamoka khushab</t>
  </si>
  <si>
    <t>ALI AKHTAR</t>
  </si>
  <si>
    <t>GPS SHAHBDIWAL</t>
  </si>
  <si>
    <t>Shahabdiwal</t>
  </si>
  <si>
    <t>Shabdiwal dinga road gujrat</t>
  </si>
  <si>
    <t>mosque</t>
  </si>
  <si>
    <t>GPS SHAHDAD PATHAN</t>
  </si>
  <si>
    <t>basti shahdad pathan</t>
  </si>
  <si>
    <t>Bsti Shahdad Pathan</t>
  </si>
  <si>
    <t>Old Hsp</t>
  </si>
  <si>
    <t>Amara Rehmat</t>
  </si>
  <si>
    <t>GPS SHAHDI WALA</t>
  </si>
  <si>
    <t>shadiwala p/o rabana tehsil sahiwal district sargodha</t>
  </si>
  <si>
    <t>GPS SHAHDUM SHAH</t>
  </si>
  <si>
    <t>Shahdam Shah</t>
  </si>
  <si>
    <t>moza shahdam shah post box no mahta jhedow</t>
  </si>
  <si>
    <t>GPS SHAHEED CHOWK</t>
  </si>
  <si>
    <t>Shaheed chwok</t>
  </si>
  <si>
    <t>Shaheedchok Haroonabad  Bahawalnagar</t>
  </si>
  <si>
    <t>GPS SHAHEED MARD GHAZI</t>
  </si>
  <si>
    <t>Sabai Wala</t>
  </si>
  <si>
    <t>Basti Danwar UC Sabay Wala Tehsil Jatoi</t>
  </si>
  <si>
    <t>Basti Danwar</t>
  </si>
  <si>
    <t>Muhammad Ramiz Murtaza</t>
  </si>
  <si>
    <t>GPS SHAHEED WALA</t>
  </si>
  <si>
    <t>basti dullay wala muaza patti gadi</t>
  </si>
  <si>
    <t>Basti Dullay wala</t>
  </si>
  <si>
    <t>Jan Muhammad Khan</t>
  </si>
  <si>
    <t>GPS SHAHEEDI KOT</t>
  </si>
  <si>
    <t>Shaheedi kot</t>
  </si>
  <si>
    <t>village shahdikot</t>
  </si>
  <si>
    <t>GPS SHAHEEN COLONY</t>
  </si>
  <si>
    <t>Shaheen Colony</t>
  </si>
  <si>
    <t>Shaheen colony</t>
  </si>
  <si>
    <t>GPS SHAHER SOBAY KHAN</t>
  </si>
  <si>
    <t>basti shehir sobay khan moza khan wah tehsil khan pur district rahim yar khan</t>
  </si>
  <si>
    <t>Shehir Sobay Khan</t>
  </si>
  <si>
    <t>Chak 94-np</t>
  </si>
  <si>
    <t>GPS SHAHER SULTAN NO. 2</t>
  </si>
  <si>
    <t>M/C SHAHER SULTAN Tehsil Jatoi Distric Muzaffar Garh</t>
  </si>
  <si>
    <t>Muhammad Shahzad Naveed</t>
  </si>
  <si>
    <t>GPS SHAHER SULTAN NO. 3</t>
  </si>
  <si>
    <t>meranpur</t>
  </si>
  <si>
    <t>moza meran pur shaher sultan no. 3</t>
  </si>
  <si>
    <t>waryam</t>
  </si>
  <si>
    <t>Muhammad Shahid Rasool</t>
  </si>
  <si>
    <t>GPS SHAHER SULTAN NO. 4</t>
  </si>
  <si>
    <t>bsti dabli wala</t>
  </si>
  <si>
    <t>Dabli Wala</t>
  </si>
  <si>
    <t>Mc Shaher Sultan</t>
  </si>
  <si>
    <t>Muhammad Tariq Farid</t>
  </si>
  <si>
    <t>GPS SHAHI</t>
  </si>
  <si>
    <t>chah shahi p/o gohar wala teh mankera bhakkar</t>
  </si>
  <si>
    <t>Chah Shahi</t>
  </si>
  <si>
    <t>GPS SHAHI WALA</t>
  </si>
  <si>
    <t>p/ojhammat shumali R/o shahi wala</t>
  </si>
  <si>
    <t>GPS SHAHJAHAN P.O SAHUKA</t>
  </si>
  <si>
    <t>Shah Jahan</t>
  </si>
  <si>
    <t>miza shah jahan, p/o sahuka tehsil burewala, district vehari</t>
  </si>
  <si>
    <t>Ali Abbass</t>
  </si>
  <si>
    <t>GPS SHAHMSHAD ABAD</t>
  </si>
  <si>
    <t>GPS shamshad abad</t>
  </si>
  <si>
    <t>Shamshad Abad</t>
  </si>
  <si>
    <t>Behqan Wala</t>
  </si>
  <si>
    <t>GPS SHAHNAWAZ PURA</t>
  </si>
  <si>
    <t>Rustam Leghari</t>
  </si>
  <si>
    <t>moza rustam leghari,p/o kotla mughlan</t>
  </si>
  <si>
    <t>Bhambay Wala</t>
  </si>
  <si>
    <t>Peeru Wala</t>
  </si>
  <si>
    <t>GPS SHAHO BUZDAR</t>
  </si>
  <si>
    <t>basti shaho buzdar</t>
  </si>
  <si>
    <t>Shahoo Buzdar</t>
  </si>
  <si>
    <t>GPS SHAHPUR</t>
  </si>
  <si>
    <t>govt.boys primary school shahpur</t>
  </si>
  <si>
    <t>GPS SHAHPUR CITY</t>
  </si>
  <si>
    <t>ward no 3 shahpur city</t>
  </si>
  <si>
    <t>Syed Ijaz Hussain Shah</t>
  </si>
  <si>
    <t>GPS SHAHPUR KANGRA KIKAR WALA</t>
  </si>
  <si>
    <t>village kikerwala post office nehang tehsil Sahiwal District sargodha</t>
  </si>
  <si>
    <t>Kikerwala</t>
  </si>
  <si>
    <t>Muhammad Adeel Hassan</t>
  </si>
  <si>
    <t>GPS SHAHPUR SYEDAN</t>
  </si>
  <si>
    <t>Shahpur Syedan</t>
  </si>
  <si>
    <t>village shahpur syedan adyala road rawalpindi</t>
  </si>
  <si>
    <t>GPS SHAHSARMUST</t>
  </si>
  <si>
    <t>Shahsarmast</t>
  </si>
  <si>
    <t>Village &amp; P/O Shahsarmast Teh:Kharian Distt: Gujrat</t>
  </si>
  <si>
    <t>Musrat Shaheen</t>
  </si>
  <si>
    <t>GPS SHAHTAJ SUGAR MILL, M.B.DIN</t>
  </si>
  <si>
    <t>Kot Nawab Shah</t>
  </si>
  <si>
    <t>GPS SHAHZAD MODEL FARM</t>
  </si>
  <si>
    <t>Chak Soori</t>
  </si>
  <si>
    <t>Basti sher jan snmblani</t>
  </si>
  <si>
    <t>GPS SHAHZAD TOWN</t>
  </si>
  <si>
    <t>shahzad town Muridke</t>
  </si>
  <si>
    <t>Shahzad Town</t>
  </si>
  <si>
    <t>Shazia Kausar</t>
  </si>
  <si>
    <t>GPS SHAIKH COLONY FSD</t>
  </si>
  <si>
    <t>Gulfishan Colony</t>
  </si>
  <si>
    <t>gulfishan colony D block</t>
  </si>
  <si>
    <t>MUHAMMAD NOOR</t>
  </si>
  <si>
    <t>GPS SHAIKH DAWA</t>
  </si>
  <si>
    <t>chah shaikh dawa moza nawan kot tehsil chowbara layyah</t>
  </si>
  <si>
    <t>Shaikh Dawa</t>
  </si>
  <si>
    <t>GPS SHAIKH UMER</t>
  </si>
  <si>
    <t>Sheikh umer</t>
  </si>
  <si>
    <t>Basti sheikh umer,Mouza sheikh umer Mustaqil</t>
  </si>
  <si>
    <t>GPS SHAIKHAN</t>
  </si>
  <si>
    <t>sheikhan</t>
  </si>
  <si>
    <t>Gps shekhan moza sheikhan tehsil lalian district chiniot</t>
  </si>
  <si>
    <t>Imran Ali Jafar</t>
  </si>
  <si>
    <t>GPS SHAIKHRAY WALA MOZA CHAK NO 67</t>
  </si>
  <si>
    <t>Chak 67/M</t>
  </si>
  <si>
    <t>Basti Deen Pur Chak 67/M Tehsil Jalalpur Pir Wala District Multan</t>
  </si>
  <si>
    <t>Chak 67/M Basti Deen Pur</t>
  </si>
  <si>
    <t>Muhammad irfan</t>
  </si>
  <si>
    <t>GPS SHAIKHU</t>
  </si>
  <si>
    <t>village sheikhu p.o okhli mohla tehsil and district khushab</t>
  </si>
  <si>
    <t>GPS SHAKARGARH NO 1</t>
  </si>
  <si>
    <t>Mohala  Bralvi</t>
  </si>
  <si>
    <t>GPS shakargarh</t>
  </si>
  <si>
    <t>Mc Skg</t>
  </si>
  <si>
    <t>Hafiz Muhammad Arif</t>
  </si>
  <si>
    <t>GPS SHAKH-E-MADDINA MULTAN P/O JHARIAN WALA MULTAN</t>
  </si>
  <si>
    <t>govt ps sh kh madina matti tal road multan</t>
  </si>
  <si>
    <t>Wazeer Shah Wala</t>
  </si>
  <si>
    <t>GPS SHAKIR KOT</t>
  </si>
  <si>
    <t>Basti shakir kot</t>
  </si>
  <si>
    <t>Shakir Kot</t>
  </si>
  <si>
    <t>Mohib Ali Shakir</t>
  </si>
  <si>
    <t>selef</t>
  </si>
  <si>
    <t>GPS SHAKKER BELA</t>
  </si>
  <si>
    <t>Basti Langhi Uc Binda ishaq tehsil.Jatoi district  muzaffargarh</t>
  </si>
  <si>
    <t>Langhi</t>
  </si>
  <si>
    <t>GPS SHAKROO KAY DAHAR, TULAMBA</t>
  </si>
  <si>
    <t>Bopri Aia Khera</t>
  </si>
  <si>
    <t>basti shakroo kay dahar moza bopri aia khera mian channu</t>
  </si>
  <si>
    <t>Shakroo K Dahar</t>
  </si>
  <si>
    <t>123/7-ER</t>
  </si>
  <si>
    <t>GPS SHALOLIAN WALA</t>
  </si>
  <si>
    <t>Dera Hakim khan Shaloli  mitha tiwana</t>
  </si>
  <si>
    <t>GPS SHAM DIN WAGRA</t>
  </si>
  <si>
    <t>Sham Din Wahgra</t>
  </si>
  <si>
    <t>chak sham din wahgra tehsil dipalpur distt okara</t>
  </si>
  <si>
    <t>Mansoor Ashfaq</t>
  </si>
  <si>
    <t>GPS SHAM KOT KOHNA</t>
  </si>
  <si>
    <t>Sham Kot Kohna</t>
  </si>
  <si>
    <t>GO VT P/S SHAM KOT KOHNA</t>
  </si>
  <si>
    <t>GPS SHAM PUR</t>
  </si>
  <si>
    <t>village Shampur Khokhran post office Mari Khokhran</t>
  </si>
  <si>
    <t>Justin John</t>
  </si>
  <si>
    <t>GPS SHAMAS KAY</t>
  </si>
  <si>
    <t>Shamas kay</t>
  </si>
  <si>
    <t>GPS SHAMAS WALA</t>
  </si>
  <si>
    <t>GPS Shamas Wala,P/O Mandisadiqganj,Tehsil Minchinabad,District Bahawalnagar</t>
  </si>
  <si>
    <t>GPS SHAMEER KULIAR</t>
  </si>
  <si>
    <t>BPS shameerkulyar markaz bahar khakhi tehsil liaqat pur district rahim yar khan</t>
  </si>
  <si>
    <t>Shameerkulyar</t>
  </si>
  <si>
    <t>Mohammad Riaz Azad</t>
  </si>
  <si>
    <t>GPS SHAMIM ABAD</t>
  </si>
  <si>
    <t>Mohallah Shamimabad uchsharif</t>
  </si>
  <si>
    <t>Uchsharif</t>
  </si>
  <si>
    <t>GPS SHAMKE</t>
  </si>
  <si>
    <t>shamke</t>
  </si>
  <si>
    <t>GPS SHAMS UL ULOOM</t>
  </si>
  <si>
    <t>nada gabool choxk</t>
  </si>
  <si>
    <t>Khawaja Muhammad Abbas</t>
  </si>
  <si>
    <t>GPS SHAMSHER TOWN</t>
  </si>
  <si>
    <t>GPS shamsher town sargodha</t>
  </si>
  <si>
    <t>GPS SHAMS-UD-DIN WALA SHUJA ABAD</t>
  </si>
  <si>
    <t>Dhoondu</t>
  </si>
  <si>
    <t>basti jam mouza dhoondu</t>
  </si>
  <si>
    <t>GPS SHAMS-UL-QURAN</t>
  </si>
  <si>
    <t>Basti noor Muhammad pati Tomi moza Dalana D.G.Kham</t>
  </si>
  <si>
    <t>Pati Tomi</t>
  </si>
  <si>
    <t>GPS SHANKAR PUR</t>
  </si>
  <si>
    <t>village Shanker Pur PO Beghwal Awan Sialkot</t>
  </si>
  <si>
    <t>Beghwal Awan</t>
  </si>
  <si>
    <t>Shamas Pervaiz</t>
  </si>
  <si>
    <t>GPS SHANMAY WALA</t>
  </si>
  <si>
    <t>Shanmaywala moza karluwala</t>
  </si>
  <si>
    <t>SHANMAYWALA</t>
  </si>
  <si>
    <t>AAMER HAYAT</t>
  </si>
  <si>
    <t>GPS SHARAF PUR</t>
  </si>
  <si>
    <t>Sharaf Pur</t>
  </si>
  <si>
    <t>Moza sharafpur Teh.Minchanabad District Bahawalnagar</t>
  </si>
  <si>
    <t>GPS SHARAQPUR NO.1</t>
  </si>
  <si>
    <t>govt primary school sharaqpur 1 tehsil road sqp</t>
  </si>
  <si>
    <t>mc sharaqpur</t>
  </si>
  <si>
    <t>MOHAMMAD SALEEM</t>
  </si>
  <si>
    <t>GPS SHARAY WALA</t>
  </si>
  <si>
    <t>basti sabqi</t>
  </si>
  <si>
    <t>Basti Sabqi</t>
  </si>
  <si>
    <t>GPS SHARBAGA</t>
  </si>
  <si>
    <t>sharbaga</t>
  </si>
  <si>
    <t>Muhammad Athar Javed</t>
  </si>
  <si>
    <t>GPS SHAREEN AWAN</t>
  </si>
  <si>
    <t>Shareen Awan</t>
  </si>
  <si>
    <t>mouza shareen awan</t>
  </si>
  <si>
    <t>GPS SHAREENH</t>
  </si>
  <si>
    <t>govt p/s shareenh tehsil jhang</t>
  </si>
  <si>
    <t>Zafir Iqbal Haji</t>
  </si>
  <si>
    <t>GPS SHARIAN WALI</t>
  </si>
  <si>
    <t>Sharianwali</t>
  </si>
  <si>
    <t>MUHAMMAD MUBASHAR HUSSAIN</t>
  </si>
  <si>
    <t>GPS SHARIF ARAIN</t>
  </si>
  <si>
    <t>Sharif Araian</t>
  </si>
  <si>
    <t>mouza sharif araian p/o kot sultan</t>
  </si>
  <si>
    <t>Peer Jaggi Sharif</t>
  </si>
  <si>
    <t>GPS SHARIF DEH</t>
  </si>
  <si>
    <t>Sharifdeh</t>
  </si>
  <si>
    <t>sharifdeh</t>
  </si>
  <si>
    <t>Mehta Jhedo</t>
  </si>
  <si>
    <t>GPS SHARIF FARM RAHWALI</t>
  </si>
  <si>
    <t>Sharif Farm Rahwali</t>
  </si>
  <si>
    <t>Muhammad Luqman Sajid</t>
  </si>
  <si>
    <t>GPS SHARIF KHEL</t>
  </si>
  <si>
    <t>Mohallah Sharif Khel, Daud Khel</t>
  </si>
  <si>
    <t>GPS SHARIF PUR NAWAB PUR MULTAN</t>
  </si>
  <si>
    <t>P/O Nawab pur Basti sharif pur Multan</t>
  </si>
  <si>
    <t>GPS SHARIF PURA PO ASHRAF SHAH</t>
  </si>
  <si>
    <t>Shah Sattr</t>
  </si>
  <si>
    <t>chah peer wala moza shah sattar mailsi vehari</t>
  </si>
  <si>
    <t>GPS SHARIFA</t>
  </si>
  <si>
    <t>Sharifa</t>
  </si>
  <si>
    <t>sharifa p. o. box vijh tehsil shahpur</t>
  </si>
  <si>
    <t>GPS SHARQIA RIZVIA</t>
  </si>
  <si>
    <t>grain market swl</t>
  </si>
  <si>
    <t>Grain Market Sahiwal</t>
  </si>
  <si>
    <t>Grain Market</t>
  </si>
  <si>
    <t>Muhammad Jafar Azeem</t>
  </si>
  <si>
    <t>GPS SHATAB GARH</t>
  </si>
  <si>
    <t>Stab Garh</t>
  </si>
  <si>
    <t>GPS SHAUKAT ISLAMIA BHERA</t>
  </si>
  <si>
    <t>Mohallah Haji Gulab Bhera</t>
  </si>
  <si>
    <t>GPS SHAWAR WALA</t>
  </si>
  <si>
    <t>gps shawar wala village khanan wala tehsil mankera disst.bhakkar</t>
  </si>
  <si>
    <t>Khanan Wala</t>
  </si>
  <si>
    <t>GPS SHEAHLANI GHARBI</t>
  </si>
  <si>
    <t>Basti  sheahlani gharbi post office kot qaisrani</t>
  </si>
  <si>
    <t>Sheahlani Gharbi</t>
  </si>
  <si>
    <t>GPS SHEER SINGH</t>
  </si>
  <si>
    <t>basti bhatian near mohal pul P/O Gulab Ali teh &amp; Distt bahawal nagar</t>
  </si>
  <si>
    <t>Basti Bhatian</t>
  </si>
  <si>
    <t>Teko Ram Pura</t>
  </si>
  <si>
    <t>GPS SHEHAN WALA</t>
  </si>
  <si>
    <t>Aora</t>
  </si>
  <si>
    <t>village Shehanwala</t>
  </si>
  <si>
    <t>Abdul AZIZ</t>
  </si>
  <si>
    <t>GPS SHEHAR NINDO KHAN</t>
  </si>
  <si>
    <t>Shehar Nindoo Khan</t>
  </si>
  <si>
    <t>Mauza Shehar Nindoo Khan</t>
  </si>
  <si>
    <t>Shad Muhammad</t>
  </si>
  <si>
    <t>GPS SHEHNI WALA</t>
  </si>
  <si>
    <t>shehni wala post office mandiala tega tehsil kamoki dist. Gujranwala</t>
  </si>
  <si>
    <t>GPS SHEIK FAZAL</t>
  </si>
  <si>
    <t>Chak No. 98/EB sheikh fazal the. burewala ( Vehari)</t>
  </si>
  <si>
    <t>Muhammad Abbass</t>
  </si>
  <si>
    <t>GPS SHEIKH ABAD</t>
  </si>
  <si>
    <t>sheikh Abad vpo waisa tehsil hazro district attock</t>
  </si>
  <si>
    <t>GPS SHEIKH AHMAD</t>
  </si>
  <si>
    <t>vpo roda khushab</t>
  </si>
  <si>
    <t>GPS SHEIKH ALI</t>
  </si>
  <si>
    <t>multan ali pur road moza sheikh Ali tehsil jatoi muzaffar Garh</t>
  </si>
  <si>
    <t>Muhammad Kashif Sial</t>
  </si>
  <si>
    <t>GPS SHEIKH ALI PUR</t>
  </si>
  <si>
    <t>GPS sheikh ali pur teh.phalia distt.m.b.din</t>
  </si>
  <si>
    <t>GPS SHEIKH CHOHAR</t>
  </si>
  <si>
    <t>Sheikh chuhar</t>
  </si>
  <si>
    <t>sheikh chuhar jhang</t>
  </si>
  <si>
    <t>Waseem Ullah Mansha</t>
  </si>
  <si>
    <t>GPS SHEIKH DA KOT</t>
  </si>
  <si>
    <t>Sheikh Da Kot Mandi Faizabad Tehsil &amp; Distt Nankana Sahib</t>
  </si>
  <si>
    <t>Sheikh Da Kot</t>
  </si>
  <si>
    <t>Mahboob  Akhtar</t>
  </si>
  <si>
    <t>GPS SHEIKH DA TUBE WELL</t>
  </si>
  <si>
    <t>Sheikh Da Tubewell</t>
  </si>
  <si>
    <t>sheikh da tubewell</t>
  </si>
  <si>
    <t>Bhuchoki Par</t>
  </si>
  <si>
    <t>Muhammad Rizwan Haider</t>
  </si>
  <si>
    <t>GPS SHEIKH FEROZ WALA</t>
  </si>
  <si>
    <t>Sheikh Feroz wala Po Awana Wala Teh Esakhel District Mianwali</t>
  </si>
  <si>
    <t>Sheikh Feroz wala</t>
  </si>
  <si>
    <t>Haseeb Ur Rehman Hashmi</t>
  </si>
  <si>
    <t>Marsibal Pump</t>
  </si>
  <si>
    <t>GPS SHEIKH GURDAH</t>
  </si>
  <si>
    <t>SHEIKH GURDAH GURDAH</t>
  </si>
  <si>
    <t>BASTI SHEIKH GURDAH, P/O TIBBI QAISRANI, U/C BABBI</t>
  </si>
  <si>
    <t>GPS SHEIKH IBRAHIM</t>
  </si>
  <si>
    <t>Basti sheikh ibrahim tehsil taunsa dgk</t>
  </si>
  <si>
    <t>GPS SHEIKH ISMAIL</t>
  </si>
  <si>
    <t>Kotla ISMAIL</t>
  </si>
  <si>
    <t>BASTI SHEIKH ISMAIL, P/O TIBBI QAISRANI, U/C TIBBI QAISRANI</t>
  </si>
  <si>
    <t>SHEIKH ISMAIL</t>
  </si>
  <si>
    <t>RASHEED AHMAD KHALID</t>
  </si>
  <si>
    <t>GPS SHEIKH JALAL SHAH CHAK NO 3/3</t>
  </si>
  <si>
    <t>GPS Sheikh Jalal Shah, Chak No. 3/3L, Mouza Vijhi, Tehsil Ahmad Pur Sial, Jhang</t>
  </si>
  <si>
    <t>Chak No 3/3L</t>
  </si>
  <si>
    <t>GPS SHEIKH JALIL</t>
  </si>
  <si>
    <t>Sheikh Jalil</t>
  </si>
  <si>
    <t>Sheikh jalil</t>
  </si>
  <si>
    <t>Amjad Abbas</t>
  </si>
  <si>
    <t>GPS SHEIKH JIVENDA</t>
  </si>
  <si>
    <t>village marah</t>
  </si>
  <si>
    <t>Village Marah</t>
  </si>
  <si>
    <t>GPS SHEIKH LAAL WALA</t>
  </si>
  <si>
    <t>p/o utra sandila moza utra basti mosay wala Th/ d  m.garh</t>
  </si>
  <si>
    <t>Mosay Wala</t>
  </si>
  <si>
    <t>GPS SHEIKH PUR DRIG P/O GARDEZPUR</t>
  </si>
  <si>
    <t>Gardiz Pur</t>
  </si>
  <si>
    <t>nawan shehr p/o gardiz Pur tehsil Shujabad district Multan</t>
  </si>
  <si>
    <t>GPS SHEIKH PUR NO. 1</t>
  </si>
  <si>
    <t>basti juma wala</t>
  </si>
  <si>
    <t>Juma Wala</t>
  </si>
  <si>
    <t>Sady wahin</t>
  </si>
  <si>
    <t>Syed Ghulam Abbas Shah</t>
  </si>
  <si>
    <t>GPS SHEIKH PURA KOHNA</t>
  </si>
  <si>
    <t>sheikh pura kohn p/b mahalam kalan tehsil and district kasur</t>
  </si>
  <si>
    <t>mirza majid shahzad</t>
  </si>
  <si>
    <t>GPS SHEIKH ROSHAN</t>
  </si>
  <si>
    <t>Basti Sheikh Roshan</t>
  </si>
  <si>
    <t>GPS SHEIKH SAD KALU WALA</t>
  </si>
  <si>
    <t>Sheikh Sad kalu wala</t>
  </si>
  <si>
    <t>Thathi Usmsn</t>
  </si>
  <si>
    <t>GPS SHEIKH WAHIN JADEED</t>
  </si>
  <si>
    <t>Taj Pur Mureed Wala</t>
  </si>
  <si>
    <t>moza taj pur mureed wala p/o sheikh Wahan</t>
  </si>
  <si>
    <t>Murtaza Bad</t>
  </si>
  <si>
    <t>GPS SHEIKH ZADA</t>
  </si>
  <si>
    <t>Sheikh Zada</t>
  </si>
  <si>
    <t>Village Sheikh Zada Rwp</t>
  </si>
  <si>
    <t>GPS SHEIKHAN WALA</t>
  </si>
  <si>
    <t>Tri Khel Kacha</t>
  </si>
  <si>
    <t>po nauranga disstric mianwali</t>
  </si>
  <si>
    <t>Bashir Khan</t>
  </si>
  <si>
    <t>GPS SHEIKHANI</t>
  </si>
  <si>
    <t>basti sheikhani</t>
  </si>
  <si>
    <t>GPS SHEIKHU SHARIF</t>
  </si>
  <si>
    <t>sheikhu sharif sadar gogera okara</t>
  </si>
  <si>
    <t>Shaikhu Sharif</t>
  </si>
  <si>
    <t>GPS SHEIN WALA</t>
  </si>
  <si>
    <t>Sheinwal</t>
  </si>
  <si>
    <t>Sheinwal p/o Hujra Shah Moqeem Tehsil Depalpur District Okara.</t>
  </si>
  <si>
    <t>GPS SHER ABAD CHINIOT</t>
  </si>
  <si>
    <t>Kher Pur</t>
  </si>
  <si>
    <t>GPS Sher Abad Chiniot</t>
  </si>
  <si>
    <t>GPS SHER ALI CHANG</t>
  </si>
  <si>
    <t>hajiour</t>
  </si>
  <si>
    <t>Hajiour</t>
  </si>
  <si>
    <t>GPS SHER GARAH</t>
  </si>
  <si>
    <t>Ali Gohair 325</t>
  </si>
  <si>
    <t>govt primary school sher garh moza ali gohair 325</t>
  </si>
  <si>
    <t>GPS SHER GARH MOHALLA NOOR SHAH</t>
  </si>
  <si>
    <t>Mohallah Noor shah Shergarh</t>
  </si>
  <si>
    <t>Muhammad Riaz Mubashar</t>
  </si>
  <si>
    <t>GPS SHER GARH NO.1</t>
  </si>
  <si>
    <t>Sher Garh No 1</t>
  </si>
  <si>
    <t>Sher Garh, Teh. Kharia, Dist. Gujrat</t>
  </si>
  <si>
    <t>Muhammad Anar</t>
  </si>
  <si>
    <t>GPS SHER JAN NO. 1</t>
  </si>
  <si>
    <t>Chak Bara</t>
  </si>
  <si>
    <t>ABDUL RASOOL</t>
  </si>
  <si>
    <t>GPS SHER JAN NO. 2</t>
  </si>
  <si>
    <t>basti abdul wahid arain</t>
  </si>
  <si>
    <t>Basti Haji Ameer Bux Arain</t>
  </si>
  <si>
    <t>AHMED NAWAZ MAZARI</t>
  </si>
  <si>
    <t>GPS SHER KAY BALA</t>
  </si>
  <si>
    <t>Sher Key Bala</t>
  </si>
  <si>
    <t>Gps sher kay bala</t>
  </si>
  <si>
    <t>GPS SHER KOT</t>
  </si>
  <si>
    <t>sher kot</t>
  </si>
  <si>
    <t>GPS SHER MOHAMMAD NO. 2</t>
  </si>
  <si>
    <t>CHAK BAKHIR</t>
  </si>
  <si>
    <t>Choti zareen chak bakhir basti iqbal buzdar</t>
  </si>
  <si>
    <t>BASTI IQBAL BUZDAR</t>
  </si>
  <si>
    <t>GPS SHER MUHAMMAD</t>
  </si>
  <si>
    <t>masaib lolai</t>
  </si>
  <si>
    <t>basti sonay khan</t>
  </si>
  <si>
    <t>GPS SHER MUHAMMAD KHACHI</t>
  </si>
  <si>
    <t>Rojhan wali</t>
  </si>
  <si>
    <t>Basti Sher Muhammad Khichi Moza Rojhan wali Bahawalnagar</t>
  </si>
  <si>
    <t>Sher Muhammad Khichi</t>
  </si>
  <si>
    <t>GPS SHER PUR P/O &amp; TEH SHUJABAD</t>
  </si>
  <si>
    <t>moza jai</t>
  </si>
  <si>
    <t>Moza Jai</t>
  </si>
  <si>
    <t>GPS SHER SHAH COLONY B-BLOCK</t>
  </si>
  <si>
    <t>GPS SHER SHAH COLONY LAHORE</t>
  </si>
  <si>
    <t>GPS sher shah colony D block</t>
  </si>
  <si>
    <t>Mukhtar Ahmad Awan</t>
  </si>
  <si>
    <t>GPS SHER SINGH</t>
  </si>
  <si>
    <t>chak sher singh kamalia, T.T Singh</t>
  </si>
  <si>
    <t>sher Singh</t>
  </si>
  <si>
    <t>57/4 TUKRA</t>
  </si>
  <si>
    <t>SOHAIL IQBAL</t>
  </si>
  <si>
    <t>GPS SHER WALI</t>
  </si>
  <si>
    <t>Basti sher wali near UC Bair band teh.Jatoi M.garh</t>
  </si>
  <si>
    <t>Sher Wali</t>
  </si>
  <si>
    <t>GPS SHERA CHITRA</t>
  </si>
  <si>
    <t>Shera chitra</t>
  </si>
  <si>
    <t>shera chitra Tehsil and district bahawalnagar</t>
  </si>
  <si>
    <t>GPS SHERAN WALA</t>
  </si>
  <si>
    <t>GPS Sheran wala</t>
  </si>
  <si>
    <t>Sheran Wala</t>
  </si>
  <si>
    <t>GPS SHERANI</t>
  </si>
  <si>
    <t>sherani</t>
  </si>
  <si>
    <t>village sherani post office musa tehsil hazro district attock</t>
  </si>
  <si>
    <t>GPS SHERAY WALA</t>
  </si>
  <si>
    <t>Tibi Burha Sharqi</t>
  </si>
  <si>
    <t>Gps.sharay wala.basti behma sial.thermal road.muzaffargarh.</t>
  </si>
  <si>
    <t>Basti Behma Sial</t>
  </si>
  <si>
    <t>Mc Ward No23</t>
  </si>
  <si>
    <t>Pervaiz Stephen Sohail</t>
  </si>
  <si>
    <t>GPS SHERAZA FATEH SHAH TANDLIANWLA</t>
  </si>
  <si>
    <t>Govt Primary School Sheraza Fateh Shah</t>
  </si>
  <si>
    <t>GPS SHEREY WALA KAHAR</t>
  </si>
  <si>
    <t>Sheray Wala Kahar</t>
  </si>
  <si>
    <t>post office sheray wala kahar tehsil kallar kahar district chakwal</t>
  </si>
  <si>
    <t>Wasnal</t>
  </si>
  <si>
    <t>outdoor</t>
  </si>
  <si>
    <t>GPS SHIDANI</t>
  </si>
  <si>
    <t>Shidani</t>
  </si>
  <si>
    <t>basti rasheed abad</t>
  </si>
  <si>
    <t>Ghaus abad</t>
  </si>
  <si>
    <t>GPS SHIENH MAR</t>
  </si>
  <si>
    <t>Kunnal</t>
  </si>
  <si>
    <t>GPS SHEINH MAR KUNNAL NASHAIB JAMAN SHAH LAYYAH</t>
  </si>
  <si>
    <t>Chah Merasi Wala</t>
  </si>
  <si>
    <t>Mohsin Sajjad</t>
  </si>
  <si>
    <t>GPS SHIMLA LANG</t>
  </si>
  <si>
    <t>Kotala Hayyat</t>
  </si>
  <si>
    <t>Mauza kotala hayyat basti jam shimla lang tehil dist rahim yar khan</t>
  </si>
  <si>
    <t>Basti Shimla Lang</t>
  </si>
  <si>
    <t>GPS SHIWALA</t>
  </si>
  <si>
    <t>Shiwala</t>
  </si>
  <si>
    <t>Inam Aziz Akbar</t>
  </si>
  <si>
    <t>GPS SHOR KOT MULTAN MOZA DURANA LANGANA</t>
  </si>
  <si>
    <t>M. A. Jinnah Road Basti Shor Kot, Multan.</t>
  </si>
  <si>
    <t>GPS SHORKOT SHARQI</t>
  </si>
  <si>
    <t>moh, qurashianwala shorkot city</t>
  </si>
  <si>
    <t>Moh Qurashianwala</t>
  </si>
  <si>
    <t>M C Shorkot City</t>
  </si>
  <si>
    <t>GPS SHORKOT SHUMALI</t>
  </si>
  <si>
    <t>Mahala qureshian wala shor kot city</t>
  </si>
  <si>
    <t>Kauser Abbas</t>
  </si>
  <si>
    <t>GPS SHOUKAT ABAD</t>
  </si>
  <si>
    <t>CHAK LADH P/O UMER KOT TEHSIL ROJHAN DISTRICT RAJAN PUR</t>
  </si>
  <si>
    <t>BASTI NARYANI</t>
  </si>
  <si>
    <t>GPS SHOUKAT ABAD SAMUNDRI</t>
  </si>
  <si>
    <t>GPS Shoukatabad Samundri</t>
  </si>
  <si>
    <t>Iqrar Haider Kaifi</t>
  </si>
  <si>
    <t>GPS SHOUKIAN</t>
  </si>
  <si>
    <t>Sargani Nasheeb</t>
  </si>
  <si>
    <t>GPS shoukian sargani nasheeb p/o sargani teh.karor distt.layyah</t>
  </si>
  <si>
    <t>Shoukian</t>
  </si>
  <si>
    <t>GPS SHOULI SHARQI</t>
  </si>
  <si>
    <t>Sheli Sharqi</t>
  </si>
  <si>
    <t>Basti Sheli Sharqi Mouza Sheli Sharqi Tehsil Chishtian District Bahawalnager</t>
  </si>
  <si>
    <t>GPS SHUJA ABAD</t>
  </si>
  <si>
    <t>Chanwala</t>
  </si>
  <si>
    <t>Basti Almani p/o Qasba Gujrat Teh. Koto Addu District. Muzaffargarh</t>
  </si>
  <si>
    <t>Glazi Ghat</t>
  </si>
  <si>
    <t>Muhammad Amjad Kareem</t>
  </si>
  <si>
    <t>GPS SHUKRANI</t>
  </si>
  <si>
    <t>muza goth Mahi union council allahabad</t>
  </si>
  <si>
    <t>BASTI DAD Putra</t>
  </si>
  <si>
    <t>ZIA UL QADIR</t>
  </si>
  <si>
    <t>GPS SIAL DHOLKA</t>
  </si>
  <si>
    <t>Sial dholka</t>
  </si>
  <si>
    <t>GPS SIALAN</t>
  </si>
  <si>
    <t>muhammad pirhar</t>
  </si>
  <si>
    <t>basti sialain moza muhammad pirhar</t>
  </si>
  <si>
    <t>basti sialain</t>
  </si>
  <si>
    <t>Muhammad Rashid minhas</t>
  </si>
  <si>
    <t>GPS SIALAN WALA PO HERNOLI TEH PIPLAN</t>
  </si>
  <si>
    <t>sialawala</t>
  </si>
  <si>
    <t>Sialan Wala</t>
  </si>
  <si>
    <t>GPS SIDDIQE PURA</t>
  </si>
  <si>
    <t>muh siddique pora narowal</t>
  </si>
  <si>
    <t>Narowal 1</t>
  </si>
  <si>
    <t>GPS SIDDIQIA ANWAR BARO LAYYAH</t>
  </si>
  <si>
    <t>Wagay Wala</t>
  </si>
  <si>
    <t>Mohallah Wagay Wala Tehsil &amp; DIstrict Layyah</t>
  </si>
  <si>
    <t>GPS SIDDIQUE NAGAR</t>
  </si>
  <si>
    <t>Sadddique Nagar</t>
  </si>
  <si>
    <t>Main shreef town Okada</t>
  </si>
  <si>
    <t>Sidddique Nagar</t>
  </si>
  <si>
    <t>GPS SIDDIQUE WALA</t>
  </si>
  <si>
    <t>v.p.o biland Gps Dara Siddique wala biland tehsil noorpur district khushab</t>
  </si>
  <si>
    <t>Muti  Ur Rahman</t>
  </si>
  <si>
    <t>GPS SIDH TAJ PUR ALIA</t>
  </si>
  <si>
    <t>Sidh Tajpur Alia</t>
  </si>
  <si>
    <t>Gps sidh tajpur alia</t>
  </si>
  <si>
    <t>GPS SIDHA</t>
  </si>
  <si>
    <t>chah maswan wala mouza Sidha post office gilewal tehsil and district Lodhran</t>
  </si>
  <si>
    <t>Muhammad Siddique Akbar</t>
  </si>
  <si>
    <t>GPS SIDHANDI</t>
  </si>
  <si>
    <t>gpssidhandi</t>
  </si>
  <si>
    <t>GPS SIDHO WAL</t>
  </si>
  <si>
    <t>Sidhowal</t>
  </si>
  <si>
    <t>sidhowal</t>
  </si>
  <si>
    <t>GPS SIDHU PURA, P/O QATAL PUR, SARAI SIDHU</t>
  </si>
  <si>
    <t>sidhu pura</t>
  </si>
  <si>
    <t>GPS SIDHU WALI</t>
  </si>
  <si>
    <t>Sidhowali</t>
  </si>
  <si>
    <t>Govt boys primary school sidhowali</t>
  </si>
  <si>
    <t>Basti Jam Shair Bhatar</t>
  </si>
  <si>
    <t>Gul Muhammad Langha</t>
  </si>
  <si>
    <t>Muhammad Mazhar Rasheed</t>
  </si>
  <si>
    <t>GPS SIDQI WALA</t>
  </si>
  <si>
    <t>SIDQI WALA</t>
  </si>
  <si>
    <t>GPS SIGHRA</t>
  </si>
  <si>
    <t>Sighra</t>
  </si>
  <si>
    <t>village Sighra</t>
  </si>
  <si>
    <t>Muhammad Ramzan Qasim</t>
  </si>
  <si>
    <t>GPS SIKANDAR PURA</t>
  </si>
  <si>
    <t>GPS SIKANDER WALA</t>
  </si>
  <si>
    <t>Sikander Wala</t>
  </si>
  <si>
    <t>Basti &amp; Moza sikander Wala lodhran</t>
  </si>
  <si>
    <t>Sikandar</t>
  </si>
  <si>
    <t>GPS SIKKI</t>
  </si>
  <si>
    <t>Sikki Saghral</t>
  </si>
  <si>
    <t>GPS sikki</t>
  </si>
  <si>
    <t>Sikki</t>
  </si>
  <si>
    <t>Bsharat</t>
  </si>
  <si>
    <t>GPS SIKNDAR PUR</t>
  </si>
  <si>
    <t>Sikandar pur</t>
  </si>
  <si>
    <t>GPS SILA SEYYDAN</t>
  </si>
  <si>
    <t>Village Silla Syedan district Rawalpindi uc karore</t>
  </si>
  <si>
    <t>Syed Ghulam Hussain Shah</t>
  </si>
  <si>
    <t>GPS SIMBL</t>
  </si>
  <si>
    <t>GPS simbal post office  karuli teh kallar kahar distt chakwal</t>
  </si>
  <si>
    <t>GPS SIMLI</t>
  </si>
  <si>
    <t>simli post office krore</t>
  </si>
  <si>
    <t>Afshan Parvez</t>
  </si>
  <si>
    <t>GPS SINAWAN WALI</t>
  </si>
  <si>
    <t>Chak Daleel</t>
  </si>
  <si>
    <t>Near Shoria Pull, Samina Sadat Road, D.G Khan</t>
  </si>
  <si>
    <t>Sinawan Wali</t>
  </si>
  <si>
    <t>HAJI GHAZI</t>
  </si>
  <si>
    <t>Sabila Hina</t>
  </si>
  <si>
    <t>GPS SINDH GABOL</t>
  </si>
  <si>
    <t>Sindh Gabol</t>
  </si>
  <si>
    <t>sindh Gabol</t>
  </si>
  <si>
    <t>GPS SINDH WALA MOZA PUNJANI P/O LASURI</t>
  </si>
  <si>
    <t>GPS Sindh wala mouza punjani P/o Lasuri</t>
  </si>
  <si>
    <t>Sindh Wala</t>
  </si>
  <si>
    <t>Nadir Abbas</t>
  </si>
  <si>
    <t>GPS SINDHI WALA</t>
  </si>
  <si>
    <t>Makwal Wala</t>
  </si>
  <si>
    <t>Sindhi wala Jampur</t>
  </si>
  <si>
    <t>Sindhi Wala</t>
  </si>
  <si>
    <t>Hero</t>
  </si>
  <si>
    <t>Ejaz Ahmad Chandia</t>
  </si>
  <si>
    <t>GPS SINDHI WALA CHAH DHANGRI</t>
  </si>
  <si>
    <t>Chah Sindhi wala Moza Kot Chutta chak # 2 tehsil kot chutta district D g khan</t>
  </si>
  <si>
    <t>GPS SINGH PURA</t>
  </si>
  <si>
    <t>singh Pura  dist pakpattan post office kalyana</t>
  </si>
  <si>
    <t>GPS SIPRAN WALA</t>
  </si>
  <si>
    <t>Bahar Sharqi</t>
  </si>
  <si>
    <t>mouza bahar sharqi AP Sial jhang</t>
  </si>
  <si>
    <t>Ghulam Shabir Khan</t>
  </si>
  <si>
    <t>GPS SIR BIL</t>
  </si>
  <si>
    <t>Thul Mar sar</t>
  </si>
  <si>
    <t>sarbil thul marsar p/o barthi dg khan</t>
  </si>
  <si>
    <t>GPS SIR THOKH</t>
  </si>
  <si>
    <t>sir Thokh uc mubarki</t>
  </si>
  <si>
    <t>GPS SIRAI SHUMALI</t>
  </si>
  <si>
    <t>Dollo Nashaib</t>
  </si>
  <si>
    <t>basti serai shumali mouza dollo nashsib</t>
  </si>
  <si>
    <t>Muhammad Khalid Hussain</t>
  </si>
  <si>
    <t>GPS SIRAJ ULOOM (TANZEEM) FORT ABBAS</t>
  </si>
  <si>
    <t>Basti Siraj Al Aloom</t>
  </si>
  <si>
    <t>Basti Siraj Al Aloom Liaqat Colony fort Abbas</t>
  </si>
  <si>
    <t>muhammad yasin zafer</t>
  </si>
  <si>
    <t>GPS SIRHALI KHURD</t>
  </si>
  <si>
    <t>sarhali khurd tehsil and district Gujrat</t>
  </si>
  <si>
    <t>GPS SIRI RAM PURA</t>
  </si>
  <si>
    <t>Siri ram pura</t>
  </si>
  <si>
    <t>Allah  Ditta</t>
  </si>
  <si>
    <t>GPS SITARA COLONY</t>
  </si>
  <si>
    <t>Bank Stop</t>
  </si>
  <si>
    <t>bank stop chungi amer sidhu lahore</t>
  </si>
  <si>
    <t>Fath Pur Abadi</t>
  </si>
  <si>
    <t>Attri Saroba</t>
  </si>
  <si>
    <t>GPS SOBHA RAAM</t>
  </si>
  <si>
    <t>GPS SOCHAN WALA</t>
  </si>
  <si>
    <t>sochan wala moza lakbadher</t>
  </si>
  <si>
    <t>Sochan Wala</t>
  </si>
  <si>
    <t>Muhammad yaseen</t>
  </si>
  <si>
    <t>GPS SODANA</t>
  </si>
  <si>
    <t>sodana p/o mustafa abad teh pindi bhattian distt hafizabad</t>
  </si>
  <si>
    <t>GPS SODHE KAY</t>
  </si>
  <si>
    <t>Sodhekay</t>
  </si>
  <si>
    <t>GPS sodhekay</t>
  </si>
  <si>
    <t>Intzar Ahmad Ans</t>
  </si>
  <si>
    <t>GPS SODHI BALA</t>
  </si>
  <si>
    <t>herdo sodhi tahseel Naushera district khushab</t>
  </si>
  <si>
    <t>Sodhi Bala</t>
  </si>
  <si>
    <t>Malik Qumar Ul Haq Awan</t>
  </si>
  <si>
    <t>GPS SODHRI</t>
  </si>
  <si>
    <t>sodhri</t>
  </si>
  <si>
    <t>Muhammad yousaf khan</t>
  </si>
  <si>
    <t>GPS SODI WALA</t>
  </si>
  <si>
    <t>Sodiwala</t>
  </si>
  <si>
    <t>vill  Sodiwala POB khudian khas</t>
  </si>
  <si>
    <t>Thathi Bakhshy</t>
  </si>
  <si>
    <t>Head Teacher Rana Masoud Ul Hassan</t>
  </si>
  <si>
    <t>GPS SODIAN</t>
  </si>
  <si>
    <t>Bhagowal sialkot</t>
  </si>
  <si>
    <t>GPS SOGADAT</t>
  </si>
  <si>
    <t>Sogadat</t>
  </si>
  <si>
    <t>VPO Sogadat Teh. Gujarkhan district Rawalpindi</t>
  </si>
  <si>
    <t>GPS SOHA FARAGH</t>
  </si>
  <si>
    <t>soha faragh</t>
  </si>
  <si>
    <t>berot</t>
  </si>
  <si>
    <t>GPS SOHAIL KALAN</t>
  </si>
  <si>
    <t>Sohal kalan</t>
  </si>
  <si>
    <t>Ajnaiwala</t>
  </si>
  <si>
    <t>Shazia Rafique</t>
  </si>
  <si>
    <t>GPS SOHAIL P/O 27/SP</t>
  </si>
  <si>
    <t>Sohail</t>
  </si>
  <si>
    <t>Chak Sohail district Pakpattan</t>
  </si>
  <si>
    <t>Muhammad Inam</t>
  </si>
  <si>
    <t>GPS SOHAIR</t>
  </si>
  <si>
    <t>Sohair</t>
  </si>
  <si>
    <t>village sohair po khara</t>
  </si>
  <si>
    <t>Raja Mazhar Hussain</t>
  </si>
  <si>
    <t>GPS SOHAL KHURD</t>
  </si>
  <si>
    <t>village sohal khurd post Tehsil District Gujrat</t>
  </si>
  <si>
    <t>noora mandhala</t>
  </si>
  <si>
    <t>Akmal Shahzad</t>
  </si>
  <si>
    <t>GPS SOHAN WALA</t>
  </si>
  <si>
    <t>post office daily namdar tehsil Kalur Kot District Bhakkar</t>
  </si>
  <si>
    <t>Sohanwala</t>
  </si>
  <si>
    <t>GPS SOHARA</t>
  </si>
  <si>
    <t>Sohara</t>
  </si>
  <si>
    <t>chack  Ameer Sohara</t>
  </si>
  <si>
    <t>Ameer Sohara</t>
  </si>
  <si>
    <t>GPS SOHARAIN KOH</t>
  </si>
  <si>
    <t>sohran koh</t>
  </si>
  <si>
    <t>Sohran Koh</t>
  </si>
  <si>
    <t>GPS SOHARAY WALA</t>
  </si>
  <si>
    <t>V&amp;P:Roda,teh&amp;distt:Khushab</t>
  </si>
  <si>
    <t>NASIR HUSSAIN</t>
  </si>
  <si>
    <t>GPS SOHAWA DILLOANA</t>
  </si>
  <si>
    <t>Sub post office sohawa bolani , sohawa dilloana M.B.Din</t>
  </si>
  <si>
    <t>Zubara Aslam</t>
  </si>
  <si>
    <t>GPS SOHAWA MIRZA</t>
  </si>
  <si>
    <t>Sohawa Mirza</t>
  </si>
  <si>
    <t>Village &amp;Po Sohawa Mirza</t>
  </si>
  <si>
    <t>Muhammad Akhlaq</t>
  </si>
  <si>
    <t>GPS SOHAWA PHAPHIRAL</t>
  </si>
  <si>
    <t>village and post office Phaphril Dhook Sohawa</t>
  </si>
  <si>
    <t>Musyarhi</t>
  </si>
  <si>
    <t>Azhar Mushtaq</t>
  </si>
  <si>
    <t>GPS SOHAWA WARRIACHAN</t>
  </si>
  <si>
    <t>Sohawa Warraichan</t>
  </si>
  <si>
    <t>sohawa Warraichan Teh phalia District M b din</t>
  </si>
  <si>
    <t>GPS SOHAY WALA</t>
  </si>
  <si>
    <t>Haider abad Thall</t>
  </si>
  <si>
    <t>sohay wala Haider abad thall tehsil mankera dist.bhakkar</t>
  </si>
  <si>
    <t>Sohay wala</t>
  </si>
  <si>
    <t>GPS SOHDRA NO.1</t>
  </si>
  <si>
    <t>GPS No.1 Sohddra Main Bazar Sohdra</t>
  </si>
  <si>
    <t>Muhammad Saeed Shami</t>
  </si>
  <si>
    <t>GPS SOHDRA NO.2</t>
  </si>
  <si>
    <t>GPS No.2 Sohdra Main Bazar Sohdra</t>
  </si>
  <si>
    <t>GPS SOHDRAKEY</t>
  </si>
  <si>
    <t>Sohdrakey</t>
  </si>
  <si>
    <t>Sohdrakey  p/o Badiana</t>
  </si>
  <si>
    <t>GPS SOHEY WALA</t>
  </si>
  <si>
    <t>soheywala wala</t>
  </si>
  <si>
    <t>Soheywala Wala</t>
  </si>
  <si>
    <t>Ghulaman2</t>
  </si>
  <si>
    <t>GPS SOHLA SHUMALI</t>
  </si>
  <si>
    <t>Sohla Shumali</t>
  </si>
  <si>
    <t>Basti Sohla Shumali</t>
  </si>
  <si>
    <t>Sheikh Muhammad Ishaq Nawaz</t>
  </si>
  <si>
    <t>GPS SOHLAN WALA</t>
  </si>
  <si>
    <t>Sohlan wala janoobi P/o Behal.</t>
  </si>
  <si>
    <t>Sohlanwala janubi</t>
  </si>
  <si>
    <t>GPS SOHR BUN</t>
  </si>
  <si>
    <t>Gps Sohr Bun UC Barthi</t>
  </si>
  <si>
    <t>Sohr Bun</t>
  </si>
  <si>
    <t>GHAZI KHAN</t>
  </si>
  <si>
    <t>GPS SOHR DUF</t>
  </si>
  <si>
    <t>Barthi Janubi</t>
  </si>
  <si>
    <t>Gbps soherduf basti jafrani khor</t>
  </si>
  <si>
    <t>Bsti Jafrani Khor</t>
  </si>
  <si>
    <t>ghulam muhammad</t>
  </si>
  <si>
    <t>Self</t>
  </si>
  <si>
    <t>GPS SOHRAB KHELAN WALA</t>
  </si>
  <si>
    <t>Wanda khatkian Wala p.o chhidru Mianwali</t>
  </si>
  <si>
    <t>Khatkian Wala</t>
  </si>
  <si>
    <t>Amir Muhammad Khan</t>
  </si>
  <si>
    <t>GPS SOHRAB KHELAN WALA NO. 1</t>
  </si>
  <si>
    <t>GPS Sohrab khelan walan no.1 sawans, Mianwali</t>
  </si>
  <si>
    <t>EHSAN AHMAD KHAN</t>
  </si>
  <si>
    <t>GPS SOHRAB KHELAN WALA NO. 2</t>
  </si>
  <si>
    <t>Post office SawÃ ns Dist Mianwali</t>
  </si>
  <si>
    <t>ABDUL SATTAR KHAN</t>
  </si>
  <si>
    <t>GPS SOHRAB WALA</t>
  </si>
  <si>
    <t>Yaro  Khel  Pakka</t>
  </si>
  <si>
    <t>gps  sohrabwala</t>
  </si>
  <si>
    <t>GPS SOHRAIN KHUND</t>
  </si>
  <si>
    <t>Gagon thal</t>
  </si>
  <si>
    <t>sohrain mol monza gagon thal po fort minro</t>
  </si>
  <si>
    <t>Sohrain mol</t>
  </si>
  <si>
    <t>GPS SOJAY KAY</t>
  </si>
  <si>
    <t>sojaykay</t>
  </si>
  <si>
    <t>sojaykay p/o Haveli lakha tehsile depalpur district okara</t>
  </si>
  <si>
    <t>Nama jindayka</t>
  </si>
  <si>
    <t>GPS SOJHANDA</t>
  </si>
  <si>
    <t>villege sojhanda Attock</t>
  </si>
  <si>
    <t>Khalil Khan</t>
  </si>
  <si>
    <t>GPS SOJHLA TANWARI</t>
  </si>
  <si>
    <t>Sojhla tanwari</t>
  </si>
  <si>
    <t>mohallah quresh abad tehsil ahmad pur east</t>
  </si>
  <si>
    <t>Khuram pur</t>
  </si>
  <si>
    <t>GPS SOKAR</t>
  </si>
  <si>
    <t>village sokar p.o charr sarai alamgir</t>
  </si>
  <si>
    <t>Muhammad Ulfat</t>
  </si>
  <si>
    <t>GPS SOKAR NO 1</t>
  </si>
  <si>
    <t>Sokar Centre</t>
  </si>
  <si>
    <t>Hafiz Altaf Hussain</t>
  </si>
  <si>
    <t>GPS SOKAR NO 2</t>
  </si>
  <si>
    <t>P/o sokar tehsil taunsa disst Dg khan</t>
  </si>
  <si>
    <t>GPS SOKAR NO 3</t>
  </si>
  <si>
    <t>Sukar</t>
  </si>
  <si>
    <t>post office sokar tehsil taunsa district dgkhan</t>
  </si>
  <si>
    <t>Zahid NawAz Khan</t>
  </si>
  <si>
    <t>GPS SOLAN WALA SHUMALI</t>
  </si>
  <si>
    <t>GPS SOHLAN WALA SHUMALI</t>
  </si>
  <si>
    <t>Sohlan Wala Shumali</t>
  </si>
  <si>
    <t>Qamar Nadeem</t>
  </si>
  <si>
    <t>GPS SOLANGI AWAN</t>
  </si>
  <si>
    <t>village solangi awan hafizabad</t>
  </si>
  <si>
    <t>GPS SOLGI, P/O JAWIND SING WALA, KABIRWALA</t>
  </si>
  <si>
    <t>SOLGI</t>
  </si>
  <si>
    <t>Basti Tariqabad Solgi.Tehsil Kabirwala</t>
  </si>
  <si>
    <t>Basti Tariqabad</t>
  </si>
  <si>
    <t>5 KASSI</t>
  </si>
  <si>
    <t>AMEER AHMAD</t>
  </si>
  <si>
    <t>GPS SOMAN JADEED P/O AGAR KHANI MOZA SOMAN</t>
  </si>
  <si>
    <t>Basti Sandila Moza Soman</t>
  </si>
  <si>
    <t>Basti Sandila Soman</t>
  </si>
  <si>
    <t>Nadeem Farooq</t>
  </si>
  <si>
    <t>GPS SONA GOTH FFC</t>
  </si>
  <si>
    <t>Wahid Bukhsh Larr</t>
  </si>
  <si>
    <t>Basti Sona Goth, FFC, Sadiq Abad, Distt. Rahim Yar Khan</t>
  </si>
  <si>
    <t>GPS SONA RAMDANI</t>
  </si>
  <si>
    <t>Chahil Chahah</t>
  </si>
  <si>
    <t>Chah durata chahil chahan post office choti zareen</t>
  </si>
  <si>
    <t>Chah Durata</t>
  </si>
  <si>
    <t>Aziz Muhammad</t>
  </si>
  <si>
    <t>GPS SONAR KALAN</t>
  </si>
  <si>
    <t>Sonar Kalan</t>
  </si>
  <si>
    <t>GPS Sonar Kalan Tehsil Jaranwala Markaz Lundianwala Dist Faisalabad</t>
  </si>
  <si>
    <t>M Arif</t>
  </si>
  <si>
    <t>GPS SONAY KHAN</t>
  </si>
  <si>
    <t>Sonay Khan</t>
  </si>
  <si>
    <t>sonay khan</t>
  </si>
  <si>
    <t>Dulla Badera</t>
  </si>
  <si>
    <t>GPS SONAY WALA</t>
  </si>
  <si>
    <t>Tiba Mustaqil Drmiani</t>
  </si>
  <si>
    <t>chah dathi ber wala</t>
  </si>
  <si>
    <t>Dathi Ber Wala</t>
  </si>
  <si>
    <t>GPS SONAY WALI</t>
  </si>
  <si>
    <t>basti soney wali moza sadiqabad</t>
  </si>
  <si>
    <t>Soney Wali</t>
  </si>
  <si>
    <t>Abid Manzoor</t>
  </si>
  <si>
    <t>GPS SONDHAY</t>
  </si>
  <si>
    <t>Sondhay</t>
  </si>
  <si>
    <t>Sondhay P.O. Umranwali Tehsil Sialkot</t>
  </si>
  <si>
    <t>Afzal Haider</t>
  </si>
  <si>
    <t>GPS SONHANRA SHAH NO.2</t>
  </si>
  <si>
    <t>Basti Sonhara Shah P/O Sonhara Chandia Tehsil &amp; District Muzaffargarh</t>
  </si>
  <si>
    <t>Aali Dhah</t>
  </si>
  <si>
    <t>GPS SONHARA SHAH NO. 1</t>
  </si>
  <si>
    <t>Chack AaliDaha</t>
  </si>
  <si>
    <t>Basti betharay wala,Mouza Chak AaliDaha,Teh &amp; Distt.M.Garh</t>
  </si>
  <si>
    <t>Betharay Wala</t>
  </si>
  <si>
    <t>AaliDaha</t>
  </si>
  <si>
    <t>GPS SONI</t>
  </si>
  <si>
    <t>gps basti soni p/o chak abbas tehsil and district rahimyar khan</t>
  </si>
  <si>
    <t>GPS SONIC</t>
  </si>
  <si>
    <t>moza sonak</t>
  </si>
  <si>
    <t>SOnak</t>
  </si>
  <si>
    <t>GPS SONIK BELA JADEED</t>
  </si>
  <si>
    <t>Sonik Bela</t>
  </si>
  <si>
    <t>Moza Sonak Bela UC Dhor kot</t>
  </si>
  <si>
    <t>Adnan Ayaz</t>
  </si>
  <si>
    <t>GPS SONKAN KHALAS KHEL</t>
  </si>
  <si>
    <t>Moza Bazar</t>
  </si>
  <si>
    <t>dhak chabeel musa khel mianwali</t>
  </si>
  <si>
    <t>Dhak Chabeel</t>
  </si>
  <si>
    <t>GPS SONMA</t>
  </si>
  <si>
    <t>gps sonma basti maril</t>
  </si>
  <si>
    <t>Sonma</t>
  </si>
  <si>
    <t>Mohamad Younis YounisYounisYounisYounisYounisYounisYounisYounisYounisYounisYounis</t>
  </si>
  <si>
    <t>GPS SOOIAN WALA</t>
  </si>
  <si>
    <t>SOOIANWALA Teh&amp;Dist. HHAFIZABAD</t>
  </si>
  <si>
    <t>Sooianwala Chatha</t>
  </si>
  <si>
    <t>GPS SOOK KHURD</t>
  </si>
  <si>
    <t>Sook khurd</t>
  </si>
  <si>
    <t>GPS SORA SINGH</t>
  </si>
  <si>
    <t>Sora Singh</t>
  </si>
  <si>
    <t>Qila Sora Singh P/O Dharmewala tehsil Depalpur Dist Okara</t>
  </si>
  <si>
    <t>Sora Singh Jodhpur</t>
  </si>
  <si>
    <t>GPS SORASI</t>
  </si>
  <si>
    <t>Vpo sorasi teh murree rwp</t>
  </si>
  <si>
    <t>SAJID MEHMOOD Raja</t>
  </si>
  <si>
    <t>GPS SORI MANKI</t>
  </si>
  <si>
    <t>Sori Manki</t>
  </si>
  <si>
    <t>p,/o barthi distt.DG khsn</t>
  </si>
  <si>
    <t>Theaker</t>
  </si>
  <si>
    <t>Saadet Faiz</t>
  </si>
  <si>
    <t>GPS SOSIAN</t>
  </si>
  <si>
    <t>Sosian</t>
  </si>
  <si>
    <t>village sosian p.o dhumman tehsil &amp; district Chakwal</t>
  </si>
  <si>
    <t>YASMINE IQBAL</t>
  </si>
  <si>
    <t>GPS SOTIAN WALA</t>
  </si>
  <si>
    <t>Quaid abad</t>
  </si>
  <si>
    <t>dera sotianwala quaidabad</t>
  </si>
  <si>
    <t>GPS SOUK</t>
  </si>
  <si>
    <t>Souk</t>
  </si>
  <si>
    <t>Village Souk Post Office Fateh Jang Tehsil Fateh Jang district Attock</t>
  </si>
  <si>
    <t>Shah-rae-Saadullah</t>
  </si>
  <si>
    <t>GPS SOUKAN WIND</t>
  </si>
  <si>
    <t>Saukinwind Tehsil Pasrur district  Sialkot</t>
  </si>
  <si>
    <t>GPS SOUNK</t>
  </si>
  <si>
    <t>GPS SOUNK Markaz Kalri Teh &amp; Distt Mianwali</t>
  </si>
  <si>
    <t>Muhammad Wasim Tahir</t>
  </si>
  <si>
    <t>GPS SOUNRA</t>
  </si>
  <si>
    <t>basti sounra</t>
  </si>
  <si>
    <t>Javed Saleem</t>
  </si>
  <si>
    <t>GPS SOUNTRA</t>
  </si>
  <si>
    <t>Sountra</t>
  </si>
  <si>
    <t>Village Sountra P.o. Kotla Arab Ali Khan</t>
  </si>
  <si>
    <t>Tooba Nisar</t>
  </si>
  <si>
    <t>GPS SOYIAN</t>
  </si>
  <si>
    <t>gps sohian</t>
  </si>
  <si>
    <t>Jalal Ballsgan</t>
  </si>
  <si>
    <t>Awais Tufail</t>
  </si>
  <si>
    <t>GPS SOYIAN KALAN</t>
  </si>
  <si>
    <t>Soyian Kalan</t>
  </si>
  <si>
    <t>village soyian kalan p/o barki cantt lahore</t>
  </si>
  <si>
    <t>GPS SOYIAN KHURD</t>
  </si>
  <si>
    <t>soyian khurd</t>
  </si>
  <si>
    <t>gps soyian khurd lahore cantt</t>
  </si>
  <si>
    <t>GPS ST LAWARENCE NO II NAWAZ SHARIF COLONY</t>
  </si>
  <si>
    <t>Nawaz Sharif Colony</t>
  </si>
  <si>
    <t>gps saint lawrance 2 main bazar nawaz sharif colony</t>
  </si>
  <si>
    <t>Gopal Nagar</t>
  </si>
  <si>
    <t>GPS STANDARD MODEL YAQOOB TOWN MULTAN</t>
  </si>
  <si>
    <t>Lohar Colony</t>
  </si>
  <si>
    <t>Yaqoob Town Vihari Road Chock New Central Jail Multan</t>
  </si>
  <si>
    <t>Yaqoob Town</t>
  </si>
  <si>
    <t>M Naeem Arshad</t>
  </si>
  <si>
    <t>GPS STANDARD MUSLIM KHAYABAN-E-SIR SYED</t>
  </si>
  <si>
    <t>Khayaban E sir Syed</t>
  </si>
  <si>
    <t>GPS STANDARD MUSLIM KSS SECTOR 2 RWP</t>
  </si>
  <si>
    <t>Khayaban E Sir Syed</t>
  </si>
  <si>
    <t>Khayaban E Sir Syed Sector 2</t>
  </si>
  <si>
    <t>Moris John</t>
  </si>
  <si>
    <t>GPS STATION ABADI FATEH JANG</t>
  </si>
  <si>
    <t>Sadiq Abad Station Abadi</t>
  </si>
  <si>
    <t>moh  sadiq abad station abadi fateh jang</t>
  </si>
  <si>
    <t>tahira tabassum</t>
  </si>
  <si>
    <t>GPS STATION BUDH</t>
  </si>
  <si>
    <t>Rodan Wala</t>
  </si>
  <si>
    <t>GPS station budh</t>
  </si>
  <si>
    <t>Station Budh</t>
  </si>
  <si>
    <t>Fazil Karloo</t>
  </si>
  <si>
    <t>GPS STATION NOOR SHAH</t>
  </si>
  <si>
    <t>govt.p/s railway station Noor shah</t>
  </si>
  <si>
    <t>Basti Fareed Abad</t>
  </si>
  <si>
    <t>GPS STATION SINAWAN</t>
  </si>
  <si>
    <t>Thathy Humza</t>
  </si>
  <si>
    <t>Near Satation sanawan</t>
  </si>
  <si>
    <t>Satation Sanawan</t>
  </si>
  <si>
    <t>Doger Calasra</t>
  </si>
  <si>
    <t>GPS SUBHANI DAGAR</t>
  </si>
  <si>
    <t>manka jnobi</t>
  </si>
  <si>
    <t>manka jnobi tribal area u/cd fazlah kachh</t>
  </si>
  <si>
    <t>sobhani daggar</t>
  </si>
  <si>
    <t>Ghulam Ilyas</t>
  </si>
  <si>
    <t>GPS SUBHAY WALA</t>
  </si>
  <si>
    <t>wraich Wala khairy Wala Choubara layyah</t>
  </si>
  <si>
    <t>Wraich Wala</t>
  </si>
  <si>
    <t>Abdul Shifaq</t>
  </si>
  <si>
    <t>GPS SUBJAL</t>
  </si>
  <si>
    <t>SUBJAL</t>
  </si>
  <si>
    <t>village SUBJAL p/o Gaggan Distt Attock Teh Fateh jang</t>
  </si>
  <si>
    <t>Abdul  Qadir</t>
  </si>
  <si>
    <t>GPS SUBZANI</t>
  </si>
  <si>
    <t>Subzani</t>
  </si>
  <si>
    <t>basti subzani p.o shadaan Lound</t>
  </si>
  <si>
    <t>Basti subzani</t>
  </si>
  <si>
    <t>Mujahid Haider</t>
  </si>
  <si>
    <t>GPS SUFAID KOH</t>
  </si>
  <si>
    <t>Jaro</t>
  </si>
  <si>
    <t>jaro sufaid koh Zeen trible area distt dgkhan</t>
  </si>
  <si>
    <t>Musarat Hussain</t>
  </si>
  <si>
    <t>GPS SUFI SADIQ</t>
  </si>
  <si>
    <t>Mukhdoom Pur</t>
  </si>
  <si>
    <t>basti sufi sadiq mauza mukhdoom pur markaz dhor kot</t>
  </si>
  <si>
    <t>Sufi Sadiq</t>
  </si>
  <si>
    <t>Zulfiqar ali</t>
  </si>
  <si>
    <t>GPS SUGGIAN KALAN</t>
  </si>
  <si>
    <t>Suggian Kalan</t>
  </si>
  <si>
    <t>suggian kalan</t>
  </si>
  <si>
    <t>GPS SUGGUAN WALA</t>
  </si>
  <si>
    <t>Yara Sullah</t>
  </si>
  <si>
    <t>GPS Sugguan wala</t>
  </si>
  <si>
    <t>Sugguan Wala</t>
  </si>
  <si>
    <t>Hassan Abbas</t>
  </si>
  <si>
    <t>GPS SUHAIL SINGH</t>
  </si>
  <si>
    <t>basti usman khera</t>
  </si>
  <si>
    <t>Usman Khera</t>
  </si>
  <si>
    <t>GPS SUKHA LADHOKA</t>
  </si>
  <si>
    <t>Sukha ladhuka</t>
  </si>
  <si>
    <t>Muhammad Latif Shakir</t>
  </si>
  <si>
    <t>GPS SUKHA SHAH</t>
  </si>
  <si>
    <t>po , hassan shah village, sukha shah tehsile darya khan , district bhakkar</t>
  </si>
  <si>
    <t>GPS SUKHO CHAK</t>
  </si>
  <si>
    <t>GPS Sukho Chak</t>
  </si>
  <si>
    <t>Muhammad Ziauddin Siddiqui</t>
  </si>
  <si>
    <t>GPS SUKHOKAY GORAYA</t>
  </si>
  <si>
    <t>Sukhokey</t>
  </si>
  <si>
    <t>po box mundkey gorya village sukhokay</t>
  </si>
  <si>
    <t>Sukhokay</t>
  </si>
  <si>
    <t>Muhammad Ahmed Umair</t>
  </si>
  <si>
    <t>GPS SUKHOO</t>
  </si>
  <si>
    <t>sukhoo</t>
  </si>
  <si>
    <t>Sukhoo</t>
  </si>
  <si>
    <t>GPS SUKHRAM PURA</t>
  </si>
  <si>
    <t>Sukhrampura</t>
  </si>
  <si>
    <t>sukhrampura</t>
  </si>
  <si>
    <t>GPS SUKHWAL</t>
  </si>
  <si>
    <t>post office sukhwal</t>
  </si>
  <si>
    <t>GPS SULEMAN</t>
  </si>
  <si>
    <t>Moza Suleman, tehsil bhowana, district chiniot</t>
  </si>
  <si>
    <t>GPS SULEMAN ABAD</t>
  </si>
  <si>
    <t>village sulemanabad,p.o Nawabpur Teh shahpur Distt.Sargodha</t>
  </si>
  <si>
    <t>khanpur wadahara</t>
  </si>
  <si>
    <t>GPS SULEMAN JUNIOR MODEL SAMAN ABAD</t>
  </si>
  <si>
    <t>college road Samanabad</t>
  </si>
  <si>
    <t>GPS SULEMAN PARIS JHELUM</t>
  </si>
  <si>
    <t>SULEMAN PARAS</t>
  </si>
  <si>
    <t>amir farhat bano</t>
  </si>
  <si>
    <t>GPS SULEMAN PURA</t>
  </si>
  <si>
    <t>24 City Bhalwal</t>
  </si>
  <si>
    <t>GPS SULEMAN PURA BHALWAL</t>
  </si>
  <si>
    <t>Suleman Pura Bhalwal</t>
  </si>
  <si>
    <t>GPS SULEMANIA CHISHTIAN</t>
  </si>
  <si>
    <t>Ctn</t>
  </si>
  <si>
    <t>Near TMA office Chishtian</t>
  </si>
  <si>
    <t>GPS SULKI</t>
  </si>
  <si>
    <t>GPS Sulki</t>
  </si>
  <si>
    <t>GPS SULLAH</t>
  </si>
  <si>
    <t>Sullah</t>
  </si>
  <si>
    <t>village sullah post office Malki</t>
  </si>
  <si>
    <t>Dilawrpur</t>
  </si>
  <si>
    <t>Sidra Shamaz</t>
  </si>
  <si>
    <t>GPS SULTAN ABAD, KABIRWALA</t>
  </si>
  <si>
    <t>sultanabad</t>
  </si>
  <si>
    <t>Chaknaurangshah</t>
  </si>
  <si>
    <t>GPS SULTAN AHMAD ARAIN</t>
  </si>
  <si>
    <t>Ditta Blouch</t>
  </si>
  <si>
    <t>mouza ditta blouch p\o sama satta tehsil sadar distt.Bahawalpur</t>
  </si>
  <si>
    <t>Muhammad Siraj</t>
  </si>
  <si>
    <t>GPS SULTAN ARAIN</t>
  </si>
  <si>
    <t>sultan  araen</t>
  </si>
  <si>
    <t>Sultan Araen</t>
  </si>
  <si>
    <t>Behly</t>
  </si>
  <si>
    <t>GPS SULTAN KAY BAGHALAY</t>
  </si>
  <si>
    <t>Sultan Kay Baghelay</t>
  </si>
  <si>
    <t>Mouza Sultan Kay B</t>
  </si>
  <si>
    <t>GPS SULTAN KHAIL</t>
  </si>
  <si>
    <t>Kundyari</t>
  </si>
  <si>
    <t>vill.sultankhail Teh. kallar sayedan p/o sakoot uc Doberan Kalan district rawalpindi.</t>
  </si>
  <si>
    <t>Sultan Khail</t>
  </si>
  <si>
    <t>Doberun</t>
  </si>
  <si>
    <t>Mirza Yasir Mehmood</t>
  </si>
  <si>
    <t>GPS SULTAN KHELAN WALA</t>
  </si>
  <si>
    <t>GPS sultan ahmad khelanwala sawans teh&amp;distt mianwali</t>
  </si>
  <si>
    <t>Asghar Khan</t>
  </si>
  <si>
    <t>GPS SULTAN KOT</t>
  </si>
  <si>
    <t>Basti Khanda P/O Jalwala Bahawalnagar</t>
  </si>
  <si>
    <t>Basti Khanda</t>
  </si>
  <si>
    <t>Zia Mustafa</t>
  </si>
  <si>
    <t>GPS SULTAN LASHARI</t>
  </si>
  <si>
    <t>Muza Basti Sultan Lashari</t>
  </si>
  <si>
    <t>GPS sultan lashari muza basti sultan lashari</t>
  </si>
  <si>
    <t>Jabuwana</t>
  </si>
  <si>
    <t>tasneem ahsan khan</t>
  </si>
  <si>
    <t>GPS SULTAN MEHMOOD VIRK</t>
  </si>
  <si>
    <t>dera sultan mehmood virk roda</t>
  </si>
  <si>
    <t>GPS SULTAN MEHMOOD WALA</t>
  </si>
  <si>
    <t>Abbas Naghar Moza Ehsan pur mustakil</t>
  </si>
  <si>
    <t>GPS SULTAN MEHMOOD WALA P/O BEAT KATCH</t>
  </si>
  <si>
    <t>chah Jam sultan mahmood wala bait kaitch janubi</t>
  </si>
  <si>
    <t>Chah Jam Sultan Mahmood Wala</t>
  </si>
  <si>
    <t>Muhammad Sabir Iqbal</t>
  </si>
  <si>
    <t>GPS SULTAN PUR ANGRA</t>
  </si>
  <si>
    <t>Sultan Pur Angra</t>
  </si>
  <si>
    <t>sultanpur angra</t>
  </si>
  <si>
    <t>Mc Hadali</t>
  </si>
  <si>
    <t>GPS SULTAN PUR NOON</t>
  </si>
  <si>
    <t>Purana bhalwal</t>
  </si>
  <si>
    <t>sultan pur Noon Bhalwal</t>
  </si>
  <si>
    <t>Sultan pur Noon</t>
  </si>
  <si>
    <t>Gulfam Muhammad Ashraf</t>
  </si>
  <si>
    <t>GPS SULTAN SHAH WALA</t>
  </si>
  <si>
    <t>Sultan shah wala</t>
  </si>
  <si>
    <t>Vilage sultan shah wala kasur</t>
  </si>
  <si>
    <t>Muhammad Wqas Jamil</t>
  </si>
  <si>
    <t>GPS SULTAN WALA SHARQI</t>
  </si>
  <si>
    <t>Village jhangi khelan wala P/O Hathi khan wala Sultan wala sharqi Teh &amp; District Mianwali</t>
  </si>
  <si>
    <t>GPS SULTAN WALA WEST</t>
  </si>
  <si>
    <t>P/O Mochh</t>
  </si>
  <si>
    <t>GPS SULTAN WALA, P/O HAQ NAWAZ WALA, KABIRWALA</t>
  </si>
  <si>
    <t>p/o Haqnawaz wala</t>
  </si>
  <si>
    <t>Chak Norang Shah</t>
  </si>
  <si>
    <t>GPS SUMANDARY KHAN WALI</t>
  </si>
  <si>
    <t>basti samandri darkhast Jamal khan</t>
  </si>
  <si>
    <t>Darkhast Jamal khan</t>
  </si>
  <si>
    <t>Farooq Ahmed</t>
  </si>
  <si>
    <t>GPS SUMBAL GAH</t>
  </si>
  <si>
    <t>Sumbalgah</t>
  </si>
  <si>
    <t>Village and P/O Sumbalgah Tehsil kahuta</t>
  </si>
  <si>
    <t>Sohail Ahmed</t>
  </si>
  <si>
    <t>GPS SUMBLAN WALA</t>
  </si>
  <si>
    <t>kot sumblan wala Miani</t>
  </si>
  <si>
    <t>MEHMOOD MUNAWAR KHAN</t>
  </si>
  <si>
    <t>GPS SUMBLE</t>
  </si>
  <si>
    <t>dhoke sumbal vpo pind bainso</t>
  </si>
  <si>
    <t>GPS SUMMRA</t>
  </si>
  <si>
    <t>basti gunb</t>
  </si>
  <si>
    <t>Ijaz hussain</t>
  </si>
  <si>
    <t>GPS SUMRA JIANI</t>
  </si>
  <si>
    <t>Jiyani</t>
  </si>
  <si>
    <t>basti beroth, moza jiyani, yaroo khosa, dgk</t>
  </si>
  <si>
    <t>Beroth</t>
  </si>
  <si>
    <t>Muhammad Rustum</t>
  </si>
  <si>
    <t>GPS SUMRA NASHAIB</t>
  </si>
  <si>
    <t>Moza Rakh Khokhar Wala</t>
  </si>
  <si>
    <t>GPS SUMRA THAL</t>
  </si>
  <si>
    <t>Chak No.127/TDA</t>
  </si>
  <si>
    <t>Chak No127/TDA</t>
  </si>
  <si>
    <t>GPS SUMRA THAL KALAN</t>
  </si>
  <si>
    <t>Basti Bhundral mor Tehsile Choubara Distt.Layyah</t>
  </si>
  <si>
    <t>Bhundral Wala</t>
  </si>
  <si>
    <t>GPS SUMRA THAL KALAN NO. 2</t>
  </si>
  <si>
    <t>Sumra Thal Kalan Shumaila</t>
  </si>
  <si>
    <t>cha Gujjar wala muza sumra that Klan shumali</t>
  </si>
  <si>
    <t>Jamalchapri</t>
  </si>
  <si>
    <t>GPS SUMRA THAL NO.1</t>
  </si>
  <si>
    <t>Chahe Mustafa Shah Wala Teh Choubara Dist Layyah</t>
  </si>
  <si>
    <t>Chahe Mustafa Shah Wala</t>
  </si>
  <si>
    <t>GPS SUMRAN</t>
  </si>
  <si>
    <t>Sumray</t>
  </si>
  <si>
    <t>Sumray P/ O Kanjrur Skg.</t>
  </si>
  <si>
    <t>Muhammad Boota Ishtiaq</t>
  </si>
  <si>
    <t>GPS SUNARAY WALA</t>
  </si>
  <si>
    <t>GPS sunaray wala markaz mehmood kot tehsil kot district muzaffar garh</t>
  </si>
  <si>
    <t>Khagy Wala</t>
  </si>
  <si>
    <t>Moonis Raza</t>
  </si>
  <si>
    <t>GPS SUNARI WALA</t>
  </si>
  <si>
    <t>Sunari wala</t>
  </si>
  <si>
    <t>sunari wala</t>
  </si>
  <si>
    <t>Sham din</t>
  </si>
  <si>
    <t>GPS SUNAT ABAD</t>
  </si>
  <si>
    <t>Basti sunnatabad paccalaran</t>
  </si>
  <si>
    <t>Sunnat Abad</t>
  </si>
  <si>
    <t>GPS SUNBAL BIAH</t>
  </si>
  <si>
    <t>Sunbalbiah</t>
  </si>
  <si>
    <t>sunbalbiah</t>
  </si>
  <si>
    <t>Tasveer Akhter</t>
  </si>
  <si>
    <t>GPS SUNDAR WALA NO 1</t>
  </si>
  <si>
    <t>Yousuf colony dgkhan</t>
  </si>
  <si>
    <t>Sunder Wala</t>
  </si>
  <si>
    <t>Harder Qureshi</t>
  </si>
  <si>
    <t>Muhammad Sarfraz Azam</t>
  </si>
  <si>
    <t>GPS SUNDER PUR</t>
  </si>
  <si>
    <t>village sunder pur p o kotli loharan west district and tehsil Sialkot</t>
  </si>
  <si>
    <t>GPS SUNDKI</t>
  </si>
  <si>
    <t>Gbps sundki</t>
  </si>
  <si>
    <t>Kot  Sundki</t>
  </si>
  <si>
    <t>GPS SUNDRANA</t>
  </si>
  <si>
    <t>GPS SUNEHRY MOSQUE NARA</t>
  </si>
  <si>
    <t>GPS Sunehri Masjid Nara Jand Attock</t>
  </si>
  <si>
    <t>Dhok Uchhri</t>
  </si>
  <si>
    <t>Hammad Muhamin</t>
  </si>
  <si>
    <t>GPS SUNG</t>
  </si>
  <si>
    <t>village  sang tehs il kahuta distt  rawalpindi</t>
  </si>
  <si>
    <t>GPS SUNSHINE</t>
  </si>
  <si>
    <t>zafar abad skp</t>
  </si>
  <si>
    <t>Faheem Ijaz Khokhar</t>
  </si>
  <si>
    <t>GPS SUPRAY</t>
  </si>
  <si>
    <t>Sapray</t>
  </si>
  <si>
    <t>sapray nowshera virkan Gujranwala</t>
  </si>
  <si>
    <t>Sadam Hussain</t>
  </si>
  <si>
    <t>GPS SURAG SALAR</t>
  </si>
  <si>
    <t>GPS Surag,Attock</t>
  </si>
  <si>
    <t>Bushra Bukhari</t>
  </si>
  <si>
    <t>GPS SURAT ABAD</t>
  </si>
  <si>
    <t>Surat Abad</t>
  </si>
  <si>
    <t>vpo jalhan</t>
  </si>
  <si>
    <t>GPS SURBANI</t>
  </si>
  <si>
    <t>chak ladan</t>
  </si>
  <si>
    <t>GPS SURH</t>
  </si>
  <si>
    <t>SURH</t>
  </si>
  <si>
    <t>Village Surh , UC beor Tehsil Kahuta , District Rawalpindi.</t>
  </si>
  <si>
    <t>BEOR</t>
  </si>
  <si>
    <t>Naeem Qasim</t>
  </si>
  <si>
    <t>GPS SURHALI</t>
  </si>
  <si>
    <t>GPS surhali</t>
  </si>
  <si>
    <t>GPS SURMADANI</t>
  </si>
  <si>
    <t>Surmedani</t>
  </si>
  <si>
    <t>village surmedani p/o gharial kalan Teh. muridke Dist. sheikhupura</t>
  </si>
  <si>
    <t>GPS SURMAY DANI</t>
  </si>
  <si>
    <t>Surmay Dani</t>
  </si>
  <si>
    <t>Chak No 567 /TDA</t>
  </si>
  <si>
    <t>Muhammad Ashraf Anjum</t>
  </si>
  <si>
    <t>GPS SURPALAN</t>
  </si>
  <si>
    <t>basti Surpalan</t>
  </si>
  <si>
    <t>Surpalan</t>
  </si>
  <si>
    <t>GPS SWAYA AHANA</t>
  </si>
  <si>
    <t>Kotla mudhu</t>
  </si>
  <si>
    <t>Basti swaya ahana</t>
  </si>
  <si>
    <t>Saway ahana</t>
  </si>
  <si>
    <t>Jajja abbasian</t>
  </si>
  <si>
    <t>GPS SWEATERKI</t>
  </si>
  <si>
    <t>Sawetarki</t>
  </si>
  <si>
    <t>Mouza sawetarki tehsil sadiqabad</t>
  </si>
  <si>
    <t>GPS SWIDISH GUJRAT</t>
  </si>
  <si>
    <t>Swedish</t>
  </si>
  <si>
    <t>Swedish college near service mor gujrat</t>
  </si>
  <si>
    <t>GPS SYED LOOP</t>
  </si>
  <si>
    <t>Syed Loop</t>
  </si>
  <si>
    <t>GPS Syed Loop Khar fort manroo Tehsil Tribal Area disst. Dera ghazi khan</t>
  </si>
  <si>
    <t>GPS SYED PAK DHULLAY</t>
  </si>
  <si>
    <t>Dhulley</t>
  </si>
  <si>
    <t>baghwala garjakh grw</t>
  </si>
  <si>
    <t>GPS SYEDAN WALI</t>
  </si>
  <si>
    <t>basti syedan wali hasilpur tehsil hasilpur district bahawalpur</t>
  </si>
  <si>
    <t>Syedan Wali</t>
  </si>
  <si>
    <t>GPS SYEDAN WALI SHARQI</t>
  </si>
  <si>
    <t>SYEDAN WALI</t>
  </si>
  <si>
    <t>SYEDAN WALI EAST SIALKOT</t>
  </si>
  <si>
    <t>IMRAN QAISAR</t>
  </si>
  <si>
    <t>GPS SYEDSAR AKKAN WALI</t>
  </si>
  <si>
    <t>Said Sar Akkan Wali</t>
  </si>
  <si>
    <t>said sar akkan wali</t>
  </si>
  <si>
    <t>Said Sar</t>
  </si>
  <si>
    <t>GPS TAASA MOHRA</t>
  </si>
  <si>
    <t>tasamohra</t>
  </si>
  <si>
    <t>village tasa mohra po mulhal tehsil chakwal</t>
  </si>
  <si>
    <t>Tasamohra</t>
  </si>
  <si>
    <t>Noshaba imtiaz</t>
  </si>
  <si>
    <t>GPS TABBI SAR</t>
  </si>
  <si>
    <t>poss Banghi Khel Darmiani</t>
  </si>
  <si>
    <t>Gps Tabbisar</t>
  </si>
  <si>
    <t>Tola Banghikhel</t>
  </si>
  <si>
    <t>Muhammad Sardar Khan</t>
  </si>
  <si>
    <t>GPS TABQRAH</t>
  </si>
  <si>
    <t>Tabqrah</t>
  </si>
  <si>
    <t>GPS TAGIA RAMDANI</t>
  </si>
  <si>
    <t>CHAK JALOHAR</t>
  </si>
  <si>
    <t>Basti Ghulam Sarwar Birmani Mouza Chak Jalohar P/O Choti Zareen Tehsil Kot Chutta District D.G.Khan</t>
  </si>
  <si>
    <t>Basti Ghulam Sarwar Birmani</t>
  </si>
  <si>
    <t>BILAL AKHTAR</t>
  </si>
  <si>
    <t>GPS TAGIANI NO 2</t>
  </si>
  <si>
    <t>chah ghaloo wala moza kot mubarak</t>
  </si>
  <si>
    <t>chah ghaloo wala</t>
  </si>
  <si>
    <t>GPS TAGIANI NO. 1</t>
  </si>
  <si>
    <t>chah Lundi wala mouza kot Mubarak shumali d g khan.</t>
  </si>
  <si>
    <t>Chah Lundi Wala</t>
  </si>
  <si>
    <t>Mohammad Azeem</t>
  </si>
  <si>
    <t>GPS TAH SHUMALI</t>
  </si>
  <si>
    <t>TAh Shumali</t>
  </si>
  <si>
    <t>tah shumali traibal area</t>
  </si>
  <si>
    <t>Tah Shumali</t>
  </si>
  <si>
    <t>Wahid Bkhsh I</t>
  </si>
  <si>
    <t>GPS TAHIR ABAD</t>
  </si>
  <si>
    <t>Khhola</t>
  </si>
  <si>
    <t>gps tahirabad khanqah sirajia chashma teh piplan mianwali</t>
  </si>
  <si>
    <t>GPS TAHIR BANGLA NAHAR</t>
  </si>
  <si>
    <t>Tahir Bangla Nehar</t>
  </si>
  <si>
    <t>Mahmood Ahmad Gill</t>
  </si>
  <si>
    <t>GPS TAHIR KALAN</t>
  </si>
  <si>
    <t>GPS Tahir kalan  basir pur</t>
  </si>
  <si>
    <t>Mahroof</t>
  </si>
  <si>
    <t>GPS TAHIR KE</t>
  </si>
  <si>
    <t>Bahar Ke</t>
  </si>
  <si>
    <t>bahar ke</t>
  </si>
  <si>
    <t>Wasim Waqar</t>
  </si>
  <si>
    <t>GPS TAHIR KHAN WALA</t>
  </si>
  <si>
    <t>Tahir Khan wala Tehsil Noor Pur District khushab</t>
  </si>
  <si>
    <t>Tahir Khan Wala</t>
  </si>
  <si>
    <t>GPS TAHIR KHEL</t>
  </si>
  <si>
    <t>g.p.s tahir khel wan bhachran mianwali</t>
  </si>
  <si>
    <t>GPS TAHIR PUR MULTAN MOZA TAHIR PUR MULTAN</t>
  </si>
  <si>
    <t>Tahir  Pur</t>
  </si>
  <si>
    <t>g ps  tahir pur moza  tahir pur multan</t>
  </si>
  <si>
    <t>Punj  Koha</t>
  </si>
  <si>
    <t>GPS TAHIR PUR P/O &amp; TEH.SHUJABAD</t>
  </si>
  <si>
    <t>Khan Gharh Road Near Baggi Pull</t>
  </si>
  <si>
    <t>Tahir pur</t>
  </si>
  <si>
    <t>Muhammad  Arif</t>
  </si>
  <si>
    <t>GPS TAHIR SHAHEED</t>
  </si>
  <si>
    <t>Basti imam buksh mouza kotla nawab</t>
  </si>
  <si>
    <t>Basti Imam Bukhsh</t>
  </si>
  <si>
    <t>GPS TAHIR WALI</t>
  </si>
  <si>
    <t>Basti and Moza Tahir Wali p/o Chani Goth Teh. APE Dist. BWP</t>
  </si>
  <si>
    <t>GPS TAHLI BHATTIAN</t>
  </si>
  <si>
    <t>Tahli Bhattian</t>
  </si>
  <si>
    <t>Mauza Tahli Bhattian, UC Kariwala, Teh. &amp; Dist. Jhang</t>
  </si>
  <si>
    <t>GPS TAHLI GADAN WALI</t>
  </si>
  <si>
    <t>Tahli Gadanwali</t>
  </si>
  <si>
    <t>mouza Tahli Gadan Wali</t>
  </si>
  <si>
    <t>Tahli Gadan Wali</t>
  </si>
  <si>
    <t>GPS TAHLI GHULAMU</t>
  </si>
  <si>
    <t>MAHRAN WALA</t>
  </si>
  <si>
    <t>CHAH MAHRA NWALA MOUZA MAHRAN WALA JHANG</t>
  </si>
  <si>
    <t>CHAH MAHRAN WALA JHANG</t>
  </si>
  <si>
    <t>MANSOOR SIAL</t>
  </si>
  <si>
    <t>GPS TAHLI GORAYA KHURD</t>
  </si>
  <si>
    <t>Tahli Khurd</t>
  </si>
  <si>
    <t>Tahli Goraya Khurd</t>
  </si>
  <si>
    <t>Madhora Khalan</t>
  </si>
  <si>
    <t>GPS TAHLI LATIF PUR</t>
  </si>
  <si>
    <t>tahli latif pur</t>
  </si>
  <si>
    <t>tahli latif pur, uc kariwala tehsil and dist jhang</t>
  </si>
  <si>
    <t>Imran Nasir</t>
  </si>
  <si>
    <t>GPS TAHLI WALI</t>
  </si>
  <si>
    <t>jaadu wala , mauza mohri wala, post office rohillan wali, tehsil and district muzaffar garh</t>
  </si>
  <si>
    <t>Jaadu Wala</t>
  </si>
  <si>
    <t>Muzammil Basheer</t>
  </si>
  <si>
    <t>GPS TAHOU</t>
  </si>
  <si>
    <t>Tahou</t>
  </si>
  <si>
    <t>Village Tahou P. O. Dalowali Tehsil Sialkot</t>
  </si>
  <si>
    <t>GPS TAI JAWIND SINGH</t>
  </si>
  <si>
    <t>khalid mahmood GPS TAHI JAWIND SINGH  DIST pakpattan</t>
  </si>
  <si>
    <t>Tahi Jawind Singh</t>
  </si>
  <si>
    <t>GPS TAIL MUDNA</t>
  </si>
  <si>
    <t>Chak No 357-A TDA</t>
  </si>
  <si>
    <t>Near Canal Rest House, Layyah Road, Chowk Azam</t>
  </si>
  <si>
    <t>Rest House Colony</t>
  </si>
  <si>
    <t>CHOWK AZAM-I</t>
  </si>
  <si>
    <t>GPS TAILL PUNJ NUND</t>
  </si>
  <si>
    <t>Govt.Primary School Tail Punjnad Basti Munchiyan Mouza Neel Ghar Khan Pur</t>
  </si>
  <si>
    <t>Basti Munchiyan</t>
  </si>
  <si>
    <t>GPS TAJ ABAD</t>
  </si>
  <si>
    <t>Tajabad Chishtian</t>
  </si>
  <si>
    <t>tajabad chishtian</t>
  </si>
  <si>
    <t>Attiq Ur Rahmen</t>
  </si>
  <si>
    <t>GPS TAJ MEHMOOD CHAKUKA</t>
  </si>
  <si>
    <t>Tajmehmood Chakoka</t>
  </si>
  <si>
    <t>taj mehmood chakoka</t>
  </si>
  <si>
    <t>Jalal Nagar</t>
  </si>
  <si>
    <t>GPS TAJ PUR MUREED WALA</t>
  </si>
  <si>
    <t>basti  Tajpur</t>
  </si>
  <si>
    <t>Muhammad Khalid Rashid</t>
  </si>
  <si>
    <t>GPS TAJ UL ISLAM</t>
  </si>
  <si>
    <t>GPS Taj ul  islam</t>
  </si>
  <si>
    <t>Dhoke gangal</t>
  </si>
  <si>
    <t>Fowzia Shamim</t>
  </si>
  <si>
    <t>GPS TAJ WALA</t>
  </si>
  <si>
    <t>GPS TAJ WALA,CHAH LAHORI WALA,P/O SAMINA,DIST DGK</t>
  </si>
  <si>
    <t>Lahori Wala</t>
  </si>
  <si>
    <t>GPS TAJA BAJA</t>
  </si>
  <si>
    <t>Taja Baja</t>
  </si>
  <si>
    <t>Village taja baja  Tehsil Hazro Dist. Attock</t>
  </si>
  <si>
    <t>Mir Afsar Khan</t>
  </si>
  <si>
    <t>GPS TAJOKAY</t>
  </si>
  <si>
    <t>tajokey cheema</t>
  </si>
  <si>
    <t>Adamkey</t>
  </si>
  <si>
    <t>Kalsoom Arshad</t>
  </si>
  <si>
    <t>GPS TAJUKAY MAHAR</t>
  </si>
  <si>
    <t>Taju Ky Mahar</t>
  </si>
  <si>
    <t>taju ky mahar</t>
  </si>
  <si>
    <t>GPS TAJWANA KOORIAN</t>
  </si>
  <si>
    <t>Moza tajwana</t>
  </si>
  <si>
    <t>Budh ghulam</t>
  </si>
  <si>
    <t>GPS TAKAY WALA</t>
  </si>
  <si>
    <t>POST OFFICE MANKERA MAUZA DAGGAR KOTLI VILLAGE TAKAY WALA MANKERA</t>
  </si>
  <si>
    <t>Takay Wala</t>
  </si>
  <si>
    <t>Ch Sarwar Attique</t>
  </si>
  <si>
    <t>GPS TAKHAT MAHAL</t>
  </si>
  <si>
    <t>TAKHAT MAHAL</t>
  </si>
  <si>
    <t>village takhat mahal tehsil phalia district mandi baha ud din</t>
  </si>
  <si>
    <t>bhekho</t>
  </si>
  <si>
    <t>GPS TAKHAWAL</t>
  </si>
  <si>
    <t>Thakhawal</t>
  </si>
  <si>
    <t>basti thakhwal,uc theekar trible area taunsa DG khan</t>
  </si>
  <si>
    <t>Thkhawl</t>
  </si>
  <si>
    <t>GPS TAKHT RESHORA</t>
  </si>
  <si>
    <t>Lunday Bhangi Khel</t>
  </si>
  <si>
    <t>village Takht reshora post office kala bagh  tehsil isa khel district Mian  wali</t>
  </si>
  <si>
    <t>Takht Reshora</t>
  </si>
  <si>
    <t>Fazal Subhan</t>
  </si>
  <si>
    <t>GPS TAKHTI</t>
  </si>
  <si>
    <t>Takhti</t>
  </si>
  <si>
    <t>village and post office takhti</t>
  </si>
  <si>
    <t>GPS TAKHTU WALA</t>
  </si>
  <si>
    <t>Takhtu Wala</t>
  </si>
  <si>
    <t>village takhtu wala, teh&amp;distt nankana sahib</t>
  </si>
  <si>
    <t>Muhammad Waqar Tariq</t>
  </si>
  <si>
    <t>GPS TAKHWANA</t>
  </si>
  <si>
    <t>Govt. primary school Takhwana</t>
  </si>
  <si>
    <t>Shah Muhammad Habib</t>
  </si>
  <si>
    <t>GPS TAKOO RAM PURA</t>
  </si>
  <si>
    <t>Takoo Ram Pura</t>
  </si>
  <si>
    <t>Moza takoo ram pura, teh&amp;distt. Bwn</t>
  </si>
  <si>
    <t>GPS TAKOWALA</t>
  </si>
  <si>
    <t>takowala</t>
  </si>
  <si>
    <t>village takowala p.o begowala</t>
  </si>
  <si>
    <t>begowala</t>
  </si>
  <si>
    <t>GPS TAKWAN</t>
  </si>
  <si>
    <t>Government Primary School Takwan</t>
  </si>
  <si>
    <t>GPS TALA JABA</t>
  </si>
  <si>
    <t>vpo thoha mahram khan dhok jaba</t>
  </si>
  <si>
    <t>Thoha Mahram Khan</t>
  </si>
  <si>
    <t>Raisham Khan</t>
  </si>
  <si>
    <t>GPS TALAGANG NO. 2</t>
  </si>
  <si>
    <t>GPS No.2 Talagang</t>
  </si>
  <si>
    <t>Gharab</t>
  </si>
  <si>
    <t>BAHAWAL SHER</t>
  </si>
  <si>
    <t>GPS TALAGANG NO. 3</t>
  </si>
  <si>
    <t>Near Old Bus Stand Talagang City</t>
  </si>
  <si>
    <t>Talagang West</t>
  </si>
  <si>
    <t>Hafiz Muhammad Ijaz</t>
  </si>
  <si>
    <t>GPS TALAMAND</t>
  </si>
  <si>
    <t>Talanamd,p/o 112/m Tehsil and District Bahawalnagar</t>
  </si>
  <si>
    <t>Talanamd</t>
  </si>
  <si>
    <t>GPS TALEEM UL ISLAM MANGENI</t>
  </si>
  <si>
    <t>Gps T. I Mangini Moza Mangini tehsil Bhowana District Chiniot</t>
  </si>
  <si>
    <t>GPS TALEEM UL QURAN, P/O MAKHDOOM PUR, KHANEWAL</t>
  </si>
  <si>
    <t>noori muhla mukhdoom pur tehsil and District khanewal</t>
  </si>
  <si>
    <t>GPS TALEEM-UD-DIN J.P.JATTAN</t>
  </si>
  <si>
    <t>Mohalla Sadhu JalalPurJattan</t>
  </si>
  <si>
    <t>MC Jalalpur JATTAN</t>
  </si>
  <si>
    <t>GPS TALEEM-UL-ISLAM KABIRWALA</t>
  </si>
  <si>
    <t>Kohiwala Kabirwala</t>
  </si>
  <si>
    <t>GPS TALEEM-UL-QURAN</t>
  </si>
  <si>
    <t>Gbps taleem Ul Quran taxila</t>
  </si>
  <si>
    <t>GPS TALIAN VILLAGE</t>
  </si>
  <si>
    <t>Village Tailan</t>
  </si>
  <si>
    <t>Dhairy Da Wara</t>
  </si>
  <si>
    <t>Shafiq  Ahmad</t>
  </si>
  <si>
    <t>GPS TALIB</t>
  </si>
  <si>
    <t>Government Primary School Talib Teh.&amp;Distt. Chiniot</t>
  </si>
  <si>
    <t>Chak#125 JB</t>
  </si>
  <si>
    <t>GPS TALIB ALI P/O 26 S.P</t>
  </si>
  <si>
    <t>Talib Ali</t>
  </si>
  <si>
    <t>chak Talib Ali</t>
  </si>
  <si>
    <t>GPS TALIB DHANDI</t>
  </si>
  <si>
    <t>Talib Dandhi</t>
  </si>
  <si>
    <t>moza Talib Dhandi  post no 199p tehsil Sadiq Abad district Rahim Yar Khan</t>
  </si>
  <si>
    <t>Remat Ali</t>
  </si>
  <si>
    <t>GPS TALIB WALA</t>
  </si>
  <si>
    <t>Talibwala</t>
  </si>
  <si>
    <t>Talibwala tehsil kotmomin District Sargodha</t>
  </si>
  <si>
    <t>Muhammad Zia Ul Haq Qasimi</t>
  </si>
  <si>
    <t>GPS TALIM UL ISLAM SHUMALI MOHALLA</t>
  </si>
  <si>
    <t>shumali mohallah jhelum</t>
  </si>
  <si>
    <t>Muhammad Jamil Ahmed</t>
  </si>
  <si>
    <t>GPS TALIM UL QURAN KHARIAN</t>
  </si>
  <si>
    <t>kharian</t>
  </si>
  <si>
    <t>City Kharian</t>
  </si>
  <si>
    <t>Usman Munir</t>
  </si>
  <si>
    <t>GPS TALKOT 2 KHAN GARAH ROAD SHUJABAD</t>
  </si>
  <si>
    <t>tibi nonari khangarh road shujabad</t>
  </si>
  <si>
    <t>MC Shujabad</t>
  </si>
  <si>
    <t>Muhammad Rustam</t>
  </si>
  <si>
    <t>GPS TALOKE</t>
  </si>
  <si>
    <t>Taloke</t>
  </si>
  <si>
    <t>Haidar Abad</t>
  </si>
  <si>
    <t>GPS TALUKA</t>
  </si>
  <si>
    <t>Taluka</t>
  </si>
  <si>
    <t>mouza taluka</t>
  </si>
  <si>
    <t>GPS TALWANDI BHINDRAN</t>
  </si>
  <si>
    <t>Talwandi Bhindran Bhindran</t>
  </si>
  <si>
    <t>Moh,. Bilal pura Talwandi Bhindran Narowal</t>
  </si>
  <si>
    <t>Mohammed Iqbal</t>
  </si>
  <si>
    <t>GPS TALWARA RAJPUTAN</t>
  </si>
  <si>
    <t>Talwara Rajputan</t>
  </si>
  <si>
    <t>Talwara Rajputan, post office dogranwala, tehsil daska dist. sialkot</t>
  </si>
  <si>
    <t>GPS TALYALA</t>
  </si>
  <si>
    <t>Talyala sethi p.o noorpur tehsil kallar kahar distt.chakwal</t>
  </si>
  <si>
    <t>GPS TAMACHI WALA</t>
  </si>
  <si>
    <t>Basti  pir adil</t>
  </si>
  <si>
    <t>Abdul RASHEED</t>
  </si>
  <si>
    <t>GPS TANAZA</t>
  </si>
  <si>
    <t>Bunga Jhedu</t>
  </si>
  <si>
    <t>basti Tanaza Moazza bunga jhedu Tehsil Chishtian district Bahawalnagar</t>
  </si>
  <si>
    <t>Basti Tanaza</t>
  </si>
  <si>
    <t>GPS TANDOHI</t>
  </si>
  <si>
    <t>Oucha</t>
  </si>
  <si>
    <t>village oucha dhoke tindoi tehsile  murree  Rawalpindi</t>
  </si>
  <si>
    <t>Tindohi</t>
  </si>
  <si>
    <t>Muhammad Minhas</t>
  </si>
  <si>
    <t>GPS TANGERIAN</t>
  </si>
  <si>
    <t>Tangerian</t>
  </si>
  <si>
    <t>GPS tangerian post office mokal tehsil chunian</t>
  </si>
  <si>
    <t>Agha Noor Ul Amin</t>
  </si>
  <si>
    <t>GPS TANI CHAK 524</t>
  </si>
  <si>
    <t>Tani chak524 teh &amp;distt skp</t>
  </si>
  <si>
    <t>Tani Chak</t>
  </si>
  <si>
    <t>Muhammad Auyub</t>
  </si>
  <si>
    <t>GPS TANI KHEL P/O KAMAR MUSHANI ISA KHEL</t>
  </si>
  <si>
    <t>p/o Kamar Mushani mohallah Tanikhel isa khel mianwali</t>
  </si>
  <si>
    <t>MC Kamar Mushani</t>
  </si>
  <si>
    <t>Ghulam Habib Khan</t>
  </si>
  <si>
    <t>GPS TANLEHRI</t>
  </si>
  <si>
    <t>Slamber</t>
  </si>
  <si>
    <t>p/o punjar vill tanlehri teh kahuta rwp</t>
  </si>
  <si>
    <t>Tanlehri</t>
  </si>
  <si>
    <t>Isma Nawaz</t>
  </si>
  <si>
    <t>GPS TANVEER-UL-ISLAM DHOKE HUKAM DAD RWP</t>
  </si>
  <si>
    <t>Hukam Dad</t>
  </si>
  <si>
    <t>NE 2208,ST 18, DHOKE HUKAM DAD RWP</t>
  </si>
  <si>
    <t>Dhoke Hukam Dad</t>
  </si>
  <si>
    <t>GPS TANWARI</t>
  </si>
  <si>
    <t>Jumani</t>
  </si>
  <si>
    <t>besti tanwari tehsil khairpur</t>
  </si>
  <si>
    <t>Krampur</t>
  </si>
  <si>
    <t>GPS TANWARIAN WALA</t>
  </si>
  <si>
    <t>Sadh Wala</t>
  </si>
  <si>
    <t>Tanwarian wala tehsil mankera district bhakkar</t>
  </si>
  <si>
    <t>Tanwarian Wala</t>
  </si>
  <si>
    <t>Karlu Wals</t>
  </si>
  <si>
    <t>GPS TANWRI WALA</t>
  </si>
  <si>
    <t>Mauza panwar shumali p.s tanwari wala</t>
  </si>
  <si>
    <t>Tanwari Wala</t>
  </si>
  <si>
    <t>GPS TANYAM SYEDAN</t>
  </si>
  <si>
    <t>Syhali Umer Khan</t>
  </si>
  <si>
    <t>vllage tnyam syedan p.o samote tehsil kallar syedan distt rawalpindi</t>
  </si>
  <si>
    <t>Tanyam Syedan</t>
  </si>
  <si>
    <t>Muhammad irfan ul haq</t>
  </si>
  <si>
    <t>GPS TANZEEM ACHHA MADRISSA</t>
  </si>
  <si>
    <t>Zakheera Smasatha</t>
  </si>
  <si>
    <t>Arshad town bahawalpur</t>
  </si>
  <si>
    <t>Arshad Town</t>
  </si>
  <si>
    <t>Arshad Town Saeed Abad</t>
  </si>
  <si>
    <t>GPS TANZEEM AHMAD YAR TANVARI</t>
  </si>
  <si>
    <t>Ahmad Year Tanwari</t>
  </si>
  <si>
    <t>basti jam kareem bux Mouza Ahmad yar tanwari Tahsil liaquat pur district Rahim year khan</t>
  </si>
  <si>
    <t>GPS TANZEEM AHYA-UL-ALOOM</t>
  </si>
  <si>
    <t>Choongi No 4 Hasilpur</t>
  </si>
  <si>
    <t>CHOONGI NO.4 GHAREEB MAHALLA, HASILPUR</t>
  </si>
  <si>
    <t>BALDIA HASILPUR</t>
  </si>
  <si>
    <t>Mubasher Hussain</t>
  </si>
  <si>
    <t>GPS TANZEEM AKKOKA WEST</t>
  </si>
  <si>
    <t>Basti Doctor Dewan Wali</t>
  </si>
  <si>
    <t>GPS TANZEEM ALLAH BUKHSH</t>
  </si>
  <si>
    <t>bsti majeed khan tehsil kpt disst bwp</t>
  </si>
  <si>
    <t>Majeed Khaan</t>
  </si>
  <si>
    <t>MUHAMMAD TARIQ SHAH</t>
  </si>
  <si>
    <t>GPS TANZEEM ALLAH DAD</t>
  </si>
  <si>
    <t>Mouza Tibbi Izzat basti Talbani APE</t>
  </si>
  <si>
    <t>GPS TANZEEM ATTA MUHAMMAD</t>
  </si>
  <si>
    <t>Goth Noor Mohammad</t>
  </si>
  <si>
    <t>Goth noor muhammad</t>
  </si>
  <si>
    <t>Goth NOOR Muhammad</t>
  </si>
  <si>
    <t>Gadan</t>
  </si>
  <si>
    <t>TAYYABA BASHIR</t>
  </si>
  <si>
    <t>GPS TANZEEM BANGLA YATEEM WALA</t>
  </si>
  <si>
    <t>Yateem Wala</t>
  </si>
  <si>
    <t>Abid colony yateem wala</t>
  </si>
  <si>
    <t>128/6-R</t>
  </si>
  <si>
    <t>132/6-R</t>
  </si>
  <si>
    <t>GPS TANZEEM BAQIR SHAH</t>
  </si>
  <si>
    <t>Basti Hafizabad Moza Bakhoo ArbiTehsil Ahmedpur East</t>
  </si>
  <si>
    <t>Syed Mohsin Ali</t>
  </si>
  <si>
    <t>GPS TANZEEM BASTI HUSSAINI</t>
  </si>
  <si>
    <t>Basti Hussaini Hasil pur</t>
  </si>
  <si>
    <t>Basti hussaini</t>
  </si>
  <si>
    <t>Hasil pur old</t>
  </si>
  <si>
    <t>Hafiz Muhammad Kamran Anwar</t>
  </si>
  <si>
    <t>GPS TANZEEM CHAH FAZIL WALA</t>
  </si>
  <si>
    <t>Basti Jhok Fareed</t>
  </si>
  <si>
    <t>Hafiz Wajahat Masood</t>
  </si>
  <si>
    <t>GPS TANZEEM CHAH KABEER WALA</t>
  </si>
  <si>
    <t>Ada khanpur Noanga</t>
  </si>
  <si>
    <t>Ada Khanpur Noranga</t>
  </si>
  <si>
    <t>GPS TANZEEM CHAK NO. 174/7-R</t>
  </si>
  <si>
    <t>chak 174/7-R</t>
  </si>
  <si>
    <t>chak 174/7-R cholsatan tehseel Liaquatpur</t>
  </si>
  <si>
    <t>chak174/7-R</t>
  </si>
  <si>
    <t>GPS TANZEEM CHAK NO.5/BC (E)</t>
  </si>
  <si>
    <t>Chak no.5 bc East</t>
  </si>
  <si>
    <t>Basti Bhian Chak 5 Bc</t>
  </si>
  <si>
    <t>Rao Muhammad Arshad</t>
  </si>
  <si>
    <t>GPS TANZEEM GARWAN</t>
  </si>
  <si>
    <t>Tibbamiani</t>
  </si>
  <si>
    <t>basti ghorian sama satta</t>
  </si>
  <si>
    <t>Basti Ghorian</t>
  </si>
  <si>
    <t>Shahroon rasheed</t>
  </si>
  <si>
    <t>GPS TANZEEM JINDWADA CHANNAR</t>
  </si>
  <si>
    <t>tanzeem primary school jind wadda channer</t>
  </si>
  <si>
    <t>Uch Gilani</t>
  </si>
  <si>
    <t>GPS TANZEEM KACHI MAULVIAN</t>
  </si>
  <si>
    <t>Tibba Miyani</t>
  </si>
  <si>
    <t>basti kachi wah sammasatts</t>
  </si>
  <si>
    <t>Kachi Wah</t>
  </si>
  <si>
    <t>Shams U Din</t>
  </si>
  <si>
    <t>GPS TANZEEM KARAM PUR DOLTANA</t>
  </si>
  <si>
    <t>chak islam abad</t>
  </si>
  <si>
    <t>Chak Islam Abad</t>
  </si>
  <si>
    <t>Mohammad Habib Ullah</t>
  </si>
  <si>
    <t>GPS TANZEEM KARNA KALAN</t>
  </si>
  <si>
    <t>9bc</t>
  </si>
  <si>
    <t>moosa colony BWP</t>
  </si>
  <si>
    <t>Moosa Colony</t>
  </si>
  <si>
    <t>City 9</t>
  </si>
  <si>
    <t>GPS TANZEEM KAZMIA</t>
  </si>
  <si>
    <t>Hasilpur City</t>
  </si>
  <si>
    <t>ward No.30 Hasilpur</t>
  </si>
  <si>
    <t>Zahid HUSSAIN</t>
  </si>
  <si>
    <t>GPS TANZEEM KHAIRI BHABHI</t>
  </si>
  <si>
    <t>khairi bhabhi</t>
  </si>
  <si>
    <t>basti khairi bhabhi</t>
  </si>
  <si>
    <t>kotla qaim khan</t>
  </si>
  <si>
    <t>GPS TANZEEM KHARLAN</t>
  </si>
  <si>
    <t>basti kharlan p/o sheikh wahan teh khairpur district bwp</t>
  </si>
  <si>
    <t>Basti Kharlan</t>
  </si>
  <si>
    <t>GPS TANZEEM LALOO WALA</t>
  </si>
  <si>
    <t>Mouza malkani basti p/o ghous pur</t>
  </si>
  <si>
    <t>Basti Hafiz Allah Yar</t>
  </si>
  <si>
    <t>GPS TANZEEM MAHRAN</t>
  </si>
  <si>
    <t>Mouza Bukhtiari, Uchsharif, Ahmadpur East, Bahawalpur</t>
  </si>
  <si>
    <t>Khawer Nazir</t>
  </si>
  <si>
    <t>GPS TANZEEM MAL SHAH</t>
  </si>
  <si>
    <t>Basti Malshah</t>
  </si>
  <si>
    <t>Basti Malshah Chishtian Road Hasilpur</t>
  </si>
  <si>
    <t>Alia Kanwel</t>
  </si>
  <si>
    <t>GPS TANZEEM MANGWANI</t>
  </si>
  <si>
    <t>Mouza Mangwani, Tehsil &amp; city Bahawalpur.</t>
  </si>
  <si>
    <t>Muhammad Mehboob ul haq</t>
  </si>
  <si>
    <t>GPS TANZEEM MARALI</t>
  </si>
  <si>
    <t>govt. tanzeem primary school mirali moza muhammad pur</t>
  </si>
  <si>
    <t>GPS TANZEEM MUNEER SHAHEED</t>
  </si>
  <si>
    <t>Haiderpur</t>
  </si>
  <si>
    <t>basti Malik haiderpur</t>
  </si>
  <si>
    <t>Basti Malik</t>
  </si>
  <si>
    <t>GPS TANZEEM QAUMI MADRISSA</t>
  </si>
  <si>
    <t>ghalla mandi model Town  b b w p</t>
  </si>
  <si>
    <t>GPS TANZEEM RAILWAY COLONY</t>
  </si>
  <si>
    <t>railway coloney bhawalnagar</t>
  </si>
  <si>
    <t>Railway Coloney</t>
  </si>
  <si>
    <t>GPS TANZEEM SAINT MARTIN</t>
  </si>
  <si>
    <t>M Pannah</t>
  </si>
  <si>
    <t>christian colony hasilpur</t>
  </si>
  <si>
    <t>GPS TANZEEM SHAMS-UL-ALOOM</t>
  </si>
  <si>
    <t>Mohallah Jugpura</t>
  </si>
  <si>
    <t>Eid gah mohallah jugpura</t>
  </si>
  <si>
    <t>Jugpura</t>
  </si>
  <si>
    <t>Muhammad Shahbaz Fareedi</t>
  </si>
  <si>
    <t>GPS TANZEEM TEHSIL BAZAR</t>
  </si>
  <si>
    <t>opposite saddar thana in jame raza e mustafa</t>
  </si>
  <si>
    <t>GPS TANZEEM TIBBA SAHWAN</t>
  </si>
  <si>
    <t>tibba sahwan near lalsohanra</t>
  </si>
  <si>
    <t>Tibba Sahwan</t>
  </si>
  <si>
    <t>38 BC</t>
  </si>
  <si>
    <t>Muhammad Sajid Anwar</t>
  </si>
  <si>
    <t>GPS TANZEEM WAHI QADIR DINA</t>
  </si>
  <si>
    <t>Wahi Qadir Dena</t>
  </si>
  <si>
    <t>Near Janazagah Shah Wala Bagh,/Opposite street of Al-Makkah town Mohallah Fatani Ahmedpur East</t>
  </si>
  <si>
    <t>61/3</t>
  </si>
  <si>
    <t>Mahmood ul hassan Ansari</t>
  </si>
  <si>
    <t>GPS TANZEEM YAZMAN</t>
  </si>
  <si>
    <t>Ward # 14 Yazman</t>
  </si>
  <si>
    <t>GPS TAPIALA</t>
  </si>
  <si>
    <t>TAPYALA</t>
  </si>
  <si>
    <t>Gps tapyala tehsil kharian district Gujrat</t>
  </si>
  <si>
    <t>GPS TAPPA</t>
  </si>
  <si>
    <t>Bait Wasawa Kalru Wala</t>
  </si>
  <si>
    <t>Gps Tappa</t>
  </si>
  <si>
    <t>Bait Wasawa Kalru</t>
  </si>
  <si>
    <t>Bait Wasawa Kalru Shumali</t>
  </si>
  <si>
    <t>GPS TAPPA QASIM</t>
  </si>
  <si>
    <t>chah tappa moza shadi khan munda</t>
  </si>
  <si>
    <t>chah tappa</t>
  </si>
  <si>
    <t>GPS TAQI ABAD</t>
  </si>
  <si>
    <t>TMShah</t>
  </si>
  <si>
    <t>Taqi Abad</t>
  </si>
  <si>
    <t>GPS TAQWA COLONY (WALI KOT)</t>
  </si>
  <si>
    <t>Murad Kharl</t>
  </si>
  <si>
    <t>Gwps Taqwa Colony  (wali kot) PO Madrassa Teh &amp; Distt. Bahawalnagar</t>
  </si>
  <si>
    <t>Wali Kot</t>
  </si>
  <si>
    <t>GPS TARA GARH</t>
  </si>
  <si>
    <t>taragarh</t>
  </si>
  <si>
    <t>Gorh</t>
  </si>
  <si>
    <t>Shakil Siddique</t>
  </si>
  <si>
    <t>GPS TARA HAVALI KALAN</t>
  </si>
  <si>
    <t>Tara Havali Kalan</t>
  </si>
  <si>
    <t>moza tara havali kalan tehsil kamalia district t t singh</t>
  </si>
  <si>
    <t>737 GB</t>
  </si>
  <si>
    <t>Johar Hussain Shakoori</t>
  </si>
  <si>
    <t>GPS TARAEI GERDAN</t>
  </si>
  <si>
    <t>Basti taraei garden teh trible area distt dgkhan</t>
  </si>
  <si>
    <t>Taraei Garden</t>
  </si>
  <si>
    <t>muhammad Yousuf</t>
  </si>
  <si>
    <t>GPS TARAGGAR</t>
  </si>
  <si>
    <t>Mouza Traggar bagh wala p/o Tibba Sultan pur</t>
  </si>
  <si>
    <t>GPS TARAGRAN WALA</t>
  </si>
  <si>
    <t>Tragranwala P /O Dadu wala Thesil Kallour kot District Bhakker</t>
  </si>
  <si>
    <t>Tragranwala</t>
  </si>
  <si>
    <t>GPS TARAIR (KHUNDA)</t>
  </si>
  <si>
    <t>trair p/o mirwal teh. jand  distt. attock.</t>
  </si>
  <si>
    <t>Trair</t>
  </si>
  <si>
    <t>ejector</t>
  </si>
  <si>
    <t>GPS TARAIR (MITHIAL)</t>
  </si>
  <si>
    <t>P.S Trair village  Mithial Tehsil Jand District  Attock</t>
  </si>
  <si>
    <t>Almal  Mithial</t>
  </si>
  <si>
    <t>GPS TARANDIN</t>
  </si>
  <si>
    <t>basti javed abad kot adu</t>
  </si>
  <si>
    <t>Ahsanullah Khan</t>
  </si>
  <si>
    <t>GPS TARATANI</t>
  </si>
  <si>
    <t>Taratani</t>
  </si>
  <si>
    <t>GPS TARAY WALA</t>
  </si>
  <si>
    <t>awami kaloni jampur</t>
  </si>
  <si>
    <t>GPS TAREEL</t>
  </si>
  <si>
    <t>Village tareel p.o shahbagh teh.kallar syedan distt.rawalpindi</t>
  </si>
  <si>
    <t>Azmat Hussain</t>
  </si>
  <si>
    <t>GPS TARGA P/O QADI WIND</t>
  </si>
  <si>
    <t>targa p/o.qadi wind</t>
  </si>
  <si>
    <t>GPS TARI WALA</t>
  </si>
  <si>
    <t>tariwa!a district Gujranwala</t>
  </si>
  <si>
    <t>GPS TARIQ MAHMOOD ABAD</t>
  </si>
  <si>
    <t>GPS TARIQ MAHMOOD WALA</t>
  </si>
  <si>
    <t>Mauza Chan Wala, P/O Qasba Gujrat, Tehsil Kot Addu, District Muzaffargarh</t>
  </si>
  <si>
    <t>Muhammad Tauqeer Nawaz</t>
  </si>
  <si>
    <t>GPS TARKAWAL</t>
  </si>
  <si>
    <t>turkwal</t>
  </si>
  <si>
    <t>VPO turkwal tehsil gujar khan</t>
  </si>
  <si>
    <t>punjgran kalan</t>
  </si>
  <si>
    <t>Gustasab Khan</t>
  </si>
  <si>
    <t>GPS TARKHAN MOHRA</t>
  </si>
  <si>
    <t>govt boys primary school tarkhan mohra</t>
  </si>
  <si>
    <t>Tarkhan Mohra</t>
  </si>
  <si>
    <t>Waheed akhtar</t>
  </si>
  <si>
    <t>GPS TARKHANA MURIDA</t>
  </si>
  <si>
    <t>Tahkhana  Murida</t>
  </si>
  <si>
    <t>Tarkhana Murida</t>
  </si>
  <si>
    <t>Tarkhana  Murida</t>
  </si>
  <si>
    <t>Shahida Gulzar</t>
  </si>
  <si>
    <t>GPS TARKHANA WALA</t>
  </si>
  <si>
    <t>Tarkhan Wala</t>
  </si>
  <si>
    <t>Tarkhan Wala nankana sahib</t>
  </si>
  <si>
    <t>GPS TARKI</t>
  </si>
  <si>
    <t>Tarki</t>
  </si>
  <si>
    <t>tarki mailsi</t>
  </si>
  <si>
    <t>Muhammad ALYAS Khan</t>
  </si>
  <si>
    <t>GPS TARKI WALA</t>
  </si>
  <si>
    <t>murkaz bibalwala teh.choubara .distt.layyah</t>
  </si>
  <si>
    <t>GPS TARLIAWALE CHAK NO. 13/RB</t>
  </si>
  <si>
    <t>Tarlianwali</t>
  </si>
  <si>
    <t>tarlianwali chak no 13</t>
  </si>
  <si>
    <t>M Irfan</t>
  </si>
  <si>
    <t>GPS TARNOSH</t>
  </si>
  <si>
    <t>TARNOSH</t>
  </si>
  <si>
    <t>VILL TARNOSH PO MOWARA TEHSIL KAHUTA</t>
  </si>
  <si>
    <t>MOWARA</t>
  </si>
  <si>
    <t>Wajiha Naseer</t>
  </si>
  <si>
    <t>GPS TAROAY PUR</t>
  </si>
  <si>
    <t>Basti taroy pur jhowk wains parli multan</t>
  </si>
  <si>
    <t>Basti taroy pur</t>
  </si>
  <si>
    <t>Jhowk wains</t>
  </si>
  <si>
    <t>GPS TAROGILL</t>
  </si>
  <si>
    <t>Tarogill</t>
  </si>
  <si>
    <t>village tarogill near daak khana ada plot</t>
  </si>
  <si>
    <t>Bhobtiyaan</t>
  </si>
  <si>
    <t>Anam Ikram</t>
  </si>
  <si>
    <t>GPS TARRARI</t>
  </si>
  <si>
    <t>P O  khura Tehsil  Naushera district khushab</t>
  </si>
  <si>
    <t>from neighbours</t>
  </si>
  <si>
    <t>GPS TARROR</t>
  </si>
  <si>
    <t>Tarror</t>
  </si>
  <si>
    <t>Mouza tarror po rodu sultan tesil18hazari District jhang</t>
  </si>
  <si>
    <t>GPS TARSANGI SHARIF</t>
  </si>
  <si>
    <t>Tarsangi Sharif</t>
  </si>
  <si>
    <t>head sulemanki road tasangi sharif</t>
  </si>
  <si>
    <t>KHALID MAHMOOD CHISHTI</t>
  </si>
  <si>
    <t>GPS TARUBRI</t>
  </si>
  <si>
    <t>Trobari</t>
  </si>
  <si>
    <t>Mohammad pur Sansaran mnd dist BWN</t>
  </si>
  <si>
    <t>Basti Trobari</t>
  </si>
  <si>
    <t>Tobabluchan</t>
  </si>
  <si>
    <t>GPS TARY WALA</t>
  </si>
  <si>
    <t>Hardev Tarraywalla</t>
  </si>
  <si>
    <t>village tarraywalla pist offiice hardev sheikhupura</t>
  </si>
  <si>
    <t>Tarraywalla</t>
  </si>
  <si>
    <t>Ghulam Mustafa Virk</t>
  </si>
  <si>
    <t>GPS TASH PURA</t>
  </si>
  <si>
    <t>Tash Pura</t>
  </si>
  <si>
    <t>GPS TASS</t>
  </si>
  <si>
    <t>village tass p.o burhan tehsil hassan abdal attock</t>
  </si>
  <si>
    <t>GPS TATAR</t>
  </si>
  <si>
    <t>Village Tatar, post office Mopalkey, tehsil Renalakhurd, district Okara</t>
  </si>
  <si>
    <t>GHULAM YASEEN ABID</t>
  </si>
  <si>
    <t>GPS TATAR KHAIL</t>
  </si>
  <si>
    <t>Gps Dera Tatar Khail P/O Adhi Kot Thesil Noor Pur Thal District Khushab</t>
  </si>
  <si>
    <t>Dera Tatar Khail Adhi Kot</t>
  </si>
  <si>
    <t>Muhammad KHAN</t>
  </si>
  <si>
    <t>GPS TATAR KOT</t>
  </si>
  <si>
    <t>TATAR KOT</t>
  </si>
  <si>
    <t>TATAR KOT P/O BULLO TEHSIL 18 HAZARI DISTRICT JHANG</t>
  </si>
  <si>
    <t>MUHAMMAD ALEEM SADIQ</t>
  </si>
  <si>
    <t>GPS TATARI</t>
  </si>
  <si>
    <t>TATARI</t>
  </si>
  <si>
    <t>GPS TATLAY HAKEEM HAIDER ALI</t>
  </si>
  <si>
    <t>tatlay Hakeem Haider ali</t>
  </si>
  <si>
    <t>Asnan Hameed</t>
  </si>
  <si>
    <t>GPS TATLAY ROAD KAMOKE</t>
  </si>
  <si>
    <t>Mohallah Sadarabad Kamoke</t>
  </si>
  <si>
    <t>Sadarabad</t>
  </si>
  <si>
    <t>Kamoke-I</t>
  </si>
  <si>
    <t>Hakim Tahir</t>
  </si>
  <si>
    <t>GPS TATLEY</t>
  </si>
  <si>
    <t>Tatley</t>
  </si>
  <si>
    <t>Village Tatley, PO  Heir, Tehsil Cantt, Lahore</t>
  </si>
  <si>
    <t>Abdur Rahim Khan</t>
  </si>
  <si>
    <t>GPS TATRAL</t>
  </si>
  <si>
    <t>Govt Primary school Tatral kahoon</t>
  </si>
  <si>
    <t>Sher Muhammad Awan</t>
  </si>
  <si>
    <t>GPS TATRAN WALA</t>
  </si>
  <si>
    <t>GPS Tatran wala</t>
  </si>
  <si>
    <t>Tatran Wala</t>
  </si>
  <si>
    <t>GPS TATROT</t>
  </si>
  <si>
    <t>Village Tatrot Tehsil Sohawa Distt Jhelum</t>
  </si>
  <si>
    <t>Muhammad Qazzafi</t>
  </si>
  <si>
    <t>GPS TAUFEERA</t>
  </si>
  <si>
    <t>Taufeerah</t>
  </si>
  <si>
    <t>Basti Taufeerah Mouza Taufeerah  Tehsil Khairpur Tamewali  District  Bahawalpur</t>
  </si>
  <si>
    <t>GPS TAUNSA SHARIF NO 2</t>
  </si>
  <si>
    <t>kachi abadi Taunsa sharif</t>
  </si>
  <si>
    <t>GPS TAVERIAN WALA</t>
  </si>
  <si>
    <t>Tawarianwala</t>
  </si>
  <si>
    <t>village tawarianwala teh.&amp;post office pasrur dist sialkot</t>
  </si>
  <si>
    <t>GPS TAWAKAL PUR PAKHWAL</t>
  </si>
  <si>
    <t>GPS Tawakal Pur Pakhwal</t>
  </si>
  <si>
    <t>Tawakal Pur Pakhwal</t>
  </si>
  <si>
    <t>Kala Gujra</t>
  </si>
  <si>
    <t>Yasmeen Gul</t>
  </si>
  <si>
    <t>GPS TAWAKKAL WALA, P/O MOUZA CHAK SHER KHAN, KABIRWALA</t>
  </si>
  <si>
    <t>Chak Sheer Khan</t>
  </si>
  <si>
    <t>chah twakakal wala moza chak sheer khan kabirwala</t>
  </si>
  <si>
    <t>Tawakalwala</t>
  </si>
  <si>
    <t>Muhammad Amer</t>
  </si>
  <si>
    <t>GPS TAWAKLI SAFADAR ABAD</t>
  </si>
  <si>
    <t>Mc sagdarabad</t>
  </si>
  <si>
    <t>MUhammad Asghar</t>
  </si>
  <si>
    <t>GPS TAWARIAN P.O SARAI MUGHAL PATTOKI</t>
  </si>
  <si>
    <t>tawarian</t>
  </si>
  <si>
    <t>gps tawarian</t>
  </si>
  <si>
    <t>sarai nashera</t>
  </si>
  <si>
    <t>GPS TAXILA</t>
  </si>
  <si>
    <t>gbps railway road taxila</t>
  </si>
  <si>
    <t>bushra ilyas</t>
  </si>
  <si>
    <t>GPS TAYAB BOLOUCH</t>
  </si>
  <si>
    <t>Tayyab Baloch</t>
  </si>
  <si>
    <t>Basti Tayyab Baloch,</t>
  </si>
  <si>
    <t>Zahid Mehdi</t>
  </si>
  <si>
    <t>GPS TAYYAB WALA CHAK NO. 436 TDA</t>
  </si>
  <si>
    <t>Chak no. 436/TDA</t>
  </si>
  <si>
    <t>Chak 436/TDA</t>
  </si>
  <si>
    <t>GPS TEARTH CHUNIAN</t>
  </si>
  <si>
    <t>village teerath po wan khara via changa manga  chunian kasur</t>
  </si>
  <si>
    <t>GPS TEERKY</t>
  </si>
  <si>
    <t>KHAR</t>
  </si>
  <si>
    <t>Basti Theerky Khar Fort Munro Teh. &amp; Dist. D.G.Khan</t>
  </si>
  <si>
    <t>THEERKY</t>
  </si>
  <si>
    <t>By Hand Filling Cooler</t>
  </si>
  <si>
    <t>GPS TEETKY WALA</t>
  </si>
  <si>
    <t>Pirhar Garbi</t>
  </si>
  <si>
    <t>GPS teetky wala pirhar garbi kot addu second</t>
  </si>
  <si>
    <t>Chah Teetky Wala</t>
  </si>
  <si>
    <t>Mudassir Latif</t>
  </si>
  <si>
    <t>GPS TEHAIT</t>
  </si>
  <si>
    <t>Tehait</t>
  </si>
  <si>
    <t>tehait green town lhr</t>
  </si>
  <si>
    <t>GPS TEHSIL ROAD FATEH JANG NO.1</t>
  </si>
  <si>
    <t>Gps No.1 Tehsil road Fateh Jang</t>
  </si>
  <si>
    <t>Fateh Jang City</t>
  </si>
  <si>
    <t>Qadeer Akhter</t>
  </si>
  <si>
    <t>GPS TEJ GARH</t>
  </si>
  <si>
    <t>Tej Garh</t>
  </si>
  <si>
    <t>Village Teij Garh PO Batapur Lahore</t>
  </si>
  <si>
    <t>Attokay Awan</t>
  </si>
  <si>
    <t>Shabbir Hussein</t>
  </si>
  <si>
    <t>GPS TELEEM-UL-ISLAM</t>
  </si>
  <si>
    <t>F block, Okara</t>
  </si>
  <si>
    <t>SHAMSA JABEEN</t>
  </si>
  <si>
    <t>GPS TERI WALA VILLAGE GANWEN SHUJABAD</t>
  </si>
  <si>
    <t>hamid wala</t>
  </si>
  <si>
    <t>GPS TERKHI THAL</t>
  </si>
  <si>
    <t>Therki Thal</t>
  </si>
  <si>
    <t>p/o khar khar fort munroo</t>
  </si>
  <si>
    <t>Gul Deen</t>
  </si>
  <si>
    <t>GPS TEWEEN</t>
  </si>
  <si>
    <t>JalyWali</t>
  </si>
  <si>
    <t>Jaly wali post office Naushera tehsil naushera dist khushab.</t>
  </si>
  <si>
    <t>Muhammad Khurram Bilal</t>
  </si>
  <si>
    <t>brought from nearby houses</t>
  </si>
  <si>
    <t>GPS THABAL</t>
  </si>
  <si>
    <t>GPS THABEL</t>
  </si>
  <si>
    <t>Thabel</t>
  </si>
  <si>
    <t>thabel</t>
  </si>
  <si>
    <t>GPS THAIRI</t>
  </si>
  <si>
    <t>THAIRY</t>
  </si>
  <si>
    <t>GPS, THAIRY</t>
  </si>
  <si>
    <t>KANNU WALA</t>
  </si>
  <si>
    <t>FAIZ RASOOL</t>
  </si>
  <si>
    <t>GPS THAITHIAN WALA</t>
  </si>
  <si>
    <t>Dera Thaithian wala Uttra Janobi, Tehsil Quaidabad, District Khushab.</t>
  </si>
  <si>
    <t>Thathian Wala</t>
  </si>
  <si>
    <t>GPS THAKAR KAY</t>
  </si>
  <si>
    <t>Ali Kay Rohela</t>
  </si>
  <si>
    <t>GPS Thakkar kay</t>
  </si>
  <si>
    <t>Thakkar kay</t>
  </si>
  <si>
    <t>Muhammad Zafar Watoo</t>
  </si>
  <si>
    <t>GPS THAKAR MIANA</t>
  </si>
  <si>
    <t>Thakkar Miana</t>
  </si>
  <si>
    <t>Thakkar miana po bherowal</t>
  </si>
  <si>
    <t>Usman Munawar</t>
  </si>
  <si>
    <t>GPS THAKAR SINGH</t>
  </si>
  <si>
    <t>Thakar Singh</t>
  </si>
  <si>
    <t>Muhammad Allam Shaheen</t>
  </si>
  <si>
    <t>GPS THAKNA</t>
  </si>
  <si>
    <t>Kotla Mudu</t>
  </si>
  <si>
    <t>Basti Gulzar Khan  Moza   kotla Mudu</t>
  </si>
  <si>
    <t>Basti  Gulzar  Khan</t>
  </si>
  <si>
    <t>JajjaAbasia</t>
  </si>
  <si>
    <t>Muhammad Tariq Hussain</t>
  </si>
  <si>
    <t>GPS THAKRAH MOHRA</t>
  </si>
  <si>
    <t>Thakra</t>
  </si>
  <si>
    <t>thakra mohra</t>
  </si>
  <si>
    <t>GPS THAKRAY WALA</t>
  </si>
  <si>
    <t>chah thakray wala</t>
  </si>
  <si>
    <t>Thakray Wala</t>
  </si>
  <si>
    <t>water connection</t>
  </si>
  <si>
    <t>GPS THAL SAEED</t>
  </si>
  <si>
    <t>tibbi lundan</t>
  </si>
  <si>
    <t>basti kala kareen union council tibbi lundan jampur</t>
  </si>
  <si>
    <t>basti lanjwani</t>
  </si>
  <si>
    <t>GPS THAL SAR</t>
  </si>
  <si>
    <t>Choil</t>
  </si>
  <si>
    <t>Thal Sar</t>
  </si>
  <si>
    <t>GPS THALA CHAUDRIAN</t>
  </si>
  <si>
    <t>Thala Chaudrian</t>
  </si>
  <si>
    <t>p.o baragowah Tehsil Sohawa District Jhelum</t>
  </si>
  <si>
    <t>GPS THALI MOHANA</t>
  </si>
  <si>
    <t>False Wali</t>
  </si>
  <si>
    <t>Thalli Mohana</t>
  </si>
  <si>
    <t>Thali Mohana</t>
  </si>
  <si>
    <t>Mianwali Qureshian</t>
  </si>
  <si>
    <t>GPS THALI PUL</t>
  </si>
  <si>
    <t>Government. primary school Tahli pul markaz Rakhi Munh</t>
  </si>
  <si>
    <t>Basti Tahli Pul</t>
  </si>
  <si>
    <t>GPS THALL DARYA</t>
  </si>
  <si>
    <t>Chouhan</t>
  </si>
  <si>
    <t>basti jaan muhammad moza chuhan post office shahida bad tesil liaquatpur district raheem yar khan</t>
  </si>
  <si>
    <t>Basti Jaan Muhammad</t>
  </si>
  <si>
    <t>GPS THALL HAMZA (MOUDAB)</t>
  </si>
  <si>
    <t>p/o thull hamza teh liaquat pur</t>
  </si>
  <si>
    <t>Shafiq-ur-rehman</t>
  </si>
  <si>
    <t>GPS THALLA GAL KALA</t>
  </si>
  <si>
    <t>GALKALA</t>
  </si>
  <si>
    <t>CHAH THALLAH  TEH MANKERA DISIT BHAKKAR</t>
  </si>
  <si>
    <t>THALLAH</t>
  </si>
  <si>
    <t>Muhammad Riaz Khan</t>
  </si>
  <si>
    <t>GPS THALLA SHARIF</t>
  </si>
  <si>
    <t>Qausmani</t>
  </si>
  <si>
    <t>Bastti Thalla Sharif P/O Bhung sharif Teh SDK Dist.RYK</t>
  </si>
  <si>
    <t>Atta Hussain Sahir</t>
  </si>
  <si>
    <t>GPS THALLAH NOON</t>
  </si>
  <si>
    <t>THALLAH NOON NASHAIB</t>
  </si>
  <si>
    <t>THALLAH NOON P O HASSAN SHAH TEH DARYA KHAN DISTT BHAKKAR</t>
  </si>
  <si>
    <t>THALLAH NOON</t>
  </si>
  <si>
    <t>ANGRRA DAGGAR</t>
  </si>
  <si>
    <t>GPS THALLIAN WALA</t>
  </si>
  <si>
    <t>Badh Rajbana Shumali</t>
  </si>
  <si>
    <t>chah Thallianwala shorkot city District Jhang</t>
  </si>
  <si>
    <t>Chah Thallianwala</t>
  </si>
  <si>
    <t>Mohammed Asif Shahzad</t>
  </si>
  <si>
    <t>GPS THALWARI</t>
  </si>
  <si>
    <t>Basti Usman Abad</t>
  </si>
  <si>
    <t>GPS THAPLA</t>
  </si>
  <si>
    <t>village thapla tehsil kharian</t>
  </si>
  <si>
    <t>GPS THARPAL</t>
  </si>
  <si>
    <t>Tharpal</t>
  </si>
  <si>
    <t>Vill. Tharpal,teh and distt. Narowal</t>
  </si>
  <si>
    <t>Rayya</t>
  </si>
  <si>
    <t>GPS THARU KHELAN WALA</t>
  </si>
  <si>
    <t>Muzaffar pur Shumali</t>
  </si>
  <si>
    <t>dera tharu khelan wala muzaffar pur shumali Mianwali</t>
  </si>
  <si>
    <t>Dera tharu Khelan  Wala</t>
  </si>
  <si>
    <t>GPS THATA KHURD</t>
  </si>
  <si>
    <t>Thatha Khurd</t>
  </si>
  <si>
    <t>Thatha Khurd, PO Khana Nau, Tehsil Cantt, Lahore</t>
  </si>
  <si>
    <t>GPS THATA MENACA PO 580 GB</t>
  </si>
  <si>
    <t>Dana Abad</t>
  </si>
  <si>
    <t>thatta meenaka jaranwala fsd</t>
  </si>
  <si>
    <t>Thatta Meenaka</t>
  </si>
  <si>
    <t>378/GB</t>
  </si>
  <si>
    <t>GPS THATH DIGROCHA</t>
  </si>
  <si>
    <t>Thath Dirgrocha</t>
  </si>
  <si>
    <t>thath dirgrocha</t>
  </si>
  <si>
    <t>Jataoii</t>
  </si>
  <si>
    <t>Malik Muhammad Afzal</t>
  </si>
  <si>
    <t>GPS THATH GHALWAN P/O THATH GHAWAN</t>
  </si>
  <si>
    <t>Chah faiz Alam shah wala p/of Obavra Shumali thehsil shujabad multan</t>
  </si>
  <si>
    <t>GPS THATHA</t>
  </si>
  <si>
    <t>Danwani</t>
  </si>
  <si>
    <t>thath</t>
  </si>
  <si>
    <t>Thath</t>
  </si>
  <si>
    <t>GPS THATHA ABDUL MALIK</t>
  </si>
  <si>
    <t>Thatha Abdul Malik</t>
  </si>
  <si>
    <t>GPS Thatha Abdul Malik tehsil and district Nankana Sahib</t>
  </si>
  <si>
    <t>EHSAN HAIDER KHAN</t>
  </si>
  <si>
    <t>GPS THATHA ALI</t>
  </si>
  <si>
    <t>Thats Ali</t>
  </si>
  <si>
    <t>Thatha Ali p/o Chak wahi distribution skp</t>
  </si>
  <si>
    <t>munir ahmad bhatti</t>
  </si>
  <si>
    <t>GPS THATHA ARAZI</t>
  </si>
  <si>
    <t>Thatha Arazi</t>
  </si>
  <si>
    <t>Thatha Lalay ka near Gogera</t>
  </si>
  <si>
    <t>Muhammad Nawaz Yasir</t>
  </si>
  <si>
    <t>GPS THATHA BAIG</t>
  </si>
  <si>
    <t>Thatha Baig Bahlak</t>
  </si>
  <si>
    <t>Bahlak Ali</t>
  </si>
  <si>
    <t>GPS THATHA BAKHA TANDLIANWALA</t>
  </si>
  <si>
    <t>Garh 1</t>
  </si>
  <si>
    <t>THATHA BAKHA Tehsil Tandlianwala distt Faisalabad</t>
  </si>
  <si>
    <t>THATHA BAKHA</t>
  </si>
  <si>
    <t>Muhammad Aslam  Tabassum</t>
  </si>
  <si>
    <t>GPS THATHA BAMIAN</t>
  </si>
  <si>
    <t>Thatha Bamia</t>
  </si>
  <si>
    <t>thatha bamia faiz pur kalan &amp; district sheikhupura</t>
  </si>
  <si>
    <t>MUHAMMAD AFZAL SHAAD</t>
  </si>
  <si>
    <t>GPS THATHA BATH KHURD</t>
  </si>
  <si>
    <t>Rathe</t>
  </si>
  <si>
    <t>bath khurd</t>
  </si>
  <si>
    <t>Tariq Nazir</t>
  </si>
  <si>
    <t>GPS THATHA BAWA</t>
  </si>
  <si>
    <t>GPS thatha bawa markaz dhoda teh.pasrur.dist .sialkot</t>
  </si>
  <si>
    <t>rana m afzal</t>
  </si>
  <si>
    <t>GPS THATHA BHATIAN</t>
  </si>
  <si>
    <t>Thatha Bhatian</t>
  </si>
  <si>
    <t>GPS THATHA BOOR SINGH</t>
  </si>
  <si>
    <t>Jaja Kila</t>
  </si>
  <si>
    <t>Thatha Boor SINGH jajah Kila Sarai Mughal</t>
  </si>
  <si>
    <t>Thatha Boor SINGh</t>
  </si>
  <si>
    <t>Sarai Noshara</t>
  </si>
  <si>
    <t>GPS THATHA DAD</t>
  </si>
  <si>
    <t>thathadad post office gakjhar Mandi thesil and district Gujranwala</t>
  </si>
  <si>
    <t>Talwandi Khajor Wali</t>
  </si>
  <si>
    <t>Nasir Mehmod</t>
  </si>
  <si>
    <t>GPS THATHA DHILWAN</t>
  </si>
  <si>
    <t>Murtza</t>
  </si>
  <si>
    <t>thatha dhilwan P/O More khunda T/D Nankana sahib</t>
  </si>
  <si>
    <t>GPS THATHA DHOLI KAY TANDLIANWALA</t>
  </si>
  <si>
    <t>thatha baig</t>
  </si>
  <si>
    <t>gps thatha dholika tehsile tandlianwala district faisalabad</t>
  </si>
  <si>
    <t>thatha dholika</t>
  </si>
  <si>
    <t>GPS THATHA DHONDA</t>
  </si>
  <si>
    <t>Thatha Dhoonda</t>
  </si>
  <si>
    <t>village Thatha Dhoonha P/O Kaleke Mandi Distt Hafizabad</t>
  </si>
  <si>
    <t>GPS THATHA DOKA TANDLIANWALA</t>
  </si>
  <si>
    <t>Shraza</t>
  </si>
  <si>
    <t>That's doka</t>
  </si>
  <si>
    <t>Thats doka</t>
  </si>
  <si>
    <t>GPS THATHA FAZAL SHAH TANDLIANWALA</t>
  </si>
  <si>
    <t>Pindi Shaikh Mosa</t>
  </si>
  <si>
    <t>gpsthatafazalshah</t>
  </si>
  <si>
    <t>Thatha Fazal Shah</t>
  </si>
  <si>
    <t>M Usman</t>
  </si>
  <si>
    <t>GPS THATHA FIQIR ULLAH</t>
  </si>
  <si>
    <t>Thats Faqir Ullah</t>
  </si>
  <si>
    <t>that's faqir ullah</t>
  </si>
  <si>
    <t>Asif Butt</t>
  </si>
  <si>
    <t>GPS THATHA GAJU</t>
  </si>
  <si>
    <t>thatha gajju po rasulpur tarar pindi bhattian hafizabad</t>
  </si>
  <si>
    <t>THATHA GAJJU</t>
  </si>
  <si>
    <t>GPS THATHA HOSHNAK RAI</t>
  </si>
  <si>
    <t>Thatha hoshnak rai  P/O khanqah dogran Teh/distt  Hafizabad</t>
  </si>
  <si>
    <t>Thatha hoshnak Rai</t>
  </si>
  <si>
    <t>GPS THATHA HUSSAIN ALI SHAH</t>
  </si>
  <si>
    <t>Thatha Husain Ali</t>
  </si>
  <si>
    <t>village thatha Hussain Ali shah</t>
  </si>
  <si>
    <t>Thatha Hussain Ali</t>
  </si>
  <si>
    <t>GPS THATHA ILYAS</t>
  </si>
  <si>
    <t>Thatha Ilyas</t>
  </si>
  <si>
    <t>Village Thatha Ilyas, Tehsil Sharaqpur, District Sheikhupura</t>
  </si>
  <si>
    <t>GPS THATHA INAYAT KAY</t>
  </si>
  <si>
    <t>Thatha inaayat ky</t>
  </si>
  <si>
    <t>Innayat Ka Thatha</t>
  </si>
  <si>
    <t>GPS THATHA ISMAIL</t>
  </si>
  <si>
    <t>Thatha Ismail</t>
  </si>
  <si>
    <t>Mauza Thatha Ismail tehsil Tandlianwala dist Faisaabad</t>
  </si>
  <si>
    <t>Chak No 597 GB</t>
  </si>
  <si>
    <t>Saleem Yousaf</t>
  </si>
  <si>
    <t>GPS THATHA JAHID NAHALAY WALA</t>
  </si>
  <si>
    <t>Thatha Jahid</t>
  </si>
  <si>
    <t>thatha Jahid nehalay wala</t>
  </si>
  <si>
    <t>Christopher</t>
  </si>
  <si>
    <t>GPS THATHA KALIAN</t>
  </si>
  <si>
    <t>thatha kalian post office tahseel wa district hafizabad</t>
  </si>
  <si>
    <t>Sager Kalan</t>
  </si>
  <si>
    <t>GPS THATHA KAMIRA</t>
  </si>
  <si>
    <t>Thatta Kameera</t>
  </si>
  <si>
    <t>Mouza thatta kameera p/o gous pur teh/dist Jhang</t>
  </si>
  <si>
    <t>GPS THATHA KAMOKE</t>
  </si>
  <si>
    <t>Thatha Kamoke</t>
  </si>
  <si>
    <t>Thatha Kamoke P/O Bara Ghar Teshsil &amp; distt. nankana sahib</t>
  </si>
  <si>
    <t>bara ghar</t>
  </si>
  <si>
    <t>GPS THATHA KANJWAN</t>
  </si>
  <si>
    <t>Thata Kanjwan</t>
  </si>
  <si>
    <t>thata kanjwan</t>
  </si>
  <si>
    <t>Muhammad Sabtain Shah</t>
  </si>
  <si>
    <t>GPS THATHA KARAM DIN</t>
  </si>
  <si>
    <t>Thatha Karam din</t>
  </si>
  <si>
    <t>thatha karam din</t>
  </si>
  <si>
    <t>chachkey gill</t>
  </si>
  <si>
    <t>Abdul Uzair</t>
  </si>
  <si>
    <t>GPS THATHA KHAN MUHAMMAD</t>
  </si>
  <si>
    <t>Thatha Khan muhammad</t>
  </si>
  <si>
    <t>GPS thatha khan Muhammad p/o Saida Sharif the. phalia dist. m.b.din</t>
  </si>
  <si>
    <t>Thatha Khan Muhammad</t>
  </si>
  <si>
    <t>Khalid Mehmood Nasir</t>
  </si>
  <si>
    <t>GPS THATHA KHOKHER</t>
  </si>
  <si>
    <t>Chak No 608 GB Mured Ka</t>
  </si>
  <si>
    <t>CHAK no 608 GB MURED KA</t>
  </si>
  <si>
    <t>GPS THATHA LAKHI</t>
  </si>
  <si>
    <t>Thatha Lakhi</t>
  </si>
  <si>
    <t>Muhammed  Nasir</t>
  </si>
  <si>
    <t>GPS THATHA LEHNA</t>
  </si>
  <si>
    <t>Thatha Lehna</t>
  </si>
  <si>
    <t>Thatha lehna, p/o more khunda, teh/district Nankana sahib</t>
  </si>
  <si>
    <t>GPS THATHA MAKHDOOM PUR P/O BASTI KANERA SHUJABAD</t>
  </si>
  <si>
    <t>Thatha Makhdoom Pur</t>
  </si>
  <si>
    <t>gps Thatha makhdoom pur basti kaneera Jalal Pur Khaki shujabad tehsil.</t>
  </si>
  <si>
    <t>Muhammad Adeel</t>
  </si>
  <si>
    <t>GPS THATHA MANAK</t>
  </si>
  <si>
    <t>Thatha manak</t>
  </si>
  <si>
    <t>moza thatha manak p/o lashari distt okara</t>
  </si>
  <si>
    <t>thatha manak</t>
  </si>
  <si>
    <t>lakhan</t>
  </si>
  <si>
    <t>GPS THATHA MANGERA</t>
  </si>
  <si>
    <t>thatha Mangera</t>
  </si>
  <si>
    <t>p/o kot tahir teh&amp; disstt Nankana sahib</t>
  </si>
  <si>
    <t>Thatha Mangera</t>
  </si>
  <si>
    <t>GPS THATHA MANIK</t>
  </si>
  <si>
    <t>GPS thatha manak</t>
  </si>
  <si>
    <t>Rafaqat Saeed Muavis</t>
  </si>
  <si>
    <t>GPS THATHA MEHMAN</t>
  </si>
  <si>
    <t>Thatta Mehman</t>
  </si>
  <si>
    <t>thatta mehman</t>
  </si>
  <si>
    <t>Shahid Anwar</t>
  </si>
  <si>
    <t>GPS THATHA MUHAMMAD DIN</t>
  </si>
  <si>
    <t>Chak Thatta Muhammad Din</t>
  </si>
  <si>
    <t>Thatta Muhammad  Din</t>
  </si>
  <si>
    <t>GPS THATHA MUHAMMAD PANAH</t>
  </si>
  <si>
    <t>Thatha Muhammad Panah Muhammad Panah</t>
  </si>
  <si>
    <t>Thatha Muhammad Panah p/o Rabana Teh.Sahiwal Dist.Sargodha</t>
  </si>
  <si>
    <t>Thatha Muhammad Panah</t>
  </si>
  <si>
    <t>Muhammad Qasim Zia</t>
  </si>
  <si>
    <t>GPS THATHA MUSA</t>
  </si>
  <si>
    <t>thatta musa near all javad petroleum</t>
  </si>
  <si>
    <t>Neighbors</t>
  </si>
  <si>
    <t>GPS THATHA MUSRAIRA</t>
  </si>
  <si>
    <t>Thatha  Musrera  sadar gogera okara</t>
  </si>
  <si>
    <t>Muhammad Zeeshan Saeed</t>
  </si>
  <si>
    <t>GPS THATHA NAAM DAR</t>
  </si>
  <si>
    <t>thatha namdar okara</t>
  </si>
  <si>
    <t>Thatha Namdar</t>
  </si>
  <si>
    <t>GPS THATHA NAHRA</t>
  </si>
  <si>
    <t>That ha Nahara</t>
  </si>
  <si>
    <t>that ha nahara</t>
  </si>
  <si>
    <t>That Nahara</t>
  </si>
  <si>
    <t>GPS THATHA NANJKA</t>
  </si>
  <si>
    <t>Thatha Nanjka</t>
  </si>
  <si>
    <t>Akram Ullah</t>
  </si>
  <si>
    <t>GPS THATHA NAUL</t>
  </si>
  <si>
    <t>Thatha Noul</t>
  </si>
  <si>
    <t>thatha noul p/o bucheki nanakana sahib</t>
  </si>
  <si>
    <t>Tuqir sabar</t>
  </si>
  <si>
    <t>GPS THATHA NAZIRIAN</t>
  </si>
  <si>
    <t>Thatha nazarian</t>
  </si>
  <si>
    <t>Thatha nazarian  post office Mandi Faizabad NNS</t>
  </si>
  <si>
    <t>GPS THATHA NOOR SHAH</t>
  </si>
  <si>
    <t>village Thatha Noor Shah , The. Pindi Bhattian, District Hafizabad</t>
  </si>
  <si>
    <t>GPS THATHA NOORKA</t>
  </si>
  <si>
    <t>Thatha Noor Ka</t>
  </si>
  <si>
    <t>Thatha Noorka , Syedwala</t>
  </si>
  <si>
    <t>Meharpur</t>
  </si>
  <si>
    <t>GPS THATHA QADIR</t>
  </si>
  <si>
    <t>Thatha Qadir</t>
  </si>
  <si>
    <t>Thatta Qadir p/b Kaleki Mandi district Hafizabad</t>
  </si>
  <si>
    <t>GPS THATHA QADIR SHAH</t>
  </si>
  <si>
    <t>Thatha Qadir Shah</t>
  </si>
  <si>
    <t>thatha qadir shah</t>
  </si>
  <si>
    <t>GPS THATHA QALANDER SHAH</t>
  </si>
  <si>
    <t>Thatha Qalander shah uc kakar Gill teh &amp;Dist skp</t>
  </si>
  <si>
    <t>Karkar Gill</t>
  </si>
  <si>
    <t>GPS THATHA RAGWAN</t>
  </si>
  <si>
    <t>Thatha Rugwan</t>
  </si>
  <si>
    <t>GPS THATHA RAI BAHADUR</t>
  </si>
  <si>
    <t>Shahzada Badder-ul-Moneer Zia</t>
  </si>
  <si>
    <t>GPS THATHA RAO</t>
  </si>
  <si>
    <t>village thatha rao tehsil Kamoke district gujranwala</t>
  </si>
  <si>
    <t>GPS THATHA RAWAN</t>
  </si>
  <si>
    <t>Thatha Rawan</t>
  </si>
  <si>
    <t>Thatha Rawan Tehsil and District Gujranwala</t>
  </si>
  <si>
    <t>Usman Sakandar</t>
  </si>
  <si>
    <t>GPS THATHA SABAT SHAH</t>
  </si>
  <si>
    <t>Thatha Sabat Shah</t>
  </si>
  <si>
    <t>Thatha Sabat Shah, po, Parr Ahmad, Teh Pindi Bhattian, Hafizabad</t>
  </si>
  <si>
    <t>GPS THATHA SAID ALI</t>
  </si>
  <si>
    <t>Thatha Said Ali</t>
  </si>
  <si>
    <t>GPS thata Said Ali</t>
  </si>
  <si>
    <t>GPS THATHA SAIKAY</t>
  </si>
  <si>
    <t>MOUZA SAI KAY</t>
  </si>
  <si>
    <t>MOUZA THATHA SAI KA TEHSIL TANDLIANWALA DISTT FSD</t>
  </si>
  <si>
    <t>JHAMRA</t>
  </si>
  <si>
    <t>SAMEE ULLAH</t>
  </si>
  <si>
    <t>GPS THATHA SANDRANA</t>
  </si>
  <si>
    <t>Thatha Sandrana</t>
  </si>
  <si>
    <t>thatha Sandrana Post office chaind Pur Tehsil &amp; District. Nankana Sahib</t>
  </si>
  <si>
    <t>Abdulgahfoor</t>
  </si>
  <si>
    <t>GPS THATHA SANDRANA (De-consolidated April-2016)</t>
  </si>
  <si>
    <t>Thatta Koriyana</t>
  </si>
  <si>
    <t>thatta sandrana</t>
  </si>
  <si>
    <t>Koriyana</t>
  </si>
  <si>
    <t>Tahir Raza Shah</t>
  </si>
  <si>
    <t>GPS THATHA SANGRA</t>
  </si>
  <si>
    <t>bhainwala</t>
  </si>
  <si>
    <t>Bhainwala</t>
  </si>
  <si>
    <t>Muhammad Nawaz Tahir</t>
  </si>
  <si>
    <t>GPS THATHA SATTI</t>
  </si>
  <si>
    <t>Jalal No</t>
  </si>
  <si>
    <t>thatha satti .post office more khunda.teh. &amp; distt nankana sahib</t>
  </si>
  <si>
    <t>Thatha Satti</t>
  </si>
  <si>
    <t>Mohammad Arfan Haider</t>
  </si>
  <si>
    <t>GPS THATHA SHER E KA (De-consolidated April-2016)</t>
  </si>
  <si>
    <t>Thatha Sheraka</t>
  </si>
  <si>
    <t>thatha sheraka jhang</t>
  </si>
  <si>
    <t>GPS THATHA SIKANDAR ALI</t>
  </si>
  <si>
    <t>COLONY THATHA  FATEH ALI</t>
  </si>
  <si>
    <t>GPS THATHA SIKANDER</t>
  </si>
  <si>
    <t>Village Thatha Sikandar P/O Jalalpur Bhattian Tehsil Pindi Bhattian District Hafizabad</t>
  </si>
  <si>
    <t>Muhammad Faisal Bashir</t>
  </si>
  <si>
    <t>GPS THATHA SYEDAN</t>
  </si>
  <si>
    <t>Thatha Saydan</t>
  </si>
  <si>
    <t>thatha sayydan</t>
  </si>
  <si>
    <t>Thatha Sayydan</t>
  </si>
  <si>
    <t>GPS THATHA TARHANA</t>
  </si>
  <si>
    <t>KILLIANAWALA</t>
  </si>
  <si>
    <t>THATHA TARHANA TEHSEIL  TANDLIANWALA  FAISALABAD</t>
  </si>
  <si>
    <t>THATHA TARHANA</t>
  </si>
  <si>
    <t>GPS THATHA THARRAN</t>
  </si>
  <si>
    <t>Thatha tarran</t>
  </si>
  <si>
    <t>village thatha tarran</t>
  </si>
  <si>
    <t>GPS THATHA UMAR</t>
  </si>
  <si>
    <t>Thathi Yaroo Jageer</t>
  </si>
  <si>
    <t>village Thatha Umar, P/O  Sial Sharif, Tehsil Sahiwal, District Sargodha</t>
  </si>
  <si>
    <t>Thatha Umar</t>
  </si>
  <si>
    <t>Ansar Abbas Naeem</t>
  </si>
  <si>
    <t>GPS THATHA UMRA</t>
  </si>
  <si>
    <t>gps thatha umra</t>
  </si>
  <si>
    <t>Seranwali</t>
  </si>
  <si>
    <t>Naeem Ashraf</t>
  </si>
  <si>
    <t>GPS THATHA WAHAB KA</t>
  </si>
  <si>
    <t>MASSAN K</t>
  </si>
  <si>
    <t>GPS thatha wahab ka</t>
  </si>
  <si>
    <t>THATHA WAHAB K</t>
  </si>
  <si>
    <t>SHEIKHU SHARIF</t>
  </si>
  <si>
    <t>Ahmad Hasan</t>
  </si>
  <si>
    <t>GPS THATHA WARBHOO</t>
  </si>
  <si>
    <t>Thatha Warbhoo</t>
  </si>
  <si>
    <t>chak no 237 thatha warboo east</t>
  </si>
  <si>
    <t>Chak no 237</t>
  </si>
  <si>
    <t>Chak no 184 Sial</t>
  </si>
  <si>
    <t>GPS THATHA WATTUAN MORH KHUNDA</t>
  </si>
  <si>
    <t>Thatha Wattowan</t>
  </si>
  <si>
    <t>Thatha wattowan p/o colony shaukatabad</t>
  </si>
  <si>
    <t>WAQAR Ali</t>
  </si>
  <si>
    <t>GPS THATHAH BUKSH KA</t>
  </si>
  <si>
    <t>thatha bukhsh, muhammad pur, sahiwal</t>
  </si>
  <si>
    <t>Thatha Bukhsh</t>
  </si>
  <si>
    <t>GPS THATHAI P/O SAME TEH ARIF WALA</t>
  </si>
  <si>
    <t>chak thathai post office chak shafi</t>
  </si>
  <si>
    <t>Muhammad Saleem Tahir</t>
  </si>
  <si>
    <t>GPS THATHAI RANGRAN P/O CHAK BEDI PAPATTAN</t>
  </si>
  <si>
    <t>Chak Bedi Khurd</t>
  </si>
  <si>
    <t>GPS Thattha Rangran P. O Chak  Bedi Tehsil and District Pakpattan</t>
  </si>
  <si>
    <t>Nasim Ahmad</t>
  </si>
  <si>
    <t>GPS THATHER WALI</t>
  </si>
  <si>
    <t>Thethar Wali</t>
  </si>
  <si>
    <t>thethar wali p/o mallok pur teh &amp; dist narowal</t>
  </si>
  <si>
    <t>GPS THATHI ARIAN</t>
  </si>
  <si>
    <t>Thathi Arian</t>
  </si>
  <si>
    <t>thathi arian wazirabaf</t>
  </si>
  <si>
    <t>Irfan Elahi</t>
  </si>
  <si>
    <t>GPS THATHI BAKHSH SHAH</t>
  </si>
  <si>
    <t>Thathi Bakhsh Shah</t>
  </si>
  <si>
    <t>GPS THATHI BASLANI</t>
  </si>
  <si>
    <t>GPS THATTI BUSLANI</t>
  </si>
  <si>
    <t>Thatti Buslani</t>
  </si>
  <si>
    <t>GPS THATHI GHANJERA</t>
  </si>
  <si>
    <t>thathi ghanjera khushab</t>
  </si>
  <si>
    <t>Wajiha Rubab</t>
  </si>
  <si>
    <t>GPS THATHI GHULAM HUSSAIN</t>
  </si>
  <si>
    <t>That hi Ghulam Hussain</t>
  </si>
  <si>
    <t>Thathi Ghulam Hussain' Nns</t>
  </si>
  <si>
    <t>Thathi Ghulam Hussain</t>
  </si>
  <si>
    <t>GPS THATHI HAMAYUN KI</t>
  </si>
  <si>
    <t>Mouza Sultan Pur</t>
  </si>
  <si>
    <t>Thatti Hamayon Ki</t>
  </si>
  <si>
    <t>GPS THATHI HAMZA NO. 2</t>
  </si>
  <si>
    <t>Daya Chokha Gharbai</t>
  </si>
  <si>
    <t>Chah Saeed Wala mouza daya Chokha gharbai</t>
  </si>
  <si>
    <t>Chah Saeed Wala</t>
  </si>
  <si>
    <t>GPS THATHI HITTHAR</t>
  </si>
  <si>
    <t>Thathi hathar</t>
  </si>
  <si>
    <t>Thathi hathar( m)satluj teh chunian distt kasur</t>
  </si>
  <si>
    <t>Rural kanganpur</t>
  </si>
  <si>
    <t>GPS THATHI JANOON</t>
  </si>
  <si>
    <t>Thathi Janu</t>
  </si>
  <si>
    <t>Thathi janu</t>
  </si>
  <si>
    <t>Mari Shah Sakhera</t>
  </si>
  <si>
    <t>Furukh Javed</t>
  </si>
  <si>
    <t>GPS THATHI KALSAN</t>
  </si>
  <si>
    <t>Thathi Kalasan</t>
  </si>
  <si>
    <t>Thatti Kalasan Tehsil Renala Khurd District Okara</t>
  </si>
  <si>
    <t>Thatti Kalasan</t>
  </si>
  <si>
    <t>L plot F</t>
  </si>
  <si>
    <t>Muhammad Riaz Qasim</t>
  </si>
  <si>
    <t>GPS THATHI KHERA</t>
  </si>
  <si>
    <t>thatti khaira</t>
  </si>
  <si>
    <t>Thatti khaira</t>
  </si>
  <si>
    <t>GPS THATHI KODA</t>
  </si>
  <si>
    <t>Thathi Koda</t>
  </si>
  <si>
    <t>village Thathi Koda p/o Bata  pur</t>
  </si>
  <si>
    <t>Adeel Hussain</t>
  </si>
  <si>
    <t>GPS THATHI MEHRANI</t>
  </si>
  <si>
    <t>Bela Sher</t>
  </si>
  <si>
    <t>Bela sher p/o kot shakir</t>
  </si>
  <si>
    <t>KHALID-MAHMOOD</t>
  </si>
  <si>
    <t>GPS THATHI OTTAR</t>
  </si>
  <si>
    <t>thathi ottar</t>
  </si>
  <si>
    <t>Bhonike Ottar</t>
  </si>
  <si>
    <t>GPS THATHI REHMU</t>
  </si>
  <si>
    <t>Thathi Rehmu</t>
  </si>
  <si>
    <t>thathi rehmu</t>
  </si>
  <si>
    <t>Mari Shah Saghera</t>
  </si>
  <si>
    <t>Sibtain qasim</t>
  </si>
  <si>
    <t>GPS THATHI SAID SHAMEER</t>
  </si>
  <si>
    <t>Thatti Said  Shameer</t>
  </si>
  <si>
    <t>GPS Thatti said shameer</t>
  </si>
  <si>
    <t>Thatti Said Shameer</t>
  </si>
  <si>
    <t>GPS THATHI SANDRAL</t>
  </si>
  <si>
    <t>vpo Sandral District Khushab</t>
  </si>
  <si>
    <t>GPS THATI KALAN</t>
  </si>
  <si>
    <t>Thatti Kalan</t>
  </si>
  <si>
    <t>Thatti Kalan tehsil kot momin District Sargodha</t>
  </si>
  <si>
    <t>Take at Hazara</t>
  </si>
  <si>
    <t>GPS THATI MURAD</t>
  </si>
  <si>
    <t>Thatti Mursd</t>
  </si>
  <si>
    <t>thatti murad</t>
  </si>
  <si>
    <t>Thatti Murad</t>
  </si>
  <si>
    <t>Chak Haidrabad</t>
  </si>
  <si>
    <t>Srfraz Ahmad</t>
  </si>
  <si>
    <t>GPS THATTA</t>
  </si>
  <si>
    <t>vpo thatta thesil jand district attock</t>
  </si>
  <si>
    <t>GPS THATTA BERAN</t>
  </si>
  <si>
    <t>Thatta Baira</t>
  </si>
  <si>
    <t>Thatta baira, midh ranjha ,kot moman</t>
  </si>
  <si>
    <t>GPS THATTA FATIANA TANDLIANWALA</t>
  </si>
  <si>
    <t>Ahata Mahar Waryam</t>
  </si>
  <si>
    <t>thatha  fatiana  ahata mahar waryam moza Garh fateh shah</t>
  </si>
  <si>
    <t>thatha Fatiana</t>
  </si>
  <si>
    <t>GPS THATTA GAHRA</t>
  </si>
  <si>
    <t>thatha gahra</t>
  </si>
  <si>
    <t>thatha gahra, tehsil pindi bhattian, distt hafizabad</t>
  </si>
  <si>
    <t>matteki</t>
  </si>
  <si>
    <t>GPS THATTA HAKEEMA</t>
  </si>
  <si>
    <t>Thatta Hakeema</t>
  </si>
  <si>
    <t>Thatta hakeema tehsil sahiwal district sargodha</t>
  </si>
  <si>
    <t>Thatta hakeema</t>
  </si>
  <si>
    <t>GPS THATTA HAST</t>
  </si>
  <si>
    <t>Vpo thatha hast tehsil phalia district mandi bahauddin</t>
  </si>
  <si>
    <t>Rukhshandha Mukhtar</t>
  </si>
  <si>
    <t>GPS THATTA KHARLAN</t>
  </si>
  <si>
    <t>kharlanwala</t>
  </si>
  <si>
    <t>chakchatha</t>
  </si>
  <si>
    <t>Tahir Raza</t>
  </si>
  <si>
    <t>GPS THATTA LADHEY</t>
  </si>
  <si>
    <t>Badr Ali</t>
  </si>
  <si>
    <t>Gps Thatta Ladhey teh pindi bhattian dist hafizabad</t>
  </si>
  <si>
    <t>Thatta Ladhey</t>
  </si>
  <si>
    <t>GPS THATTA LAGHARI</t>
  </si>
  <si>
    <t>thathta leghari</t>
  </si>
  <si>
    <t>Thathta leghari</t>
  </si>
  <si>
    <t>Haroon Ur Rasheed</t>
  </si>
  <si>
    <t>GPS THATTA NARO</t>
  </si>
  <si>
    <t>Borian Wala</t>
  </si>
  <si>
    <t>thatha naroo hafiz abad</t>
  </si>
  <si>
    <t>Sajid Abbas</t>
  </si>
  <si>
    <t>GPS THATTA NOOR KA 580 GB</t>
  </si>
  <si>
    <t>Thattha Noor Ka</t>
  </si>
  <si>
    <t>chack no 580 gb jaranwala</t>
  </si>
  <si>
    <t>580 Gb</t>
  </si>
  <si>
    <t>GPS THATTA NUSTER</t>
  </si>
  <si>
    <t>Govt Primary School Thatha Nuster</t>
  </si>
  <si>
    <t>Kaker Gill</t>
  </si>
  <si>
    <t>GPS THATTA PIRA</t>
  </si>
  <si>
    <t>Thatta Pira</t>
  </si>
  <si>
    <t>Village Thatta Pira, Post Office Kaleki Mandi,Hafiz abad</t>
  </si>
  <si>
    <t>GPS THATTA PURBANA BALA</t>
  </si>
  <si>
    <t>Thatha Purbana Bala</t>
  </si>
  <si>
    <t>GPS thatha Purbana Bala</t>
  </si>
  <si>
    <t>GPS THATTA RAHMAN</t>
  </si>
  <si>
    <t>Thatha Rehman</t>
  </si>
  <si>
    <t>thatha rehman p/o jalalpur bhattian dist: hafizabad</t>
  </si>
  <si>
    <t>Thatha rehman</t>
  </si>
  <si>
    <t>Muhammad Jahan Zab</t>
  </si>
  <si>
    <t>GPS THATTA RAIKA</t>
  </si>
  <si>
    <t>GPS thatha raika</t>
  </si>
  <si>
    <t>GPS THATTHA PURBANA</t>
  </si>
  <si>
    <t>Koary Shah Bala</t>
  </si>
  <si>
    <t>thatha purbana zareen</t>
  </si>
  <si>
    <t>Thatha Purbana Zareen</t>
  </si>
  <si>
    <t>GPS THATTI BAWA DAKHLI GHANIAN</t>
  </si>
  <si>
    <t>Nazim Ali Shah</t>
  </si>
  <si>
    <t>GPS THATTI KALAK BHAN</t>
  </si>
  <si>
    <t>gps thatti kalak bhan post office jaura kalan</t>
  </si>
  <si>
    <t>Thatti Kalak Bhan</t>
  </si>
  <si>
    <t>Haseeb Raza</t>
  </si>
  <si>
    <t>GPS THATTI KALRAN</t>
  </si>
  <si>
    <t>Thatti Kalran</t>
  </si>
  <si>
    <t>Govt.P,S.Thatti Kalran</t>
  </si>
  <si>
    <t>GPS THATTI MARRAN</t>
  </si>
  <si>
    <t>Thatti Marran</t>
  </si>
  <si>
    <t>thatti marran teh phalia m b din</t>
  </si>
  <si>
    <t>Khamb</t>
  </si>
  <si>
    <t>GPS THATTI MUGHLAN</t>
  </si>
  <si>
    <t>Vill Thathi Mughlan P.O.Kashmir Colony Tehsil &amp; District Jhelum</t>
  </si>
  <si>
    <t>Aneela Mehwish</t>
  </si>
  <si>
    <t>GPS THATTI MUZLAM</t>
  </si>
  <si>
    <t>THATTI MUZLAM</t>
  </si>
  <si>
    <t>GOVT  PRIMARY SCHOOL THATTI MUZLAM</t>
  </si>
  <si>
    <t>GPS THATTI NOOR AHMED SHAH</t>
  </si>
  <si>
    <t>Thatti Noor Ahmed Shah</t>
  </si>
  <si>
    <t>Village Thatti Noor Ahmed Shah Teh. Pindi Gheb District Attock</t>
  </si>
  <si>
    <t>GPS THEEKRIAN</t>
  </si>
  <si>
    <t>GPS Theekrian, Teh and Dist. Attock</t>
  </si>
  <si>
    <t>GPS THEENG CHAK NO 7</t>
  </si>
  <si>
    <t>Theeng Ch 7</t>
  </si>
  <si>
    <t>theeng ch 7 tehsil pattoki kasur</t>
  </si>
  <si>
    <t>Kothi Wla</t>
  </si>
  <si>
    <t>Muhammad Raashid</t>
  </si>
  <si>
    <t>GPS THEENG KHATRIAN</t>
  </si>
  <si>
    <t>theeng khatrian tehsil Chunian</t>
  </si>
  <si>
    <t>GPS THEH BHALU</t>
  </si>
  <si>
    <t>Theh Bhalo</t>
  </si>
  <si>
    <t>theh bhalu kasur</t>
  </si>
  <si>
    <t>Waseem Shakar</t>
  </si>
  <si>
    <t>GPS THEH DIAL SINGH</t>
  </si>
  <si>
    <t>Theh Dial Singh</t>
  </si>
  <si>
    <t>Mustafa abad feroz pur road Lahore Lalyyani</t>
  </si>
  <si>
    <t>Asif Ali Jutt</t>
  </si>
  <si>
    <t>GPS THEH KAILAY</t>
  </si>
  <si>
    <t>Theh Kela</t>
  </si>
  <si>
    <t>theh kela</t>
  </si>
  <si>
    <t>GPS THEH PANWAN</t>
  </si>
  <si>
    <t>Theh panwan tehsil &amp;dist Kasur</t>
  </si>
  <si>
    <t>Theh panwan</t>
  </si>
  <si>
    <t>GPS THEH ZAIL DARAIN</t>
  </si>
  <si>
    <t>MODEL COLONY</t>
  </si>
  <si>
    <t>GOVT PRIMARY SCHOOL MODEL COLONY GULBERG III LAHORE</t>
  </si>
  <si>
    <t>THEH PIND</t>
  </si>
  <si>
    <t>Abdul Ghaffar Awan</t>
  </si>
  <si>
    <t>GPS THEHRI WALA P/O LASURI MOZA PUNJANI</t>
  </si>
  <si>
    <t>GPS Thehri Wala P/O Lasuri Moza Punjani</t>
  </si>
  <si>
    <t>Thehri Wala</t>
  </si>
  <si>
    <t>GPS THEKRIAN</t>
  </si>
  <si>
    <t>village and po box Theekrian monian</t>
  </si>
  <si>
    <t>Chkorri Bheelowal</t>
  </si>
  <si>
    <t>GPS THERI ZABTI</t>
  </si>
  <si>
    <t>Basti Dharala, Mouza Theri Zabti, APE</t>
  </si>
  <si>
    <t>GPS THERIAN</t>
  </si>
  <si>
    <t>post office alipur village theriyan</t>
  </si>
  <si>
    <t>Therian</t>
  </si>
  <si>
    <t>GPS THILL</t>
  </si>
  <si>
    <t>GPS THILL vpo Thill Tehsil Pind Dadan Khan District Jhelum</t>
  </si>
  <si>
    <t>SHAHID ABBAS</t>
  </si>
  <si>
    <t>from local community</t>
  </si>
  <si>
    <t>GPS THILLA KHURD</t>
  </si>
  <si>
    <t>Thilley Khurd</t>
  </si>
  <si>
    <t>GPS THIMKA</t>
  </si>
  <si>
    <t>Village Thimka district &amp; tehsil Gujrat</t>
  </si>
  <si>
    <t>Thimka Nafriyan</t>
  </si>
  <si>
    <t>Usama Safdar</t>
  </si>
  <si>
    <t>GPS THIND NASHIAB CHAK NO 117-B TDA</t>
  </si>
  <si>
    <t>Chak No 117-B/TDA</t>
  </si>
  <si>
    <t>Chak no.117-b/tda Basti Warra Shehr near bhatta more</t>
  </si>
  <si>
    <t>Basti Warra Shehr</t>
  </si>
  <si>
    <t>GPS THOKER CHAWAN, P/O KUKKAR HATTA, NAWAN SHEHR</t>
  </si>
  <si>
    <t>Chitorgarh</t>
  </si>
  <si>
    <t>thokarchawan</t>
  </si>
  <si>
    <t>Thokarchawan</t>
  </si>
  <si>
    <t>Chakhaiderabad</t>
  </si>
  <si>
    <t>Mohsin Ahmed Javed</t>
  </si>
  <si>
    <t>GPS THOKH THONGWANI</t>
  </si>
  <si>
    <t>Serbill</t>
  </si>
  <si>
    <t>thokh tangwani serbill tribal area</t>
  </si>
  <si>
    <t>Thokh Tangwani</t>
  </si>
  <si>
    <t>GPS THOL ALLOO</t>
  </si>
  <si>
    <t>BAKHAR WAH GARBI</t>
  </si>
  <si>
    <t>BASTI JOGIANI THOL ALLOO</t>
  </si>
  <si>
    <t>THOL ALLOO</t>
  </si>
  <si>
    <t>GPS THORI WALA</t>
  </si>
  <si>
    <t>Thati Hassan Ali</t>
  </si>
  <si>
    <t>Chah ranjha wala maoza thati Hassan Ali tehl kot adu</t>
  </si>
  <si>
    <t>Ranjha Wala</t>
  </si>
  <si>
    <t>Doger Kalasra</t>
  </si>
  <si>
    <t>GPS THOTHIAN WALI</t>
  </si>
  <si>
    <t>thuthianwali bahawalnagar moza bahawanshah</t>
  </si>
  <si>
    <t>Thuthianwali</t>
  </si>
  <si>
    <t>Saifullah Sabir</t>
  </si>
  <si>
    <t>GPS THOZANI</t>
  </si>
  <si>
    <t>Gps thozani</t>
  </si>
  <si>
    <t>Jhima Khan</t>
  </si>
  <si>
    <t>Allah Din</t>
  </si>
  <si>
    <t>GPS THUL ALI MUHAMMAD</t>
  </si>
  <si>
    <t>Thull Ali Muhammad tehsil jampur distt rajanpur</t>
  </si>
  <si>
    <t>GPS THUL GANGA</t>
  </si>
  <si>
    <t>Thull Ganga</t>
  </si>
  <si>
    <t>Mian Wali Qureshan</t>
  </si>
  <si>
    <t>Basti Gulam Nabi</t>
  </si>
  <si>
    <t>GPS THUL HAIRO</t>
  </si>
  <si>
    <t>Thul hairo</t>
  </si>
  <si>
    <t>Thul hairo Tehsil jampur</t>
  </si>
  <si>
    <t>Thul Hairo</t>
  </si>
  <si>
    <t>Javed hussain</t>
  </si>
  <si>
    <t>GPS THUL HUSSAN KHAN</t>
  </si>
  <si>
    <t>Taaj Pur Peer Wala</t>
  </si>
  <si>
    <t>basti Zawar Allah dewaya SANGI, mouza taaj pur peerwala, p/o Rukan Pur, markaz Shah Pur, Tehsil &amp; distt. Rahim year khan</t>
  </si>
  <si>
    <t>Zawar Allah Dewaya Sangi</t>
  </si>
  <si>
    <t>GPS THUL MACHHI</t>
  </si>
  <si>
    <t>BASTI MEHMOOD KHAN JOIYA</t>
  </si>
  <si>
    <t>Waseem Akhter</t>
  </si>
  <si>
    <t>GPS THUL SAID KHAN</t>
  </si>
  <si>
    <t>Basti Said Khan</t>
  </si>
  <si>
    <t>basti Said Khan</t>
  </si>
  <si>
    <t>Basti Zarr Khan</t>
  </si>
  <si>
    <t>caregiver</t>
  </si>
  <si>
    <t>GPS THUL SAIDAN</t>
  </si>
  <si>
    <t>Thul Said Khan</t>
  </si>
  <si>
    <t>basti laal baksh thul saidaan markaz lundi saidaan jampur</t>
  </si>
  <si>
    <t>Basti Laal Baksh</t>
  </si>
  <si>
    <t>GPS THUL WAZIR</t>
  </si>
  <si>
    <t>thul wazir lundi saidan</t>
  </si>
  <si>
    <t>Lal Garhl</t>
  </si>
  <si>
    <t>GPS THULANG BUN</t>
  </si>
  <si>
    <t>Thalang Bun</t>
  </si>
  <si>
    <t>Thalang bun zain post office barthi</t>
  </si>
  <si>
    <t>HABIB UR REHMAN</t>
  </si>
  <si>
    <t>GPS THULL SOBHAH</t>
  </si>
  <si>
    <t>Gazzi</t>
  </si>
  <si>
    <t>Bast shali morr,p/o kala,uc satai,markaz pacca shah nawaz,tehsil&amp;district DG khan</t>
  </si>
  <si>
    <t>Shali Morr</t>
  </si>
  <si>
    <t>GPS THULL WAZIR</t>
  </si>
  <si>
    <t>Basti Ramzan Khan Chandia, ryk</t>
  </si>
  <si>
    <t>Ramzan Khan Chandia</t>
  </si>
  <si>
    <t>GPS THULLI CENTRE</t>
  </si>
  <si>
    <t>Thalli</t>
  </si>
  <si>
    <t>GPS THALLI</t>
  </si>
  <si>
    <t>Naseerudin Wahin</t>
  </si>
  <si>
    <t>KHALID HUSSAIN SHAH</t>
  </si>
  <si>
    <t>GPS THUTHAR</t>
  </si>
  <si>
    <t>Thuthar</t>
  </si>
  <si>
    <t>vill Thuthar,po Salgran,Teh Kahuta</t>
  </si>
  <si>
    <t>Amir Mehmood Janjua</t>
  </si>
  <si>
    <t>GPS TIB CHOHAN</t>
  </si>
  <si>
    <t>GPS Tib Chohan</t>
  </si>
  <si>
    <t>Muhammad Shakil Ghani</t>
  </si>
  <si>
    <t>GPS TIB GHARIBAN CHAK 75/P</t>
  </si>
  <si>
    <t>Chack 75/p</t>
  </si>
  <si>
    <t>chack 75 / P Gharbi</t>
  </si>
  <si>
    <t>Chack 75/P</t>
  </si>
  <si>
    <t>Dari Azzeem Khan</t>
  </si>
  <si>
    <t>Yasir Mahmood</t>
  </si>
  <si>
    <t>GPS TIBBA</t>
  </si>
  <si>
    <t>basti alluwala moza gabbar</t>
  </si>
  <si>
    <t>Alluwala</t>
  </si>
  <si>
    <t>Gabbar arain</t>
  </si>
  <si>
    <t>GPS TIBBA BHATIAN</t>
  </si>
  <si>
    <t>Tibba Bhattian</t>
  </si>
  <si>
    <t>basti tibba bhattian uc mondka teh &amp; dist m.garh</t>
  </si>
  <si>
    <t>Muhammad Kashif Sattar</t>
  </si>
  <si>
    <t>good drinking water available by pipe supply at the distance of 4km</t>
  </si>
  <si>
    <t>GPS TIBBA CHANAWAR</t>
  </si>
  <si>
    <t>Mc Darya Khan</t>
  </si>
  <si>
    <t>gps tibba chanawar tehsil darya khan distt.bhakkar</t>
  </si>
  <si>
    <t>Tibba Chanawar</t>
  </si>
  <si>
    <t>MC Darya khan</t>
  </si>
  <si>
    <t>GPS TIBBA CHANDIA</t>
  </si>
  <si>
    <t>GPS Tibba chandia</t>
  </si>
  <si>
    <t>GPS TIBBA DASTIAN</t>
  </si>
  <si>
    <t>KAROR THAL JANDI</t>
  </si>
  <si>
    <t>Tiba Dastian Wala Karor Thandi, P/O Karor, Tehsil Karor, District Layyah</t>
  </si>
  <si>
    <t>TIBBA DASTIAN WALA</t>
  </si>
  <si>
    <t>GPS TIBBA GAMA SHAH</t>
  </si>
  <si>
    <t>Wandha Riaz Ahmed Shah,Tibba Ganma Shah</t>
  </si>
  <si>
    <t>Tibba Ganma Shah</t>
  </si>
  <si>
    <t>GPS TIBBA HAMID SHAH</t>
  </si>
  <si>
    <t>Tibba hamid shah</t>
  </si>
  <si>
    <t>GPS TIBBA HASHMAT</t>
  </si>
  <si>
    <t>Ubhan</t>
  </si>
  <si>
    <t>tibba hashmat moza ubhan</t>
  </si>
  <si>
    <t>Tibba Hashmat</t>
  </si>
  <si>
    <t>GPS TIBBA IMAM</t>
  </si>
  <si>
    <t>Tibba imam p/o nutkani teh taunsa distt dg khan</t>
  </si>
  <si>
    <t>GPS TIBBA JALBANI</t>
  </si>
  <si>
    <t>Basti jalbani, Notak Mehmeed</t>
  </si>
  <si>
    <t>Kotla Muhammad Khan</t>
  </si>
  <si>
    <t>GPS TIBBA KACHHA</t>
  </si>
  <si>
    <t>Tibba kacha</t>
  </si>
  <si>
    <t>GPS TIBBA MARILA</t>
  </si>
  <si>
    <t>Tibba marela</t>
  </si>
  <si>
    <t>Tibba Marela</t>
  </si>
  <si>
    <t>GPS TIBBA MASOOD PUR P/O ISMAILABAD</t>
  </si>
  <si>
    <t>tibba masood pur shar shah road multan</t>
  </si>
  <si>
    <t>GPS TIBBA MUHAMMAD NAGAR NO.1</t>
  </si>
  <si>
    <t>street no. 4, boys school wali, Muhammad nagar tibba Kamoke</t>
  </si>
  <si>
    <t>TIBBA M NAGAR</t>
  </si>
  <si>
    <t>Tibba Muhammad Nagar</t>
  </si>
  <si>
    <t>M Israr hussain</t>
  </si>
  <si>
    <t>GPS TIBBA MUHAMMAD NAGAR NO.2</t>
  </si>
  <si>
    <t>Tibba Muhammad Nagar, Kamoke</t>
  </si>
  <si>
    <t>GPS TIBBA MUHAMMAD NAGAR NO.3</t>
  </si>
  <si>
    <t>Purana Chajjoke Road Tibba Muhammad Nagar Kamoke ,Gujranwala</t>
  </si>
  <si>
    <t>Tibba Muhammad Nagar  Kamoke</t>
  </si>
  <si>
    <t>Kamoke Urban</t>
  </si>
  <si>
    <t>SALMAN KHAN</t>
  </si>
  <si>
    <t>GPS TIBBA MUNDAYKI P/O MUHAMMADI PUR</t>
  </si>
  <si>
    <t>Tibba Munday Ki</t>
  </si>
  <si>
    <t>GPS TIBBA MURTAZA SHAH</t>
  </si>
  <si>
    <t>Tiba Murtaza shah dagger</t>
  </si>
  <si>
    <t>Tiba murtaza shah p/o panjgirain teh.darya khan distt.bhakkar</t>
  </si>
  <si>
    <t>Tiba murtaza shah</t>
  </si>
  <si>
    <t>Panjgirain dagger</t>
  </si>
  <si>
    <t>GPS TIBBA NOOR GOPANG</t>
  </si>
  <si>
    <t>gps tibba noor gopang teh#alipur dist#m garh</t>
  </si>
  <si>
    <t>Basti Daya</t>
  </si>
  <si>
    <t>GPS TIBBA PAJIAN</t>
  </si>
  <si>
    <t>Tibba Pajian</t>
  </si>
  <si>
    <t>Tibba Pajian Tehsil Raiwind</t>
  </si>
  <si>
    <t>Judhu Dhir</t>
  </si>
  <si>
    <t>GPS TIBBA QAIM DIN</t>
  </si>
  <si>
    <t>Meli Pir Bukhsh</t>
  </si>
  <si>
    <t>Tibba qaim din Teh. &amp; District Khushab</t>
  </si>
  <si>
    <t>RIZWAN KHAN NIAZI</t>
  </si>
  <si>
    <t>GPS TIBBA RAJGAN</t>
  </si>
  <si>
    <t>Tibba Rajgan</t>
  </si>
  <si>
    <t>teh dina dist jhelum</t>
  </si>
  <si>
    <t>GPS TIBBA RAMCHAND</t>
  </si>
  <si>
    <t>Village Shah Alam Post Office Tibba Naina Teh.K.kot District Bhakkar</t>
  </si>
  <si>
    <t>GPS TIBBA SARAI MUGHAL</t>
  </si>
  <si>
    <t>Govt primary school Tibba Sarai Mughal</t>
  </si>
  <si>
    <t>Tibba Sarai Mughal</t>
  </si>
  <si>
    <t>Mustafa Kamal</t>
  </si>
  <si>
    <t>GPS TIBBA SARDAR BAKHSH</t>
  </si>
  <si>
    <t>Mohala Sardar Bakhsh</t>
  </si>
  <si>
    <t>Mohala Sardar Baksh, Bhakkar</t>
  </si>
  <si>
    <t>Mohala Sardar Baksh Bhakkar</t>
  </si>
  <si>
    <t>Muhammad Ijaz Akram</t>
  </si>
  <si>
    <t>GPS TIBBA SHAH BEHLOL</t>
  </si>
  <si>
    <t>tiba shah behlol</t>
  </si>
  <si>
    <t>Tiba Shah Behlol</t>
  </si>
  <si>
    <t>GPS TIBBA SHARQI</t>
  </si>
  <si>
    <t>Tibba Ghair Mustakil Sharqi</t>
  </si>
  <si>
    <t>Chah Kanjo Wala Tibba Ghair Mustakil Sharqi</t>
  </si>
  <si>
    <t>Kanjo Wala</t>
  </si>
  <si>
    <t>Muhammad Yasir Suleiman</t>
  </si>
  <si>
    <t>GPS TIBBA SULTAN PUR</t>
  </si>
  <si>
    <t>Choudri</t>
  </si>
  <si>
    <t>lalazar colony kot addu</t>
  </si>
  <si>
    <t>Muhammad Rizwan Wiirasat</t>
  </si>
  <si>
    <t>GPS TIBBA SULTAN PUR NO 1</t>
  </si>
  <si>
    <t>govt. primary school Number 1 ward #2 tibba sultan pur</t>
  </si>
  <si>
    <t>Asim Javaid</t>
  </si>
  <si>
    <t>GPS TIBBA SULTAN PUR NO. 2</t>
  </si>
  <si>
    <t>Ward no 5 Tibba sultan pur</t>
  </si>
  <si>
    <t>GPS TIBBA TARAI CHERI</t>
  </si>
  <si>
    <t>Chak 92 P</t>
  </si>
  <si>
    <t>Tibba Tarai cheri 92/P Rahim yar kha</t>
  </si>
  <si>
    <t>Tibba Taraicheri</t>
  </si>
  <si>
    <t>Fayyaz Ahmed</t>
  </si>
  <si>
    <t>GPS TIBBA THALLY</t>
  </si>
  <si>
    <t>Govt. p s Tibba Thally Mian Town RYK</t>
  </si>
  <si>
    <t>Miantown</t>
  </si>
  <si>
    <t>City R Y K</t>
  </si>
  <si>
    <t>Muhammad Kashif Rafi</t>
  </si>
  <si>
    <t>GPS TIBBA UCHI</t>
  </si>
  <si>
    <t>village tibba uchi near miran pur tehsil &amp; district nankana sahib</t>
  </si>
  <si>
    <t>Tibba Uchi</t>
  </si>
  <si>
    <t>Fahad Bin Khalid</t>
  </si>
  <si>
    <t>GPS TIBBA WASU</t>
  </si>
  <si>
    <t>tibba wasu</t>
  </si>
  <si>
    <t>Tibba Wasu</t>
  </si>
  <si>
    <t>Shafique Ahmad Toor</t>
  </si>
  <si>
    <t>GPS TIBBI AHEERAN</t>
  </si>
  <si>
    <t>Gps tibbi aheeran</t>
  </si>
  <si>
    <t>Tibbi Aheeran</t>
  </si>
  <si>
    <t>Chak No 140 Jb</t>
  </si>
  <si>
    <t>GPS TIBBI ARBI BASTI GHUNIA</t>
  </si>
  <si>
    <t>Mouza Ghunia, Ahmad Pur East</t>
  </si>
  <si>
    <t>GPS TIBBI ARIAN</t>
  </si>
  <si>
    <t>Tibbi Ariyan</t>
  </si>
  <si>
    <t>Village Tibbi Araiyan P.o Ghandaywali</t>
  </si>
  <si>
    <t>GPS TIBBI BAHADUR PO FAIZABAD NANKANA</t>
  </si>
  <si>
    <t>Tibbi Bahadar</t>
  </si>
  <si>
    <t>Village Tibbi Bahadar P /O Mandi Faizabad Tehsil and District nankana sahib</t>
  </si>
  <si>
    <t>GPS TIBBI BARAN 70/4-R</t>
  </si>
  <si>
    <t>Tibbi Baran</t>
  </si>
  <si>
    <t>70/4r tibbi baran</t>
  </si>
  <si>
    <t>Pervez Abbas</t>
  </si>
  <si>
    <t>GPS TIBBI BEGHWER CHAK NO. 168/P</t>
  </si>
  <si>
    <t>Tibbi bghawar</t>
  </si>
  <si>
    <t>Govt.p/s Tibbi bghawar</t>
  </si>
  <si>
    <t>168p</t>
  </si>
  <si>
    <t>Ammara Mehwish Masood</t>
  </si>
  <si>
    <t>GPS TIBBI CHOCHKAN</t>
  </si>
  <si>
    <t>Tibbi Chochkan</t>
  </si>
  <si>
    <t>Haroon Shah</t>
  </si>
  <si>
    <t>GPS TIBBI DHAKWAN</t>
  </si>
  <si>
    <t>Mouza Tibbi Tibbi  Tibbi Dhakwan</t>
  </si>
  <si>
    <t>Basti Zahar Peer Mouza Tibbi Dhakwan Tehsil Ahmadpur East</t>
  </si>
  <si>
    <t>Zahar Peer</t>
  </si>
  <si>
    <t>GPS TIBBI DIAL SINGH</t>
  </si>
  <si>
    <t>Budhoki</t>
  </si>
  <si>
    <t>Tibbi dial singh P/O Budhoki Teh.chunian distt. kasur</t>
  </si>
  <si>
    <t>Tibbi Dial Singh</t>
  </si>
  <si>
    <t>Ikram Ud Din</t>
  </si>
  <si>
    <t>GPS TIBBI GHALWAN PO QURESHI WALA</t>
  </si>
  <si>
    <t>Tibbi Ghalwan</t>
  </si>
  <si>
    <t>tibbi ghalwan</t>
  </si>
  <si>
    <t>GPS TIBBI GHOUS</t>
  </si>
  <si>
    <t>Tibbi Ghous</t>
  </si>
  <si>
    <t>village Tibbi Ghous , teh &amp; dist gujrat</t>
  </si>
  <si>
    <t>GPS TIBBI HASBANI</t>
  </si>
  <si>
    <t>post office rehman abad. tehsil and dist Bahawalpur</t>
  </si>
  <si>
    <t>GPS TIBBI JAY SINGH</t>
  </si>
  <si>
    <t>mouza tibbi jay singh Sahiwal</t>
  </si>
  <si>
    <t>Ijaz Aamir</t>
  </si>
  <si>
    <t>GPS TIBBI JOGGI</t>
  </si>
  <si>
    <t>Tibbi Joggi</t>
  </si>
  <si>
    <t>Farooq Niamat</t>
  </si>
  <si>
    <t>GPS TIBBI KALAN</t>
  </si>
  <si>
    <t>Tibbi kalan tehsile karor lal eson district layyah</t>
  </si>
  <si>
    <t>GPS TIBBI KARYALI WARBURTON</t>
  </si>
  <si>
    <t>tibbikaryali p/o Warburton</t>
  </si>
  <si>
    <t>Tibbi Karyali</t>
  </si>
  <si>
    <t>GPS TIBBI MAHARAN</t>
  </si>
  <si>
    <t>Bastti Tibbi mehran mouza Khair pur mou mubarak road RYK</t>
  </si>
  <si>
    <t>Bastti Tibbi Mehran</t>
  </si>
  <si>
    <t>Ghulam Asghar Shah</t>
  </si>
  <si>
    <t>GPS TIBBI MEHTAB SINGH</t>
  </si>
  <si>
    <t>Tibbi Mehtab Singh P/O usmanwala tehsil chunian district Kasur.</t>
  </si>
  <si>
    <t>Muhammd Arshad Javed</t>
  </si>
  <si>
    <t>GPS TIBBI MIANA</t>
  </si>
  <si>
    <t>TIBBI MIANA, P/O TIBBI QAISRANI, U/C JHOK BODO</t>
  </si>
  <si>
    <t>TIBBI MIANA</t>
  </si>
  <si>
    <t>GPS TIBBI MUHAMMAD PUR</t>
  </si>
  <si>
    <t>Tibbi Muhammad Pur</t>
  </si>
  <si>
    <t>Basti Tibbi Muhammad Pur post office JW 2 Sugar Mill</t>
  </si>
  <si>
    <t>Basti Tibbi Muhammad Pur</t>
  </si>
  <si>
    <t>GPS TIBBI NONARI</t>
  </si>
  <si>
    <t>tibbi nonari</t>
  </si>
  <si>
    <t>mouza &amp; basti tibbi nonari p/o meharpur</t>
  </si>
  <si>
    <t>basti kharik</t>
  </si>
  <si>
    <t>Abbdul razzaq</t>
  </si>
  <si>
    <t>GPS TIBBI NOOR SHAH</t>
  </si>
  <si>
    <t>Tibbi Noor Shah thseel Disstt Bhakkar</t>
  </si>
  <si>
    <t>Tibbi Noor Shah</t>
  </si>
  <si>
    <t>M Nayyar Abbas</t>
  </si>
  <si>
    <t>GPS TIBBI PARHAR</t>
  </si>
  <si>
    <t>Tibbi Parhar</t>
  </si>
  <si>
    <t>Moza Tibbi Parhar p/o Jaboka T/D OKARA</t>
  </si>
  <si>
    <t>GPS TIBBI QAISRANI</t>
  </si>
  <si>
    <t>SHAMIM Nawaz</t>
  </si>
  <si>
    <t>GPS TIBBI QASIM</t>
  </si>
  <si>
    <t>Moza Tibbi Qasim</t>
  </si>
  <si>
    <t>GPS Tibbi Qasim Moza Tibbi Qasim P/o Harappa City Tehcil Chichawatni District Sahiwal</t>
  </si>
  <si>
    <t>Tibbi Qasim</t>
  </si>
  <si>
    <t>Murad Key Kathia</t>
  </si>
  <si>
    <t>HAFIZ MUHAMMAD AHMED SHAH</t>
  </si>
  <si>
    <t>GPS TIBBI SADA SINGH</t>
  </si>
  <si>
    <t>Tibbi sada singh</t>
  </si>
  <si>
    <t>Mazhra Abad</t>
  </si>
  <si>
    <t>GPS TIBBI SAHIB SINGH</t>
  </si>
  <si>
    <t>tibbi sahib singh</t>
  </si>
  <si>
    <t>Munsaf Ali</t>
  </si>
  <si>
    <t>GPS TIBBI SOHRAB MUZA KERMAN WALI P/O KHAN BELA</t>
  </si>
  <si>
    <t>Karmu Wali</t>
  </si>
  <si>
    <t>basti tibbi sohrab moza karmu wali p/o khanbela Teh. jalalpurpirwala</t>
  </si>
  <si>
    <t>Tibbi Sohrab</t>
  </si>
  <si>
    <t>karmu Wali</t>
  </si>
  <si>
    <t>Qamar Zahoor</t>
  </si>
  <si>
    <t>GPS TIBBI SYEDAN</t>
  </si>
  <si>
    <t>Tibbi Sydan</t>
  </si>
  <si>
    <t>Tibbi sydan P.O TIBBI SYEDAN TEHSIL SOHAWA DISTRICT JHELUM</t>
  </si>
  <si>
    <t>Phularay Sydan</t>
  </si>
  <si>
    <t>Hira Rehman</t>
  </si>
  <si>
    <t>GPS TIBI FAZIAL WALA</t>
  </si>
  <si>
    <t>Tibi Fazal wala khanpur</t>
  </si>
  <si>
    <t>Basti Tibi Fazal Wala</t>
  </si>
  <si>
    <t>Muhammad Tahir Bashir</t>
  </si>
  <si>
    <t>GPS TIBI KALO WALI</t>
  </si>
  <si>
    <t>Tibbi Kalo Wali</t>
  </si>
  <si>
    <t>tibbi Kalo Wali p/o chak badi tehsil and district PAKPATTAN</t>
  </si>
  <si>
    <t>Hela Wattowan</t>
  </si>
  <si>
    <t>ghulam yasin tahir</t>
  </si>
  <si>
    <t>GPS TIBI SABAY WALLY</t>
  </si>
  <si>
    <t>Tibbi Sabay Wali</t>
  </si>
  <si>
    <t>Chak tibbi sabay wali post office bunga hayat tehsil and District pakpattan</t>
  </si>
  <si>
    <t>Masood Ahmad Chishti</t>
  </si>
  <si>
    <t>GPS TIBI SAIDAN</t>
  </si>
  <si>
    <t>basti and mouza tibbi saidan tehsil liaquat pur district rahim yar khan</t>
  </si>
  <si>
    <t>Maula Bakhsh</t>
  </si>
  <si>
    <t>GPS TIBI SIHANI</t>
  </si>
  <si>
    <t>CHAK KANDI WALA</t>
  </si>
  <si>
    <t>TIBBI SIHANI</t>
  </si>
  <si>
    <t>AHMDANI</t>
  </si>
  <si>
    <t>Nejatullah</t>
  </si>
  <si>
    <t>GPS TIBI WALA MOZA DURANA LINGANA</t>
  </si>
  <si>
    <t>shalimar colony near model town T chowk</t>
  </si>
  <si>
    <t>Tibbi Wala Shalimar</t>
  </si>
  <si>
    <t>GPS TIKOCH</t>
  </si>
  <si>
    <t>Village Tikoch</t>
  </si>
  <si>
    <t>GPS TILLANWALI</t>
  </si>
  <si>
    <t>Tillan Wali</t>
  </si>
  <si>
    <t>teh talagang  ,disst chakwal   po,tillanwali kotehra</t>
  </si>
  <si>
    <t>GPS TILOKAY WALA P/O KHOJA SHUJABAD</t>
  </si>
  <si>
    <t>Chan telokay wala muza khoja thesil shujaabad district multan</t>
  </si>
  <si>
    <t>Telokay Wala</t>
  </si>
  <si>
    <t>GPS TINDDA THALL</t>
  </si>
  <si>
    <t>Tinda</t>
  </si>
  <si>
    <t>Tinda thal</t>
  </si>
  <si>
    <t>GPS TIPLANI</t>
  </si>
  <si>
    <t>Taplani</t>
  </si>
  <si>
    <t>moza taplani</t>
  </si>
  <si>
    <t>Muhammad Anwaar</t>
  </si>
  <si>
    <t>GPS TIPU SHAHEED COLONY</t>
  </si>
  <si>
    <t>Tipu Shaheed Colony</t>
  </si>
  <si>
    <t>Tipu Shaheed  Colony Sadiq abad</t>
  </si>
  <si>
    <t>MC SDK</t>
  </si>
  <si>
    <t>GPS TIRKHAN WALA</t>
  </si>
  <si>
    <t>Tirkhan wala</t>
  </si>
  <si>
    <t>GPS TIRSIKA</t>
  </si>
  <si>
    <t>tirsikka</t>
  </si>
  <si>
    <t>village.tirsikka p/o sian</t>
  </si>
  <si>
    <t>M Tahir Aziz</t>
  </si>
  <si>
    <t>GPS TITIAN WALI</t>
  </si>
  <si>
    <t>Mitha khoo quidabad khushab</t>
  </si>
  <si>
    <t>Mithakhoo</t>
  </si>
  <si>
    <t>GPS TIWANA KALAN</t>
  </si>
  <si>
    <t>GPS Tiwana Kalan</t>
  </si>
  <si>
    <t>GPS TOBA ALLAH YAR</t>
  </si>
  <si>
    <t>Toba  Allah  Yar</t>
  </si>
  <si>
    <t>Toba   Allah Yar  Tehsil  Bahawalnagar</t>
  </si>
  <si>
    <t>Toba Allah Yar</t>
  </si>
  <si>
    <t>GPS TOBA JADEED</t>
  </si>
  <si>
    <t>shahan wala</t>
  </si>
  <si>
    <t>moza shahan wala tehsil jampur distt.rajanpur</t>
  </si>
  <si>
    <t>basti meeran</t>
  </si>
  <si>
    <t>GPS TOBA QUMMAR DIN</t>
  </si>
  <si>
    <t>Qamer Din Chishti</t>
  </si>
  <si>
    <t>Chack Muhammad Pur P/O Dunga Bunga</t>
  </si>
  <si>
    <t>Khatrain Wala</t>
  </si>
  <si>
    <t>GPS TODOAY PUR TEH. DISTT. KASUR</t>
  </si>
  <si>
    <t>Toady pur</t>
  </si>
  <si>
    <t>Hafiz Muhammad Rizwan Qadri</t>
  </si>
  <si>
    <t>GPS TOGEERA SHARIF WEST (BASTI AMEER AHMED HOTYANA)</t>
  </si>
  <si>
    <t>Abhrerauttar</t>
  </si>
  <si>
    <t>basti AMEER ahmad hotiana</t>
  </si>
  <si>
    <t>Basti AMEER Ahmad Hotiana</t>
  </si>
  <si>
    <t>Jhullan arraian</t>
  </si>
  <si>
    <t>GPS TOGHRA SHARIF</t>
  </si>
  <si>
    <t>Mari Qadir Bux Otar</t>
  </si>
  <si>
    <t>darbar togherasharif mari qadar bux bwn</t>
  </si>
  <si>
    <t>Toghera Sharif</t>
  </si>
  <si>
    <t>Mari Mian Shb</t>
  </si>
  <si>
    <t>Mohammad Abdulrazzaq</t>
  </si>
  <si>
    <t>GPS TOGO WALA</t>
  </si>
  <si>
    <t>Dera Peer Bux Togo Wala teh CHOUBARA DISTRICT LAYYAH</t>
  </si>
  <si>
    <t>Togo Wala</t>
  </si>
  <si>
    <t>Faisal farooq</t>
  </si>
  <si>
    <t>GPS TOHANA</t>
  </si>
  <si>
    <t>Tohana</t>
  </si>
  <si>
    <t>village tohana post office Dehlra Tehsil  SHAKARGARH District Narowal</t>
  </si>
  <si>
    <t>ARBAZ HASSAN ATHIR</t>
  </si>
  <si>
    <t>GPS TOKAN WALA</t>
  </si>
  <si>
    <t>DaudkhelPacca</t>
  </si>
  <si>
    <t>Tokanwala</t>
  </si>
  <si>
    <t>Pakkishahmardan</t>
  </si>
  <si>
    <t>GPS TOLA BANGE KHEL</t>
  </si>
  <si>
    <t>Pos Bangi Khel Darmyani</t>
  </si>
  <si>
    <t>G.P.S Tola Bangi Khel Teh; Esa Khel Distt; Mianwali</t>
  </si>
  <si>
    <t>GPS TOLO WALA</t>
  </si>
  <si>
    <t>village tolo wala</t>
  </si>
  <si>
    <t>Shaikh Amad</t>
  </si>
  <si>
    <t>Zeeshan Shoukat</t>
  </si>
  <si>
    <t>GPS TONDI</t>
  </si>
  <si>
    <t>Vill Tondi ,PO Sahari,Teh Shakar garh. Distt NWL.</t>
  </si>
  <si>
    <t>GPS TONGA WALI</t>
  </si>
  <si>
    <t>Tonga Wali</t>
  </si>
  <si>
    <t>village  tonga wali p/o chabba sandwan tehsil N,virkan Distt  Grw</t>
  </si>
  <si>
    <t>GPS TONGAR</t>
  </si>
  <si>
    <t>Tongar</t>
  </si>
  <si>
    <t>village Tongar p/o umranwali Teh &amp; Distt sialkot</t>
  </si>
  <si>
    <t>Rasool  Pur Bhallian</t>
  </si>
  <si>
    <t>Mohammad  Yaqub</t>
  </si>
  <si>
    <t>GPS TOOLAN WALI</t>
  </si>
  <si>
    <t>Toolan Wali</t>
  </si>
  <si>
    <t>toolan wali p/o rasool pur jattan teh&amp;distt Sheikhupura</t>
  </si>
  <si>
    <t>Fiaz  Ahmad</t>
  </si>
  <si>
    <t>GPS TOOT WALA</t>
  </si>
  <si>
    <t>moza toot wala</t>
  </si>
  <si>
    <t>GPS TOOTIAN</t>
  </si>
  <si>
    <t>Tootian</t>
  </si>
  <si>
    <t>GPS Tootian Post Office Nothia Qureshian Tehsil Sarai Alamgir District Gujrat</t>
  </si>
  <si>
    <t>GPS TOOTIAN WALI MASJID</t>
  </si>
  <si>
    <t>haji shah</t>
  </si>
  <si>
    <t>GBPS totian wali masjid haji shah</t>
  </si>
  <si>
    <t>Muhammad Abdul Mutalib</t>
  </si>
  <si>
    <t>GPS TOPEN WALA</t>
  </si>
  <si>
    <t>Topen Wala</t>
  </si>
  <si>
    <t>GPS TOPI WALA</t>
  </si>
  <si>
    <t>KHAKHI Sharqi</t>
  </si>
  <si>
    <t>CHAH TOPI WALA KHAKHI</t>
  </si>
  <si>
    <t>CHAH TOPI WALA</t>
  </si>
  <si>
    <t>Muhammad Zubair Athar</t>
  </si>
  <si>
    <t>GPS TOPRI</t>
  </si>
  <si>
    <t>Topri, Moza Darbula, Tehsil Mankera Distt. Bhakkar</t>
  </si>
  <si>
    <t>Topri</t>
  </si>
  <si>
    <t>Abdul Mughees</t>
  </si>
  <si>
    <t>GPS TOR GATH</t>
  </si>
  <si>
    <t>Basti Tor Gath Mari P o barthi tehsil and District Dg khan</t>
  </si>
  <si>
    <t>Torgath</t>
  </si>
  <si>
    <t>GPS TORA BERA</t>
  </si>
  <si>
    <t>TORA BERA</t>
  </si>
  <si>
    <t>VILLAGE TORA BERA, POST OFFICE LAKARMAR, TEHSIL JAND, DISTT ATOOCK.</t>
  </si>
  <si>
    <t>Mursaleen Khan</t>
  </si>
  <si>
    <t>GPS TORANG ABAD</t>
  </si>
  <si>
    <t>Narrah Tarf Narrah</t>
  </si>
  <si>
    <t>vpo Chhab tehsil jand district attock</t>
  </si>
  <si>
    <t>Torang Abad</t>
  </si>
  <si>
    <t>KARRA KHAN</t>
  </si>
  <si>
    <t>GPS TORANG MELA</t>
  </si>
  <si>
    <t>Narrah Taraf</t>
  </si>
  <si>
    <t>vpo nandrakabad the jand attock</t>
  </si>
  <si>
    <t>Torang Mela</t>
  </si>
  <si>
    <t>GPS TOREWALI</t>
  </si>
  <si>
    <t>torewali</t>
  </si>
  <si>
    <t>Dhaknir</t>
  </si>
  <si>
    <t>GPS TOTA</t>
  </si>
  <si>
    <t>Tota</t>
  </si>
  <si>
    <t>Villege Tota p.o &amp; Tehsil Kallar Syedan Rawalpindi</t>
  </si>
  <si>
    <t>M Younis Abbasi</t>
  </si>
  <si>
    <t>GPS TOTAL</t>
  </si>
  <si>
    <t>Total</t>
  </si>
  <si>
    <t>Total. Teh Pattoki Dist.  Kasur</t>
  </si>
  <si>
    <t>Muhammad suleman</t>
  </si>
  <si>
    <t>GPS TOWNG</t>
  </si>
  <si>
    <t>rakh daima</t>
  </si>
  <si>
    <t>GPS TOWRI</t>
  </si>
  <si>
    <t>towri</t>
  </si>
  <si>
    <t>towri p.o bara ghar</t>
  </si>
  <si>
    <t>Muhammad Hussain Watto</t>
  </si>
  <si>
    <t>GPS TRAIL</t>
  </si>
  <si>
    <t>village trail p/o kotnaina tehsil shakargarh district narowal</t>
  </si>
  <si>
    <t>GPS TRANG MAZRAI</t>
  </si>
  <si>
    <t>Trang</t>
  </si>
  <si>
    <t>Abdul Lateef Shah</t>
  </si>
  <si>
    <t>GPS TUBE WELL GHULAM HAIDER</t>
  </si>
  <si>
    <t>Wichvenn Bala</t>
  </si>
  <si>
    <t>P.O. Bala</t>
  </si>
  <si>
    <t>GPS TUBE WELL WALI MUHAMMAD</t>
  </si>
  <si>
    <t>Arazi shaho Khan</t>
  </si>
  <si>
    <t>tube well wali Muhammad</t>
  </si>
  <si>
    <t>Arazi Shaho Khan</t>
  </si>
  <si>
    <t>Sandhky Khan</t>
  </si>
  <si>
    <t>Farzana Rafiq</t>
  </si>
  <si>
    <t>GPS TUBEWEL BILAL WALA</t>
  </si>
  <si>
    <t>chah barhgi nawan kot tehsil choubara</t>
  </si>
  <si>
    <t>Chan Barhgi</t>
  </si>
  <si>
    <t>GPS TUBEWELL DOST MOHAMMAD WALA</t>
  </si>
  <si>
    <t>Dost Muhammad Wala</t>
  </si>
  <si>
    <t>Tube well dost Muhammad chak 379/WB Tehsil Dunyapur district LODHRAN</t>
  </si>
  <si>
    <t>379/WB</t>
  </si>
  <si>
    <t>Ali Haider Raza</t>
  </si>
  <si>
    <t>GPS TUKKRA 18-A/WM</t>
  </si>
  <si>
    <t>CHAK TUKKRA, 18-A/WM</t>
  </si>
  <si>
    <t>Chak TUKKRA 18-A/WM</t>
  </si>
  <si>
    <t>MURAD K KATHIA</t>
  </si>
  <si>
    <t>GPS TUKRA 18/WM</t>
  </si>
  <si>
    <t>chack 18/wm tukra post office harappa teshil&amp;Dist Sahiwal</t>
  </si>
  <si>
    <t>Tukra 18/wm</t>
  </si>
  <si>
    <t>GPS TUKRA 25/1</t>
  </si>
  <si>
    <t>25/1 Tukra</t>
  </si>
  <si>
    <t>GPS tukra 25/1 P/O Harappa Teh &amp;Distt Sahiwal</t>
  </si>
  <si>
    <t>Muhammad Abbas Khan</t>
  </si>
  <si>
    <t>GPS TUKRA NO.26</t>
  </si>
  <si>
    <t>Tukra No26</t>
  </si>
  <si>
    <t>Gps tukra 26 Harappa Sahiwal</t>
  </si>
  <si>
    <t>GPS TUKRA VENOI, KACHA KHUH</t>
  </si>
  <si>
    <t>Tukra Venoi</t>
  </si>
  <si>
    <t>tukra venoi kwl</t>
  </si>
  <si>
    <t>14/9r</t>
  </si>
  <si>
    <t>Muhammad Amanullah</t>
  </si>
  <si>
    <t>GPS TULAMBA NO.2</t>
  </si>
  <si>
    <t>near thana, Tulamba</t>
  </si>
  <si>
    <t>GPS TULLAH KAMBOH</t>
  </si>
  <si>
    <t>gps tullah kamboh village</t>
  </si>
  <si>
    <t>GPS TULOKA LONA</t>
  </si>
  <si>
    <t>Tiloka Loona</t>
  </si>
  <si>
    <t>Imtiaz Ahmad Bashir</t>
  </si>
  <si>
    <t>GPS TULSA</t>
  </si>
  <si>
    <t>Raja Akram Colony</t>
  </si>
  <si>
    <t>gps tulsa rwp raja akram colony</t>
  </si>
  <si>
    <t>bored water</t>
  </si>
  <si>
    <t>GPS TULWANDI KAHLWAN</t>
  </si>
  <si>
    <t>Talwandi Kahwan</t>
  </si>
  <si>
    <t>talwandi kahwan</t>
  </si>
  <si>
    <t>Talwandi Kahlaw</t>
  </si>
  <si>
    <t>GPS TUNDANI KHOR</t>
  </si>
  <si>
    <t>Basti tundani khor PO Barthi tests ili Taunsa sharif</t>
  </si>
  <si>
    <t>Tundani Khor</t>
  </si>
  <si>
    <t>Muhammad Irfanullah</t>
  </si>
  <si>
    <t>GPS TUNG</t>
  </si>
  <si>
    <t>Tung</t>
  </si>
  <si>
    <t>Tung P/O Muridke Tehsil Muridke Dist Sheikhupura</t>
  </si>
  <si>
    <t>Maey</t>
  </si>
  <si>
    <t>GPS TUNNIAN WALI</t>
  </si>
  <si>
    <t>Jabbi Shumali</t>
  </si>
  <si>
    <t>Tunian wali</t>
  </si>
  <si>
    <t>Tunian Wali</t>
  </si>
  <si>
    <t>GPS TURANGI</t>
  </si>
  <si>
    <t>village tourangi gharbi p/o tola Bangi khel,tehsil esa khel,district mianwali</t>
  </si>
  <si>
    <t>Tourangi Ghrbi</t>
  </si>
  <si>
    <t>GPS TURBAT SHAH HUSSAIN</t>
  </si>
  <si>
    <t>Turbat Shah Hussain</t>
  </si>
  <si>
    <t>turbat shah hussain</t>
  </si>
  <si>
    <t>GPS TURHOLI, P/O HEAD SIDHNI, ABDUL HAKIM</t>
  </si>
  <si>
    <t>Traily</t>
  </si>
  <si>
    <t>Mouza Traily</t>
  </si>
  <si>
    <t>Muhammad Akmal Javid</t>
  </si>
  <si>
    <t>GPS TURKISH MODEL VILLAGE SAFDAR ABAD</t>
  </si>
  <si>
    <t>model village sfdarabaf</t>
  </si>
  <si>
    <t>Noman Habib</t>
  </si>
  <si>
    <t>GPS TURPAY</t>
  </si>
  <si>
    <t>Turpai</t>
  </si>
  <si>
    <t>village turpai p/o bheri khurd tehsil shakargarh district narowal</t>
  </si>
  <si>
    <t>GPS TUTU MAR</t>
  </si>
  <si>
    <t>tutu mar</t>
  </si>
  <si>
    <t>trible area basti tutu mar uc theeker pm barthi</t>
  </si>
  <si>
    <t>GPS UCH GILANI</t>
  </si>
  <si>
    <t>basti bhein mauza uch gillani uch sharif tehseel ahmad pur east district bahawal pur</t>
  </si>
  <si>
    <t>Basti Bhein</t>
  </si>
  <si>
    <t>Muhammad Iqbal Ahmad Khan</t>
  </si>
  <si>
    <t>GPS UCHHALI</t>
  </si>
  <si>
    <t>p/o Uchhali  Tehsil Naushera District Khushab</t>
  </si>
  <si>
    <t>GPS UCHI SAYEDAN</t>
  </si>
  <si>
    <t>GPS Uchi Syedan Railway Station Mitha Tiwana</t>
  </si>
  <si>
    <t>GPS Uchi Syedan</t>
  </si>
  <si>
    <t>Mitha Tiwana South</t>
  </si>
  <si>
    <t>GPS UDDOWAL KALAN</t>
  </si>
  <si>
    <t>Udhowal kalan</t>
  </si>
  <si>
    <t>udhowal kalan gujrat</t>
  </si>
  <si>
    <t>Syed Tasawar Hussain  Bukhari</t>
  </si>
  <si>
    <t>GPS UGGOKI</t>
  </si>
  <si>
    <t>Near Main Bazar, Mohallah Sayyedan, Uggoki, Sialkot.</t>
  </si>
  <si>
    <t>Suhail Aamer</t>
  </si>
  <si>
    <t>GPS UMAR DI BHAN</t>
  </si>
  <si>
    <t>Hamun Wala</t>
  </si>
  <si>
    <t>bhan Umar p/O Basti Bakhtawar</t>
  </si>
  <si>
    <t>Bhan Umar</t>
  </si>
  <si>
    <t>Hamun Wali</t>
  </si>
  <si>
    <t>GPS UMAR KHICHI</t>
  </si>
  <si>
    <t>Umar Khichi</t>
  </si>
  <si>
    <t>GPS UMAR KOT</t>
  </si>
  <si>
    <t>village umar kot post office Nonar District Narowal</t>
  </si>
  <si>
    <t>GPS UMAR SHAH</t>
  </si>
  <si>
    <t>Umar Shah</t>
  </si>
  <si>
    <t>Mouza umar shah</t>
  </si>
  <si>
    <t>Ali -U- Deen</t>
  </si>
  <si>
    <t>GPS UMAR WADA DRIGH</t>
  </si>
  <si>
    <t>Gabol</t>
  </si>
  <si>
    <t>Basti Umar Wada Drigh</t>
  </si>
  <si>
    <t>Umar Wada Drigh</t>
  </si>
  <si>
    <t>GPS UMAR WADA GACHAL</t>
  </si>
  <si>
    <t>Imam Bux UNAR</t>
  </si>
  <si>
    <t>Moza imam Bux UNAR basti Haji Lal khan</t>
  </si>
  <si>
    <t>Basti Haji Lal Khan</t>
  </si>
  <si>
    <t>GPS UMEED ALI VIRK</t>
  </si>
  <si>
    <t>RODA.Khushab</t>
  </si>
  <si>
    <t>GPS UMER ABAD</t>
  </si>
  <si>
    <t>p/o pai khel tehsil and district mianwali</t>
  </si>
  <si>
    <t>Muhammad Aamir Khan</t>
  </si>
  <si>
    <t>GPS UMER FATANI</t>
  </si>
  <si>
    <t>Umar Fatani</t>
  </si>
  <si>
    <t>Village/ moza  Umar Fatani Tehsil Kpt dist BWP</t>
  </si>
  <si>
    <t>haji mohammad Akhtar</t>
  </si>
  <si>
    <t>GPS UMER KOT NO. 1</t>
  </si>
  <si>
    <t>umer kot</t>
  </si>
  <si>
    <t>basti bara umer kot tehsil Rojhan District Rajanpur</t>
  </si>
  <si>
    <t>GPS UMER PUR P/O JALALPUR PIRWALA</t>
  </si>
  <si>
    <t>Lar janubi road Basti Tibi Laang  Umer pur</t>
  </si>
  <si>
    <t>Tibi Lang</t>
  </si>
  <si>
    <t>Karmon Wali</t>
  </si>
  <si>
    <t>Amanullah Aqeel</t>
  </si>
  <si>
    <t>GPS UMER TAJPURA KHUSHAB</t>
  </si>
  <si>
    <t>Mohallah sakhi sayed maroof shah khushab</t>
  </si>
  <si>
    <t>Urban Khushab</t>
  </si>
  <si>
    <t>GPS UMERI KHEL</t>
  </si>
  <si>
    <t>Pacca Kamar Pakka kammer Mushani</t>
  </si>
  <si>
    <t>gps umerikhel p/ o kamar mushani Tehsil isakhel District Mianwali</t>
  </si>
  <si>
    <t>Umeri Khel</t>
  </si>
  <si>
    <t>ZIAULLAH KHAN</t>
  </si>
  <si>
    <t>GPS UMRANI</t>
  </si>
  <si>
    <t>Umrani</t>
  </si>
  <si>
    <t>basti and mauza umrani dera ghazi khan</t>
  </si>
  <si>
    <t>Danyal Ahmad</t>
  </si>
  <si>
    <t>GPS UMRAY WALA</t>
  </si>
  <si>
    <t>Hatoo</t>
  </si>
  <si>
    <t>Gps Umraywala tehsil kallurkot district Bhakkar</t>
  </si>
  <si>
    <t>Umraywala</t>
  </si>
  <si>
    <t>GPS UMRAY WALI</t>
  </si>
  <si>
    <t>village. Alluwali teh.piplan</t>
  </si>
  <si>
    <t>Muhammed Saeed Shamsi</t>
  </si>
  <si>
    <t>GPS UN PUR</t>
  </si>
  <si>
    <t>village unpur post office gogra rwp</t>
  </si>
  <si>
    <t>GPS UNCHA PIND</t>
  </si>
  <si>
    <t>Uncha Pand</t>
  </si>
  <si>
    <t>Uncha Pand P/o Narang Muridke,Sheikhupura</t>
  </si>
  <si>
    <t>GPS UNION JUNIOR MODEL. MUHALLAH TIBBI SHER KHAN</t>
  </si>
  <si>
    <t>Mohallah Tibbi Sher Khan</t>
  </si>
  <si>
    <t>Mohallah Tibbi Sher Khan Kotla Tolay Khan Multan</t>
  </si>
  <si>
    <t>Tibbi Sher Khan Kotla Toly Khan</t>
  </si>
  <si>
    <t>GPS UPPAL KHALSA</t>
  </si>
  <si>
    <t>uppal khalsa post office kotli nawab tensile kamoke dictrct Gujranwala</t>
  </si>
  <si>
    <t>Arsalan Waheed</t>
  </si>
  <si>
    <t>GPS UPPER DHEER KOT</t>
  </si>
  <si>
    <t>Vill and Po dhir kot sattian tehsil kotli ssttian dist</t>
  </si>
  <si>
    <t>GPS UPPI BANGLOW</t>
  </si>
  <si>
    <t>Uppi Banglow</t>
  </si>
  <si>
    <t>Gps uppi banglow</t>
  </si>
  <si>
    <t>Mc/Kotmomin</t>
  </si>
  <si>
    <t>GPS USMAN ABAD</t>
  </si>
  <si>
    <t>Kott Butta</t>
  </si>
  <si>
    <t>chah bhandhay wala mouza kott Butta</t>
  </si>
  <si>
    <t>Chah Bhandhay wala</t>
  </si>
  <si>
    <t>Shero Dusti</t>
  </si>
  <si>
    <t>Muhammad yousuf</t>
  </si>
  <si>
    <t>GPS USMAN PUR</t>
  </si>
  <si>
    <t>Gps usmanpur bhoun</t>
  </si>
  <si>
    <t>Tehmeena Kanwal</t>
  </si>
  <si>
    <t>GPS USMAN PUR RATTAAKA</t>
  </si>
  <si>
    <t>Usman Pur Ratteka</t>
  </si>
  <si>
    <t>Basti Usman Pur Ratteka</t>
  </si>
  <si>
    <t>Basti Usman Pur</t>
  </si>
  <si>
    <t>GPS USMAN RID</t>
  </si>
  <si>
    <t>Usman Rid</t>
  </si>
  <si>
    <t>Near Chah sadeeq wala moza usman rid tehsil kotau m.garh</t>
  </si>
  <si>
    <t>Muhammad Aamir Mustafa</t>
  </si>
  <si>
    <t>GPS USMAN WALA</t>
  </si>
  <si>
    <t>p/o usman wala t/d kasur</t>
  </si>
  <si>
    <t>Muhammad Shamoon Shad</t>
  </si>
  <si>
    <t>GPS USMAN WALA CH NO 455 / TDA</t>
  </si>
  <si>
    <t>chak no 455/tda</t>
  </si>
  <si>
    <t>455/Tda</t>
  </si>
  <si>
    <t>GPS USMAN WALA JADEED</t>
  </si>
  <si>
    <t>Chak No 387a TDA</t>
  </si>
  <si>
    <t>Chak No 387a/ TDA</t>
  </si>
  <si>
    <t>Akram Masih</t>
  </si>
  <si>
    <t>GPS USMANIA PIR MAHAL</t>
  </si>
  <si>
    <t>GPS usmania pirmahal</t>
  </si>
  <si>
    <t>Factory aria</t>
  </si>
  <si>
    <t>Municipal committe</t>
  </si>
  <si>
    <t>GPS UTHWAL CHAKAR KAY</t>
  </si>
  <si>
    <t>UTHWAL JAGEER  NEW</t>
  </si>
  <si>
    <t>MOUZA UTHWAL JAGEER NEW,POST OFFICE KOHLA,TEHSIL &amp; DISTRICT OKARA</t>
  </si>
  <si>
    <t>UTHWAL JAGEER NEW</t>
  </si>
  <si>
    <t>RIAZ ALI</t>
  </si>
  <si>
    <t>GPS UTHWAL JAGEER</t>
  </si>
  <si>
    <t>Vill uthwal jageer Distt Okara</t>
  </si>
  <si>
    <t>GPS UTLA PATTAN PO KALABAGH TEH. ISA KHEL</t>
  </si>
  <si>
    <t>gps Utla pattan kala bagh tehisakhel</t>
  </si>
  <si>
    <t>M/C Kalabagh</t>
  </si>
  <si>
    <t>Muhammad Iqbal Shah</t>
  </si>
  <si>
    <t>GPS UTLARA</t>
  </si>
  <si>
    <t>Karor Nashib</t>
  </si>
  <si>
    <t>GPS ATLARA</t>
  </si>
  <si>
    <t>Atlara</t>
  </si>
  <si>
    <t>GPS UTTERA</t>
  </si>
  <si>
    <t>chah qaim wala mouza uttera tehsel sadder distric bahawalpur</t>
  </si>
  <si>
    <t>GPS UTTIAN</t>
  </si>
  <si>
    <t>uttian sargodha</t>
  </si>
  <si>
    <t>GPS VAHI KHOJI P/O JUGGO WALA</t>
  </si>
  <si>
    <t>basti diwan wala p/o juggu wala</t>
  </si>
  <si>
    <t>diwan wala</t>
  </si>
  <si>
    <t>GPS VAINCE WALA</t>
  </si>
  <si>
    <t>Darkhawast shumali Shumali</t>
  </si>
  <si>
    <t>basti vaince centre wala</t>
  </si>
  <si>
    <t>Waince Wala</t>
  </si>
  <si>
    <t>Darkhawast Gharbi 2</t>
  </si>
  <si>
    <t>Ghulam shabir Shahid</t>
  </si>
  <si>
    <t>GPS VALGAN SOHNI</t>
  </si>
  <si>
    <t>Valgan Sohni</t>
  </si>
  <si>
    <t>valgan sohni po Warburton tehsil &amp; district nankana sahib</t>
  </si>
  <si>
    <t>Atta Ul Haq</t>
  </si>
  <si>
    <t>GPS VANOI MOUZA VANOI P.O MATOTLI TEH.SHUJABAD</t>
  </si>
  <si>
    <t>Vanoi</t>
  </si>
  <si>
    <t>GPS moza vanoi</t>
  </si>
  <si>
    <t>GPS VARAR NASHAIB</t>
  </si>
  <si>
    <t>Varer Nashaib</t>
  </si>
  <si>
    <t>moza varer nashaib,p/o kot sultan</t>
  </si>
  <si>
    <t>GPS VASAN</t>
  </si>
  <si>
    <t>Vasan</t>
  </si>
  <si>
    <t>village vasan post office mirza tahir tehsil kharian district gujrat</t>
  </si>
  <si>
    <t>Muhammad Mulazam</t>
  </si>
  <si>
    <t>GPS VEER SINGH WALA</t>
  </si>
  <si>
    <t>Veer Sngh Wala P.O Gillan Wala Tehsil Chunian District Kasur.</t>
  </si>
  <si>
    <t>GPS VEER WALA</t>
  </si>
  <si>
    <t>veerwala</t>
  </si>
  <si>
    <t>GPS VEERAM HITHAR</t>
  </si>
  <si>
    <t>Veeram Hitther</t>
  </si>
  <si>
    <t>GPS Veeram Hithar P/O khudian Khas kasur</t>
  </si>
  <si>
    <t>Amir Shehzad</t>
  </si>
  <si>
    <t>GPS VEERKEY KOHNA</t>
  </si>
  <si>
    <t>Veerkay Khona</t>
  </si>
  <si>
    <t>veerkay kohna</t>
  </si>
  <si>
    <t>Veerkay Kohna</t>
  </si>
  <si>
    <t>Saraisar Hithar</t>
  </si>
  <si>
    <t>GPS VEHOVA NO 1</t>
  </si>
  <si>
    <t>Vehoa Janobi</t>
  </si>
  <si>
    <t>p/o vehoa</t>
  </si>
  <si>
    <t>GPS VEHOVA NO 3</t>
  </si>
  <si>
    <t>Vahava</t>
  </si>
  <si>
    <t>GPS no 3 vahova</t>
  </si>
  <si>
    <t>Vahova</t>
  </si>
  <si>
    <t>Vahova Janobi</t>
  </si>
  <si>
    <t>GPS VEHOVA NO 4</t>
  </si>
  <si>
    <t>Vehia Janubi</t>
  </si>
  <si>
    <t>Basti Dannar Vehoa</t>
  </si>
  <si>
    <t>Jamshed Akhter</t>
  </si>
  <si>
    <t>GPS VEHOVA NO. 5</t>
  </si>
  <si>
    <t>Vehova Janubi</t>
  </si>
  <si>
    <t>Mohla high school Vehova</t>
  </si>
  <si>
    <t>GPS VEHOVA NO.7</t>
  </si>
  <si>
    <t>Basti Jaat</t>
  </si>
  <si>
    <t>INAYAT ULLAH</t>
  </si>
  <si>
    <t>GPS VERHEELAN</t>
  </si>
  <si>
    <t>Verheelan</t>
  </si>
  <si>
    <t>moza verheelan bahawalpur</t>
  </si>
  <si>
    <t>Muhammad Ashiq Hussain</t>
  </si>
  <si>
    <t>GPS VERNAY</t>
  </si>
  <si>
    <t>Pos Bangikhel Sherki</t>
  </si>
  <si>
    <t>Gps vernay markaz borh khoi Teh Esa khel dist Mianwali</t>
  </si>
  <si>
    <t>Vernay</t>
  </si>
  <si>
    <t>GPS VERPAL</t>
  </si>
  <si>
    <t>verpal kalan</t>
  </si>
  <si>
    <t>GPS verpal kalan teh wazirabad disst gujranwala</t>
  </si>
  <si>
    <t>verepal kalan</t>
  </si>
  <si>
    <t>hardo verpal</t>
  </si>
  <si>
    <t>nazim hussain</t>
  </si>
  <si>
    <t>GPS VIAH KOT</t>
  </si>
  <si>
    <t>Viah Kot</t>
  </si>
  <si>
    <t>moza viah kot p/o 7/e.b tehsil arifwala district pakpattan</t>
  </si>
  <si>
    <t>GPS VICTORIA FARM</t>
  </si>
  <si>
    <t>Chak Zamir Abad, Tehsil Ranala Khurd, Okara</t>
  </si>
  <si>
    <t>Zamir Abad</t>
  </si>
  <si>
    <t>GPS VIGGAH MAL</t>
  </si>
  <si>
    <t>Wiggah Mal</t>
  </si>
  <si>
    <t>Basti jhoke Lal Mouza Wiggah Mal Tehsil Kahror Pacca Lodhran</t>
  </si>
  <si>
    <t>Basti Jhoke Lal</t>
  </si>
  <si>
    <t>GPS VIGGI</t>
  </si>
  <si>
    <t>Os Bangi Khel Shahrqi</t>
  </si>
  <si>
    <t>viggi tabisar</t>
  </si>
  <si>
    <t>Viggi</t>
  </si>
  <si>
    <t>labour provide</t>
  </si>
  <si>
    <t>GPS VIGRI WALA</t>
  </si>
  <si>
    <t>chah wigri wala mouza kot jano teh jampur dist rajanpur</t>
  </si>
  <si>
    <t>Vigri Wala</t>
  </si>
  <si>
    <t>GPS VIJHLANA</t>
  </si>
  <si>
    <t>Mouza vijhlana</t>
  </si>
  <si>
    <t>GPS VIJHOKA</t>
  </si>
  <si>
    <t>Vijhoka</t>
  </si>
  <si>
    <t>vijhoka p/o farooka tehsil sahiwal distt sargodha</t>
  </si>
  <si>
    <t>GPS VINOKA</t>
  </si>
  <si>
    <t>Nosher Ahmad</t>
  </si>
  <si>
    <t>GPS VIRK</t>
  </si>
  <si>
    <t>village virk</t>
  </si>
  <si>
    <t>GPS VIRKAN WALI</t>
  </si>
  <si>
    <t>Virkan Wali</t>
  </si>
  <si>
    <t>GPS VIRKE BATH</t>
  </si>
  <si>
    <t>VIRKE BATH</t>
  </si>
  <si>
    <t>village virke bath</t>
  </si>
  <si>
    <t>virke bath</t>
  </si>
  <si>
    <t>sharafat hussain</t>
  </si>
  <si>
    <t>GPS VISORE</t>
  </si>
  <si>
    <t>Lundi Bangi Khel</t>
  </si>
  <si>
    <t>GPS visore</t>
  </si>
  <si>
    <t>Visore</t>
  </si>
  <si>
    <t>Muhammad Faiz Ullah Shah</t>
  </si>
  <si>
    <t>GPS WACHOKE KHURD</t>
  </si>
  <si>
    <t>WACHOKE KHURD</t>
  </si>
  <si>
    <t>VILLAGE WACHOKE KHURD.P/O JURIAN.TEH &amp; DISTT.HAFIZABAD</t>
  </si>
  <si>
    <t>Ehsan ul Haq</t>
  </si>
  <si>
    <t>GPS WADALA CHEEMA</t>
  </si>
  <si>
    <t>Wadala</t>
  </si>
  <si>
    <t>Bhattikay</t>
  </si>
  <si>
    <t>Abubaker Azam</t>
  </si>
  <si>
    <t>GPS WADARA PO MUSTAFA ABAD</t>
  </si>
  <si>
    <t>Wafara</t>
  </si>
  <si>
    <t>Lakhneke</t>
  </si>
  <si>
    <t>Moeen akhter</t>
  </si>
  <si>
    <t>GPS WADDAY WALA</t>
  </si>
  <si>
    <t>Wahi Mirza Baig</t>
  </si>
  <si>
    <t>wadday wala post office mandooren disttmuzaffargarh</t>
  </si>
  <si>
    <t>Wadday Wala</t>
  </si>
  <si>
    <t>GPS WADERA SABZAL KHAN</t>
  </si>
  <si>
    <t>Wahi  Peer Baksh</t>
  </si>
  <si>
    <t>wadera sabzal khan</t>
  </si>
  <si>
    <t>Wedera Sabzal</t>
  </si>
  <si>
    <t>Check#173/p</t>
  </si>
  <si>
    <t>Tariq Farooq</t>
  </si>
  <si>
    <t>GPS WADERA SHAH NAWAZ KHAN</t>
  </si>
  <si>
    <t>Basti wadera shah nawaz khan tehsil rojhan district rajan pur</t>
  </si>
  <si>
    <t>pouring cane far place</t>
  </si>
  <si>
    <t>GPS WADHAY WALI</t>
  </si>
  <si>
    <t>Wadhay Wali Bhakkar</t>
  </si>
  <si>
    <t>GPS WADHAY WALI QADEEM</t>
  </si>
  <si>
    <t>Basti wadhy wali qadeem p.o Wara Sehran tehsil karor distt layyah</t>
  </si>
  <si>
    <t>Wadhy Wali Qadeem</t>
  </si>
  <si>
    <t>GPS WADHAYA ABAD</t>
  </si>
  <si>
    <t>Dunia Pur</t>
  </si>
  <si>
    <t>Basti wadhaya abad markaz Latki tehsil Khanpur</t>
  </si>
  <si>
    <t>Wadhaya Abad</t>
  </si>
  <si>
    <t>GPS WADHLAN WALA</t>
  </si>
  <si>
    <t>Wadhlanwala tehsil Noorpur dist khushab</t>
  </si>
  <si>
    <t>Wadhlanwala</t>
  </si>
  <si>
    <t>GPS WADHNOR</t>
  </si>
  <si>
    <t>Wadhnor</t>
  </si>
  <si>
    <t>Basti and Moza Wadhnor, Near Jhangra Sharqi Bridge, UC Khair Pur Daha</t>
  </si>
  <si>
    <t>GPS WADHRA</t>
  </si>
  <si>
    <t>Wadhra</t>
  </si>
  <si>
    <t>village  wadhra p.o khoja tehsil Kharian District Gujrat</t>
  </si>
  <si>
    <t>GPS WADOWALA</t>
  </si>
  <si>
    <t>Gbps wadowala</t>
  </si>
  <si>
    <t>GPS WAGA</t>
  </si>
  <si>
    <t>P/O Meray Shah Mauza Peeran Bhutta S D K R Y K</t>
  </si>
  <si>
    <t>WANGA</t>
  </si>
  <si>
    <t>GPS WAGHA</t>
  </si>
  <si>
    <t>Moza Namdar Sial</t>
  </si>
  <si>
    <t>GPS WAGHRAN WALA CHAK NO 12 ML PIPLAN</t>
  </si>
  <si>
    <t>Village Waghran Wala P/O Chak No.12ML Tehsil Piplan District.Mianwali.</t>
  </si>
  <si>
    <t>Waghran Wala</t>
  </si>
  <si>
    <t>GPS WAGIN WALA</t>
  </si>
  <si>
    <t>mouza Mehboob Shah teh. mailsi.distt.vehari.</t>
  </si>
  <si>
    <t>Wagian Wala</t>
  </si>
  <si>
    <t>GPS WAGRAN</t>
  </si>
  <si>
    <t>Wagran</t>
  </si>
  <si>
    <t>Village Wagran Near Nalla Aik Muhalla East P.O. Bhattay Kalan</t>
  </si>
  <si>
    <t>GPS WAGWAL ZER</t>
  </si>
  <si>
    <t>GPS Waghwal zer</t>
  </si>
  <si>
    <t>Namra Qureshi</t>
  </si>
  <si>
    <t>GPS WAH ATTEHTA</t>
  </si>
  <si>
    <t>Wah Attahta</t>
  </si>
  <si>
    <t>Dera Ghulam Mustafa Peena, P.O. Chak#88P,Moaza Wah Attahta, Rahim Yar Khan</t>
  </si>
  <si>
    <t>Dera Ghulam Mustafa</t>
  </si>
  <si>
    <t>GPS WAH KHOKHER</t>
  </si>
  <si>
    <t>Raqba Noushera</t>
  </si>
  <si>
    <t>mud baga dhandla</t>
  </si>
  <si>
    <t>Mud Baga Dhandla</t>
  </si>
  <si>
    <t>Noushera Gharbi</t>
  </si>
  <si>
    <t>Rasool Bukhsh</t>
  </si>
  <si>
    <t>GPS WAH LASHARI</t>
  </si>
  <si>
    <t>GANDHA LUCKY</t>
  </si>
  <si>
    <t>BASTI HAFIZ MOHAMMAD MOOSA DEYAT</t>
  </si>
  <si>
    <t>Sheikh Ata Ullah</t>
  </si>
  <si>
    <t>GPS WAH MACHIKA</t>
  </si>
  <si>
    <t>Basti Khawand Bux Lanjwani</t>
  </si>
  <si>
    <t>GPS WAH SAIDAN PO DAJAL RANJAN PUR</t>
  </si>
  <si>
    <t>basti dhandla p/o dajal  Teh. Jampur .Dist .Rajanpur</t>
  </si>
  <si>
    <t>GPS WAHAND SARMANI</t>
  </si>
  <si>
    <t>chah buppar wala.moza wahind sarmani.tehsil kahror pacca.district Lodhran.</t>
  </si>
  <si>
    <t>Buppar Wala</t>
  </si>
  <si>
    <t>Javed Ahmad</t>
  </si>
  <si>
    <t>GPS WAHDRAY</t>
  </si>
  <si>
    <t>Wahdray</t>
  </si>
  <si>
    <t>post office Mangwal village Wahdray tehsil &amp; district chakwal</t>
  </si>
  <si>
    <t>GPS WAHEER SHARQI</t>
  </si>
  <si>
    <t>waheer</t>
  </si>
  <si>
    <t>GPS Waheer Sharqi vpo waheer tehsil and Distt Khushab</t>
  </si>
  <si>
    <t>GPS WAHGA</t>
  </si>
  <si>
    <t>Village Wahga Tehsil Pasrur District Sialkot</t>
  </si>
  <si>
    <t>Takhtpur</t>
  </si>
  <si>
    <t>GPS WAHI BHOJA</t>
  </si>
  <si>
    <t>Wahi Bhoja</t>
  </si>
  <si>
    <t>Moza Wahi Bhoja P/O Kulab Tehsil Ahmadpur East District Bahawalpur</t>
  </si>
  <si>
    <t>GPS WAHI GHOUS UL MULAK</t>
  </si>
  <si>
    <t>Ghous Ul Mulk</t>
  </si>
  <si>
    <t>mouza wahi ghous ul mulk u/c wahi Salamat Ray lodhran</t>
  </si>
  <si>
    <t>GPS WAHI GHULAM ALI</t>
  </si>
  <si>
    <t>Bsti wahi Ghulam Ali Po Abdul Rehman Sadiq Abad District RYK</t>
  </si>
  <si>
    <t>Basti Wahi Ghulam Ali</t>
  </si>
  <si>
    <t>Malik Munir Ahmed Solangi</t>
  </si>
  <si>
    <t>GPS WAHI GUSSAIEN</t>
  </si>
  <si>
    <t>Wahi Gossain</t>
  </si>
  <si>
    <t>mouza Wahi Gossain p/o Sama Sata bwp</t>
  </si>
  <si>
    <t>GPS WAHI HUSSAIN</t>
  </si>
  <si>
    <t>Wahi huussain</t>
  </si>
  <si>
    <t>Hafeez Ur Rehman Anjum</t>
  </si>
  <si>
    <t>GPS WAHI JUMAN SHAH</t>
  </si>
  <si>
    <t>Wahi jumman Shah</t>
  </si>
  <si>
    <t>wahi jumman Shah p/o Tranda saway Khan</t>
  </si>
  <si>
    <t>Wahi Jumman Shah</t>
  </si>
  <si>
    <t>Mohammad Hanif</t>
  </si>
  <si>
    <t>GPS WAHI KHORE P/O JUGGO WALA</t>
  </si>
  <si>
    <t>Wahi Khore</t>
  </si>
  <si>
    <t>mouza wahi khore uc juggo wala teshil halal pur district multan</t>
  </si>
  <si>
    <t>GPS WAHI MOTON MAL</t>
  </si>
  <si>
    <t>Wahi Motan Mal</t>
  </si>
  <si>
    <t>chak liaqat abad wahi motan mal lodhran</t>
  </si>
  <si>
    <t>Chak Liaqat Abad</t>
  </si>
  <si>
    <t>GPS WAHI QADIR DINA</t>
  </si>
  <si>
    <t>BASTI RAHRI NEAR DERA BOBAK,MOUZA WAHI QADIR DEENA.</t>
  </si>
  <si>
    <t>Rahri</t>
  </si>
  <si>
    <t>TiBBi AZZIT</t>
  </si>
  <si>
    <t>Jahangir Saeed</t>
  </si>
  <si>
    <t>GPS WAHI RAHIM</t>
  </si>
  <si>
    <t>Basti Wahi Rahim Moza Ameen Gary Mo Mubarak Road Rahim Yar Khan</t>
  </si>
  <si>
    <t>Wahi Rahim</t>
  </si>
  <si>
    <t>Farhat Hanif</t>
  </si>
  <si>
    <t>RO Plant &amp; Rooter Pump &amp; Hand Pump</t>
  </si>
  <si>
    <t>GPS WAHI SAWAYA P/O RAJARAM SHUJA ABAD</t>
  </si>
  <si>
    <t>Chak Jhakar</t>
  </si>
  <si>
    <t>Mouza Chak Jhakar  P/O Raja Ram Shujabad</t>
  </si>
  <si>
    <t>Muhammad Khalil Siddiqui</t>
  </si>
  <si>
    <t>GPS WAHID BUX</t>
  </si>
  <si>
    <t>basti Malik Wahid bukhsh</t>
  </si>
  <si>
    <t>Basti Malik Wahid Bukhsh</t>
  </si>
  <si>
    <t>GPS WAHID BUX LAR</t>
  </si>
  <si>
    <t>Wahid bux Lar</t>
  </si>
  <si>
    <t>government primary school wahid bux lar</t>
  </si>
  <si>
    <t>GPS WAHLAY</t>
  </si>
  <si>
    <t>WAHLAY</t>
  </si>
  <si>
    <t>village WAHLAY</t>
  </si>
  <si>
    <t>GPS WAHLIAN WALI</t>
  </si>
  <si>
    <t>WAHLIANWALI</t>
  </si>
  <si>
    <t>Wahlian wali</t>
  </si>
  <si>
    <t>GPS WAIAN WALI CHAK 27</t>
  </si>
  <si>
    <t>waiyan wali cak no.27 RB tehsil Safdarabad District Sheikhupura</t>
  </si>
  <si>
    <t>Mubeen Ahmad</t>
  </si>
  <si>
    <t>GPS WAIN WALI</t>
  </si>
  <si>
    <t>Wayan Wali</t>
  </si>
  <si>
    <t>wayan wali</t>
  </si>
  <si>
    <t>Bharoki</t>
  </si>
  <si>
    <t>JAMSHAID AHMAD</t>
  </si>
  <si>
    <t>GPS WAINS</t>
  </si>
  <si>
    <t>basti wains</t>
  </si>
  <si>
    <t>Muhammad Nauman Liaqat</t>
  </si>
  <si>
    <t>GPS WAINSAN WALA UTRA</t>
  </si>
  <si>
    <t>Uttra Shumali</t>
  </si>
  <si>
    <t>Dera Wainsan Wala Uttra Shumali</t>
  </si>
  <si>
    <t>Dera Wainsan Wala</t>
  </si>
  <si>
    <t>Mujtaba Hassan</t>
  </si>
  <si>
    <t>GPS WAISA</t>
  </si>
  <si>
    <t>vpo waisa mohallah reti tehsil Hazro Distt attock</t>
  </si>
  <si>
    <t>GPS WAISAN WALA</t>
  </si>
  <si>
    <t>Dera Waisan Wala</t>
  </si>
  <si>
    <t>GPS waisan wala</t>
  </si>
  <si>
    <t>GPS WAJAY WALA</t>
  </si>
  <si>
    <t>Gps wajjay wala basti korae adda charagh shah</t>
  </si>
  <si>
    <t>MUD KORAI</t>
  </si>
  <si>
    <t>Maimoona Malik</t>
  </si>
  <si>
    <t>GPS WAJHLANA</t>
  </si>
  <si>
    <t>wajhlana</t>
  </si>
  <si>
    <t>Moza Wajhlana P/o Hujra Shah Muqeem Tehsil Depalpur District Okara</t>
  </si>
  <si>
    <t>DHuliana</t>
  </si>
  <si>
    <t>GPS WAJID ABAD</t>
  </si>
  <si>
    <t>Thata Jhabhana</t>
  </si>
  <si>
    <t>Wajid abad mouza thatta jhabana union council pubbar wala jhang</t>
  </si>
  <si>
    <t>Muhammad Hanif Nadvi</t>
  </si>
  <si>
    <t>GPS WAKIL WALA</t>
  </si>
  <si>
    <t>Vakil Wala</t>
  </si>
  <si>
    <t>VAKIL WALA JASLANI KHURD</t>
  </si>
  <si>
    <t>Vakil Wala Nns</t>
  </si>
  <si>
    <t>JOGGAY KOT</t>
  </si>
  <si>
    <t>Shoaib Usman</t>
  </si>
  <si>
    <t>GPS WAKILAN WALI</t>
  </si>
  <si>
    <t>Khakhi Ghrbi</t>
  </si>
  <si>
    <t>Gov't,p/s  wakilan wali markaz  sadar DG khan</t>
  </si>
  <si>
    <t>Wakilan  Wali</t>
  </si>
  <si>
    <t>Khakhi  Ghrbi</t>
  </si>
  <si>
    <t>Jafar Zubair</t>
  </si>
  <si>
    <t>GPS WALAYAT WALA</t>
  </si>
  <si>
    <t>Walayat Wala</t>
  </si>
  <si>
    <t>walayat Wala p/o dhuni kalan teh phalia dist m.b.din</t>
  </si>
  <si>
    <t>Kham Kalan</t>
  </si>
  <si>
    <t>GPS WALEKE</t>
  </si>
  <si>
    <t>GPS WALGAN SATTAR</t>
  </si>
  <si>
    <t>walgun Sattar, Tehsil Nankana Sahib,  District. nankana sahib</t>
  </si>
  <si>
    <t>Sheeren Jhanghar</t>
  </si>
  <si>
    <t>GPS WALGON CHERKAN</t>
  </si>
  <si>
    <t>Walgon Cherkan</t>
  </si>
  <si>
    <t>govt primary school walgon cherkan</t>
  </si>
  <si>
    <t>GPS WALGUN BARAN</t>
  </si>
  <si>
    <t>Walgun Baran</t>
  </si>
  <si>
    <t>Mc Sukheki</t>
  </si>
  <si>
    <t>Umair Ahmad</t>
  </si>
  <si>
    <t>GPS WALI DAD KHULANG</t>
  </si>
  <si>
    <t>Bait Wali Dad Khalung</t>
  </si>
  <si>
    <t>basti banar mauza  bait wali Dad khalung</t>
  </si>
  <si>
    <t>GPS WALI DAD, P/O HAJI PUR, KABIRWALA</t>
  </si>
  <si>
    <t>Chan sarwar wala mauza chak walidad</t>
  </si>
  <si>
    <t>Rashid Mahmood Khalid</t>
  </si>
  <si>
    <t>GPS WALI KOT</t>
  </si>
  <si>
    <t>wali kot dakkhana haveli lakha</t>
  </si>
  <si>
    <t>Mehar Shah Khagga</t>
  </si>
  <si>
    <t>Azrar Ahmed</t>
  </si>
  <si>
    <t>GPS WALI MOHAMMAD WALA</t>
  </si>
  <si>
    <t>Abbadi wali Muhammad Wala that ha Ramana sultanpur</t>
  </si>
  <si>
    <t>Obaid Ur Rehman</t>
  </si>
  <si>
    <t>GPS WALIA PALIA</t>
  </si>
  <si>
    <t>Basti Walia palia moza qalandar wala P/O Basira tehsil &amp; Dist. Muzaffargarh</t>
  </si>
  <si>
    <t>Walia Palia</t>
  </si>
  <si>
    <t>GPS WALIYA WALA</t>
  </si>
  <si>
    <t>kotla maher ali</t>
  </si>
  <si>
    <t>basti waliye wala</t>
  </si>
  <si>
    <t>wlaiye wala</t>
  </si>
  <si>
    <t>Humera Ashiq</t>
  </si>
  <si>
    <t>GPS WALOO WALA</t>
  </si>
  <si>
    <t>Basti Waloo Wala chak no 153/ML tehsil kot-addu</t>
  </si>
  <si>
    <t>Basti Waloo Wala</t>
  </si>
  <si>
    <t>GPS WAN KICHIAN</t>
  </si>
  <si>
    <t>wan KHICHIAN Post Office Syed wala Tahsil And District NANKANA SAHIB</t>
  </si>
  <si>
    <t>Wan KHICHIAN</t>
  </si>
  <si>
    <t>Naeem Pervaiz Khichi</t>
  </si>
  <si>
    <t>GPS WAN LAKHA NO 1</t>
  </si>
  <si>
    <t>wan lakha post office sadar gogera tehsil and didtrict okara</t>
  </si>
  <si>
    <t>40 GD Rai Pur</t>
  </si>
  <si>
    <t>GPS WAN LAKHA NO 2</t>
  </si>
  <si>
    <t>wan Saeke  markaz  sadar goghera tehsil okara</t>
  </si>
  <si>
    <t>Wan Saeke</t>
  </si>
  <si>
    <t>Abdullah Farooq</t>
  </si>
  <si>
    <t>GPS WAN MAHABAT KI</t>
  </si>
  <si>
    <t>Anayat Ka</t>
  </si>
  <si>
    <t>Wan Meer ki</t>
  </si>
  <si>
    <t>Wan Meer Ki</t>
  </si>
  <si>
    <t>GPS WAN MEHAR SHAH</t>
  </si>
  <si>
    <t>Chaht Wan Mahar Shah</t>
  </si>
  <si>
    <t>gps wan mahar shah</t>
  </si>
  <si>
    <t>Wan Mahar Shah</t>
  </si>
  <si>
    <t>Haji Sher</t>
  </si>
  <si>
    <t>GPS WAN MIANA</t>
  </si>
  <si>
    <t>GPS WAN RADHA RAM</t>
  </si>
  <si>
    <t>Wan Radha ram tehsil pattoki district kasur</t>
  </si>
  <si>
    <t>Meiraj Hussain Khalid</t>
  </si>
  <si>
    <t>GPS WAN RAJAB</t>
  </si>
  <si>
    <t>Wan Rajab</t>
  </si>
  <si>
    <t>wan rajab syedwala tehsil and distt nankana sahib</t>
  </si>
  <si>
    <t>GPS WAN RAMZAN TANDLIANWALA</t>
  </si>
  <si>
    <t>Wanramzan</t>
  </si>
  <si>
    <t>GPS wanramzan</t>
  </si>
  <si>
    <t>Manzoor Khan</t>
  </si>
  <si>
    <t>GPS WAN SHERIN WALI</t>
  </si>
  <si>
    <t>WAN SHARIN WALI</t>
  </si>
  <si>
    <t>GPS WAN SHARIN WALI HAVELI LAKHA</t>
  </si>
  <si>
    <t>42 Sp SUMMUNDRI</t>
  </si>
  <si>
    <t>GPS WAN WALA</t>
  </si>
  <si>
    <t>Bangla Wan Wala Chack #177/WB</t>
  </si>
  <si>
    <t>Bangla Wan Wala chak#177/WB Tehsil Mailsi distt vehari</t>
  </si>
  <si>
    <t>Chak #177/WB</t>
  </si>
  <si>
    <t>Chak#195/WB</t>
  </si>
  <si>
    <t>Jamshaid Ahmad</t>
  </si>
  <si>
    <t>GPS WANAN WALA</t>
  </si>
  <si>
    <t>Wana Wala</t>
  </si>
  <si>
    <t>Chak Wanan Wala okara</t>
  </si>
  <si>
    <t>Wanan Wala</t>
  </si>
  <si>
    <t>GPS WANDAL SINGH</t>
  </si>
  <si>
    <t>Wandal Singh</t>
  </si>
  <si>
    <t>Wandal Singh post office Malka Hans tehsil and district Pakpattan</t>
  </si>
  <si>
    <t>Muhammad Ayyaz Hussain</t>
  </si>
  <si>
    <t>GPS WANDALA DIAL SHAH</t>
  </si>
  <si>
    <t>Wandaladial shah</t>
  </si>
  <si>
    <t>Gps wandala dial shah</t>
  </si>
  <si>
    <t>Wandala Dial shah</t>
  </si>
  <si>
    <t>GPS WANDALA GHULAM</t>
  </si>
  <si>
    <t>WANDALA Ghulam</t>
  </si>
  <si>
    <t>WANDALA ghulam</t>
  </si>
  <si>
    <t>GPS WANDHA AULAD HUSSAIN SHAH</t>
  </si>
  <si>
    <t>kacha nowshera</t>
  </si>
  <si>
    <t>Kacha nowshera Kacha nowshera</t>
  </si>
  <si>
    <t>GPS WANDHA GHALAY KHEL</t>
  </si>
  <si>
    <t>Govt primary school GHALEY KHEL,</t>
  </si>
  <si>
    <t>GHALEY Khel</t>
  </si>
  <si>
    <t>Taj Mehboob</t>
  </si>
  <si>
    <t>GPS WANDHA NADIR SHAH</t>
  </si>
  <si>
    <t>Panjgirain Nasheeb</t>
  </si>
  <si>
    <t>VVandha Nadir shah</t>
  </si>
  <si>
    <t>VVandha Nadir Shah</t>
  </si>
  <si>
    <t>GPS WANDHAN BALOCHAN WALA PO DABB BALOCHAN</t>
  </si>
  <si>
    <t>p/o dab GPS Wanda Bloch an</t>
  </si>
  <si>
    <t>Wandha Balochan Wala</t>
  </si>
  <si>
    <t>Muhammad Jamshed Khan</t>
  </si>
  <si>
    <t>GPS WANDHI SIGNAL WALI PO JALL JANOBI</t>
  </si>
  <si>
    <t>wandhi signal wali jall janubi</t>
  </si>
  <si>
    <t>Jall janubi</t>
  </si>
  <si>
    <t>GPS WANDHI SUNARAN WALI NO. 2</t>
  </si>
  <si>
    <t>wandhi sunaranwali pai khel</t>
  </si>
  <si>
    <t>neighbor</t>
  </si>
  <si>
    <t>GPS WANGAR</t>
  </si>
  <si>
    <t>wangur</t>
  </si>
  <si>
    <t>bast wangur teh sadiq abad</t>
  </si>
  <si>
    <t>Toufique Ahmad</t>
  </si>
  <si>
    <t>GPS WANJHARAY WALA</t>
  </si>
  <si>
    <t>Wanjhara Thal</t>
  </si>
  <si>
    <t>Gps wanjharay wala p/o Kot Sultan district layyah</t>
  </si>
  <si>
    <t>Kot Sultan City</t>
  </si>
  <si>
    <t>GPS WANJO WALI</t>
  </si>
  <si>
    <t>Sialkot road winjowali</t>
  </si>
  <si>
    <t>Hafiz Attaullah</t>
  </si>
  <si>
    <t>GPS WARA ALAM SHAH</t>
  </si>
  <si>
    <t>wara alam shah tehseel malkwal distt mbdin</t>
  </si>
  <si>
    <t>Wara  Alam Shah</t>
  </si>
  <si>
    <t>Muhammad Tayyeb</t>
  </si>
  <si>
    <t>GPS WARA ANDHIAN (UMAR KOT)</t>
  </si>
  <si>
    <t>Wara Andhian</t>
  </si>
  <si>
    <t>Wara Andhian (Umar Kot) Tehsil &amp; District Nankana Sahib.</t>
  </si>
  <si>
    <t>Irfan Tauheed</t>
  </si>
  <si>
    <t>GPS WARA GABIAN</t>
  </si>
  <si>
    <t>Wara Gabian</t>
  </si>
  <si>
    <t>GPS wara Gabian tehsil &amp; District nankana sahib</t>
  </si>
  <si>
    <t>Wara GABIAN</t>
  </si>
  <si>
    <t>GPS WARA IMAM DIN GHARBI</t>
  </si>
  <si>
    <t>WARA IMAM DIN GHARBI</t>
  </si>
  <si>
    <t>p/o wara imam din gharbi mananwala sheikhupura</t>
  </si>
  <si>
    <t>Wara Imam Din Gharbi</t>
  </si>
  <si>
    <t>GPS WARA KARIM BUX</t>
  </si>
  <si>
    <t>Wara Karim Bux Dist. Sheikhupura</t>
  </si>
  <si>
    <t>Wara Karim Bux</t>
  </si>
  <si>
    <t>GPS WARA KHIALIAN</t>
  </si>
  <si>
    <t>Wara Ghialian</t>
  </si>
  <si>
    <t>wara ghialian dist shekhupra</t>
  </si>
  <si>
    <t>Irfan Masih</t>
  </si>
  <si>
    <t>GPS WARA KUMHARAN</t>
  </si>
  <si>
    <t>65 chak adda manga road</t>
  </si>
  <si>
    <t>Naqeeb Ur Rahman</t>
  </si>
  <si>
    <t>GPS WARA KUMHARAN WALA</t>
  </si>
  <si>
    <t>wara kumhara</t>
  </si>
  <si>
    <t>moin islam</t>
  </si>
  <si>
    <t>GPS WARA LAHIB SINGH</t>
  </si>
  <si>
    <t>Wara Lahab Singh</t>
  </si>
  <si>
    <t>wara lahab singh</t>
  </si>
  <si>
    <t>Muhammad Nauman Hafeez Butt</t>
  </si>
  <si>
    <t>canal water is brought to school on daily basis.</t>
  </si>
  <si>
    <t>GPS WARA MALIKAN</t>
  </si>
  <si>
    <t>Wara Malkan</t>
  </si>
  <si>
    <t>Wara Jamieta,  Batapur, Lahore</t>
  </si>
  <si>
    <t>Wara Jamieta</t>
  </si>
  <si>
    <t>Dograe Kalan</t>
  </si>
  <si>
    <t>Shahid Latif</t>
  </si>
  <si>
    <t>GPS WARA MUGHLAN RAWAL JHANGAR</t>
  </si>
  <si>
    <t>Wara Mughlan</t>
  </si>
  <si>
    <t>wara mughlan  Distt kasur</t>
  </si>
  <si>
    <t>Wara Muglan</t>
  </si>
  <si>
    <t>Sadar Ud Din Javid</t>
  </si>
  <si>
    <t>GPS WARA NARIAN SINGH</t>
  </si>
  <si>
    <t>wara narain singh nankana sahib</t>
  </si>
  <si>
    <t>GPS WARA SIRAJ DIN</t>
  </si>
  <si>
    <t>Wara Qamar Din  DIN</t>
  </si>
  <si>
    <t>Wara Siraj Din Tehsil and District Bahawalnagar</t>
  </si>
  <si>
    <t>WARA SIRAJ DIN</t>
  </si>
  <si>
    <t>GPS WARA TERKHANA WALA</t>
  </si>
  <si>
    <t>wara tarkhana wala</t>
  </si>
  <si>
    <t>Wara Tarkhana Wala</t>
  </si>
  <si>
    <t>Mohammad IKRAM Ali Bhatti</t>
  </si>
  <si>
    <t>GPS WARAH</t>
  </si>
  <si>
    <t>Dhoke Warah P O Kotal Kund Tehsil and District Jhelum</t>
  </si>
  <si>
    <t>Dhoke Warah</t>
  </si>
  <si>
    <t>GPS WARAICH WALA</t>
  </si>
  <si>
    <t>chah butt wala moza kherey wala</t>
  </si>
  <si>
    <t>Chah Butt Wala</t>
  </si>
  <si>
    <t>Kherey Wala</t>
  </si>
  <si>
    <t>Muhammad Zulfqar Saqib</t>
  </si>
  <si>
    <t>GPS WARAN P/O QADI WIND</t>
  </si>
  <si>
    <t>GPS warn</t>
  </si>
  <si>
    <t>Akhter Parvez Shakir</t>
  </si>
  <si>
    <t>GPS WARCHHA SALT MINE</t>
  </si>
  <si>
    <t>Rukhla Mandi</t>
  </si>
  <si>
    <t>GPS warcha Salt mine</t>
  </si>
  <si>
    <t>GPS WARD NO 10 F</t>
  </si>
  <si>
    <t>Islampura Faqirwali</t>
  </si>
  <si>
    <t>Faqirwali 1</t>
  </si>
  <si>
    <t>shahzad Qamar</t>
  </si>
  <si>
    <t>GPS WARD NO. 1 CHOWK AZAM</t>
  </si>
  <si>
    <t>Ward No 01,chowk azam</t>
  </si>
  <si>
    <t>Abdur Raheem</t>
  </si>
  <si>
    <t>GPS WARD NO. 1 FATEH PUR</t>
  </si>
  <si>
    <t>Ward#1  Fatehpur</t>
  </si>
  <si>
    <t>GPS WARD NO. 13 ALIPUR</t>
  </si>
  <si>
    <t>Gujjar chok alipur</t>
  </si>
  <si>
    <t>Muhammad Imran Yamin</t>
  </si>
  <si>
    <t>GPS WARD NO. 3 CHOWK AZAM</t>
  </si>
  <si>
    <t>Ward No 3</t>
  </si>
  <si>
    <t>ward No 3 Abrahim petrol Pump Street Fateh Pur Road chowk azam</t>
  </si>
  <si>
    <t>Muhammad Afzal Zia</t>
  </si>
  <si>
    <t>GPS WARHI GUJRAN WALA</t>
  </si>
  <si>
    <t>Moh Hussain abad Noorpurthal</t>
  </si>
  <si>
    <t>GPS WARI CHARAGH KHAIL</t>
  </si>
  <si>
    <t>vpo rangpur baghoor  tehsil Noorpur THAL district khushab</t>
  </si>
  <si>
    <t>uc rangpur baghoor</t>
  </si>
  <si>
    <t>Faizan Faisal</t>
  </si>
  <si>
    <t>GPS WARIS ABAD BASTI KHAR MUHAMMAD KHAN</t>
  </si>
  <si>
    <t>GPS Warisabad</t>
  </si>
  <si>
    <t>GPS WARIS ABAD SHORKOT SHUMALI</t>
  </si>
  <si>
    <t>near 3 pulli shorkot shumali the shorkot</t>
  </si>
  <si>
    <t>Shorkot Janoobi</t>
  </si>
  <si>
    <t>GPS WARNI</t>
  </si>
  <si>
    <t>Basti Warni Mauza Shah Garh RYK</t>
  </si>
  <si>
    <t>Basti Warni</t>
  </si>
  <si>
    <t>Behishti</t>
  </si>
  <si>
    <t>GPS WAROOD CHAH SARDAR ALI</t>
  </si>
  <si>
    <t>Means Wala</t>
  </si>
  <si>
    <t>mouza meana wala. basti Chah SARWAR Ali.</t>
  </si>
  <si>
    <t>ChahSardar Ali</t>
  </si>
  <si>
    <t>M  Pur Sansaran</t>
  </si>
  <si>
    <t>Muhammad Mansha Tahir</t>
  </si>
  <si>
    <t>GPS WAROOD FIAZ ALOOM FAQIR WALI</t>
  </si>
  <si>
    <t>govt p/s warood faiz aloom faqirwali thaisl haroonabad distic bahawalngar</t>
  </si>
  <si>
    <t>Muhammad  Muneer</t>
  </si>
  <si>
    <t>GPS WAROOD GHANDHA SINGH</t>
  </si>
  <si>
    <t>Gandha Singh</t>
  </si>
  <si>
    <t>basti gandha singh tehsil minchinabad</t>
  </si>
  <si>
    <t>GPS WAROOD MIRZEKA</t>
  </si>
  <si>
    <t>City Minchinabad</t>
  </si>
  <si>
    <t>Warood Primary school Merzika (anwarul Islam)</t>
  </si>
  <si>
    <t>Minchanabad</t>
  </si>
  <si>
    <t>MC Minchinabad</t>
  </si>
  <si>
    <t>GPS WARRA PIRAN KALAN</t>
  </si>
  <si>
    <t>Wara Piran Klan</t>
  </si>
  <si>
    <t>wara piran p/o Hotta teh/distt pakpattan</t>
  </si>
  <si>
    <t>Chak Wara Piran Klan</t>
  </si>
  <si>
    <t>GPS WARRAH PIRAN KHURD</t>
  </si>
  <si>
    <t>Warra Piran Khurd</t>
  </si>
  <si>
    <t>chak bhani noor jahania p/o hotta teh &amp;dist pakpattan</t>
  </si>
  <si>
    <t>Wara Piran Khurd</t>
  </si>
  <si>
    <t>GPS WARRAICH</t>
  </si>
  <si>
    <t>village warraich P/o Bara ghar Teh&amp;Distt Nankana sahib</t>
  </si>
  <si>
    <t>GPS WARRI USMAN KHEL</t>
  </si>
  <si>
    <t>4 TDA</t>
  </si>
  <si>
    <t>Chak no 1 TDA Khushab</t>
  </si>
  <si>
    <t>1 TDA</t>
  </si>
  <si>
    <t>GPS WARYAM LAR</t>
  </si>
  <si>
    <t>basti HAJI Jummah MOHANA ZAFAR abad</t>
  </si>
  <si>
    <t>HAJI Jummah</t>
  </si>
  <si>
    <t>GPS WARYAM WALA BASTI WARYAM WALA MOZA RAJA PUR</t>
  </si>
  <si>
    <t>Basti Waryam wala mouza Rajapur</t>
  </si>
  <si>
    <t>Waryam Wala</t>
  </si>
  <si>
    <t>RAO SHOUKAT ALI</t>
  </si>
  <si>
    <t>GPS WARYIAT</t>
  </si>
  <si>
    <t>V Waryait p/o Miana Gondal.Markus Miana Gondal        Teh.Malarial Dost Mandi Bahaudin</t>
  </si>
  <si>
    <t>Muhammad  Asghar</t>
  </si>
  <si>
    <t>GPS WASAI PURA KASUR</t>
  </si>
  <si>
    <t>Wasai Pura</t>
  </si>
  <si>
    <t>wasai Pura pattoki kasur</t>
  </si>
  <si>
    <t>GPS WASAWAY WALA</t>
  </si>
  <si>
    <t>Wasaway wala mauza qanber shah</t>
  </si>
  <si>
    <t>GPS WASAYA WALA</t>
  </si>
  <si>
    <t>Chah Khar Wala</t>
  </si>
  <si>
    <t>Muhammad Zaigham Abbas</t>
  </si>
  <si>
    <t>GPS WASEERAN P/O TULAMBA</t>
  </si>
  <si>
    <t>abdul hakim road</t>
  </si>
  <si>
    <t>GPS WASHAFI</t>
  </si>
  <si>
    <t>basti washafi</t>
  </si>
  <si>
    <t>Muhammmad Ismail</t>
  </si>
  <si>
    <t>GPS WASLI WALA</t>
  </si>
  <si>
    <t>Wasli wala</t>
  </si>
  <si>
    <t>Wasli Wala</t>
  </si>
  <si>
    <t>Q P R Sharqi</t>
  </si>
  <si>
    <t>GPS WASSANKAY</t>
  </si>
  <si>
    <t>GPS WASUANA</t>
  </si>
  <si>
    <t>Marak</t>
  </si>
  <si>
    <t>gps wasuana moza mark tehsil lalian dist chiniot</t>
  </si>
  <si>
    <t>Wasuana</t>
  </si>
  <si>
    <t>Imdad Haider Shah</t>
  </si>
  <si>
    <t>GPS WATLI</t>
  </si>
  <si>
    <t>Vill &amp; P/O Watli Tehsil Choa Saiden Shah District Chakwal</t>
  </si>
  <si>
    <t>Waseem Raza</t>
  </si>
  <si>
    <t>GPS WATOAN WALA</t>
  </si>
  <si>
    <t>WATOAN WALA</t>
  </si>
  <si>
    <t>WATOAN WALA TEHSIL PINDI BHATTIAN (HAFIZABAD)</t>
  </si>
  <si>
    <t>GPS WATOOAN WALA</t>
  </si>
  <si>
    <t>GPS watooanwala pilan mianwali</t>
  </si>
  <si>
    <t>Watooanwala</t>
  </si>
  <si>
    <t>GPS WATRAY WALA</t>
  </si>
  <si>
    <t>p/ o sanawan moza watrya walla teh kot addu distt M garh</t>
  </si>
  <si>
    <t>Watray Wala</t>
  </si>
  <si>
    <t>Waqar Jameel</t>
  </si>
  <si>
    <t>GPS WATTIAN WALI</t>
  </si>
  <si>
    <t>Wattian wali</t>
  </si>
  <si>
    <t>Wattian Wali</t>
  </si>
  <si>
    <t>Muhammad Abubakar Saddique</t>
  </si>
  <si>
    <t>GPS WATTONA WALI WEST</t>
  </si>
  <si>
    <t>rasul pura</t>
  </si>
  <si>
    <t>Rasul Pura</t>
  </si>
  <si>
    <t>Tariq javed</t>
  </si>
  <si>
    <t>GPS WATTWAN WALI EAST</t>
  </si>
  <si>
    <t>Basti Wattuan Wali</t>
  </si>
  <si>
    <t>GPS WAYRAR SIPRA</t>
  </si>
  <si>
    <t>Wairar Sipra</t>
  </si>
  <si>
    <t>basti wairar sipra,mouza wairar sipra, tehsil kot addu'disstrict muzaffargarh</t>
  </si>
  <si>
    <t>GPS WAZIR KE CHATTA</t>
  </si>
  <si>
    <t>Wazir Ke Chatha</t>
  </si>
  <si>
    <t>wazir ke chatha tehsil wazirbad dist grw</t>
  </si>
  <si>
    <t>Hardo Saharn</t>
  </si>
  <si>
    <t>GPS WAZIR PUR JASAPAL</t>
  </si>
  <si>
    <t>wazir pur teh&amp; diss narowal</t>
  </si>
  <si>
    <t>Wazir  Pur</t>
  </si>
  <si>
    <t>Thellay Kalahn</t>
  </si>
  <si>
    <t>Tahir Mahmood Ashraf</t>
  </si>
  <si>
    <t>GPS WAZIR WALI</t>
  </si>
  <si>
    <t>Qamar Din</t>
  </si>
  <si>
    <t>Check P/O Dunga Bunga</t>
  </si>
  <si>
    <t>Wazir Wali</t>
  </si>
  <si>
    <t>GPS WEERKEY NOU</t>
  </si>
  <si>
    <t>Veerkay Nau</t>
  </si>
  <si>
    <t>Veerkay Nau P/O Talwandi P/C  55020</t>
  </si>
  <si>
    <t>GPS WESO WALA</t>
  </si>
  <si>
    <t>Ladha Langer</t>
  </si>
  <si>
    <t>chah wesoo wala mauza ladh langer</t>
  </si>
  <si>
    <t>Wesoo Wala</t>
  </si>
  <si>
    <t>Shaista Zaib</t>
  </si>
  <si>
    <t>GPS WESTRAGE I</t>
  </si>
  <si>
    <t>Westridge</t>
  </si>
  <si>
    <t>GPS westridge Hali road</t>
  </si>
  <si>
    <t>GPS WIG</t>
  </si>
  <si>
    <t>mochi wali basti wig</t>
  </si>
  <si>
    <t>Shakeel Haider</t>
  </si>
  <si>
    <t>GPS WIGAN WALA KHUSHAB</t>
  </si>
  <si>
    <t>Distt .Khushab  Tehsil  quaidabad</t>
  </si>
  <si>
    <t>wiganwala</t>
  </si>
  <si>
    <t>Muhammad Asif  Saeed</t>
  </si>
  <si>
    <t>GPS WINGAY</t>
  </si>
  <si>
    <t>Wingay</t>
  </si>
  <si>
    <t>GPS WINOTA</t>
  </si>
  <si>
    <t>Winota</t>
  </si>
  <si>
    <t>winota</t>
  </si>
  <si>
    <t>GPS YAKAIL WALA</t>
  </si>
  <si>
    <t>Hinjrai Ghair Mustaqil Gharbi</t>
  </si>
  <si>
    <t>tehsil kot addu district m.gargh markaz ihsan pur yakailwal</t>
  </si>
  <si>
    <t>Yakail Wala</t>
  </si>
  <si>
    <t>Hafiz Muhammad Arshad Yaseen</t>
  </si>
  <si>
    <t>GPS YAKI WALI</t>
  </si>
  <si>
    <t>basti Yakiwali mauza yakiwali Uc Yakiwali Tehsil Alipur District M.garg</t>
  </si>
  <si>
    <t>GPS YAKKAY KI</t>
  </si>
  <si>
    <t>Yakkeki</t>
  </si>
  <si>
    <t>mouza yakkeki  Tehsil Lalian district chiniot</t>
  </si>
  <si>
    <t>GPS YAKKAY WALA</t>
  </si>
  <si>
    <t>yakkay wala</t>
  </si>
  <si>
    <t>yakkay wala p/o langar makhdoom tehsil lalian district chiniot</t>
  </si>
  <si>
    <t>langar makhdoom</t>
  </si>
  <si>
    <t>GPS YAR BAIGI</t>
  </si>
  <si>
    <t>yarbaigi</t>
  </si>
  <si>
    <t>wandha yarbegi p/o musakhel t/d mianwali</t>
  </si>
  <si>
    <t>GPS YARA JOIA</t>
  </si>
  <si>
    <t>Yara Joia</t>
  </si>
  <si>
    <t>Basti yara joya moza yara joya post office shah jamal Tehsil &amp; Distt.M.Garh</t>
  </si>
  <si>
    <t>GPS YARAN FAQIR</t>
  </si>
  <si>
    <t>Gps yaran faqir punja sharif teh &amp; distt khushab</t>
  </si>
  <si>
    <t>Mitha tiwana Janobi</t>
  </si>
  <si>
    <t>GPS YARANI BASTI YARANI</t>
  </si>
  <si>
    <t>Hasil  Pur</t>
  </si>
  <si>
    <t>basti yarani moza hasil pur tehsil khan pur</t>
  </si>
  <si>
    <t>Yarani</t>
  </si>
  <si>
    <t>GPS YARI KHEL</t>
  </si>
  <si>
    <t>GPS YAROO KHOSA</t>
  </si>
  <si>
    <t>GPS yaroo khosa</t>
  </si>
  <si>
    <t>GPS YARU WALI</t>
  </si>
  <si>
    <t>basti yaroo wlai usman koria</t>
  </si>
  <si>
    <t>GPS YASEEN GUJJAR WALA (NEW)</t>
  </si>
  <si>
    <t>nawan kot</t>
  </si>
  <si>
    <t>chan wala kho moza nawan kot tehsil chobara distt layyah</t>
  </si>
  <si>
    <t>chan wala kho</t>
  </si>
  <si>
    <t>GPS YASEEN WALA</t>
  </si>
  <si>
    <t>chak no 7 ghagh bangla daish colony</t>
  </si>
  <si>
    <t>7 Ghagh Bangla  Daish Colony</t>
  </si>
  <si>
    <t>GPS YASIN KALAN</t>
  </si>
  <si>
    <t>Yasin Kalan</t>
  </si>
  <si>
    <t>village yasin kalan post office khas Tehsil Hazro District Attock</t>
  </si>
  <si>
    <t>GPS YASMIN</t>
  </si>
  <si>
    <t>essay wala janoobi</t>
  </si>
  <si>
    <t>moza  essay wala janoobi</t>
  </si>
  <si>
    <t>essay wala</t>
  </si>
  <si>
    <t>zulfiqar Ali</t>
  </si>
  <si>
    <t>GPS YAZMAN</t>
  </si>
  <si>
    <t>Ward # 6 Yazman</t>
  </si>
  <si>
    <t>Ward # 8 Yazman</t>
  </si>
  <si>
    <t>Municipal Cometee</t>
  </si>
  <si>
    <t>GPS YOUNGSON ABAD CHAK NO. 371</t>
  </si>
  <si>
    <t>Village young son Abad Chak No 371</t>
  </si>
  <si>
    <t>Young son Abad</t>
  </si>
  <si>
    <t>Mohsin Khan</t>
  </si>
  <si>
    <t>GPS YOUNIS ABAD</t>
  </si>
  <si>
    <t>Chah Sair Wala, Mouza Rawan,  D.G.Khan</t>
  </si>
  <si>
    <t>Muhammad Majeed</t>
  </si>
  <si>
    <t>GPS YOUNIS ABAD DASKA</t>
  </si>
  <si>
    <t>GPS YOUSAF NAGAR</t>
  </si>
  <si>
    <t>Yousaf Nagar</t>
  </si>
  <si>
    <t>chah Matto wala Yousaf nagar</t>
  </si>
  <si>
    <t>Tibbi Gulf Muhammmad</t>
  </si>
  <si>
    <t>Agha hussain</t>
  </si>
  <si>
    <t>GPS YOUSAF WALA</t>
  </si>
  <si>
    <t>Kandhi Balouchan</t>
  </si>
  <si>
    <t>basti badrain moza kandhi blouchan markz rohillan wali tesil district muzaffar garh</t>
  </si>
  <si>
    <t>Badrain</t>
  </si>
  <si>
    <t>Muhammad  Naveed</t>
  </si>
  <si>
    <t>GPS YOUSAFI</t>
  </si>
  <si>
    <t>AliWah</t>
  </si>
  <si>
    <t>Basti Yousafi Mouza Ali Wah</t>
  </si>
  <si>
    <t>Yousafi</t>
  </si>
  <si>
    <t>M BILAL</t>
  </si>
  <si>
    <t>GPS YOUSUF PUNJABI</t>
  </si>
  <si>
    <t>Rampur 1</t>
  </si>
  <si>
    <t>basti haji  Abdul Ghafoor Namurdi rampur 1</t>
  </si>
  <si>
    <t>Haji Abdul Ghafoor Namurdi</t>
  </si>
  <si>
    <t>GPS ZAFAR ABAD MOUZA KHARAL AZIM THAL</t>
  </si>
  <si>
    <t>Kharal Azeem Thal</t>
  </si>
  <si>
    <t>chah litti wala moza kharal azeem P/O kot sultan</t>
  </si>
  <si>
    <t>Litti Wala</t>
  </si>
  <si>
    <t>SAJJAD HUSSAIN</t>
  </si>
  <si>
    <t>GPS ZAFAR KOT P/O BUNGA HAYAT</t>
  </si>
  <si>
    <t>Zafar Kot</t>
  </si>
  <si>
    <t>ada passco Zafar Kot pakpattan</t>
  </si>
  <si>
    <t>Ada Passco</t>
  </si>
  <si>
    <t>GPS ZAFAR NAGAR MOUZA MAHMOOD GARH</t>
  </si>
  <si>
    <t>mehmood garh</t>
  </si>
  <si>
    <t>muhammad Usman Farid</t>
  </si>
  <si>
    <t>GPS ZAFAR WALA JADEED CHAK NO.170 TDA</t>
  </si>
  <si>
    <t>Chak No 170/tda</t>
  </si>
  <si>
    <t>chak no 170/tda layyah</t>
  </si>
  <si>
    <t>Muhammad  Yousof</t>
  </si>
  <si>
    <t>GPS ZAHEER ABAD</t>
  </si>
  <si>
    <t>Mohala qbal town chunian</t>
  </si>
  <si>
    <t>GPS ZAHIR PIR BASTI LASHARI WALA</t>
  </si>
  <si>
    <t>GPS, ZAHIR PEER BASTI LASHARI WALA</t>
  </si>
  <si>
    <t>BASTI LASHARI WALA</t>
  </si>
  <si>
    <t>GPS ZAHOOR MODEL FARM</t>
  </si>
  <si>
    <t>govt P/S Zahoor model farm</t>
  </si>
  <si>
    <t>GPS ZAIN PUR</t>
  </si>
  <si>
    <t>GPS zainpur</t>
  </si>
  <si>
    <t>Ranjhian Wala</t>
  </si>
  <si>
    <t>GPS ZAIN PUR CHAH WADA KHOH MULTAN</t>
  </si>
  <si>
    <t>moza zain pur chah wadda kho multan</t>
  </si>
  <si>
    <t>Wadda Kho</t>
  </si>
  <si>
    <t>GPS ZAINDI</t>
  </si>
  <si>
    <t>Zaindi</t>
  </si>
  <si>
    <t>village Zaindi p/0 Bahtar tehsil Fateh jang district Attock</t>
  </si>
  <si>
    <t>Abrar</t>
  </si>
  <si>
    <t>GPS ZAKAR ABAD PIR MAHAL</t>
  </si>
  <si>
    <t>Zakirabad Tahsil Pirmahal district Toba tek singh</t>
  </si>
  <si>
    <t>Zakir Abad</t>
  </si>
  <si>
    <t>Chak No 665/6 G B</t>
  </si>
  <si>
    <t>Atiq Amjad</t>
  </si>
  <si>
    <t>GPS ZAMA KHAKH</t>
  </si>
  <si>
    <t>Dera Zama Khakh  Roda</t>
  </si>
  <si>
    <t>GPS ZAMAN ABAD</t>
  </si>
  <si>
    <t>mianwala</t>
  </si>
  <si>
    <t>Khalid Mahmud</t>
  </si>
  <si>
    <t>GPS ZAMAN COLONY</t>
  </si>
  <si>
    <t>gps zaman colony</t>
  </si>
  <si>
    <t>Rashid Nadeem</t>
  </si>
  <si>
    <t>GPS ZAMAN COLONY SKP</t>
  </si>
  <si>
    <t>Zaman Colony</t>
  </si>
  <si>
    <t>zaman colony</t>
  </si>
  <si>
    <t>GPS ZAMEER ABAD</t>
  </si>
  <si>
    <t>Thul</t>
  </si>
  <si>
    <t>Basti Naikokara Mouza Thul Hamza</t>
  </si>
  <si>
    <t>Naikokara</t>
  </si>
  <si>
    <t>Muhamamd Afzal</t>
  </si>
  <si>
    <t>GPS ZAMEERABAD</t>
  </si>
  <si>
    <t>TM SHAH</t>
  </si>
  <si>
    <t>HAVELI MUBARAK SHAH</t>
  </si>
  <si>
    <t>Haveli Mubarak Sha</t>
  </si>
  <si>
    <t>GPS ZAN KOW PO RUKAN PUR</t>
  </si>
  <si>
    <t>Basti Jam Hajan Mauza Dudi Sangi P/O, Rukan Pur T/D, Rahim yar khan.</t>
  </si>
  <si>
    <t>Basti Jam Hajan</t>
  </si>
  <si>
    <t>Thull Khair Muhammad Muahammad Muhammad</t>
  </si>
  <si>
    <t>GPS ZANG LANI</t>
  </si>
  <si>
    <t>Pati Zai mouza dalana dera ghazi khan</t>
  </si>
  <si>
    <t>Pati Zai</t>
  </si>
  <si>
    <t>GPS ZANGHI KHEL</t>
  </si>
  <si>
    <t>sultankhel sharqi,tehsil Essakhel,district Mianwali.</t>
  </si>
  <si>
    <t>Faizullah Khan</t>
  </si>
  <si>
    <t>GPS ZANGORA</t>
  </si>
  <si>
    <t>Narhra</t>
  </si>
  <si>
    <t>po lakar maar,teh jand, dist attock</t>
  </si>
  <si>
    <t>Zangora</t>
  </si>
  <si>
    <t>GPS ZAREEN P/O JALLAH JEEM</t>
  </si>
  <si>
    <t>Zareen</t>
  </si>
  <si>
    <t>Imtiaz Noreen</t>
  </si>
  <si>
    <t>GPS ZARI COLLEGE</t>
  </si>
  <si>
    <t>33-D</t>
  </si>
  <si>
    <t>GPS Zari college Rahim Yar Khan</t>
  </si>
  <si>
    <t>Muhammad Ehsan Khan</t>
  </si>
  <si>
    <t>GPS ZARI REHMAN SULTAN PUR</t>
  </si>
  <si>
    <t>p\0 sultan pur Maken thesil shah pur district Sargodha</t>
  </si>
  <si>
    <t>GPS ZARYAB BAGHBANPURA LAHORE</t>
  </si>
  <si>
    <t>govt zaryab primary school main Muhammad seen colony baghbanpura lahore</t>
  </si>
  <si>
    <t>GPS ZEERAK WAHIN</t>
  </si>
  <si>
    <t>Basti zeerak wahin</t>
  </si>
  <si>
    <t>GPS ZHURAFF</t>
  </si>
  <si>
    <t>basti zuhraf uc mubarki</t>
  </si>
  <si>
    <t>Zuhraf</t>
  </si>
  <si>
    <t>GPS ZIARAT SHEIKH JALAL</t>
  </si>
  <si>
    <t>Kotchhajji</t>
  </si>
  <si>
    <t>GPS ziarat sheikh jalal Vpo kotchhajji teh jand attock</t>
  </si>
  <si>
    <t>GPS ZIA-UL-ULOOM MOHALLA HAFIZABAD</t>
  </si>
  <si>
    <t>muzafar colony, Mouza mari noon, Shujabad</t>
  </si>
  <si>
    <t>Muzafar Colony</t>
  </si>
  <si>
    <t>GPS ZINDA PIR</t>
  </si>
  <si>
    <t>Shaheed</t>
  </si>
  <si>
    <t>gps zindapeer moza shaheed tribel area thuman khosa DGK</t>
  </si>
  <si>
    <t>Zinda peer</t>
  </si>
  <si>
    <t>Muhammad Rafiq Buzdar</t>
  </si>
  <si>
    <t>GPS ZINDAH</t>
  </si>
  <si>
    <t>Zindah</t>
  </si>
  <si>
    <t>village zindah post office headmarala sialkot</t>
  </si>
  <si>
    <t>GPS ZOHRANIAN WALA</t>
  </si>
  <si>
    <t>GPS Zohranian wala tehsil darya khan District Bhakkar</t>
  </si>
  <si>
    <t>Zohranian Wala</t>
  </si>
  <si>
    <t>GPS ZORE KOT</t>
  </si>
  <si>
    <t>basti zorkot khairpur tamewaly</t>
  </si>
  <si>
    <t>Aadil Sajjad</t>
  </si>
  <si>
    <t>GPS ZOUR KOT</t>
  </si>
  <si>
    <t>zourkot</t>
  </si>
  <si>
    <t>basti mian</t>
  </si>
  <si>
    <t>Gulbaz Khan</t>
  </si>
  <si>
    <t>GPS ZUFAR-UL-ISLAM PUNJ PEER</t>
  </si>
  <si>
    <t>New pul punjpeer mugalpura Lahore</t>
  </si>
  <si>
    <t>Akhtar Bagum</t>
  </si>
  <si>
    <t>GPS ZUHRANIAN WALA</t>
  </si>
  <si>
    <t>Dagger Yar Shah Sharqi</t>
  </si>
  <si>
    <t>Zohranian Wala Haitoo-Khasoor Road</t>
  </si>
  <si>
    <t>Aamir Abbas Shah</t>
  </si>
  <si>
    <t>GPS ZUMBO WALA</t>
  </si>
  <si>
    <t>Zambowala</t>
  </si>
  <si>
    <t>Waqas Qadir</t>
  </si>
  <si>
    <t>GTPS BHINDA LAR</t>
  </si>
  <si>
    <t>BHINDA LAR</t>
  </si>
  <si>
    <t>Basti Malik nazeer moza Bhinda lar post office ghous PUR Tehsil Ahmadpur East District bahawalpur</t>
  </si>
  <si>
    <t>Basti Malik nazeer</t>
  </si>
  <si>
    <t>Ghous PUR</t>
  </si>
  <si>
    <t>GTPS KARAM PUR</t>
  </si>
  <si>
    <t>Wadhnoor</t>
  </si>
  <si>
    <t>Basti Karam pur post office khair pur daha tehseel Ahmad pur east district bahawal pur</t>
  </si>
  <si>
    <t>Abdul Qudus</t>
  </si>
  <si>
    <t>GTPS SAMEEJA ABAD</t>
  </si>
  <si>
    <t>sameja bad p/o chak loharan tehsil ahmad pur east district Bahawal pur</t>
  </si>
  <si>
    <t>Sameja bad</t>
  </si>
  <si>
    <t>Syed Ahmad Ali Ibrahim</t>
  </si>
  <si>
    <t>GTS BASTI GULZAR</t>
  </si>
  <si>
    <t>Shahbaz Pur Sharki</t>
  </si>
  <si>
    <t>Basti selah Mohammad Moza shahbaz pur sharki Markaz Tranda Mohammad Panah Tehsil Liaqat Pur distric rahim yaar khan</t>
  </si>
  <si>
    <t>Saleh Muhammad Dayya</t>
  </si>
  <si>
    <t>Hafiz Abdul Ghaffar</t>
  </si>
  <si>
    <t>GTS MC TOWN SADIQABAD</t>
  </si>
  <si>
    <t>Chak 10 Np</t>
  </si>
  <si>
    <t>Habib Colony Sadiqabd</t>
  </si>
  <si>
    <t>Shaikh Arshad Mehood</t>
  </si>
  <si>
    <t>GWPS AKUKA EAST</t>
  </si>
  <si>
    <t>Toba Qalander Shah</t>
  </si>
  <si>
    <t>Basti rehmat ali Toba qalander shah</t>
  </si>
  <si>
    <t>Basti Rehmat</t>
  </si>
  <si>
    <t>GWPS CHAK NO. 9/FW MUNSHI WALA</t>
  </si>
  <si>
    <t>9/f  W  M  W</t>
  </si>
  <si>
    <t>Chak 9/F W  Munshi Wala</t>
  </si>
  <si>
    <t>Chak9/fw  M  W</t>
  </si>
  <si>
    <t>Bakhshan Khan</t>
  </si>
  <si>
    <t>GWPS DARBAR GHAFOOR SHAH</t>
  </si>
  <si>
    <t>Mehboob Colony near jelani Msjid CTN</t>
  </si>
  <si>
    <t>Mehboob colony</t>
  </si>
  <si>
    <t>MUHAMMAD YASAR MEHMOOD</t>
  </si>
  <si>
    <t>GWPS HUSSAIN COLONY CHISHTIAN</t>
  </si>
  <si>
    <t>new gulshan iqbal chishtian</t>
  </si>
  <si>
    <t>new gulshan iqbal Chishtian</t>
  </si>
  <si>
    <t>Mohammed Shoaib Siddique</t>
  </si>
  <si>
    <t>GWPS OLD CHISHTIAN NO. 2</t>
  </si>
  <si>
    <t>old ct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mmm\-d"/>
    <numFmt numFmtId="165" formatCode="d\-mmm"/>
    <numFmt numFmtId="166" formatCode="dd\-mmm"/>
  </numFmts>
  <fonts count="4" x14ac:knownFonts="1">
    <font>
      <sz val="10"/>
      <color rgb="FF000000"/>
      <name val="Arial"/>
      <scheme val="minor"/>
    </font>
    <font>
      <sz val="10"/>
      <color theme="1"/>
      <name val="Arial"/>
      <scheme val="minor"/>
    </font>
    <font>
      <b/>
      <sz val="10"/>
      <color theme="1"/>
      <name val="Arial"/>
      <family val="2"/>
      <scheme val="minor"/>
    </font>
    <font>
      <b/>
      <sz val="10"/>
      <color rgb="FF000000"/>
      <name val="Arial"/>
      <family val="2"/>
      <scheme val="minor"/>
    </font>
  </fonts>
  <fills count="3">
    <fill>
      <patternFill patternType="none"/>
    </fill>
    <fill>
      <patternFill patternType="gray125"/>
    </fill>
    <fill>
      <patternFill patternType="solid">
        <fgColor theme="4" tint="0.79998168889431442"/>
        <bgColor indexed="64"/>
      </patternFill>
    </fill>
  </fills>
  <borders count="1">
    <border>
      <left/>
      <right/>
      <top/>
      <bottom/>
      <diagonal/>
    </border>
  </borders>
  <cellStyleXfs count="1">
    <xf numFmtId="0" fontId="0" fillId="0" borderId="0"/>
  </cellStyleXfs>
  <cellXfs count="9">
    <xf numFmtId="0" fontId="0" fillId="0" borderId="0" xfId="0"/>
    <xf numFmtId="0" fontId="1" fillId="0" borderId="0" xfId="0" applyFont="1"/>
    <xf numFmtId="11" fontId="1" fillId="0" borderId="0" xfId="0" applyNumberFormat="1" applyFont="1"/>
    <xf numFmtId="18" fontId="1" fillId="0" borderId="0" xfId="0" applyNumberFormat="1" applyFont="1"/>
    <xf numFmtId="164" fontId="1" fillId="0" borderId="0" xfId="0" applyNumberFormat="1" applyFont="1"/>
    <xf numFmtId="165" fontId="1" fillId="0" borderId="0" xfId="0" applyNumberFormat="1" applyFont="1"/>
    <xf numFmtId="166" fontId="1" fillId="0" borderId="0" xfId="0" applyNumberFormat="1" applyFont="1"/>
    <xf numFmtId="0" fontId="2" fillId="2" borderId="0" xfId="0" applyFont="1" applyFill="1"/>
    <xf numFmtId="0" fontId="3" fillId="2" borderId="0" xfId="0" applyFont="1" applyFill="1"/>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Dataset_schools - school</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FA23-BBD-004) ABDULLAH AKMAL</cp:lastModifiedBy>
  <dcterms:modified xsi:type="dcterms:W3CDTF">2024-11-25T08:25:30Z</dcterms:modified>
</cp:coreProperties>
</file>